
<file path=[Content_Types].xml><?xml version="1.0" encoding="utf-8"?>
<Types xmlns="http://schemas.openxmlformats.org/package/2006/content-types">
  <Default ContentType="application/xml" Extension="xml"/>
  <Default ContentType="application/vnd.openxmlformats-package.relationships+xml" Extension="rels"/>
  <Override ContentType="application/vnd.openxmlformats-officedocument.spreadsheetml.worksheet+xml" PartName="/xl/worksheets/sheet1.xml"/>
  <Override ContentType="application/vnd.openxmlformats-officedocument.spreadsheetml.sharedStrings+xml" PartName="/xl/sharedStrings.xml"/>
  <Override ContentType="application/vnd.openxmlformats-officedocument.drawing+xml" PartName="/xl/drawings/drawing1.xml"/>
  <Override ContentType="application/vnd.openxmlformats-officedocument.spreadsheetml.styles+xml" PartName="/xl/styles.xml"/>
  <Override ContentType="application/vnd.openxmlformats-officedocument.spreadsheetml.sheet.main+xml" PartName="/xl/workbook.xml"/>
</Types>
</file>

<file path=_rels/.rels><?xml version="1.0" encoding="UTF-8" standalone="yes"?><Relationships xmlns="http://schemas.openxmlformats.org/package/2006/relationships"><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x="http://schemas.microsoft.com/office/mac/excel/2008/main" xmlns:mc="http://schemas.openxmlformats.org/markup-compatibility/2006" xmlns:mv="urn:schemas-microsoft-com:mac:vml" xmlns:x14="http://schemas.microsoft.com/office/spreadsheetml/2009/9/main" xmlns:x15="http://schemas.microsoft.com/office/spreadsheetml/2010/11/main" xmlns:x14ac="http://schemas.microsoft.com/office/spreadsheetml/2009/9/ac" xmlns:xm="http://schemas.microsoft.com/office/excel/2006/main">
  <workbookPr/>
  <sheets>
    <sheet state="visible" name="Atlantic_new" sheetId="1" r:id="rId3"/>
  </sheets>
  <definedNames/>
  <calcPr/>
</workbook>
</file>

<file path=xl/sharedStrings.xml><?xml version="1.0" encoding="utf-8"?>
<sst xmlns="http://schemas.openxmlformats.org/spreadsheetml/2006/main" count="75002" uniqueCount="21148">
  <si>
    <t>RecordID</t>
  </si>
  <si>
    <t>AlphaPubDate</t>
  </si>
  <si>
    <t>Publisher</t>
  </si>
  <si>
    <t>FullText</t>
  </si>
  <si>
    <t>Abstract</t>
  </si>
  <si>
    <t>Atlanta Daily World</t>
  </si>
  <si>
    <t>PDRa^^Nc. Jj^^^S</t>
  </si>
  <si>
    <t>NA</t>
  </si>
  <si>
    <t>IN                  In memory of our dearly          son and . Johnnie Holmes, who departed this lire December 23. VJiG. "Gone but not forgotten." Mrs. Aline Holmes I Mrs. Sarah Kinj;</t>
  </si>
  <si>
    <t>5th Carol Concert oi' Two Colleges Promises Treat                 Next Sunday evening at eight o clock in Sisters chapel, the Morcliousc-Spelrnan chorus will present its annual Christmas Carol Conceit. This is the fifth concert in series which has attracted large audiences not only from Atlanta but from surrounding cities and towns of Georgia for the last few years. The program is especially interesting this year, owing to the addition, of three Negro Chritsrnas spirituals  of two famous Bai:h Chorales. Negro Chrislmns spirituals are rare, but this year Mr. Kemper Harreld. director of the chorus, has found and arranged three new ones for the chorus ami glee club. One of these used to be sung by the Negro fishermen orf Charleston. South Carolina. Another, entitled Mighty Day, arranged by Dr. John W. Work and dedicated to Mr. Harrcld, will be sung by the Morehouse College Glee club. The third is one sung by the Negroes on St. Helena Island. South Carolina. The program also includes Mary's Baby, another spiritual which originated on St. Helena Island and was one of the favorites on last years list. The public is cordially invited to attend this concert. There is no charge for admission. P1 KILLED IN TRAIN CRASH West Palm Beach. Fla.. Dec, 18 (ANP) Fireman Joe King was crushed to death Friday night when the northbound New York Limited of the Seabonrd railway ran into an open switch and crashed into a freight train parked on a :. Sam Eubanks. while engineer, died later from injuries he, sustained ana seven white passengers were injured.</t>
  </si>
  <si>
    <t>Chicago, Dec. 22--(By The Associated Negro Press)--Inmates of the federal penitentiary at Atlanta. Georgia, who became attached to Samuel Moore during the thirty-five years he spent among them, may soon be able to greet him and all him friend again. For Moore...</t>
  </si>
  <si>
    <t>1005880true1007945true1008888true1009131true10000046true10000227true10000277true</t>
  </si>
  <si>
    <t>Wake Up Your Liver Bile -Without Calomel                 And You'll Jump Oat Bed in the Morning Rarin' to Go II you feel soar and sunk and the world looks punk, don't swallow a lot of salts, mineral water, oil, laxative candy or chewing gam and expect them to make you suddenly sweet and buoyant and fall of sunshine For they can t do ft. They only move the bowels and a mere movement doesn't get at the causa. The reason for your down-and-out feeling is your liver. It ahould pour out two pounds of liquid bile into your bowels daily. -:r                 If this bile 1* not  freely, your food Joao't - It i""t  In tho . Gu  up your . You havu m thick, bod Uwtc und your  to foul,  lln   uut in MfmisliiM. Your  .eKa and you tcl   nuU Your        In poisoned. Htakctho.-too..TEU-SI..R LTVEll TILLS to cct    " f'"     I'llo Oowtat   n J m.iko you     "up "".I u,.." Thoy  w..nd.Tli.l. .~. K-"tlo       . .. ,:  h.-n it W          '"" Dut don-    lor        . A.fc tor k.-rtw^l Utllo Uvrr Pill", t Jiol:     tlf nami. Carter I I.IUI. Uvrr I'll!- tl,,     1 W- .        ^..     -...-Ol^~.^M-  *.</t>
  </si>
  <si>
    <t>BUTLER                 DR. BUTLER! DIES AT HOME                 Noted Physician Had Been Active in Many Lodges                 FUNERAL DEC 19                 Uy: Cliff MacKay                 Y -fAt!:inla, -was bowed in t*rief to-, day as the tragic news ,' the sudden death of Dr. H. I!. Butler. Sr., prominent fraternal leader, healer, benefactor and humanitarian at his home shortly  8:15 n. m. Thursday became known.                 As the death message spread, hundreds of friends the noted physician had made during his brilliant span of life telegraphed or telephoned and others not trusting these modern methods of communication came personally to bring words ot condolence and sympathy to the widow and son at the Lite Allantan's home. 20 Umilevard. northeast. Thought ItccovcrinB The suddenness oC Dr. Butler's  is what startled his many friends. Though he had been in failing health for several . during the last few weeks, ho hod apparently been recovering. Dr. H. H. Bntlor, Jr.. his only son. said in telling oC his father s dentil. Then suddenly he had a relapse Thursday morning rabidly sinkins into a coma, from which lie never recovered. Dt*. Iiutler. who had practiced medicine in Atlanta for more than forty years was born and received his elementary education in Fayetleville. N. C. lie then enrolled in Lincoln university at Chester. P1 from which school he received his bachelor of arts degree. He received his medical education nt Meharry medical college in Nashville. Tcnn. lie recently completed a post graduate course specializing in children s diseases at the Harvard university medical school at Boston. Organized Societies Dr. Butler, who was not satisfied with just being a good physician, sought to build up the standards of other members of his profession. To this end he was intrumental in organizing the Atlanta (Continued on Page 2)                 Dr. Butler I (Continued from Page 1) {Medical ninety, the Georgia Stale 'medical society and was one of the founders of the National Medical society which received iti start 'here in Atlanta. I The. late practitioner was a  in the fraternal life of the stale. He .served as grandmaster of the 'Ancient Free anil Accepted Mason:;. Prince Hall affiliation. Georjjin jurisdiction, fur 31 years. He was one of the first members of his race to become  with the Masonic Lodge uf Research of England and was active in securing data proving tin.1 Negro's activity in Masonry dating back to King Solomon'.-; time. Oilier Lodges He  as supreme representative of the Knights of Pythias lodge, jurisdiction of Georgia, and was brigadier-general of the uniform ranks of that lodge. He was also an active member of the Knights and Daughters e"! Tabor, International Order of Twelve. Always taking the lead in the organization and perfection of college greek letter rra.'. Dr. Butler, at the time of his death was basileus of Eta Omega chapter of the Omcya Psi Phi .Vaternity and was one of the few members of the Kappa Boule of Sigma Pi Phi. professional greek letter organization. Interracial Leader Seeking always to better the status of his race in the local community. Dr. Butler was one of the founders of the Interracial commission and aided in the organization of (lie Atlanta Christian Council. He had served as Steward of Big Bethel A. M. E. Church for a number of years. Funeral services will be held at Big Bethel A. M. E. Cliurc.'i.                 day. Dec. 19. at 2 p. m. David T. Howard in charge.</t>
  </si>
  <si>
    <t>Atlanta, was bowed in grief today as the tragic news relating the sudden death of Dr. H. R. Butler. Sr., prominent fraternal leader, healer, benefactor and humanitarian at his home shortly after 8:15 p. m. Thursday became known.</t>
  </si>
  <si>
    <t>CHILD HEART DEATH DUE TO BURNS                 Dress Ignites From Fire in Grate Thursday j                 NOW AT GRADY                 Early Thursday morning little Salomia Harper, four-year old daughter u( Mrs. Mablc Harper of 2(15 Walnut Street, was laughing and happy. Thursday night she lay in the children s ward of Crady hospital with serious burns about her body which may prove fatal.                 while her mother sal nearby weeping. According to Mrs. Harper, little Salomia was standing in the living roum with her back lo the open coal grate. In stooping over to pick up a magazine, the little tot backed into the grate, the fire immediately igniting her dress. The mother, told World reporters she was in the kitchen preparing breakfast when she heard the screams of her daughter, running to her rescue in an attempt to snatch the rug off the living room floor to wrap around the child, whose body by this lime was a living torch, the excited woman merely, . the flames .to.. treat-, er .' 'She wrapped -Ibe little girl in the Vug, but in her haste failed lo. wind the carpet tight enough about her body. Leaving the child, who was still yelling and squirming in misery, she ran to the rear of her house to summon her neighbor. Mrs. Sara Smith. S73 Spencer Street, who came to help the excited mother. By the time the two women had returned to the house the child had wriggled out of the protecting rug and had gone lo the kitchen to apply water lo her burning body and apparently had fallen in a taint Mrs. Smith then, according to the1 mother, removed the child s  dress. It was the ribbed under' wear the child was wearing, Mrs. Harper said, that stuck and pulled to Hie little girl s burning flesh. "My poor little girl." the mother1 said and again began sobbing. The little girl who had laid quite. still during her mother s  of the tragedy, turned over and laying her charred little hand on her mother said. "Don't cry. mama, I'll be all right. I just knows I'll be all right." Doctors at Grady hold that she has only one chance out of ten to live.</t>
  </si>
  <si>
    <t>Early Thursday morning little Salomia Harper, four-year old daughter of Mrs. Mable Harper of 205 Walnut Street, was laughing and happy. Thursday night she lay in the children's ward of Grady hospital with serious burns about her body which may prove fatal...</t>
  </si>
  <si>
    <t>2 Big Sacks rfp  fl Delivered    In order to enable those who, because of unemployment or for other reasons, are unable to buy coal in quantities to secure fuel at a fair price, we offer to deliver two big sacks of high grade coal to any address for $1.00. This, we believe, is as low a price as high grade coal has ever been offered in small quantities, and we hope that it will enable every Atlanta family to enjoy a warm home. Atlantic ice coal co. MAin 1900</t>
  </si>
  <si>
    <t>The National Baptist Convention Inc., brought to a close a two days special session Thursday night, December 3, with a gospel message from Rev. E. L. Twine, Jackson, Miss., secretary of the Educational Board. The meeting was scheduled to last three days, but the...</t>
  </si>
  <si>
    <t>WILL THAT OLE MAXIM about "when it rains it pours must have some real truth in it after all. Take this week end for instance. Tomorrow night the social lethargy which has been so protracted will be erased by both the Alpha Kappa Alpha sorority and the Zeta Phi Betas. The A.K.A.'s are staging a grand Indoor Carnival on the Roof Garden in the aid of the Unemployed. The Zetas are turning epicures in gargantuan Sunset Casino simultaneously.</t>
  </si>
  <si>
    <t>DR. BUTLER RUES ARE SIMPLE                 Burial Services Are as Noted Leader Wished Them                 700 AT FUNERAL                 Brevity, together with simplicity. marked the funeral of Dr. Henry R. Butler, Sr., local physician,  leader, and humanitarian, at Big Bethel church Saturday afternoon shortly after 2 o clock, with the Rev. Dr. B. G. Dawson. presiding.                 Thousands of friends both locally and nationally were shocked to hear of the death Thursday evening of the man whom they knew as a benefactor to his race and whose work stood out as a beacon before mankind.                 It was announced by the Rev. Dt. pawson._that lhe_son- of the noted physician Henry H. Butler.                 I Jr.. also a pro/ doctor had 'told him on the night of the death that he would try to carry out his father s wishes through the funer al 'services, that of brevity. He said his father always believed in less talk and more action, work while one was living, then there] would be no cause to laud the works as they would speak for themselves.                 Services 45 Minutes The entire services were only forty-five minutes long. The program was opened by a hymn. "How firm a foundation." by the Rev. Dr. Dawson. followed by a praver led by Dr. E. R. Carter. A scripture lesson was read by President S. H. Archer, of Morehouse college and representative of the Omega fraternity. A second scripture was read by Dr. S. M. Nabrit. the supreme lodge representative of the Masons. The second hymn. "Blessed Be The Tide," was led by Dr. L. H. Townslcy, grind chaplain. A brief account entitled "Almost .half a century of Friendship was read by Dr. Tjhomas K. Slater. The reading of telegrams and specials by Mrs. A. D. Hamilton and a Masonic ceremony closed the services. Approximately 700 people witnessed the rites, the procession, more than two blocks long, from Fort along Auburn to Butler blocked traffic for almost half hour. (Continued on Page 2)                 Butler Rites I (Continued from Pasre 1) The remains were brought into the church a few hours before the funeral and the body was viewed by a number of folks. The casket was of a beautiful silvery metal and was buried under an avalanche of flowers' which were so numerous that they filled a hearse alone. The body was laid to rest in the Oakland cemetery in a concrete vault. The remarks of Dr. Slater were remembered by a beautiful little poem he recited. Dr. Butler had been a class and room-mate of his for years. Their friendship  forty-nine years.</t>
  </si>
  <si>
    <t>Brevity, together with simplicity, marked the funeral of Dr. Henry R. Butler, Sr., local physician. fraternal leader, and humanitarian, at Big Bethel church Saturday afternoon shortly after 2 o'clock, with the Rec. Dr. B. G. Dawson, presiding.</t>
  </si>
  <si>
    <t>Governor of Alabama Posts Reward for Arrest and 1 Conviction of Murderer in Nov. of Crippled Professoi                 Man Beaton to Death as Morris Brown, 'Bama State Met                 FINDING CLUESj                 BIRMINGHAM. Ala.. Mar. -I- I                 Invest'golion into the death or Prof. Lonnic R. Boaz, head of the department nf tailoring at Alabama A und M -. Normal. A!a^. Nowmbui (i 11)31 was renewed Tuesday \ the  of the -posting by Govprnor 13. M. MUli-f'.of a reward of S200                 for the arrest and conviction of the person .or persons who fatally injured the college instructor and badly bruised Irs companion. Coach Clif'drd. .Green '.~    . Prof. Boaz'y'dled nl'- Children's Home 'hospital' late'/thal night as the I'Csult of a fractured skull while Coach Green remained in a srmi dazed cond tion for several weeks. At Hid time' of the. incident fl was impossible* for either County Investigator Evans.1 the "investigate ing police. or 'reporters tb obtain a clear story that would ^determine just, whom/the *r,:        . might b". A                      Coach Green and. a World reporter brought nothing but short sentences as the man sat in the parlors of    * Fraternal hotel  ahead with uncomprehending eyes. According to the available information at the time, the two men who were in town for the Morris Brown Alabajna Stole football game -Friday/November G. were riding' alone the' Montgomery highway on Red Muiintain when they  wilh a truck. As the two men stood talking to the two occupants of  truck, which Is reported variously as being driven by  man. when a car containing five white men is said to have driven up the men jumping to the ground and attacking the two race men. No eyewitnesses could be found at the time. Coach Green was badly beaten as he attempted to 11(1 his crippled companion from the ground and escaped in some unexplicable manner making his way lo town. There he went Id the Fraternal hotel, where some friends took him lo Ihe police station. Molorscouts Fuller and Walthen accompanied the parly to the scene of the Incident but could find no trace of the attackers or of Prof. Boaz's car. The professor made his way to the Hillman in his automobile, had his wounds treated and continued on his way to Legion Field where the football game was in progress. It was here Ihnl he was found in a semi conscious condition by the. searchers and taken to the hotel, later to be removed to the hospital where he d'.ed. A'firadutc of Hamp Ion. he was burled In his home in Chattanooga. Tenn.. where lie is survived by his wife and  children. It is believed now that some valuable clues will be uncovered and that there is a good chance for the capture of the five men utility Df the crime.</t>
  </si>
  <si>
    <t>Investigation into the death of Prof. Lonnie R. Boaz, head of the department of tailoring at Alabama A and M college. Normal, Ala., November 6, 1931 was renewed Tuesday with the announcement of the posting by Governor B. M. Miller of a reward of $200...</t>
  </si>
  <si>
    <t>HOW IS THIS FOR an All-Southern football team? Maybe not so hot. Now listen folks this selection is not to be accepted as an official eleven, but solely what think. And of course I don't profess to be an AUTHORITY on picking all-star team as this is my first...</t>
  </si>
  <si>
    <t>Sydney C. Johnson Largest! Exclusive Used Car Dealer in Georgia Reconditioned Cars- Guaranteed in writing. Our written guarantee is 100 per cent , covering BOTH Parts and Labor- backed by :i com.  rating of .. BUICKS 2P- Master 6 o,~9Sport Touring new tires,''-'0 30.40 Standard ~- Coupe 5a!)0 70-47 Master 6. Four Door St: Sedan $95 -Buick Four Door Sedan  59o 26- Standard Six Sedan $295 '3U Standard i wn Dood Sedan S54; I 30- Standard Two  Sedan 5'195 '2G- Standard Six Sport Roadster  '28 Hudson Brougham 5195 '28- Whippet   125 "in )iic T""^" Coupe  195 '26- Nash Tourin- $45 '28 Dndse Fast Four Coupe  175 '27 Dodito Touring, New Tms  85 '23- Chevrolet Sport Coupe $265 '28- Chevrolet Sport Coupe  125 30- Chevrolet Coupe  295 Many Other Fine Cars With a Wnttcn Guarantee for New Car Service AT LOW USED CAR PRICES . FLOORS OF FINE CARS SYDNEY C. JOHNSON ;a70 PEACnTBEE i"WA. -7314</t>
  </si>
  <si>
    <t>IN THE SUNDAY ISSUE of this paper, readers of The WORLD will be furnished with my All-Suuthern Football Selections. The men named will be chosen strictly from the Southeastern Intercollegiate Conference and will not profess to represent the entire southland, as I was not so fortunate as to see many good men in other southern loops.</t>
  </si>
  <si>
    <t>30. Four people are sleeping in one bed. A father who is ill in bed 2 boys, ages 10 and 12 years, and mother who is not well and is unable to earn a living. They have an extra bed; but a mattress is needed.</t>
  </si>
  <si>
    <t>I LISTEN. ;F@   $.s,i%T LAST, I SOMETHIMr MEW! I INCORPORATED Of Washington, D.C. Offers YOU CAN WIN $100 IN CASH IN ADDITION TO A SUIT AND HAT FOR THE PASTOR OF YOUR CHURCH WITH JUST A LITTLE EFFORT i HERE S HOW:- THE AMERICAN WORKMAN IS INTRODUCING AN ENTIRELY NEW CONTRACT TO THE PUBLIC, AND PARTICULAR. LY TO THE PEOPLE IN THE STATE OF GEORGIA IN ORDER TO PROPERLY FEATURE THIS NEW* CONTRACT, OR POLICY, WE ARE GOING TO GIVE AWAY $10,000 IN PRIZES THROUGH THE VARIOUS FILL IN THE COUPON BELOW AND MAIL TO ONE OF THE REPRESENTATIVES WHOSE NAME AP PEARS BELOW AND HE V TLL SEND YOU ALT TN FORMATION FREE. HURRY AND QUALIFY FOR ONE OF THESE PRIZES. GEORGE S. STEWARD, SPECIAL REPRESENTA TIVE FOR THE STATE OF GA., 33 Woodward A ve S. E.. Atlanta, Georgia. Tank Wilson 71 Boulevard J. J. Davis, 53 Bown Ave G V.Steward. 512 Macrnolia J. T. Freman, 609 Larkin '"p'-ence Davis. 250 E. Cain T- 0. Ppooerp. 67 Rlvd Ti. Davenuort MX S^ T.T AfJams. mo Richmond t ^r/ 11at1 Cr?i? i. Wi" Saw^.R*. -8, Atlanta T-    a Hon. 829 Mitchell. r T- N.T.Tnn^ncon, and George Mangna, ?c Wn^      Ave. Scottsboro, Ga. Mail This Coupon to One of Our Representatives NAME i. ADDRESS CITY PHONE NO r r</t>
  </si>
  <si>
    <t>World Ads Pay</t>
  </si>
  <si>
    <t>HEAR PLEAS MOUSE LEAGUE'                 43 'Nations' Attend Assembly at Sale Hall Monday                 JOHNSON TALKS                 Sale Hall on Morehouse college campus took on an  aspect Monday night when delegates from 43 nations gathered in u. model League of Nations assembly.. The program was sponsored by the Butler Street Y. M. C. A. and the senior  of Morehouse college.                 Johnson Sponks I Preceding the plea of the nations! for disarmament X)r. Charles S. Johnson, of Fisk university, former-J ly editor of the Opportunity magazine, read ;i report on the Commission to /..iberia appointed recently by President Hoover. Among other j things. Dr. Johnson, who himself j was a member ot the actual com-i mission, told the model league of1 the terrible  the African republic. "Successive generations have developed corrupt leaders." Dr. Johnson said. "The machinery of government has been clogged with, incompetence and vice. Education has been neglected. Sanitation is no: only neglected but the lack of in-l terest in it makes of the country a virtual death trap. Amcrico-Liberians nave lost the capacity for work.  reforms, nnd. in the economic extremity, turned the aboriginal population into veritable slaves. Liberia Undeveloped ~"The resources of the country have been neglected and undeveloped. It needs capital. It needs to catch step with the family of  in .appreciation (of human rights. Merely the abolition of for-~ cod labor and slavery is not sufficient. Thrsc evil? arc rooted deep-! ly in tho ='o ~-         rhe i;.-.untry .-irv  set itself to this rc--; nation If the country is to survive."; Bedecked in flags, of practically every leading nation In the world and the main platform wrapped in the red. white and blue of America. Great Britain and Franco. Sale Hall closely resembled the actual League of Nations assembly which made history in Europe. r  :i  President S. H. Archer of Morehouse college, who acted as president of the assembly, following Dr. Johnson's report on conditions in Liberia, then signalled for Frnncc to present her case to the international body. Prof. E. A. Jones, representing France, read tho French proposals on disarmament. Albert Continued on Pairc 2                 M'house League  From PaRc 1) Jordan, senior .-Uudont. acted :i;j in-! . Throe main                 *    set out by ihu French government in their  of proposals, namely: in : of civil air  under a regime 10 bo . by the , Hmltiition of bombing aircraft, and creation of the International-Force. Germany Coint'.i Forward Spooking in his native , Dr. Kurtz Volz, g;ivc Germany's position on ih.. why the   not disarm. His :i(.*j was interpreted by Prof. Marion Witson. According to Dr. Vols. "The proper way 10 prevent war l.~ to prepare for war." Emory Jackson rend ;i summary of why nation:: should disarm. Jackson, a senior stud'-nt al Morohcusc. told his  that ;i "pli!a f.ir dis;2nt is a plc-.i Tor freed-. for progress mid for ." Ho contended Ihnt  do nor pro;; and for  bc.-nusi? they ar.~ -^ cf f'-ar. and fear is ihy essence of . i England For Pcaci* Great Britlan stands for gc-noral I                 world disarmament n3".'\he bi st   I attaining world peace una  brotherhood.-" Charles H. Banner. Storehouse senior. .representing England,  thc^. "Great Britain'* firm -~tand for World Peace Is not based on airy idealistic notion of a world Utopia, bin upon the realization lh.nl ill mi erH in which economie imperi. is so .rampant and in which the progress of our tuition in lied up with the general  of all other . it becomes the weapon   t greatest defend to 'firmly support^ anv move for international  ei)  1% English spokesman conducted.  are peace-loving people. C. C. Beverly speaking lor the Soviet government told other members .-if tne league In  hi* country s altitude toward world disarmament. Beverly Is a' . at Morchuu^o. Continuing he naid. "In the     . Russia has  to prom."te  among all people. Russia's position nnw.   peace. Russia is challenged by capitalistic countries or the worid as she attempts to develop :i system of -m. 'Russia  fur  minds in a disarmed environment." Nine proposals to the ..   r nations were offered by the American government as represented by ~\rr- Harper. Morehousc . ~'~   "~ Unrper ,' America's 'dc .s as follows: "First, we think that a draft convention should be considered in order to serve as a basis for dis- russion; second, we wish to prolong' 1 ilio agreements reached at the Wa.- nnd London peace -s: third, we advocate a  reduction of the  i lii iir.'s laid down in the s- : fourth, we advocate the abol- I  ot the submarine, the use of I lethal Ras and .cd win- fare; fifth, we will        !~le in formulating  thai will  civilians from aerial b:~: sis. we hold that numbi-rs of armed '-s' should be computed on the basis of effectives necessary 10 Ihe  of internal order; seren. w.. adv. the counting of trained reserves as military strength: eight, we think  tanks and heavy mobile guns should be : nim-. we desire budgeting limitations of expenditures on -nts." 'Die closing address was given by President Archer.</t>
  </si>
  <si>
    <t>Sale Hall on Morehouse college campus took on an international aspect Monday night when delegates from 43 nations gathered in a model League o[ Nations assembly. The program was sponsored by the Butler Street V. M. C. A. and the senior class of Morehouse college.</t>
  </si>
  <si>
    <t>The Atlanta University-Morehouse Spelman Summer School with the Atlanta School of Social Work affiliated will open Saturday, June 11, and continue through Friday, July 22. This year only work of college and graduate grade will be given. A report from the Georgia...</t>
  </si>
  <si>
    <t>%t  r -w-    MEMBER OF THE ASSOCIATED NEGRO PRESS    .- SCOTT Editor and Publiiher ;~/Frink.         Davit Managing Editor ~-~:--'~*~\r PUBLISHED WEDNESDAY, FRIDAY. AND SUNDAY '-iii'- 2   AUBURN AVENUE, N. E. v-"'^'^ v'.'- TELEPHONE; WALNUT 14S9 SUBSCRIPTION RATES 1'Onc Year. $0.50; G Months, $3.50; 3 Months,  2.00; Weekly 15c. ii':;  REPRESENTATIVE W. B. ZIFF CO., Chicago, New York. Los Antjeles</t>
  </si>
  <si>
    <t>Miss Susie Mac McAllister who has been quite ill is recovering at her home on Ashby street.</t>
  </si>
  <si>
    <t>PROF. B. H. PRICE, principal and teacher of Science at Amerlcus Normal and Industrial Institute Prof. Price received his A.B. degreefrom Morchouse College, Atlanta; did graduate work at the University of Wisconsin, Madison, Wis. and is a charter member of Chi Chapter, Phi Beta Sigma fraternity.</t>
  </si>
  <si>
    <t>Surprise Market 290 Houston St- Phone J.i. 6603 Capitols Plain or Se!f-       FLOUR 24 lbs. 75c 5 POUNDS SUGAR 33 c Ground While You Wait Pure CoSSeelte. igc FULL CREAM CHEESE 2b. igg PICNIC, Small Size HAMS !b. loc</t>
  </si>
  <si>
    <t>Earl Hines' Band On Stage Tour                 CHICAGO. Fi-b. l-l- Earl Mines I and h r; -j,, Terrace Cafe orchestra It-1-., tlf.1 v/Ttv.. The ij '..g:,~ club band. after a s:r":v..::fu; season in the "Ilurli'in in Cltica;;.." . will temporarily  UieTr regular Monday. Thursday and Saturday N13C broadcast:; to no on a thea'.iv i.iur of the oast. T!   NBC Artisls Service,     .  that tho first .-nt will be at Pliilndoliillia uti Ki-Liniary 20.</t>
  </si>
  <si>
    <t>MONTGOMERY, Ala., Feb. 21.-- In a hectic contest here at Dillard gymnasium tonight the Albama State Teachers College basketball girls continued their march to the Alabama championship by defeating their sister state institution, the A. and M. institute, by a 27 to 18...</t>
  </si>
  <si>
    <t>Guarantee Your Own Welfare Bit By Bit A .savings account in this strong bank is an excellent guarantee of your own future welfare. It enables you to take advantage of opportunities. It helps to meet emergencies. You CAN guarantee your future welfare if you ll just form the habit of  regular deposits. Even small deposits, made regularly, mount up mighty fast! Why not start today? c^FIRST NATIONAL BANKy^. Checking Accounts Savings Accounts Trusts Commercial and Personal Loans I TRUST COMPANY OF GEORGIA TrutU Investments Mortgage Loans Bunking "FOREMOST IN FINANCING SOUTHERN BUSINESS"</t>
  </si>
  <si>
    <t>Admission '5c 10c</t>
  </si>
  <si>
    <t>IT'S UP TO ANDY RAZAAF to give me a break. A reader of the Sketch Book wants a copy of his poem, "Harlem," My little daughter recited the poem two or three years ago," the lady writes, "but has since forgotten it. Now some of my friends want her to recite...</t>
  </si>
  <si>
    <t>                                           World Ads Pay</t>
  </si>
  <si>
    <t>PETERSON GETS DEATH   -                 FAINTS NEAR CLOSE OF TRIAL                 Faking Declared as County Physician Testifies                 OUT THREE HOURS                 BULLETIN!                 BIRMINGHAM, Jan. H-M- I tcr deliberating only three noun. jury In the second trial of Willie Petonon for  attack and  of prominent white society Rirli ben  months ago tound him . Ho must n*r                 with Mi too 'In the'  chair. fci BIRMINGHAM. Aiu.. Jan. 24- Both the state and the defense in i he now famous Peterson case finished their testimony at 2:30 Friday afternoon and immediately arguments before the jury started. Mr. Long finished first      Friday evening. Defense Attorney Johnson began his final arguments before the jury at 9:30 Saturday morning with Special Prosecutor Brrddow closing. Attorney Long argued that Peterson's defense had been completely smashed. The jury was expected to get the case late Saturday afternoon. Direct testimony in the defense of Willie Peterson for the slaying of Miss Augusta Williams the night ot August Fourth ended just  noon Friday  the trial had again been held up. The delay this time was due to the fact that the defendant was said to haw fainted ill the Jefferson County  just as he was being summoned to appear in court Friday. Following a hectic clash between the prosecution and the defense. Dr. James A. Collins was placed on the stand enable the court to decide whether or not tho defendant was able to be cognizant of the proceedings at that time. Throughout the testimony of the county physician Peterson, who was carried into thr- courtroom in i state that resembled semi collapse with his  crossed and walled I back, sat slumped over in his chair. The doctor testified that the man had a heart beav of 118 but that  had prevailed ever since his return to the . following the shooting, varying from that number of beats to 110'. H.j stated that he had found the ri pid  beating in evidence  he marie an amination  quarter of hour previous. The doctor also expressed the opinion that the defendant was faking ns the condition of his "yes. although they were crossed. Rave a normal retraction to light. He described previous examinations at different times and de:lared that the man was able lo stand the trial. Upon this statement, Judge Heflin ruled that the (Continued on Page Two)                 Peterson Trial (continued from pase one)  should go on. In Ihe clash between Iho . references were made to  made during the last trial that "they were having him carried about the courtroom" and ihat an attempt otherwise had been made :it previous faking. It was also brought to light thai Peterson had refused to take nourishment following his Grilling on the stand Thursday afternoon and that he slept on the floor instead of getting in his bed. It was not found necessary to summon other witnesses but it was stated that Peterson's cellmate was seen to drag him to his bed in the cell immediately after lie had been notified that it was time to ro to court Mr. Beddow. for ihe prosecution In reply to Mr. Johnson declared that their side was not blood thirsty in its desire to have a speedy trial of railroad n sickly man to the electric chair but that they must not lose sight of the  of the crime. The jury was brought in and James Pledger, Riley Station, with whom Peterson made the trips to Fiirman, Alabama to see a doctor, was placed on the stand. Ho told of .a the car from Peterson as the result of a loan, although it was n^'. his and admitted that no did not  a tag for it. Considerable cross examination wns made during this time and the witness was allowed to have his state- ments to Assistant Solicitor Jack I Stuart. November 23. at his work place, read to him. The section was later admitted as testimony by an agreement of both sides. Pledger stated that Peterson drove a little On both trips, but was unable to keep the car in (he road the first time and that he had to take the wheel over. Peterson had stated ihat he didn't drive that time. The witness described" the trips as being two weeks apart but was not particularly clear as to dates. County Marshall Kilpatrlck, placed on the witness stand by the I defense, presented the description Civcn him by Miss Nell Williams. iho night of the assault, at the St. Vincent hospital. Long bushy hair was the feature of this description as well as the statement that the man appeared to ba educated iind smart. In reply to Mr. Long's questioning. The officer replied that Officer Nolner of the Mountain Brook Estates police h n d merely Riven him the names of tho parties involved. Solicitor George Lewis Bailes. Uiitt direct defense witness was unable to remember what Miss Noll Williams said at the last trial concerning her giving A description to Officer Nolner or ;he ambulance drivers. An attempt to wrest a transcript of the proceedings from tho state '/i to be in Mr. Bailes possession for the purpose of reading discrepancies in ncr statement :inu which !~d to another clash between the attorneys proved to no avail. The defense rested its case with the exception of Deputy Shcrrif Dishroon who later  ai that he hail searched Dent  in the county jail the evening of the shooting of Peterson but that ho had not searched him between the crotch of his leg or around the region of his groin. Tfec state commenced its  with the placing of City Detective J. T. Moser on tho stand. Officer Moscr told of talking to Officer Nolner at the  s office in the j Mountain Brook district about mid night the evening of the tragedy. Sucstioned by Attorney Roach he R.ivo the following description as jotted clown by him at the time: "Age 35. five feet ten inches tall, blue stripped overalls, vacuum. skid soled shoes. Charlie Chaplin mustache and gray felt h.-jt. His color w n s described as being j black." Mr. .1. P. Green, special deputy sheriff who was on guard duty at the hospital during Peterson's confinement there, told of Officer Nolner and his partner coming to the Hillman to look nt the man for a few moments. He was dismissed following a verbal tilt by the lawyers over the mention of a reward, i C.-. J. L. Houston, who is in charge of the night shift at the' Birmingham police station was put on as a witness to testify- the failure of Officer Nolner to call up tho .ters that night, as the Mountain Brook, policeman ha d testified. He stated1  the officer s voice, who called infrequently, was know to him but that he did not call the  of August 4. Mr. Anderson V:in Ross race man letter known as Squab, who has worked with the local police .Ior.the.     twenty years J                 or more. .ted that h, had nm toid anyone in lh0 neighborhood of .Peterson* home lhat  to  ty out of ,he woods a., there wa* for th n,Umber or mon  w's or ,h    Stated  -  iin J' 0!"'~r P^^ons  he cent" n "'T' Hv    '-""c  I-vvv"? rr ~,l: "f lo whether v n RO 8"      as officer or -i nay WaS  ,:;-0, fs ~^,v};?1    "ld Koss contended ,i i     Van 'ho case as },?,    worl:ed other ^hTi WouId in .j ,h "h Ie Lawyer B,.d'~r office, ohn^  s necessary work- u.ith Jn'c   men to Miss Nell wm^m "Bht out th:" w'~h the ^8 WilS "^ ""In  'Ih''"?"0'1- Jllri'!" Sen^' -a- t.</t>
  </si>
  <si>
    <t>BIRMINGHAM, Jan. 24--After deliberating only three hours a jury to the second trial of Willie Peterson for sensational attack and murder of prominent white society girls here several months ago found him ... He must pay...</t>
  </si>
  <si>
    <t>                                           Read Every Worldi</t>
  </si>
  <si>
    <t>                                           tip From Georgia With My Banjo By THOMAS JEFFERSON FLANAGAN WHEN THE ROSES COME AROUND THERE LL be a heap singing' where the bows are bentlin' low With their yellow buds a-poppin' in the soften springtime s glow; An' t he skies will bend to kiss us so low as to touch the groun1 An' the spring will bring your sweetie when the roses come aroun'. We'll hang aroun' the meadow Ioungin' on the sofa grass, The fragrance from the lilacs like a lazy breeze will pass: An' all about the cabin will love s faint  ls ' ";c"'\ fret her pi-c- when the roses come ;'. The ribbon of the roadway ties a love-knot roun' the lane The feet that loved to treat it like the rhythm of the rain With joy will run to meet us an' with vernal wreaths we ll crown The brows of our May queens when the roses come aroun'.</t>
  </si>
  <si>
    <t>;^;~~'*;'H?'- ~~.-.T1Tt .~(Ul  OF THE ASSOCIATED NECRO PRESS \V.''A. SCOTT Editor  nd           ,fr'~iJt Marshall               Editor PUBLISHED WEDNESDAY, FRIDAY, AND SUNDAY aio auburn avenue, n. e. "~""j'.-'V;\v TELEPHONE: WALNUT 14S9 ADVERTISING  W. B.  CO., Chicago, New York, Los Angeles  RATES I Year, J6.60; 6 Months, J3.50; S Months, $2.00; Weeklj. IE Cents</t>
  </si>
  <si>
    <t>CUTS 100; HIT BY FLYING AXE                 Chopping wood in the basement of hla home at 151 Worthen street Cascnde Heights, proved disastrous for Rylic Ilollidny, 5G yrs. old. who was brought to Gr:idy hospital . ;i deep cut on his head. Ilolliriny fold ^Hini!   that the axe flew up, the blade lodging in the ceiling, and tile handle making the bruise on his head. ITo was released after buing treated. T Plans Annual Membership Meet on February 8 The Butler street Yoiine Men's Christian  Will hold It's annual membership meeting Monday. February 8 at 7 p. m. in U'e ~' s assembly room, according to an announcement coming from the office of J. E. Chiles, executive secretary. Anmwl reports and election of members to the board of management will feature the major part of. the program. Members will receive personal invitations on"~Min-'ng dy,  of the meeting, Mr. Chiles stated.</t>
  </si>
  <si>
    <t>                                           "Few things in this world trouble people more than poverty, or the fear of poverty,' says Hosea Ballou "and indeed it is a sore attention: but, like all other ills, that fresh is heir to it has its antidote, its reliable, reiredy The ... application of industry, prudence, and...</t>
  </si>
  <si>
    <t>                                           Mil la             Sivr; ro;; COLLEGE                  N .1 M .r. 31 1 ANP' T'u Mill- Bv- in ad Hitiup t  tod O brood  .-nd ihc.t'-r mv ..r.-i Co K. li:" 'ii ulli-r  i" " i hi- sun  - l.:i-t S'lurdnv \hcy p!ay-~ ~-d :it P-i'n-oton  for ihe ?:jn junior prom</t>
  </si>
  <si>
    <t>                                           THE "THIRD" SEX--I agree with Floyd Snelson the writer it is the growing menace of this age. It is permeating the students of the colleges and stretches even to some faculties on the must prominent schools of America. Nothing but pay should the world have for a...</t>
  </si>
  <si>
    <t>MARKET !H BROAD ST., S. W. Streak 'CTUan SALT MEAT 2    7C COUNTRY EGGS Doz. 17V2c I LAMB SHOULDERS lb. 8V2c I Lani'k  STEW lb. 6c I ^.-- Jl^?? I Cheese lb. J4V2c ATLANTA S OWN Missaielpal Market Eclgewootl Avc, :il, Butler St.  r.(i M)T- AiljoiniiiK Jtarlici Open Today Until 6:30 P. M. Specials for Today Tomorrow At Stall 39, in The Municipal Market, You JR 7   Will rind llie Fiiif=l ThiiiRa to Eat at Low W  H Prices. Fancy Droi;r.cd Poultry. i SVgOTOTig^WB.WPtmiiniMBaairtBMy^'^ Pure' L AMI lb. 7 Me ^, Hucoa lb 17e Peas, Black-eye      ge Corn Flakes Jersey, pkg. 7%c F#rlc B@agts Sc TOmatO SrISP Van Camp's, can gQ Double Q SalBwsaa 2 cans If c Lima Beans Ib7%c 1 J-a.~j.m. , g lb. Bag Navy Beans lb. 5c MEAL c Picnic Style I'ork Shoulder Northern Beans IbSc HcAST lb. 9c RICE Efe. Sc           PI^S- Savage Ib. i9c My-T-pure. 24    . boc Spare Ribs lb TV^c Ballard:s Obelisk. 24 Ibj. 93c " Pig LIvesr Ib 714c Milk Tall Con 7V2c brait^- COFFEE Sausage lb 2Ic Chase ' Sanborn (       lb. ...37c (G to 12 Ibc) Brcak-O-Morn. lb 21c Pirnir Hams 1 -~1/ QSS Serena. Ib. 25c r  MaiDS XZyfeC</t>
  </si>
  <si>
    <t>                                           Will give a guest party Wednesday night at 7:30 o'clock at 148 Harrist St at the home of sister Annie Lackey. We are asking all members and friends to be present. Luncheon wil be served.</t>
  </si>
  <si>
    <t>                                           At the present time when there is such a small volume of traffic over the railroads as result of the in-roads by the Bus and other vehicular transportation, many railroads officials seem to be in the frame of mind to talk in more liberal terms concerning facilities to...</t>
  </si>
  <si>
    <t>                                           Met at the home of Sister Jessie Thomas, 237 Hunter Street, Thursday night. The meeting was opened by Rev. Jackson. The following officers were elected: Sister Lula McQuerter, president. Sister Jessie Thomas, vice-president Sister Jack son, treasurer, Sister Lucile...</t>
  </si>
  <si>
    <t>                                           ^ ;By- jack/Rabbit                 T*ta l^N-THIWe^NMifflrSTREET?     *1***r                 rr- [ByHLharles McManus'                 55 ^                 Jt);.OF: =~^ij/~tres.~iy.iy JHi^Aaue^5!on.rz.I.lIl.:_*JLr ^y^???^^:.</t>
  </si>
  <si>
    <t>                                           Tonight (Wednesday) at Sunset Casino in Atlanta, the Seventh Annual Interfraternal Basketball Games ... continue. The play will begin a half hour earlier than before at 7:30 o'clock. The latter item is important, for on last Saturday night the games were not...</t>
  </si>
  <si>
    <t>                                           ^he  ^pQ I^^V ^^1 ^^M l^B ^^B H^n B9 ^^^V ^^h ^^H ^H BS ^^B I^B IH ^hI^^I IPt ^^^B 1^1 ^^^1 S H ^bvi VBi I9fl mB^i ^^9 ^Ih ^^1 ^^H ^^1 ^^1 ^^^p* *V                 BURYBODYi M II H                 Mystery Remains in Discovery of Aged Corpse                 FIND LEAD PIPE                 By CUFF MACKAY                 Though official Interoat in thO:' finding of an unidentified .body in-' a vacant room of on apartment dwelling home nt 68814 West Falr^ street ended Friday afternoon with' tho rendering of a coroner s jury"~i verdict that the man had "met htat' death at the hands of persons un-                 known," neighbors and other unofficial Investigators continued "to wonder just how a man s body could Ho for 60 days In an adjacent room to other occupants of the building unbeknown to them. Bary Body All  of every identifying tho body was ended Friday night with, tho lowering of the badly   Into the ground by tho Ivoy Bros, undertaking company. That no possible method of identification was known to  science after a body had aged 60 days, was the statement read to the coroner s jury Friday afternoon, just  their verdict was returned in the offices of the Ivoy Undertaking company. Just how a 60-day old  could lay within ttfn feet of 'occupants of the apartment dwelling, was partly explained to reporters Friday night by Deacon Davis, whb occupies the room nearest that In which the body was discovered; by two women. Leading World representatives through a labyrinth of halls. Davla pointed out that there was no  5 entrance into the ."death, chamber." With no opening to-tho long hall, it Is necessary to go through four other rooms before getting to tho one which .-thc se-'"et of probably one of thu roost brutal and inhumane killings* in the history of the city. Walls ~!{~"'. inches in thickness made the room about 8 by 9 feet in size, practically sound proof und the difficulty of access, it is .  I neighbors from  Ulc  stench, of rotting flesh. Find Lead Flpc Though all indications of a desI pei-aV struggle and a fight for his life had been erased, a heavy solid load pipe colored with a brownish, rod substance which cauld have been blood, lying ,~ the body told a mute story of the method tho man s assailant had used to  out Ills life. The body  lying face downward, his shors at his side and Ills shirt collar open. It is bel!evid thut the man s assailant may not havo had murder in his heart and had, made a futile      minute  to revive the cold body. All clues which might hav-2 led to the' Idenr tity of the man hud apparently. been removed from his clothes. Reaching a singe of decay nnd discolored by 60 days under  bright glare of a setting  un. 'tho c!oth?s were past description." Tho. decaying flesh and Ihe mini s garments  melted into one. Close' inspection revealed thut tno man in n last grasp for existence against his murderer had lorn a piece clothing from the criminal s troU!(-;. crs. This, he still clutched In a.. (Continued on Pnce Five)                 Bury Body (Continued from Page One) lightly closed right fist as if ho had desperately sought to prevent hisi slayer from escaping. Gov. U'allicr's Buiiainj,Thc apartment dwelling house, \vhii-!i has bi cn the scone of numerous  and liquor cases in recent month*. Is practically deserted of tenants. Only two rooms arc occupied out tofi more than 20 on the second floor. Most of the former t' nants. a cording to John Utk,. iif -;.".C .McDaniol street, who is Ken tu;et..l::r of the buildi int% a:e rving terms on the I ch:iir.Rani; for various crimes rang1 inq from minor liquor offences to murder. i Tlv  is property of Clifford Walker. i-x-Rovernor of the s:aic of G'-orgia. who. according to Luke, . a futile -effort to collect ll o rent of the nvn remaining        . i old th'-m they could occupy :l:.ir rooms free as long as they did n peacefully. Sliorily aft;r the final edition of i-Viday's" WORLD was out. a huge '.i gathered to witness the spot whore the body was discovered by two women. Gertrude Snolson .if CR5 Larkin street, and Mabelle 7'.hi'.sc;n of 214 Moll street, in :.;arr.h of :i room.</t>
  </si>
  <si>
    <t>                                           Though official interest in the finding of an unidentified body in a vacant room of an apartment dwelling house at 668 1/2 West Fair street, ended Friday afternoon with the rendering of a coroner's jury's verdict that the man had "met his death at the hands of persons...</t>
  </si>
  <si>
    <t>                                           I STILL GET A THRILL--no, not thinking of you, but thinking of that hurried drive around those winding mountain roads the other night, when it was storming like fury and the wind was raising--well, it was very high. Did you ever drive down a winding road on...</t>
  </si>
  <si>
    <t>                                           "DEATH ROOM"                 LYING FACE downward, a body; an  man was found in the second story room of this apr. dwelling at' 666%- West. Fair street. 'Cross indicates door i of room through which two women'; espied the corpse, which doctors  ay had b'.cn lifeless more than 60 days). His murderer probably escaped through this very door.                 -Staff Photo br</t>
  </si>
  <si>
    <t>MORE THAN ONE MILLION I GIVEN TO GEORGIANS IN I ROSENWALD CHARITIES                 $25,000 Given YMCAl in Atlanta by Rosenwald                 Schools, Projects Received Money                 255 Georgia Schools' Erected by Jewish Philanthropist                 RV 0I.1FF MACKAY                 Julius  sudden and i untimely death in Cnicago Wed- j  has rcv.vcd in the minds or grateful Atlantans his many con- tributions both personal a,nd through his Fund and Foundation towards local schools, and comm- 1 unity organisations and projects.                 That the south will feel keenly the loss of the great Jewish philanthropist, more than any other  of the nation, was the sentiment expressed by J. M. Chiles, executive secretary of the Butler Street Y. M. C. A. when interviewed shortly after word was received I here of Mr. Rosenwald's death. _It was the personal gift ot $25.000" ;"ih"" :}!)16" by""Mf. Rosemvald that was' the deciding 'factor in the construction of the $150,000 Butler Street brunch here. Mr. Chiles revealed. The Butler street branch is only one of 25 Negro branches, which were made possible by personal contributions from the noted chairman of the Sears. Roebuck company. Among other  to which Mr. Roscnwald has given various sums totaling more than .000 statistics in Mr. Chiles office show- j cd. were buildings at Chicago. Indianapolis, St. Louis. Columbus. Ohio, Cincinnati, Baltimore, Wash- 1 ington. D. C. Philadelphia. New York City. Atlantic City. Buffalo, Brooklyn, Pittsburgh, Monte Clair. Dayton. Youngstown. Toledo. Kansas City, Denver, Los Angclci. H;u- 1 risburg. Pa., Dallas. Detroit. I Orange. N. J., and Ihe branch nt i New Orleans, which as yet lias not been completed.                 Locnl schools have also felt the benevolent hand of the gentle Jew, who always gave his aid only with the understanding that local citizens in the community would supply two-thirds, while he gave the other needed third of the amount. Though definite figures as to the sums donated toward local schools was not available Thursday data at the office of the Commission on Interracial Co-operation in the Standard building here showed thai Mr. Rosenwald had made substantial donations to Spelman and Morehouse college and to Morris Brown and Atlanta universities. Additional information gained at the Commission's headquarters showed that through money donated by the Rosenwald Fund,  more than 5500 schools for Negroes had been erected throughout the south in rural districts unable to finance educational means for (Continued on Page 2)                 JULIUS ROSENWALD                 c A.S.P.                 Dies (continued from page one) philanthropic movements 25 years after his death. The Rosenwald I plan of benevolence was never to I give the full amount needed in any I project asking old but to donate i one-third or one-fourth f the endowment .witn the understanding that the balance wns to be 'raised by the citizens of the city. It  Mr. Kosenwald's idea that this 'would keep the citizens interested ;in the maintenance of the project. I Born in Springfield, Illinois. 1 August 12. 1802. Mr. Rosenwnlil founded his fortune in the clothing business. He was a clothier s clerk in Springfield at 15. owner of a Fifth avenue shop in New York City at 21. arid a manufacturer in Chicago at 23. It was in 1895" that he purchased for 570.000 a halt-interest in the company through whose success he realized his greatest desire, to battle against racial and religious intolerance, and to educate and rehabilitate the poor of many . The report of the work of the Julius Rosenwald Fund for the past years shows that the work begun by Mr. Rosenwald in 1913 in erecting schoolhouses for Negroes and which has been continued by the Fund, has resulted in the building of 5.295 structures. These buildings, I the report reads, arc integral parts of the public school systems of the stales concerned and are maintained entirely from tax funds. These buildings now stand in 877 counties of fifteen southern states: there remaining only about 100 counties with ten per cent of Neqro population which have not one or more of these modern schools.</t>
  </si>
  <si>
    <t>Julius Rosenwald's sudden and untimely death in Chicago Wednesday has revived in the minds of grateful Atlantans his many contributions both personal and through his Fund and Foundation towards local schools, and community organizations and projects.</t>
  </si>
  <si>
    <t>                                           There is no doubt about it, bad appetites do breed bad dispositions, which, in their turn, induce bad appetites, and so on, around the endless circle, until prheaps the home may be broken or irreparable hurts received and given.</t>
  </si>
  <si>
    <t>                                           Bleach Your Skin To New Beauty No woman can win tho complete admiration of men unless her skin Is light, clear and sort. Of all known methods of clearing the complexion of ruinous, unnatural .. blackheads, pimples, freckles and other blotches. Nadlnola Cream Is the simplest, quickest and most satisfactory-Just apply this white fragrant cream at bedtime no massaging, no rubbing. Nadlnola quickly brings fresh, youthful beauty to your skin; restoring a soft textured, smooth, radiant, flawless complexion: closing up large, ugly pores and leaving the skin Ivory-white, lovely. Don't risk your face, neck, arms and hands to cheap bleaching creams, ointments or lotions, but be sure to use real Nadlnola Bleaching Cream with its DOUBLE ACTING qua lit leu found in no other product. Get a big 50c jar of Nadlnola Bleaching Cream at any toilet counter: begin using It tonight, and tomorrow you will see a hint of the wonderful results to expect. Money-back guarantee In every package.  BLEACHING CREAM ManmfMtturei by N*tio**l TciUt Co.. Parti, Tmm.</t>
  </si>
  <si>
    <t>                                           SAVINGS CO. AT MACON CLOSES                 MACON,-;C1-MHr-.-3Jf... Ubrty Saving* and Hcul Estate corporation wan closed temporarily Monday boc. uf ihc illness A. II. Hendrleks cashier in chaw, who has been carrying on ilic busi lies of      mstu..n.l. since tho di  of its president. R. E. Hartley. !;isl October. The accounting firm or Braggs and company was engaged 1.1 make       audit, which begun Tuesday morning. A meeting of Hi,, stockholders of the corporation lias been called for next Wednesday night. No one has been 'elected to fill the office of the . Hendricks became seriously ill List         . "Under such .lin- ilv  Ihouylit the best interest of all cone. Tiled would be -d by closing the institution  and having Its affairs audited by :i certified public accountant." an announcement of the closing read.  RUB HESTJIUHAifT Four bold daylight robbers on- 1  the lunch stand of Williu Withcrspuun, ut SBIi  St.. about three o clock \            and took four dollar.-; I I'i'iiin his dish drawer. Ilosides Mr. i Witherspoon. wlm lives at 851 Smith Si., the ; affair was w  by John Paham. who ies!des across (he r reet       the re.~ at 564 Rockwell St. Both men 'were  to        '      .a of the wr^t ed men to Officers Owens nnd Wha!ey who answered Hie call. Shot By Brother In Law Wounded Man Is Forgiving Although In' was wounded in 111,- Ie"l side by his brother-inlaw. Folton Pierce, who livos with him. Charlie Davis, 35!) Highland Avenue, requested that his Assailant not be arrested. According to Mr. Davis, his brother-in-law came home, about 3:30 Wcdesday  nc in a drunken condition, and without provocation,  at him. Pierce disappeared and police were not able locale him for questioning for some t me. Thn wounded m-was taken to the Grndy where his condition Is said to be not .</t>
  </si>
  <si>
    <t>                                           In Your World News Comes First</t>
  </si>
  <si>
    <t>                                           Funeral Notices and Obituaries Ask Your Funeral Director To Have Them Published On The FRONT PAGE Of The Atlanta Daily World "World's Only Negro D.ily"</t>
  </si>
  <si>
    <t>                                           Rob Grocer; Take Shot At Him                 . Tenn.. March 2S                 After  J. t,. Boltnn          storo nt 1288 Woodlawn of t?r. dollars and n diamond cluster ring, two unidentified robbers took a ~=hot at the proprietor. J.'L. Boltort He reported  uction to  . but no arrest hnd been made nt the time of this writing, tlon Army.</t>
  </si>
  <si>
    <t>                                           Cops Search For Gin 'Neath Church                 All police cars Friday night  on the lookout for bootleggers who had been storing whiskey beneath Ihe Mt. Vornon Baptist church, corner of MnnRiim and West Hunter streets, folowing several complaints coming to police headquarters. It is said the bootleggers had made a meeting place near the corner and had used the location as an exchange place for  liquor. Search by police failed to locate any ot the contraband alcohol. Besides storing liquor beneath the church building, it is charged tin; band of bootleggers also had been stealing automobiles and accessories in the neighborhood. Rev. C. H. Pickctt is pastor of the Mount Vornon church. Hold-ups Slug Man Get Only A Dime Two hold-up men invaded the Cone street garage at an early hour last night and slugged Joe Sudder. an employee of the establishment, in an attempt to rob him. Joe erred in an attempt to fight back and was stabbed in the neck by the second member of the learn, after which they cut his pockets  to find the man had only n dime. At Grady he was carefully treated and allowed to go home. Sudder rooms at 02 Hllllard street, but went to his family s residence on Stonewall street after the mishap.</t>
  </si>
  <si>
    <t>                                           FINAL DRILL FOR SHOW HELD                 200 Students in Revue of Washington Hi Thursday AT  Final rehearsals were held last nir.ht at the City Auditorium for (he eighth annual fashion  staged by student.M         T. Washington high .school. The 1032 show, with ii cast of mort.  200 students, has been titled "Enlightenment." According to Prof. C- L. H.-r. .hington high, this year s presentation is the continuation of the 1031 show. Last year the pageant portrayed the Negro's activities in Africa. This year the introduction of the Negro into America will be traced. The show is scheduled tn start nt 8  Thursday night. The admission price has been set at 25 cents. Two scenes are being made by the art department of. Washington high for the background of the pageant under th,, direction of Mss Ruth Hall. They are to be forty feet in length. The review is under the general direction of Miss Lucy C. Reeves. Nr-al Montgomery mid his orchestra will furnish the music.                 D. T. IN. DEBATE TO BE PRIES The jury system of trial will bo given a complete airing ns to its merits .in d Its ineffectiveness when the debating      of Booker T. WashinRton High clashes with that from the Alnbiima Stat,. Teachers high school of Montgomci-y. The. forensic     scheduled to b,-gin at 8 o -I/ Friday in War" Memorial- hall. Atlanta university. No admission Is to be charged. Luther Lemon nnd Thomas Campbell, representing th0 local prep school will uphold the affirmative side.                 Speeding Cyclist Collides With Co-Ed's Auto Marlon Daniels,  ID. 211 Randolph street, was painfully injured about the head and face when his motorcycle, crashed Into the side of a coupe driven by Miss Bcttie GUlinn of Agnes Scott college, at the Intersection .of Cnrmol stroot :ind Highland avenue. lut,~ Tuesday afternoon. According to polce reports. Danies who -is 'n:  for the Jacobs Pharmaoy'at Buckhcad. was racing with another motorcycle, ; east on .'Highland 'avenu*. Miss Glllinn won going in the si me  nnd .attempted to turn into Carmel- street at which lime Daniels' cycle" crashed into her car. Slight damage was done to the  while the1 motorcycle was badly crushed. Daniels was knocked unconscious in the collision. Ho :wns rushed to thn Grady; hospital where an X-ray examination, revealed -the fact that his Injuries were no{ . After being treated he was allowed to go home.                 NewGrady Built A new $2,000,000 Grady hospital with accommodations for 750 patients was suggested Tuesdty as a step forward for AtlanUi to moke by Samuel C. Dobbs. white business man. In addressing the Atlanta Kiwanis club. Mr. Dobbs is now serving Ills second term us chairman of the board of trustees at the hospital. Tlie speaker emphasized th0  of prevention, of disease as against  he curing. The first is cheaper than the second. Figures road by Mr. Dobbs in his address showed that it cost the city $3:50 per d:iy for every patient in the hospital. The actual cost was set at $2.50 per day. which  stated, was the lowest in thp country. It was suggested that social workers and public nurses be sponsored by the hospital to instruct young mothers after leaving the hospital how to cure for themselves and their new-born children. This instruction work in to be done in the home, where, according to Mr. Dobbs. the sanitary conditions are oftimes  main purpose of these outside workers would be fo keep people? out of the hospital. Dobbs staled.</t>
  </si>
  <si>
    <t>                                           ..J_J;-'*~; ^T""*" III  JIFJWWEHitinianimiiiMKaBroi f, ,V,WW"*JL: "'J-~'11 oaa^aj^        )   .          ^~^.~.~fw B!      .w^ I'wwnan      .u^-i')l ^~u.               - !j W } I i! .i 1 I i i i I I i I    I 'Buy from the merchants and businesses advertising on this page and help your church in its effort I \f I j'~ -t -to share in the substantial cash prizes to be awarded on the basis of buying and the payment of 3 Ji I blL E. 3 j j i i Any church may enter and at any tims ; benefit of mutual benefit in that it provides you an wv.f,,,-,, the.f if teen, weeks of the contest No cost or red tape opportunity to help your church without extra cost to constitutes the evidence of the -transac attached to any church entering the contest Simply you. You will continue to receive the best possible "l!n show.n in each advertisement If it write the contest manager or telephone your entry prices and the best quality merchandise for your snet t "   7 rc^;r. and it shows that you .-Entries may b.e. made by the pastor in behalf of his money when you buy from these merchants. instance, the v receipt, sales Church, or by the chief officer of any important sub- You will bo accredited with one vote for your fact ^!^' tC-n' ^ an  of the division of the church Only^one sub-.n of any church for each penny you spend with these advertis- r arc ( 62 votes for your church  may -enter, however, and it is advisable that ors, or pay on account, provided you vote with the LEAF1' i n^ '"'i0 'f y f"y of thc "CLOVEKthe whole congregation be solidly supporting the con- Atlanta World, through your church or church com- for e-tch cent ,Zt       f ~"e       mittee the, evidences of such purchase... And watch s The merchants whose names appear on this page, future issues of the Atlanta World for announcements now i/i s.av.)-nf? -vour evidences, of purchase 173 cooperation with the Atlanta World, are  as to when these evidences of purchase or receipted  r VnUclP.:,lto the entry of your church this campaign possible As its name implies, thc bills may be voted. In some cases it will be the cash -'p'0 II t-'sh prizes will be awarded each thirty .'CLOVERLEAF" is designed to be of   receipt In others it may be a coupon  r-mit-,! closo .?.f Ule campaign ?525.0O in "u"u capital prizes will be awarded.</t>
  </si>
  <si>
    <t>                                           World Advertisers Want Your Trade</t>
  </si>
  <si>
    <t>                                           Smart Styles for Smart Women 'DINE AND DANCE FROCK 1)130 is a gracious little frock especially suited to the not quite formal, dinner and the theatre. The tiered sleeve, suggesting the currently favorite epaulet line is feminine and flattering while      little peplum is not full enough broaden the hip although it is wry decorative. Tne skirt gives :i        long line from hip to hem ;     in these       when everyone is trying to look statuesque such :i line is mutt helpful. This season s rich fabrics are especially  in this type of design: transparent velvet, satin ami the "drapey"..ari' . The sizes are 14. 10. ,18. 34, 3C. 38. a 10, and 42. Size 10 requires 3 and  eights yards of 30-inch fabric or. 3 and five eights yards of 39 'fabric. Simplified Illustrated instructs is for cutting and sewing are Induct il  ilth each pattern. They Rive str;~by-sttp directions for making three . To get a pattern of this moiL-l send FIFTEEN CENTS 1 15c) In coins. Please write very plainly your NAME AND ADDRESS. STYLE  and SIZE of each pattern ordered. Our new fashion magazine with color supplement and Paris style news is now available at ten cents ^      ordered with a pattern. ^~r ADDRESS ALL, ORDERS Sou. Newspaper Syndicate UO Auburn Ave'., N.E., Atlanta, Ga.</t>
  </si>
  <si>
    <t>                                           DECISION ON REDS GIVEN THIS WEEK                 Fate of Six Hinges on Legality of Georgia Law                 2 ARE NEGROES                 Decision on the const tutional- ity of an old Georcin State Law of Civil War days  death the penalty for inciting un :ion as it affects the Uatus of tho -:ix communists now under ' for  in connection A-ith an  to rescue a fellow                 worker from police officers here March, 1930, will be given some time this week by Judee Pomeroy. State      defense attorneys agreed to submit demurrers to the cuses, which were originally scheduled for Wednesday, to the  for a dec:sion in order that time and money  be saved. Arguments on behalf of the defense were made by Attorneys C. Hancock, Atlanta and M. C. Me Clellan, Macon. while Col. Hudson spoke for the state. Written ar1  were also submitted but I the extra investigation and the I length of the Pinson rase                /JudKC.-.irom KOinic into the 'matter. Two of the defendants. Herbert Newton, member of the American Labor Conjrress and Henry Story. Atlanta man. are Ncjrroea. Out of j remaining: four, two are women. Attorney G. \V. Chamblee, Chattanoojra, former attorney general of Tennessee, i.i associated w:th the defense. The six have been advised to remain in Chattanoopra or Atlanta until time for their trials. The state s request for death was attacked by defense lawyers who declare that the law is unconstitutional, out of date since it was made to f:t a situation : during slavery days and then i used but once, and that the de- I fondants violated no known Georiria law.</t>
  </si>
  <si>
    <t>                                           Decision on the constitutionality of an old Georgia State Law of Civil War days making death the penalty for inciting an insurrection as it affects the status of the aix communists now under indictment for murder in connection with an attempt to rescue a fellow...</t>
  </si>
  <si>
    <t>                                           Mr. DePriest's one worthwhile act since being in Congress is his advocacy of the pension for ex-slaves. Should he be able to get this legislation enacted, he will have done some good for a neglected part of Aframerica, and yet it will not be lasting.</t>
  </si>
  <si>
    <t>                                           Athenians I". r" Hudson; f 1 I Clark, f 1 Jones, c 1 G Thomas, g n Wheallcy; t' l Stccle. .I'. 1 Slii- 1 Totals l:: Referee: Gibs-.'ii.</t>
  </si>
  <si>
    <t>                                           The Jolly Twelve met at the home of Mrs. Ada Williams on Rigdon Street, with the regular routine of business being carried out and the usual sewing A delicious repast was served by the hostess. The next meeting will be at the home of Mrs. Annie Wynn...</t>
  </si>
  <si>
    <t>                                           TWO NIGHTS AND FOUR GAMES of the Seventh Annual Inter-fraternal Basketball Tournament are over Atlanta, and four times have the winning team come from behind in the closing minutes of the game to pull seemingly lost titles out of the fire. These garrison finishes are getting to be monotonous:</t>
  </si>
  <si>
    <t>                                           The Eagles Club composed of a group of Jr. High School boys held a club meeting on Monday in the boys' club room. This club group has just completed a successful basketball season and was the winner of the first Intermediate Boy's Basketball League. The group is...</t>
  </si>
  <si>
    <t>                                           Don't laugh. This is a serious business. The above word possibly does not mean much to you. But it does to me, the dear little girl who wrote it and her fond father. This little girl had been threatened with an attack of appendicitis and she was writing a letter to her father...</t>
  </si>
  <si>
    <t>                                           MEMPHIS, Tenn., March 31-- Eighteen rounds of boxing is offered tonight at the Ace Athletic Club when manager Henry Franklin sponsors a ten rounder between Red King, ISO pounder of the LeMoyne College and Robert Stewart Two 4 rounders are...</t>
  </si>
  <si>
    <t>                                           Want Your Trade World Advertisers</t>
  </si>
  <si>
    <t>Third Severe Burn Case Brought to Grady Hospital                 The third severe burn case to appear at Grady hospital within three days, little hope is held for the life of Mrs. Ella Labon, 634 Crew street, who is suffering from a painful burn on her left side and arm. Mrs. Labon was unconscious when she reached the hospital. She was burned, witnesses say, when she reached in a  to poke the fire, the flames setting her garment ablaze. The first burn case of 1932, that of Mrs. Bessie Harden, of 610 Spencer street, an expectant mother, ended fatally for the woman who died Saturday night. An attempt made by physicians at the hospital to save the unborn infant, when all hope had been given up for the mother, proved a failure. Mrs. Delphry Rivers, an 80-year old woman, who lives at 537 Irene street, who was hte second case to j appear at the Butler street institution during the new year, also died Saturday night from severe burns on the back and thighs. Both women had caught afire from open grates. Harlem Thief Gets Away With Six Gem Trays NEW YORK. Jan. G (By The lAN P) Pandemon'um reigned at I the corner of 138th Street and Lenox Avenue Saturday night around  thirty after an unknown  robber smashed the huge 'plate glass window of a pawn shop on this corner and snatched six trays of d:amond rings., the value of which is not given by the owner of the store. Using a brick wrapped in paper to deaden the no!se, the bandit picked the right moment when the cop on the beat was down in front of the Harlem hospital and proceeded to smash the window. With'n a few minutes, a crowd had collected necessitating- the calling of the riot squad to spread them. The burglar according to t eyewitnesses fled down (138th street toward Fifth avenue, but but disappeared before he got to the corner, going into  an apartment house or an alleyway nearby. i No correct direction of the man! was (riven- j  BY,  Georgia corn whiskey was held responsible for a shooting Sunday night which will probably end fatally for Mrs. Annie Lee Jones, of 266 Fairfax street, who was shot through the abdomen by Reese Crenshaw. of 250 Fairfax  she attempted to separate her husband. John and the , both of whom intoxicated, from fighting. Doctors at Grady  where the wounded .an was rushed immediately after the shooting hold little hope for  say that both Crcn-I shaw and Jones, who are nextdoor neighbors, had been  heavily, and had suddenly entered into a heated argument aout a small debate, which Jones is aid to have owed Crenshaw. Both were in Crenshaw's house at the inie the argument started, but as t progressed, they moved out into he open, where Mrs. Jones'  door heard the quarrel and sought to separate them.</t>
  </si>
  <si>
    <t>                                           7 ;.,*~~,% t-j! '..V'v fc .-i jy_DAyt MARCH 25Tl93r THE^J^N^ WOULD. JtiuCT, G^T Igft  FIV^;</t>
  </si>
  <si>
    <t>                                           Funeral Notices and Obituaries     Your Funeral Director To Have Them Publi.hcd On- The FRONT PAGE Of The Atlanta Daily World "World1. Only Negro D.ily"</t>
  </si>
  <si>
    <t>                                           One of the best programs rendered at Washington High School this year was presented by the Ninth grade students in observance of National Temperance day. This program differed from the other programs in that there was no principal speaker, but rather a...</t>
  </si>
  <si>
    <t>                                           (LITTLE) Joseph F. Fielder Watchmaker 370 Peters Street, S. \V. Cor. McDaniel St.</t>
  </si>
  <si>
    <t>                                           Closing a full week of activities on the various playgrounds and in the Community Centers operated by the Park and Recreation board for colored, a city-wide checker tournament was staged Thursday night at the Council Center. Easley Sixteen players started in an...</t>
  </si>
  <si>
    <t>                                           j"\0 they harass you by day and k c e p you awake at night? Don't neglect thom. They'll rain your charm and beauty, alienate your friends, interfere with your success. When you re nervous, take Dr. Miles' Nervine. It's tho prescription of a successful Nerve Speciqjist, put up In . iPs ;Dr. Miles' Nervine is now V8 mode in two forms Liquid and Effervescent Tablet. Both have the name soothing effect on the nerves..^.$1,00 at  drug store</t>
  </si>
  <si>
    <t>                                           ^^L/^^m. H^^m **^H ^Bj H ^^^^h Bi ^V KB W I^^^b IB HB ^H ^h i^^^^V HH bh      H^^ ^H MB ^^^^k ^1 1^^^^ ^1 ^1' ^9 ^^^h b^H hI^JV ^^^^m ^I^^^f ;^Bb^:                 RENEW RAIDS ON DIGIT RACKET                 Seize Books, Receipts) in Two Decatur j Hangouts                 SIX ARE ARRESTED                 The drive  the number racket was renewed Wednesday with the scene of raids under the I direction of Detective 'Squirrel" Duvis shifting from Auburn  to Jieeatur street.                 Swoop;n(r down on a pool hall located at the viaduct on Decatur street and the Reliable Barber shop at 09 Decatur street, officers seized numerous books, papers and receipts Svhidh" ''involved" "an  lance number of persons in the number business. Thirty nine nave already been indicted ;n connection with 'numbers' by the Fulton county grand jury, following questioning of more than 2000 witnesses. Six persons were placed under arrest in the Wednesday raids, one from the poolroom and five from the Reliable Barber shop. The sixth man sought in connect:on with the barber shop numbers headquarters was not found when officers  arrested were Joe Sheeliany, said to be owner of the Shehany Bros, poolroom located at 10!) Decatur street: C. E. Hawkins. Ceo. Worker. .1. T. Caldwell, John It. Duncan. Will Adams and a one- man who  his name as "Dukes." W. M. Brooks, the sixth man sought at the bar- , was not present. No marks which would have indicated the company involved in the barber shop outlet. W police tn believe that the Rel'ablo barber shop was the headquarters for a new company which had just  up since the recent  on Page 2, Col. 1                 "Renew Raids r (Continued from Pace One)  w"on of the activities of the I Home Company". i j Several receipts and an - l^opo of numbers marked 'hits' wore  by the detectives stored away beneath the cash box -n the (Barber shop, another shop, a Ithe envelope had anything to do "with the numbers business and Jtold officers that it was merely the payroll slip for barbers. i I Several of those arrested in the (raid --were released upon  Jjond. I W'th the raid of the Reliabie Barbar shop, another shop, a port distance away, allegedly  involved in the  of numbers, became uneasy and staged a complete 'clean-up' It  vas hinted bv raiding officers of She Reliable Barber shop that the ither shop was not far down the ist on those which- the squad  v;sit. "The beat thine for you barbers to do is to stick to  hair." was the advice of Detective Davis {o the  artists as they  were- led away to Fulton tower. .The. date of the trial of 39 iii4!cted on  of lottery, has 1  been' set,  to ['   from      {itor-General Boykin's office, thru .which the series of raid*    business has been . i It 'a expected, however the cases Mrill be placed on the calendars of it)ie two criminal division of Pulton (Hup'erior court near the first week liar:ApriL\ V</t>
  </si>
  <si>
    <t>                                           The drive against the number racket was renewed Wednesday with the scene of raids under the direction of Detective 'Squirrel" Davis shifting from Auburn avenue to Decatur street.</t>
  </si>
  <si>
    <t>                                           "On the sands of life sorrow treads heavily, and leaves a print time cannot wash away."</t>
  </si>
  <si>
    <t>                                           FATHER W. ROGERS retiring a i Priest in charge St. Matthias' Epiicopnl Church, to devote his time to Parochial School, Work by arrangement* of the Bib* hop. He was born at Raleigh. N. C. April 20, 1872, and came  to-:-' Atlanta Nov. 13, 1913 Father. Rogers was trained in New     . land and in New York State, and* at Howard University.</t>
  </si>
  <si>
    <t>                                           Worfd Ads Pay</t>
  </si>
  <si>
    <t>                                           The opening day for the much delayed trial of Will Boyd, slayer of Jessie Broek, filling station employee. August 16, 1930 in Judge Heflin's court was marked by controversies between, the defense council and the state. The controversy arose over technicalities...</t>
  </si>
  <si>
    <t>                                           Word comes this department from one Mr. K. Dolphas Stroud. Physical Director of State Teachers' and Agricultural college. Forsyth, Georgia to the effect that his baseball team challenges any other team in the State for diamond engagements.</t>
  </si>
  <si>
    <t>                                           5.C.S0L0NS HONOR DEAD PRESIDENT                 Resolution Approved! In Flouse Honoring Dr. Wilkinson                 MANY TRIBUTES!                 . S C. Mar. 22- - Miirkcd Irlbuto       here Tu^fdny by th;       of Rep-1 .i of    - Stale of South Dirollnn to the memory of Dr. R. 5. Wilkinson,  of the South Cnrollnn Sui? . who died at his homo in OranBoburg,                 S. C. Sunday. The homage took Ihe form of n restitution presented l)y Representiiliy:s T. R. Bry:ini. Jr.. and J. A. Smith of Oi'aii;!"l)urg which was as follows: "Whereas the late n. S. Wilkinson died at Orangeburg S. C.     . 13, 1032 and "Whereas ho has served this state in tlu-  of the South Carolina State  for colored people for the past 21  and thruout these years set an example as a man and citizen worthy of emulation by his race, and has proved himself to be executive and educator of conspicuous ability, now. therefore. "Be it resolved by the  of representatives, the senate concurring: "Thni the general assembly of tho Mtate desires to record     appreciation of the life and character of the lale Dr. R. S. Wilkinson, and to bear testimony to the worthy example that he has sot as a man citizen, executive and educator a-j mong Ms people." j Educator Pays Tribute Another tribute paid to the        of thp lale educator wns that of Professor W. H. Mills, of Clcmson college, white, who declared: "The news of tho death of Dr. H. S. Wilkinson, president of the Stale college at OrangcbmE. brought sorrow many hearts. Doctor Wilkinson was probably better known to the N';groes of the stale than any other of her citizens. For more than 20 years he had b.-en president of State ,. maintained by South Carolina as its A. M. School for Negroes. He had brought it to a high degree of efficiency and lie won and held the * and esteem of those white people who knew him as well as the  of thousands of N'cgrn men and women who had been his students. Many a time I       in Ihe  at damson  and in public  that Smith Cm-olina  Doctor Wilkinson a dr.bt it never could repay. I did not know him intimately, but I did k,-mw him well enough to regard him highly, and to honor him for his  work for the  r.f his rae?. In hi" death. South Carolina, loses ii most, worthy citizen whose Ideals and endeavors were' sane and honest, high-minded and pure.</t>
  </si>
  <si>
    <t>                                           COLUMBIA, S. C. Mar. 22-- (ANP)--Marked tribute was paid here Tuesday by the House of Representatives of the State of South Carolina to the memory of Dr. R. S. Wilkinson, president of the South Carolina State, collage, who died at his home in Orangeburg.</t>
  </si>
  <si>
    <t>                                           /~   5\ Keep Your Skin Clean     5?^^~3K^ v"ch Genuine Black and White Cleansing r*~^g=~=rg2 Cream. Removes all dirt and  ^4sSl%aE-s-?       ^ bumps and big pores. Large can 25c at your ^s======^==:^ j favorite drug store or toilet goods counter.1.  Keep Your Skin YoungS STL ^^jT^k -with Genuine Black and White Cold Cream.      ' $M "^gS 5 your      .  away wrinkles. Large jar 25c' '.t \        ^r a( y0Ur  ( store or             3 counter. JtenufouL  BEAUTY C R E A;.M;, Sll</t>
  </si>
  <si>
    <t>                                           Dr. Hall's Death Mourned by Many Friends                 T'ic sudden and -ted death of Dr. Alexander A. Hall, prominent Atlanta physician. Monday . came as n shock to his frk-nds or tho profession and other walks of lit.-. HP died at the Harris Memorial .il at 2 a. m. Monday -r an illness of two davs.                 Children  at his home. US Mary street. S. W.. noticed that the doctor s car had boon in his  all day S:dui-day, yet they twd not seen him go out. Saturday night around tun o clock one  f them ventured Into his room nnd found him unconscious in his bed. Dr. Ilowcll was immediately summoned imd upon arriv:il discovered thai- Dr. Hall was critically  consulted with Drs. Powell. Trnsnou and Peters and .-ly transferred Dr. Hull to the Harris Memorial hospital where he remained without  coii::*ness until his death Monday morning, which was i- by chronic .- uremia .and paralysis. Dr. Hull is :i native of Sandervllle. Gn. He was graduated from Mcharry Medical school in 1016. after which lie practiced medicine in Cbvington. Ga.. for six years. II,, moved to Atlanta in 1922 and has been practicing here since then. At the time of his death ho occupied a suite of offices with Drs.Transou and Cochran ut 18O'.-i Aubtirn' avenue, N.' E. Definite funeral arrangements have be*n delayed pending the arrival of members of tlie family from distant points. A .Mrs. Polra Smith, of Gadsden. Ala., and a brother. Benny Hall, of Anniston. Ala.', arrived In. ihe city Tuosduy . Other members of the family nre  from Detroit. Mich.: Birmingham, and Dublin. Gn. Dr. Hall was an active member of Mt. Zion B. church, of which the Pev. J. T. Dorsny is pastor. -Hill Company, undertakers. hi\s chargo of the funeral arrangement.'. Interment will be made in Sandcrvllle, Ga.</t>
  </si>
  <si>
    <t>                                           The sudden and unexpected death of Dr. Alexander A. Hall, prominent Atlanta physician. Monday morning, came as a shock to his friends of the profession and other walks of life. He died at the Harris Memorial hospital at 2 a. m. Monday after an illness of two days.</t>
  </si>
  <si>
    <t>                                           STIMSON SENDS LIBERIA NOTE ON SLAVE TRAFFli                 LIBERIA IS SENT HOT U. S. NOTE                 Learn African State Punished Natives Claiming Slavery                 WHITES                 BALTIMORE. M.- 20- The Ubcrian Government's  d action in burning the villages of nativos, who testified that slavery existed in 111., republic h3s caused the State Department to send another vigorously worried not... to that country,  to a Washington                  lo The Baltimore Sun. The no;? marked a culmination of events in LibiVia during which the slavery situation, instead of improving, in many respects has gone from bad to      . the dispatch continues Although President Barclay has made repeated promises that slavery was being abolished, it was discovered recently not only that it has not' been abolished but that reprisals had been taken against  which had informed the Slavery Investigation Commission concerning the kidnaping and sale of natives, it was asserted. The reprisals took place chiefly among the Kru tribes, and a report, received from Liberia by the State: Department assorted that villages had been burned, men and women beaten and in some cases  tortured by the Liberian frontier force, the government s Interior police force, of which President Barclay is commander-in-chief, the dispatch related. The Slato Department has held that Ihe reprisals were deliberate and considers the Liberian Government responsible tor them. j Secretary Stimson has witheld j (Continued on Pago 5.) j                 Liberia (Continued from Pajjo One) recognition of President Barclay ever since his appointment in December. 1030. This policy was. dictated by the belief that the Liberlan Government was making no real effort to clean up the slavery . President Barclay InlloWcd President King. whose resignation was forced oy Secretary Stimson when the Intter sent him a scathing and bluntly worded note.     not? informed President King in effect that his government was cm  b""Rrc the world and thai "international public opinion will iw longer tolerate the twin  of slavery and forced labor." Afl'-r this. S'-' Stimson cooperated with the Lciisue of Nations to  Liberia of slavery and  fever, the prevalence of which is the chief  American and British companies will not Interc.-.t t!;^ more  in thf . A Leaciu of Nations . or,  th? United Slates i:; represented by Samuel Rcbcr Jr.. is in sci- in Geneva and.', has the question of slavery and yellow fever under discussion. Mr. Rebcr recently  d an American report to tlie  on the Liberlan Government's reprisals against the Kru tribes. Similar reports also were submitted by .the French and British Governments .which also .</t>
  </si>
  <si>
    <t>                                           BALTIMORE, March 20--The Liberian Government's alleged action in burning the villages of natives, who testified that slavery existed in the republic has caused the State Department to send another vigorously worded unto to that country, according to a Washington dispatch...</t>
  </si>
  <si>
    <t>                                           Tr MY FK. AMD PATRONS: I .im proud tn . through the World  I mil lion connected with HecMIs from my furni-r :*   ii-tirm^r^ ~-ho  me with tli- --iv Ptre    :      Hlrclric Cnmpany. 1 nm now in          - jnu :onl1v. - an.l n-.  . A mil ln:u any of vim  ill lie .l  cn-. Call Wa. Z2?,l jj;:j. I:r m,t a nmi S:in Javt ard  : Ma. "O.'ifi.   .-y re* pec I fu t ly. A. W. RAILEY</t>
  </si>
  <si>
    <t>DON'T SUFFER FROM LUMBAGO RED ^ 'ml Instant relief y"*""7^!? Sold by oil . look for P^^I Rid Croif on  .. hKO^ l</t>
  </si>
  <si>
    <t>                                           v'#   "-</t>
  </si>
  <si>
    <t>                                           THE OLE SCRIVENER must have had a brainstorm yesterday! He got crossed up and made the misstatement that the Carnation Eight affair, which is formal, would be at the Casino this Thursday night with Neal Montgomery peddling the music. Quite a jumble of fact. THE CARNATION EIGHT FORMAL will be at the SAVOY BALLROOM this Thursday night with the JONES AND BROWN ORCHESTRA furnishing the music. The Carnation Eight organization is composed of fourteen popular matrons and debs of the local realm.</t>
  </si>
  <si>
    <t>                                           It is laughable to learn that minor princes and chiefs of India are wearing squeaky shoes to impress their barefoot subjects. Special shoes with squeaks are made by several English firms with the thought of "the louder the squeak, the higher the price."</t>
  </si>
  <si>
    <t>                                           ONLY NEGRO  NEWSPAPER IN THE WORLD MEMBER OF THE ASSOCIATED NEGRO PRESS W. A. SCOTT Editor and Publiihcr Fmnk          Davii          Editor PUBLISHED DAILY AT 210 AUBURN AVENUE, N. E. TELEPHONES: WALNUT 145=9 and 1460 THE WORLD assumes no responsibility for unsolicited manuscript tent Into the office.  TIO.N KATES One Year, $0.50; c Months. $3.00; 3 Months. S2.H1; Weekly 20t</t>
  </si>
  <si>
    <t>                                           Ben Elder D.M. Coke Jimmy Perry</t>
  </si>
  <si>
    <t>                                           Alexander the Great, said to his mighty army of men, "Follow me and I will conquer the world." With his great armies which never were defeated, he conquered the world and sat down and wept because there were no more worlds to conquer. Likewise, Caesar...</t>
  </si>
  <si>
    <t>                                           With the above statement ringing in my ears the thought came to me ha probably the sentiment was not generally known to our particular digest is for the benefit buddig writers and, therefore, this of those who are seeking an outlet and a commercial market for...</t>
  </si>
  <si>
    <t>                                           The Post held its regular meeting. Tuesday night, March 22nd. Had a delightful meeting and success is in front of us. We are always on the drive for new members.</t>
  </si>
  <si>
    <t>                                           ^lll^sN. with your kidneys NSNNv and bladder INSIST If? jj\ I\q on the vj^tWm i GENUINE \!MSf \r4   GOLD MUbkh 5 HAARLEM PEL -</t>
  </si>
  <si>
    <t>                                           The Ministers' Lycoum of the Turner Theological Seminary met Thursday. Devotions were conducted by the president. The program committee had arranged a nice program for this meeting. Rev H. C. Carswell was appointed by the committee to prepare a lecture on...</t>
  </si>
  <si>
    <t>                                           STREAMS IN. THE DESERT "He answered nothing" (Mark 15:3) The day when  stood alone And felt the hearts of men like stone* And kenw He came but to atone That day "He held His peace." They witnessed falsely to His word, They bound Him with a cruel cord And mockingly proclaimed Him Lord "But Jesus held His peace." My friend, have you for far much less. With rage, which you called . Reicnted slights with great distress? Your Saviour "Held His peace." I V E Y BROTHERS "The Institution with a Soul" Ma- 2567. Ja. 8S72 492 Larbin St.. S- W.. Atlanta. Ca.</t>
  </si>
  <si>
    <t>                                           WASHINGTON, March 30--(ANP)--The National Association of College Women in ninth annual convention at Virginia State college, Petersburg, Virginia, will open its first session Friday, April April 1, Miss Juanita P. Howard of Sunday April 2.</t>
  </si>
  <si>
    <t>                                           A7ow is the Time To Prepare for Efficient Service and Great Financial Rewards! New Location New Kuildinc; New Equipment MORE DENTISTS ARE NEEDED.' Write for Information Department of Dentistry MARRY MEDICAL COLLEGE NASHVILLE. TENNESSEE TALLADEGA COLLEGE A Liberal Aris College of Highest Grade Approved l)y great Educational Agencies and loading Graduate Schools of the Country. Haled an "A" College by The Southern Assori;.'     of C'oIIckc-.-! and Secondary Schools. The Atlanta World is assured the fondest hopes mil wishes of this institution in its new experiment with daily presentation. The veni lire is a significant one. UNEXCELLED LOCA TION- STRONG FACULTY- SPLENDID EQUIPMENT For particulars and information address The President or the Deah: TALLADEGA COLLEGE, Talladega, Ala. "i :''i</t>
  </si>
  <si>
    <t>                                           PHILLY, March 20 -- Led by the sparkling play of Inez Patterson a feminine whose basketball ability in the world ranks second only to that of Ora Washington also, the four times national women's tennis champion in the colored division, the Philadelphia Tribune ladies...</t>
  </si>
  <si>
    <t>                                           l ~'~'   11     -1TlTMHllian Jl</t>
  </si>
  <si>
    <t>                                           r^O they  you by day and keep you awake at night? Don't  them. They'll ruin your charm nnd beauty, alienate your friends, interfere with your success. When you re nervous; take Pr. Miles' Ncrrine. It's tho prescription of a successful Nerve Specialist, put up in convenient form. Dr. Miles' Nervine is now made in two forms Liquid and Effervescent Tablet. Both havo the  soothing effect on the nerves. $1.00 a( jour drug store</t>
  </si>
  <si>
    <t>                                           .1; And Short BrenUIn*   -ar.~    r  collection of  In        mtn. feet  nd legs.  nd wS.n  Above       9 a deal. Trui Daekap CO1X0M MEDICINE  r W. Ml. A1  1~, Qy</t>
  </si>
  <si>
    <t>                                           GOOD CAMPBELL COAL TODAY S CASH PRICES TON BUFFALO (Furnace Egg) $5.50 STARI5 (Round) S5.75- (Block) Sfi.00 BLACK COM^T (ROUND) S6.00- (Block)  6.25 RED STAR (Egff) SG.25- (Block)  6.50 MONARCH COKE 57.25 We deliver two bags of approximately 100 pounds each SUM) CMUPBElLCOALGo. JA. 5000 240 MARIETTA. N. V*.</t>
  </si>
  <si>
    <t>                                           Memory is the only friend that the old Negro politician can call his own. I can well remember how the city of Washington used to be crowded on each Inauguration Day with Southern Negro politicians inquest of official recognition, from Register of the Treasury to Minister...</t>
  </si>
  <si>
    <t>                                           Four of Atlanta's Talladega students arrived in the city Friday afternoon to spend the Easter vacation with their parents and friends. They are Misses Alva Beatrice Maxie, Gertrude Nabrit, Elsie Faster and Myrtle Martin. They will be in the city until...</t>
  </si>
  <si>
    <t>                                           World Ads Pay FOR RENT 311 Culver St., S. W. Apt. A I rooms, hot and cold water in b.-U^i, $18.00. Wa. 8287 or Ma. 7974</t>
  </si>
  <si>
    <t>                                           N.A.A.C.P OFFERS                 CASE IN ARK. OASIS FOR APPEAL                 i Only NAACP Request j Is Permission to j Act Unhampered                 GIVE STATEMENT                 NEW YORK. Mar. 29.- Immediately t  news thai, tho Alabama State Supreme court had death sentences in the cast- of 7 out of 8 of. the Scottsboro case defendants, the National Association for the Advancement of Colored People cited a basis for appeal                 In Ihe U. S. Supreme- Court's decision in the Arkansas cases. Ir.  cases which the N. A. A. C. P. won before the U. S. Supreme Court In 1923, that court held that a trial dominated by u mob is not  process of law. A.- .~_ .today by. Walter-Whlto, N.- A. A.- C P.; Secretary, is as follows: "    N. A. A. C. P. is terribly shocked to learn lhat the Alabann Supreme Court yesterday  the convictions and death sentences impound upon seven of the helpless Negro boys convicted in a "For Alabama to permit the carrying out nf such a barbarous sentence would     nothing short of mass execution with legal sanction and this belief is held throughout the civilized world. We hope that Alabama's governor will take the first  dictated by justice and humanity and that is commute those barbarous sentences "The N. A. A. C. P. profoundly ie;;rels that Its attorneys. Ihe ln1'Tnationally famous Clartnce Darrow and Arthur Garfield Hays, ~.~re not enabled to take part 11 1 he defense before the Alabama Supreme Court. We do not know whether Ihe outcome would have been different had these attorneys appeared but many people will lei that these famous law- yers might have achieved a dif- fen-nt result. "Out the N. A. A. C. P. even yet stands ready tu throw the weight of Its entire legal resources j into the case to aid tiie defendants if the defendants will permit It 10 let unhampered by outside . \Vi' do not know whether the  for tin- defendants, re. by the International Labor Defense, plan to appeal to the IT. 5. Supreme Court on the basis he decision won by the N. A. A. 2. P. in 1923 holding that a  trial is not due process jf low. "The N. A. A. C. P. stands ready appeal on this basis I.' the de  will permit. That seems be the only hope at (he present ;imc. barring action by Alabama's  to commute the .sentences in order to permit reconsideration 3f Ihe cases at a later date when feelings are less</t>
  </si>
  <si>
    <t>                                           NEW YORK, Mar. 29.--Immediately following news that the Alabama State Supreme Court had death sentences in the case of 7 out of 8 of the Scottsboro case defendants, the National Association for the Advancement of Colored People cited a basis for appeal...</t>
  </si>
  <si>
    <t>                                           Tin Stars Would Save Policy Boys From Law                 The utmost in rackets being practiced on  Atlanta citizen?, principally those fnm liar with the 'numbers' ami who frequent Auburn avenue and Decatur street, was uncovered Saturday with the complaint of one of the customers to A WORLD reporter- The new racket  out of the                 recent raids on 'numbers' writers. According to the fleeced customer, a writer, who is now under indictment in the recent lottery shakeup, has found a richer field of suckers in his scheme of selling brass stars to guilty ones, which "would make them immune to police." These stars have distributed at in several instances at prices ranging from     to $10- Kwrravcd on the thin metal badges in imposing letters is the word "spec al" which, arc-online; the originator of the plan, wil cive 'absolute protection from Hoykin.' It is Solicitor-General Boykin who has been so diligent in pushing the investigation into the number racket. The result of this investigation saw more than !?000 haled before the Fulton county errand jury to testify as witness and n large number of indictments returned against persons said to have   with the racket.                 bury or. mm . Funeral services for the Rev. H. D. Cnnudy. Sr.. 73. veteran presiding elder  West Atlanta district of the A. PI. K. church, who died at hi:; humc. 78 Gammon St.. early Thursday night Mlmving an Hln^s of about a wc'.lc. will be held at two o clock Monday afternoon from Bil FMhcl. with Bishop .T. S. Flipper :ilin({. David T. Howard and Company will be in charge of arrangements. Besides his w:dow. Mrs. li. U. Canady. !hc deceased minister is survived by a son. Dr. H. D. Canady, a local physician. Hit And Run Driver Injures Cyclist A hit and run  knocked Clifford Ow'.'ns from his motorcycle at the intersection of Pine and Piedmont avenue, early Friday night, injuring him slightly, but almost demolishing the motorcycle. Owens, a  for Jeffovics-Long Drug Company, was riding routh on Piedmont avenue and had almost cleared the intersection of Pine when a spd-dm*; car going  on Pine street, struck him and kept going. Rotogravure Error Through an error in the Rotogravure section this paper. Halph Reynold?, f-on of I. V. Reynolds, was -rl as Frank.</t>
  </si>
  <si>
    <t>                                           As Basketball makes it last bow of the season in the Magic City: the Park and Recreation Board comes to the rescue and sponsors a City wide Checker Tournament that will be played at the Coulter, Community Center Thursday and Friday night, March 24 and 25th.</t>
  </si>
  <si>
    <t>                                           TTTTyvT7T,.TTTVyyTVTVH.T.T.TT.*Ty.T.T.T,?J.y-*~TTyTTT-J Slightly Used $3^*? UP I Latest Style Suits 3) I Watches Diamonds Jewelry of all kinds ai Lowest Prices RriLSecurity Loan Office ^Z</t>
  </si>
  <si>
    <t>                                           H IB SF ^Vk H So H</t>
  </si>
  <si>
    <t>                                           HELD -OVER i SO ALI, ATLANTA CAN SEE I A Mflro-Gol((~~n-.MaytrPieturB^]S 8N SOUND "1 , FREE, 1532 INSIDE DOPE to B A nuke ft HIT with Ckfttfoc Itoutt, Cuib, Bj StixV Exchanic, Dondi, Electric, Motor, gj Kidio. Ricn-imt Numben II! M i , 200 W. U3 l St. Nc\v Ycrk W</t>
  </si>
  <si>
    <t>                                           Girl  Dies on Court; Heart Failure                 WAYCROSS. Ga.. March 20 A most unusual a:h Ciimc to :i: Fiidjy ni;:iil when Mi:* M;.:-l Kint;. 13. star ha;  play, i- the Center !i:;:h s'- y:ii suddenly d;"~)p- (I lic.id of aw ~!.iation of I'c.irL w-iil'; pi'.iy.11  thr 11m;-i:1i mI:t :ic;i ti1;. Mclnlosh. Ck'n:?.ia. ;it the K. "f court here. Dr. H. C. Si:;~vlc;t \ras - 5I10 li xd it T'.;-- hin arr:\n[. mad'.- ;;:i- f.-::';".:::;:ition i:::ii!'i:i; I he i:aii--.if oi ci-yih. ;lr.ii;:-. i: v.^due 10 li-ar! ff:ii;;i'.</t>
  </si>
  <si>
    <t>                                           WANTED Vie a Women Government positions steady. BIr pay- Free information- Plenty chance. Railway nail clerks, carriers, office work* rrs. etc. Vfrs. Tolbcrt, 221 Herndon Bid'sIsiram liL- rooms Single^ rooms S3. SO up Nici- Fronts )        (running water) S4.50 prf^ wi ck. Only Hotel In City witb^ private bath S0.00 up. Accommodaiions to fit ths purser "for those who want a nice com-* . place to stay. Give     :i call see our place     ^convinced. Our prices are reasonable.^ Phone Ja. 8965 214 Auburn Avenue. I Near The WOULD</t>
  </si>
  <si>
    <t>                                           i LINCOLN THEATRE 401 Mitchell Street SUNDAY MIDNIGHT. MONDAY TUESDAY i "The Secs?et Six" WITH Wallace M@@g?y Lewis Stone Johas Mack Beowsi ALSO SEVENTH CHAPTER OF 5fc(raE GALLOPING -GHOST" With REc GRANGE</t>
  </si>
  <si>
    <t>                                           Knpxville College Knoxville, Tennessee Standard College Courses Strong Department of Music Wholesome Athletic Interests Excellent Location Reasonable Expnesc This institution is backed by .-ii.ply In thirds of a million dollars of productive endowment. Graduates received into loading universities for graduate work. Fully accredited for teachers' certificates in state. Recognized as "B" class standard college by Southern Association. "A" class rating1 by American Medical Association for pre-medical work. Our congratulations to the Atlanta World upon the occasion of its venture into the daily issuance field. FOR CATALOGUE AND OTHER LITERATURE ADDRESS THE PRESIDENT Knoxville College, Knoxville Tenn.</t>
  </si>
  <si>
    <t>                                           A voteless people is a powerless people. They are asleep A because if they awake they would see the mighty weapon at their feet that would remedy their ills. With it they have something with which to bargain. A people with nothing with which to bargain cannot b surprised reasonably when economic and industrial opportunities pass on by their doors. The Negro, since his enfranchisement, would have got much had he realized the power of the ballot.</t>
  </si>
  <si>
    <t>                                           5  sections ATl^PIP^^^^^KS^^Fh '  both i A I L AmniPVsVrwIx LV HaraHll 5-3 ONLY NEGRO DAILY NEWSPAPER IN THE WORLD 1 H ^Sfeli 7*" Entered -clan matter  t tha pott office at Atlanta, Ga., un der the act of March 3, 1879. VOLUME 5, ^^(^J^IBER U ATLANTA, GA., SUNDAY, MARCH 27, 1932 == PK1CE FIVli CENTb)</t>
  </si>
  <si>
    <t>                                           DIGIT B 110.5. COURT                 Say Books, Papers Illegally Taken on Dec. 4 LOSE THEIR CASE The federal government emerged the victor Monday in wbat Col. J. M. Johnson. United States district attorney for the Northern district of Georgia, termed th,.- queerest case he ever defended. Accuording to  brought against the government by Roscoo Kimsey, Frank Crow and C. W. Hagar. all of 1052 Inrem. federal agents made an illegal seizure of "certain books and papers from the Tenth street  on the night of December 4." These books and papers, it was found, were those which had  seized in connection with. lhe_re. VlvcVfedtion' by Solicitor General Boykln of a lottery ring in Atlanta. In denying the petition uf tho plaintiff, Judge Underwood ruled that the plaintiffs at the time of the seizure were conducting an illegal business and therefore the entrance of officers was . At thu time of the seizure. Marvin F. Mills, said to be one of tne main leaders of the numbers syndicate here, was arrested. Since that time under the  of D.~tective "Squirrel" Davis, a series of raids against number writers resulted in a grand jury probe of 2000 witnesses and the  of 40 persons in connection with the lottery scheme. Bicyclist Breaks Leg When Truck Tears Up Wheel Battered when his body was hurled to the pavement as his bicycle "snaked"' into a Swift nml Company truck driven by Albert Leo. 033 West Fair- St., ,T. B. Maddox was taken to the Grady in a serious condition Monday noon. An examination revealed that there was a compound break of the right leg. According to Otfnuers Giving and Allen, who investigated the accident, Maddox was riding on the wrong side of the street when he ran into the truck driven by Lee coming northwest on ..the Prado. No arrest was made.</t>
  </si>
  <si>
    <t>                                           Ing reduced Breathing relieved when  natural collection of water     ankle* leave* a dent. EtEOICINE COMPANY. LltQ, Atlanta. Oa.</t>
  </si>
  <si>
    <t>                                           Super Cleaning. Value! 2' ANY ^"   I GARMENT ^^g 3 ANY $1.00 I GARMENT There's ^a Store in Your Neighborhood '/America's Largest Cash-and-Carry Cleaners"</t>
  </si>
  <si>
    <t>                                           THIS WEEK END. gentle fans, will be Reign of Terror in Atlanta. Saturday night, March 20, at 7:30 o'clock the Greek letter warriors of Phi Beta Sigma, Alpha Phi Alpha, Kappa Alpha psi, and Omega Psi Phi fraternities will be playing their very hearts out for their respective clans. The order of play for the opening night Saturday is Omega versus Sigma in the first tilt, end Kappa versus Alpha in the night cup. The remind night of play will be Wednesday, March 30, on which night the order of ploy will be Alpha versus...</t>
  </si>
  <si>
    <t>                                           H Now Running For 3 Days Only f ADULTS I5c" V^ffci I CHILDREN 10c \~@^^ I MrwMrs.ATLANTA ti88  SJi The new  announces a com-   $     ^H piele change of program every FRIDAY VSKslliP KB and TUESDAY. The finest pictures ot l^S^1 bk tainable will be shown. To inaugural e Vffavliraf1 Hg this new policy they have secured a new s^^^* B ^n thrilling picture bs new and different at K^1 I B BS tomorrow .Thrills, comedy, drama /^S} 111 PEGGY "SHANNON ~^bl ^H ^B \n3d _j^*^5^^ GRAHAM McNAMEE</t>
  </si>
  <si>
    <t>                                           Sunday was an over-the-top day for Siloam, Sunday School opened at 9:30 A. M. It is on the job under the leadership of Mr. S. E. Ross, the capable superintendent. At 11:30 A. M. the pastor filled his pulpit in his own way, so that even a child could understand his...</t>
  </si>
  <si>
    <t>                                           MRS. ANNIE JONES has returned from a pleasant motor trip to Marianna, Fla., where she visited her slow brother. She left him improving. Mrs. Jones was accompanied by Mr. G. L. McKinney and Miss Willie Mae McKinney, who visited their father for the first...</t>
  </si>
  <si>
    <t>                                           BECAUSE IT IS EASTER, we have been allowed to be among those present and bring you this column as our Easter offering.</t>
  </si>
  <si>
    <t>                                           MEMPHIS, Tenn., March 31--The Fellowship of Reconciliation held an interracial conference at LeMoyne College last week end March 25-27. Several delegates from other states were present. There were general discussions of prsent day problems of the world and...</t>
  </si>
  <si>
    <t>                                           Atlantans to Meet DuBois Tonight                 Members of Hie Atlanta Branch of the National Association for the Advancement of Colored People w ll Imve nil  to meet Dr. W. E. B. Uubois, editor of the Crisis, official   f      national urbanization and nationally known orator ar.d writer, tonight when Dr. and Mrs. John Hope throw open their home on Morehouse college campus for a reception commencing at seven thirty. Tea w ll be served by members of the auxiliary of the N. A. A. C. P. Mr. Dubois, is delivering u series of addresses on the Economic Status of the Negro while here. His next addresses will lie tomorrow  at eight o  at Atlanta university on "The Newest South, igi6-  32." and at the same   Fr'dnv on "The Economic Future of Black America."</t>
  </si>
  <si>
    <t>                                           MEMPHIS, Tenn., March 29-- The Savoy Basket Ball Flop ... "No One Else Interested".</t>
  </si>
  <si>
    <t>                                           ^FAIR, COLDER Thursday nl(tht; Friday fair, rising . Lowest temperature, past 24 hours 52; highest. 64; average, C8. C. F.; ,yon' Hermann, Meteorologist,. Weather Bureau.</t>
  </si>
  <si>
    <t>                                           ^ii^l  FOR WOMEN' I IHfli '.y,,-t.HJ;D.3.-..,  MITCHELL HILLy EDITOR. K tl^ C^~p</t>
  </si>
  <si>
    <t>                                           MARSHALL, Tex., Mar. 29.-- "Bat" Patterson's two wild heaves to first base handed Jarvis the opening game of the series at Wiley Field here today by the score of 2 to 1. With a little cooperation from the Wildcat third-sacker, "Streak" Evans would...</t>
  </si>
  <si>
    <t>                                           lake lip Your Liver Bile; -Without Calomel I                 And YooTI Jmnp Oat of Bed in die Morning Barm' to Go                 D you fed boot and sunk snd.tbe world looks punk, don't swallow a lot of rate, mineral water,  candy or * pun and expect than to males yon TiWrniy sweet and buoyant and fuB ot . Ito           do tt. They only mova the  and a mere   get at tho . Tho reason for  down-and-out f  fa . It  pour out .two  of liquid bile into your bowels daily/                 II this bile b not flowing trail, roar too* Ootan't . It lust Stay La tlx      . Gaa bloats up your            but* . bail tasto and your breath U tool,   . oat b , Your"  4  ehn and you Jed down and cat. Your  ^ u * ^'    'n                       -3UTnJS^   uj cct Umk two pound. i  i k)ir^: Oawtiix f      and maka roa     *Vp   4    4 Tinr contain wonderful, , ;f?n(/f'~,             .   .  whin li - making    /f '%r/-v;/;  ; Dut don't  k tor Uver .     tor CarUr'i Llttla Llvor Pills. Look tor tLo           1i^; Llttlo      Pnu an tin     . ~^j          .2(~~       . 0 1931.'^ 4-,9*;~</t>
  </si>
  <si>
    <t>                                           Dame Fashion, whimsical and wayward as the wind, has so many strange and unique fads, that her latest vagary, that of tinting the finger-nails to match or contrast with the color of the costume, has become quite popular.</t>
  </si>
  <si>
    <t>                                           Smart work on the part of Detectives Leon A. Evans and Sim. Smith brought about the arrest of Tom alis Mose White last of the qunitet held responsible for the death of Detective F. C. Foster a week ago to be taken into custody when they arrested him late...</t>
  </si>
  <si>
    <t>                                           '''-'~~*:-'x*''':Jiri' li^^ffi^ffi^H^    ONLY NEGRO DAILY NEWSPAPER IN THE WORLD I^.H.mB Wi* Entered m - matter  t the  office at Atlanta, Ga., under tbo act of March 3, 1879. V V0LuTiF?~5 ATLANTA, GA., MONDAY,  28, 19^2 PRICE FIVE CfiNTfaW</t>
  </si>
  <si>
    <t>                                           ONLV .O DAILY . IN THE. WOM-D MEMBER OF THE ASSOCIATED NECRO PRESS W. A. SCOTT Editor  ad Publi.h.r Frank Marlball Davis Managing Editor PUBLISHED DAILY AT 210 AUBURN AVENUE. N. E. I TELEPHONES: WALNUT !4f=9 and 14G0 THE WORLD  no  for unsolicited manuscript lent Into the office. f SUUSCRiyTlOX  One Y*ar. $0.50: C Month*. SxOO; -J Monthi. S2..r.~; Wookly</t>
  </si>
  <si>
    <t>                                           "My\ My! isnt He Sweet!", everyone sa ys "Jim a little bundle of sugar," 9 7 ^P^~v and relatives agree; They're right too, I h*^  s^~ but what, others don't realize is the great responsibility resting In mother s hands to keep this iittle mite well and happy. If he s fretful and restless at it is excellent for children all the     night, even poor Daddy will get no up into school age. Bleep Smart modern mothers save Castor;    fc ;3 a v daddy and bab.es Loth from annoyance ^j tjon n]ade ^    J of this kind. Hiey don      let their and  AIthough jt HBmKflBi bab.es grow up but study the actual mj)d {n  N^gHH causes of . and disease. 1 hey d ,m.e lhe s y d ^HH know torn great baby          that the risk of chi,dren further BS^ !M most of baby ills come from one com-  IvK th(:m ^-astoria Hb^B3J SiBI .mon      , a constipated condition. L^^IVSaailSffl T^H Little  are delicate and close up Modern mothers have Castoria on BBjj pS^Sl rt^^B .quickly. Then baby is poisoned by  always, to  them keep chil- HHES^m ^^H accumulated  and is  to  well. They don't wait till baby is HB^s^l I^Ib fevers, colds and digestive upsets, actually sick. Hemember that bad j^^B *j=f^"*"""~      These wastes must be  if baby breath, sniffling,'  tongue, and  Hi 1ft"" I Mi^^R ,ts to be  and relax into quiet, digestive disturbances may be the ^~Bi'-SSc*: C^HB  . To accomplish sign of approaching illness unless at-      ^5~- C^^P^ this  is  than genuine  is paid To them at once. A ^^H ;]!!i5fS3" \iWB H Gisiorij, the time-prove, children s single dose ot Cistoria often clears up' ~^Hi^^^^B (. Its action is so gentle that it any. one of these conditions, saving -BH^^!^S[S^^H tan     safely given to relieve colic mother a good deal of worry and ^^te^AH pains in a tiny infant. In larger doses trouble. At all good drug stores. H^H^^^^BBbH'   ^LtfffZJ^^ DON'T FORGET C/\ V^ I 1 r^ I .Genuine Castoria always l\ sj I   / I I l\; has the name. Chas. H.</t>
  </si>
  <si>
    <t>                                           Four brothers and one sister were robbed of their parents at an early age by death. These children did not have any relatives thus were placed in the Carrie Steele Orphan Home, where they stayed until they were large enough to bike care of themselves.</t>
  </si>
  <si>
    <t>                                           Slouches Skin To JNewBeauly No woman run win tin- ~.        : '. (if tiK-n .ss )kt ^kin i.~ Kill, cli-ur and hull. Uuii'i \vi your ihi  \v*~iry ymi if n is ma )ij,-ht ml truly lii . lint usr       .la IMi-ac-; Cream, with Its -: . MlKilUlcs thai qui.Uly Ktnt-n I In: Miln tin* way  want ;ind at lilt* Mamr Umtr  I'rniti    ( within  .'.s pon-M the imu rl ties that *         .s. -lifs, unt[ts and -r  Iy skin           - Uavinu-    - Mi in c:K-ar. noli, mouth am! l..       thai ily ItHjk  IhiIIhtm many . Don't i isU ymir f;   , ,  ;      ~-lie;ip     .-:  :1iIu;; n-ain:-;, -ntM m* . IniL Unrc lo usu ival Xmlhiniu UUfachinu *iv:     its lH.~i:i:l-l:S AfrTl.Nfj -s I'ltiirul hi no other '1. larL  N.' HU-  -hln^' 'rc-ini  Jiiid       - its ,  -HUi- .s it m:iy  r hail at any  c.~ui:trr ;lt ."y,.- a      \v-Uicli iiii:tr;niic' ha I yon will i-"ly pU-as.-d [,in"s with I'Vt-rv Jar. IT yon want n tiy N'ailhiolii     -a*n      " vmt  1i.     - in N'nilonnl  Co.. DepL Z-20, Paris, Tenn.. or a whole week s treatment FREE  BLEACHING CREAM ~"or  .iet  inhale       M ri'.- vapor : lie sleeps. I-.  rt\!ili c;:rri--i HwUiiim.  v; m Ji[~cl .tfl     :. J of .illi. s m: .     ;; for tli.    : of 2Uikcniiilvrn:~l(-~ i U.TIU Ixttly. No upset stomachs.         N*  . Uroiilcux. i or  ~-: i*    *n^vr.Com* tie. In  ur.vp*fu! u^ for 02 mm . At all . Sritrt     Wooklul  1 sn. Mil Vapo-Crc- v'*^*-~  Co.. 2  ~!ortl; SI.. New Vorter-N. Y.  MVE LUCK!^ "i\* v.\ 'vo^i ~^A entry p* it 'i *i*o* f^S.'ffl7S?Sl?2 M V B 1 0 Sh'SSKBSMW1--* - bct; l(VJ ^^~   ?i LODE STONES       Si'Wf.'aaps?^' ' n Ttrrleo 0  Cccul{ )rt-   . ~.     .=. 'OWBRfOl ~-     HAItM. on* to          . Brl 1 Jonci    . Let !!app n~'~  nd Vrw^ftl l,?-:     1.01 lor Ih. two W.td  J.U-.A m O'H'.o 8Mli.           'i'n'. Vrt* ^T  our- "*n Ilox 72, Broafclyn, N. Y H'pt. Cf$ P. S. Bureau, General P. NOTICE! We    Sniitai Mystic Brthm. Lodeitod re ALfVKI Juat whut t0?2 rath^MAL Tli 1 NO- .      * V UAtlNniCI GET YOUR* NOW,' C AGAIN I Ott CA-N GET NEW ORLEANS LUCK POWDER CURIO Until now     rich, wealthy and  priests were  to        only ones able to ert It. but now wi   It from the *e*en point! trie , and vou too can obtain It. I Whr ec blue nnd low? Money, , ?~:s          nnd           11 Rymbcllred 'n this rare curio. Strtnat as It may *e*m. t!iou.~~    of  b^ In * to bring  good luck in montT .          .~. .t. io\e. nnd to bring food * onlv to them nnd to 09 tht     *e or nil  ucc.'.s nnd         , The Srcret Powder ntm all th* rood luck cl John thf C*~ Root. Lodt^. Miisnrllc S*~nd.      Powders, mono -         Inctr bag". Boljf OIL nno t;      Blood nnd     all I ton w'.~h for. We  no ^ -for ihc*c *. but yell them to 70a  r* ^ curio*, and we hart 1 t * of testimonials from all o*ar thr  hv  find  I * I - -  A  of genuine New Oriiana 1 Vnn Von.  th*~ 0II1 of th# .  lth fu'.l special  I lor you to ua*. But you   thl^   * Aid nt once. Bend tto money. Prv the        . lust $1.00 I Dtu* a few enf postage when b* i ^). . order at . Ju*l  or write your      aud * find ^rnd H 10     Orleati Curio' i Co.. 201 E. 33th Street. Dept. 10. Chlroso. . and wa wlU   na  to it"' it once, m you can  tt a  5tart. (j Q</t>
  </si>
  <si>
    <t>                                           Funeral Notices and Obituaries Alk Y'jur Funernl Director To      ;Them PublUhed On The FRONT PAGE Of The Atlanta Dally World "World'i Only Negro Daily"</t>
  </si>
  <si>
    <t>                                           To Charlie and Chapel Delaperia. McNeals Alley, girl. Feb. 29, 1932.</t>
  </si>
  <si>
    <t>                                           WERE THE COLUMNIST Ceres, the goddess of vegetation, or some similar being. It is likely that held go four-leaf clover hunting with the sole purpose of heaping the treasured plants at the feet of one Mr. A. C. Chrystal, colored Publicity Director of the Fox Theatre, a deserving young man if ever there was one. Very intently this department has watched his work in the coveted post he holds, and after several months of observation and unofficial tabulation we are indeed proud to acknowledge that Chrystal is getting his message over. The...</t>
  </si>
  <si>
    <t>                                           Jealousy reigned supreme Thursday when two persons were slain, one a man and the other a woman. The murders occurred in opposite sections of the city, a few hours apart and like the vicitms the assailants were of both sex. The cases were alike in that both the...</t>
  </si>
  <si>
    <t>                                           ;s^                    !    53i^ mi ii ii a ^   = L. back over tiie TWENTY "years we have b8    'BusTn^S:;==) Q 1 =^^~ expanding to a national organization We attribute our success primarily to] -i'% y      long and strong friendships we h;.!ve held with our customers. The men! m 'i; ^== v/b0- SCHVVOBILTciothes are the backbone of our institution and vye' ^p j! r^a^r: consider every customer an integral part of it. j OF TREMENDOUS IMPORTANCE TO MEN WHO WANT CLOTHES VALUE j\\ 'M I =gBB"^M*"""""B!gg'11^1 in V :4 Words Can't Do Them justice Description Can't Give Them Credit. YOU Have to See Them- to Try Them.On- SPECTACULAR- DRAMATIC-^: 1 'SENSATIONAL- and That's Putting It Mirdly. Schwob Quality.- Fit- J Choice Fabrics Everything You Could Ask For.., 1 i .AWE MAKE THEM WE  WE GUARANTEE. THEM. ;i\ i M'--- :;r\;~8 Ready- to -Wear Tailored-to-Order' ;'    i (SUPER VALUES INDIVIDUALLY MADE-' j ,^i      jFj J NO CHARGE FOR ALTERATIONS \h* plS Aiianta, (;~irj;.i South's. Largest Clothiers and Tailors t ^7; 1"! Manager *Vr$f*jSm</t>
  </si>
  <si>
    <t>                                           Read Every World</t>
  </si>
  <si>
    <t>                                           Who is attending school at Talladega College spent the spring vacation at home with her parents. She had as her guest Miss Lucile Deck of Talladega College.</t>
  </si>
  <si>
    <t>                                           :-:-:-:-:-x-:-x-:-:-:-:-:-:-:-:-:-:-:-~:-:'l THE EIGHTH ANNUAL FASHION REVUE Sponsored  Written by MISS LUCY C. REEVES wii; Im  MARCH 31st At the Auditorium Che title "Rnliffhtvmnciil" connects beautifully with last year s 1e\-ue. i</t>
  </si>
  <si>
    <t>                                           One of the prettiest of the many gay post-Lenten affairs was that given by Mr. F .A. Toomer, at his elegantly appointed residence, 240 Sunset avenue, N. W., on Monday evening, honoring the members of the smart 27 Club.</t>
  </si>
  <si>
    <t>                                           Dr. Hope To Fete W. E. B. DuBois                 Members of the Atlanta Branch of the National Association for the Advancement of Colored People wil be given an opportunity to greet Dr. W. E. B. Duhois, editor of Lhc Crisis, official organ of that nat onal group, in an  manner Wednesday evening at 7:.'iO when n reception will ho given at the home of Dr. and Mrs. John Hope, Morchouso college campus- Tea will be served by members of the Woman's auxiliary. Dr. Duhois is here delivering a .  *rie* of ten addresses  n "The Economic Status of the Negro." AUTOTlfTAGKEDOIEISKIUID VALDOSTA. Ga.. M:u\ 22.- Their car fired  by an :imo full of while m T. Will Prtston was kill.d and liL-^ brother. Mack badly  Saturday  near Mi'lrosc, south of this city. According to the sheriff's offire. ihi? car in which the Presto is wef: .R with n . Will Hull, hud crr-s-:eri tlie F):i line win n :i car  sevi.-ml white men  up   :hind and opened fin-. Tim  nr was riddled with buckshot mid      two of thr tires wore shot out lhc auto turned over. Btuh , declare :h.*y navo tio ulia who ih[ m:p wi.-r; wh'. fired at the -av. as not a word v.'.u  b'.'forT the  and (hi. I'ttnrkinq ear continued on as tho  were fiord .</t>
  </si>
  <si>
    <t>                                           Funeral Notices and Obituaries Afk Your Funernl Director To      Thorn Published On The FRONT PAGE Of The Atlanta Daily World "World'  Only Negro Daily"</t>
  </si>
  <si>
    <t>                                           All society, club nnd church news, including marriage announcements, must be signed with I lie name, add rent, and the telephone number (if any) of the sender. Unsigned communications will not be</t>
  </si>
  <si>
    <t>                                           'ITS A GREAT LIFE IF. YOU DONT WEAKEN",                 By Jack* Rabbit                 *$HE MAIN THING ON MAIN STREET"                 By%^rF/VmvZeGn                 MAIN' '6 LEADiNff HfcMSPAPEE TIC TBiIM LTKCUntgATED STRAW HAT SEASON BLOWS IN TODAY ime. ncsr  HAT.    5CEM ON MWff 6 ToWTV  CM SAM SLICK, "6cM TAtHION PI.ATC, APPEARED. JutxsiriG  APPCACAMCcs, They Will  Ourru A .                 DOROTHY DARNIT                 BV' Charles^. McManiis; e                 By CY                  . OF THE VAN LOONS- But even at that Mother Is quite/an observer.-                 By F.  i?-:</t>
  </si>
  <si>
    <t>                                           Stop Light! Puzzles Drivers                 "Who has the right of way? Motorists cross ne the intersection of Piedmon and Harris streets Sunduy ond Monday nights were placed in  a predicament to solve- this question while police headquarters received a lare;e number of complaints about the m x-up cause:! by the  down of a side stop  standard on the Southwos corner of the intersection- The standard was knocked down in some mysterious manner late Saturday  or early Monday moraine either by the wind or one of the  running i automobiles that whit)  I that  on, whizzing: around corners, etc.. at high rates of speed. Autoists  north on Piedmont or west on Harris may  alone if thev do not become confused by the halted cars  from the opposite directions. The drivers     the Harris St. hill are constantly on the "en" as the  relit, and the    of the fallen signal post, burns when the red of the other  eroe? on. Those  'T^v^-^t         :ir    '.~ rce no '. So far, no accidents have been reported. Drunk Army Capt. Crashes Auto, Injures Maid Mrs. Mauley Stozicr, of ."111 Wells street, suffered a badly cut hand and injury to her arm when an ;lu in which she was ,'. Monday , was struck by a car driven by Capta'n John Hill of Fort Benninir. Ga., and turned over. Her employer, .Mrs. S. B. Guston, of HIM Morninirsidu Drive, was  the car in which Mrs. Stozier was a pas.. AcconliiR- to police reports, Captain Hill was under the ; of Iitiuor at the time of the accident and had in his possession nearly a quart of whiskey. He was booked at he- on charr.es ol' dri\" while under the influence of liquor, possessing whiskey, and accident. The collision occurred at Juniper and Third streets. Mrs. Gaston was ; north on Juniper. street and Captain Hill was traveling east on Third street. The capta:n's ear is reported to have struck Mrs. Caston's car at the intersection. Mrs. Gaston's two children, William and Charles, were in the car at the time but escaped injury. Mrs. Stozicr was treated at the Grady hospital and allowed to go .</t>
  </si>
  <si>
    <t>                                           ?           ^ ByTS^e R5\:</t>
  </si>
  <si>
    <t>                                           Midnight Fire Does' Small Damage To Davis' Home Slight  waj done to the home of Mose Davis, 574 M. alley when It caught on fire iust a few momenta before midnight. Wednesday night The blaze the origin of which is unknown, was soon put out.</t>
  </si>
  <si>
    <t>                                           ONLY NEGRO DAILY NEWSPAPER IN THE WOK.L.D MEMBER OF THE ASSOCIATED NEGRO PRESS W. A. SCOTT Editor and Publisher Frank M.r.b.ll D.yi. Managing Editor PUBLISHED DAILY AT 210 AUBURN AVENUE. N. E. TELEPHONES: WALNUT 145=9 and 1460 THE WORLD assumes no responsibility for unsolicited manuscript sent Into the office. SUBSCRIPTION  One Year, $9.50; C Months, $0.00; 'i Months. J2.6O; Weekly 20c</t>
  </si>
  <si>
    <t>                                           U.S. Senator, Reared i n Georgia, Asks Whites Pay Debt to Negro                 WASHINGTON. Mar. 29.- (ANP)-In flat contradiction to the theory expressed by many Negroes in the north that northern Democrats, placed in positions of national influences, will align themselves with southern Democrats and oppose the bast interests of the Negro citizens of the United States; James Hamilton Lewis, Democratic, senator from Illinois, arose in the senate when the Howard university                 and queered by Scnntor Trammel of Plorldn and 'Senator Huey Long of Louisiana, and made nn  plea- Ihnt (he hundreds ot thousands of white people In this country who owe a debt of gratitude to the Negro discharge that                 obligation by opening (ho doors of  to the Nagr0 citizen. JVIr. Lewis  to speak  !u    em*. had bccn restored to tho Howard .university appropriation through amendments offered by Senators Costigan. Democrat of                 Colorpdn.  Kiltield. RepubUcnn of West Virginia. After  their - : :tnd .-. Mr. Lewi* stated:: "Mr. President. I  to offer for a  n suggestion that possibly  nm ho 'n  minds of those around us due to th0 Jact  they ore very greatly engrossed with moro s.~riot)~ matters. ThiM is a Nosro \. TIs is lh0 university that is  supported by thn  . It Is  In I's . nnd it hns no  the  institutions of our country. I parti(Contlnucil on Pngc Z)                 U. S. Senators (~'Continued from      One)  make that observation as  10 Its form of Institution and the class of people to whom it submits and" commands Us 'efforts. "Mr. President. In the city of Chicago, where I live, ; Is a wry large population of colored people. Tlisrc ure in excess of 300.000 citizens of that group who contribute to that state with much industry, with ceaseless efforts, and -r.tlie circumstances .in which th.?y live really 'present an example cf the noblest citizenship that would be offered by nn humble people surrounded with the disadvantages we knowthe Negro, is compell to endure. For myself, sir. 1 was born In the south. While born In Virginia, 1 was reared in Georgia. I was schooled at different institutions, until finally I. was enlisted at. the University of Virginia." At this point in his speech, Mr. Lewis was Interruped by Senator Ifuey "Kingl'ish" Long of Louisiana, who stated and inquired: "I understood tho senator to state that there are 300.000 colored people in Illinois. I wonder if the -senator can tell mo how many votes there are".'" Senator Lewis replied and continued as follows: ~'Not haying much interest in their politics but more  in : humanity. I have never had 'occasion to investigate their attitude in politics. I would love to Inform  friend from Louisiana, but du,, to the fact that I have interest from a party point of view :io profit to       and very  in their political' views, I am un-,ble to enlighten him. "I was about to remark. Mr. President, that the Negro has remained to me an object of Croat personal interest and much sympathy. I  to life  the 'War of- the States nt a time when the poverty of the South was recognised and adopted as an  war had depleted all its institutions. Its people wore largely bankrupt. It was not  to give ;ts children education. Here in Ihis eminent assemblage I am not oath to confess that I twas upon :he black bo^om of a Negro mammy  my own mother passed out of ife. that I drew the earliest  of ." and there was )orn to jmo the first knowledge, . in the accents of love,  f that which we speak of as  and heaven. The early  that came to such as myself in  and thousands from the Metro devotions in that land of he South has placed all the child-, en. now In manhood, under debt; jf obligation and one of continuous gratitude. Whon-ver ^*e could ldd to th,, opportunity to educate hem and lift their lives, it is with sense of duty performed, and if t should be omitted, a form of  should follow which should n er  upon the steps cf for^ and ingratitude. "In the community where I live    is tli0 most essential elo-! ment ail races. Lawlessness in rill . alluded to on this floor us possessed by some localities in tlip -El-eat West, is -due' Co the fact ihat education has not been  in directions and in such  and quality as would have  the instincts of violence ind lawlessness. The education .ve are {living  Negro, that which s being sustained by the Feder*!!  rnmc-m. h:is had much to da inl   a citizenship over ;xe!:-.pt iron) yielding to the :; of lawlessness and has : to bring them tQ that -i did perfection of citizenship their ace and each nationality dreams of . "Sir. in these very hard times In. i- and industry, the Negro' is about the most helpless of our! citizens. He is not, for  too^ apparent to be referred to. enjoying' the membership of labor unions, i At a time lik,, this his opportunity to be employed is very limited. If we shall take away from that institution that which we contribute to their education, where shall  Co? They can not collect contributions from their afflicted poor. Their people are in need and  it present so deprived of opportunity, because cf these universal dis- 1  which are afflicting us all.j that there would to them bc no recourse whatever. They have no work. They ha\~; nothing to - Their friends of  Teir color ;an not contribute. There is no .ocation they can follow and by it ;arn return*. They  desolate ind helpless. Tltls honorable body Iocs not turn its desires of economy to thc particular Items that cutl  human . I delight to iway. work destruction of citizen;hip. and strike hope from '  of the amendments, as I im pleased to give my support, and I .vith the votes I give I extend con-t Cfatulntions to those eminent mom- 1 aers of this body who tendered the I  and Rave their voices ind services in this exalted under--~'king of humanity and justice to a  people of a deserving ."</t>
  </si>
  <si>
    <t>                                           WASHINGTON, Mar. 29.--(ANP)--In flat contradiction to the theory expressed by many Negroes in the north that northern Demecrats, placed in positions of national influences, will align themselves with southern Democrats and oppose the best interests of the Negro citizens of the United States: James Hamilton Lewis, Democratic senator from Illinois, arose in the senate when the Howard university appropriations were being opposed...</t>
  </si>
  <si>
    <t>                                           Tahcthcrcmrclyili.ntli.'isl 1 relief to * lh:m 1 U years I'innirit'j* (    or 3 Black Ciijtstilrs. IV    more     9 ...^iii? . j\o       I p3tn1'tit .. No     ' 5 :t^ up ut ni^lits. I'l.micn'-t  your ailment uu.\  5 I lasting ro-ull-. Don"t sutler a j - hinder not -n it*a so           L-l iltis wo'!~l.~ relief. I    , ^vi(~f;it', for ria;   -n*s. S tlic uj-uc l'l_  "n.~'? I ,1 U*~ G".    !-. i", ^r'^ p r    )A uf2 1 Ojpfulr*. .'.I Dm,'      -~ i"1 H. PLANTEN SOK, [nc.: ij 93Hjr.r/   ;cl B-3o!,l,n, N. y. I "Lose s/crp 0/ aunt p:i :un t Shan't .t  thep^in in no .i. "IMir.c you rt , Alice. It Krlciely j 1 1 fall much  . j LAME BACK -lumbago Whenever lame  lumbago threatens to keep you  re- j member Sloan's; It gives quick i j        with its  warmth, j j l:rtsh blood circulates the minute I yo u pat it on. Pain soon disap- I I . Your back is soothed, relaxed. You sleep soundly all .1 1, night Get a fresh bottle to- i I "i day at your druggist s. Only 35#; I</t>
  </si>
  <si>
    <t>                                           Syd Pollock's Cubans, who are giving the fans of the South an ... to admire thier assortment of whiskers while enroute north, landed at St. Petersburg, Fla., to open thier 1932 campaign in this country.</t>
  </si>
  <si>
    <t>WASHINGTON, Jan. 13--The United States Supreme Court yesterday heard argument on the second Texas White Primary case, by James Marshall of New York, member of the National Association for the Advancement of Colored People. Arthur B. Spingarn.</t>
  </si>
  <si>
    <t>                                           PHILADELPHIA, April 8--Geo. Godfrey, back from the coast and several months of sight-seeing and wrestling, has gone into serious training, strange as it may seem.</t>
  </si>
  <si>
    <t>                                           Drunken Autoist Hit! Hanley Funeral Car                 A funeral coach belonging to tlM Hanlcy Company, was slightly damaged when Mrs. M. K. OgleIfoe of 562 Boulevard. N. E.. driving a Ford coupe, turned the corner at the intersection of Merritts r.nd Btdford Place and crashed into the side of the car, which was parked at a church. No  was injured in the crash, but Mrs. Ojk'iieu w.is loi-ked up fur driving a car while intoxicated and leaving the scene of the accident. A case was made against her associate, Mr. Gibbs. for being drunk and disorderly conduct When Owner Yells Thieves Drop Loot Just as W. B. Wclborn. GflO I'enn avenue, stepped out of his  door Friday night, he noticed two boys walking down the street each carrying one' of his golf bags. Mr. Welborn yelled at the youngsters who drooped their loot a short distance down the street as they scampered to safety. A investigation showed that the man s automobile had been entered by twisting the- lock off the rear door.                 Four Men Indicted For Taking Part In Burglaries Accused of the theft of an expensive Phileo radio from  Furniture Co., 13G Whitehall St. early SunU-jy morning. March 0. William Howard, alia? Candy, William Harris, alias Snak.and George Junes,  Nub. were indicted by th.- Fulton county grand jury Friday. Tin.- three men were  '-d for  in connection with the (heft of two Majeyt'c cabinet Jadlos and;             radio of Ihe same make from tilt.- Abbut Furnium- Co.. February 1!8. The total value of the last named haul was S18J. day was against Willie Everhart on charges of larceny from a       . Everhart is accused uf entering the home of Willie May Mapp. 137 Linden St.. Morris Brown co-ed, late tho night of March 21 and stealing a blue sweater as well as $8 in cash. Several smaller articles were also laki-n. ill 71. HURT  Mrs. Amy Cochrane, 76, who lives by hi- :it the corner Neil and Me Daniel, escaped with slight injuries when she was knocked down by an automobile driven by C. P. Stuckey. white, 1441 LanI iur JPIkco, about wight o clock Sat-.  night .Tho -' was on her way       from the grocery store when she was*'hh while- crossing the Peter und' Me Daniel street intersection. Mr.       .*y not only  around to se- how badly the woman was injured but went by the Grady hospital and the police station. She was taken to the Grady for treatment by Joe Regular. G39 Leonard street, and a companion who were passing at      time. Tho elderly woman suffered a slight  on her scalp and somo bruises to her right leg that are probably of a minor nature. She was ablo to go home with little assistance and stated that she hoped to bs ablo to attend Easter services Sunday.</t>
  </si>
  <si>
    <t>                                           In Your World, News Comes First</t>
  </si>
  <si>
    <t>                                           EVANSTON, Ill., Mar. 29--(ANP)-- Suggesting that the Northwestern university professors and "highbrows' whom he declared were backing Edwin B. Jourdain, Jr., in his race for alderman in Evanston, change their object and give the colored youth a place on the...</t>
  </si>
  <si>
    <t>                                           I George Garner, Famous Tenor To Sing Here                 C'nrRr R. G.. Intcratlonnl terv-r. widely acclaimed as the world s greatest singer of Ncern spirituals, will  her.? in  m tlT:   on Friday evening. April 22. at 8:30 o clock. This presentation Is being fostered      cooperative efforts of Atlanta churches nnd schools,  the chairmanship of Milton L. Riindolph. local .</t>
  </si>
  <si>
    <t>                                           The subject of this digest may not interest you as an individual but his political situation is unique. Doubtless, there is not one reader out of a thousand who has ever heard of the man, and perhaps not even one colored editor out of a hundred. Certainly, I have not...</t>
  </si>
  <si>
    <t>                                           I BOYS CONFESS1 PHONE THEFTS                 Caught in tho act of pilfering :   telephone pay station, two youths who wore arrested Tuesday afternoon, according to police Friday, confessed, to having looted 108 pay .stations. Tho youths Rave their names at the city jail as Willie Davis and Bcnnie Jackson, both 20 years of ago. The lads were arrested In a gasoline filling station at the comer jot Piedmont and Houston street-s lis they wore rifling tho coin box of iho pay telephone. At polio? headquarters,  .ire said to have admitted to hn.ving had n regular rout..- of phone booths, which they covered over a period of months. Police aro of the opinion that -al other minor thefts can be traced to tho activities of the pair. WHITE SLAYER GETS LIGHT SENTENCE CONWAY, S. C. Mar. 25. (ANP) How cheaply the life of a ,Wgro is held in this section was indicted horo Thursday when J. E. Howoll, a white man, wag st- to serve two yours in prison when found guilty of  Jackson Johnson. HOLD FATHER AND SON FOR SHOOTING COLLEGE GROVE. Term.. Mar. 'IV,. (ANP) Stonownll Davis and his son Waltpr D.-ivis  bound over to the Grand Jury h.-ro Thursday in  with the shooting of W. R. Hnyncs. white, and his wife. The son wok charged with the shooting .nnd the father was charged with  and  thn crime.</t>
  </si>
  <si>
    <t>                                           Booker T. Washington blazed a new path in America by advocating the training of Negro boys and girls for jobs. The world has followed largely in his footsteps. Booker T. Washington believed that if a boy wanted to become a bricklayer, he should learn how to lay...</t>
  </si>
  <si>
    <t>                                           I CLASSIFIED VOTES FOR Your Church j When Yo;i Use j Atlanta Wor!d: I CLASSIFIED ADS i One Vote for Ruch Cent 1 You Spend for ATLANTA WCP.I.n CLASSIFIED A!, 3 I</t>
  </si>
  <si>
    <t>                                           Lucius Jones, Editor Ric Roberts  Driver</t>
  </si>
  <si>
    <t>                                           Run 1  1\ Ji^"'1 '    ^Ri-^ "The Billboard I I</t>
  </si>
  <si>
    <t>NEW YORK, Feb. 10 -- A complete audit by certified public accountants of all sums received and expended by the National Association for the Advancement of Colored People in connection with the Scottsboro cases, was made public to day at...</t>
  </si>
  <si>
    <t>                                           BLACKMAIL                 FOILIHBi TO LIFE Oi LEWIS s                 Afro- American Prexy; Asked to Pay $2500                 CRIMINAL                  JACKSONVILLE. Fia., Mar. 21.- The bold attempt of a blackmailer to extort a sum of $2500 from A. L. Lewis, president of the: 'AfroAmerican Life Insurance Company, was foiled yesterday afternoon when police          at     designated spot where the money was to                 have been placed, and killed David Asgill. who gave h:s address as 625 W. Ashley street -,-j Lewis received the first letter from the blackmailer Friday night in which the extortioner in heavy printed letters instructed the well known Insurance head to place the S2500 in a cigar box and hide It under a tree in front his home on West Eighth street. Failure to obey the threat carried a punishment of .death. Saturday another letter came written in the same manner and' which repeated the instructions of the first, only adding that if the po- lice were warned it would,  certain ,' for Lewis. The. po^"? lice were notified by Lewis after receiving the second threatening note. A box was placed under the treo by Lewis, who notified police of the threat. Shortly after the time designated in the note, Asgill pass- ed the tree and stooped to get the box which he thought contained the money. Just as he was extracting it from the hole, officers ran forward. Sensing danger Asgill dropped the box and attempted to flee. Failing to heed the command of officers to halt, the man was shot, the bullet passing         his right lung. He was carried to the county hospital, where he died after admitting that it was he who had conceived the plan to relieve Lewis of the large sum of money. He. told police that he was driven' to the blackmailing  after ho was unable to get work.</t>
  </si>
  <si>
    <t>                                           JACKSONVILLE, Fla., Mar. 2l.-- The bold attempt of a blackmailer to extort a sum of $2500 from A.L. Lewis, president of the ... Afro-American Life Insurance Company, was foiled yesterday afternoon when police appeared at the designated spot where the money was to...</t>
  </si>
  <si>
    <t>                                           VICE PRESIDENT          ASSOCIATION DIES                 I.OlJISVILLEr   '.. Apr. 8 'By      Associated N.-gro Press) Dr. A. C. Mclmyrt1. vice president of the National Medical Suclety and one of the best known physicians in Kentucky holding various offices in th,- Staii. Medical Soci.-tty. prominent in Fraternal circles, is dead. He had the position when     died of Assistant Physician at the Kentucky Siat.- Asylum. Services wer.. held at the Quinn Chip-1 church Sunday. He \v:is also a member Of the" Alpha Phi Alpha fraternity.</t>
  </si>
  <si>
    <t>                                           The Wiseacres said we were flying High when we conceived The Daily idea and put it to use....They were right. We are flying high. We print more news per week than any other plant in the World- which 'serves Negroes wholly, our features, columns, news events and stories are copious- we send you the news while it is. the news- that s why you like and read The Atlanta Daily World</t>
  </si>
  <si>
    <t>                                           CHAIN PRISONERS ^H^^H ^HH  BnHL HflH aBT ^BHR JH 9 I ni HI mt IhhmI                 Ml INJURED IN ROCK BUST                 Chained Prisoners Hit by Flying- Missiles in Quarry j                 BLAME GUARDS                 Struck by two rock* which flew from.- n .t^             ^.^2 Artibysfree't,"  of the' 'Fulton county chain gang, was said     bo In a serious condition at Grady hospital Thursday. Mifforlns with a fractured skull. Harry Garrison, of 227 Old Wheat, also a                 vlct. wu hit on the shoulder by one I of the , but wan not seriously injured. According to several oilier , who witnessed the , Murphy and Garrison were  nearly 400 foet away from the explosion when the rocks flew and struck them. The pair had been working alons  more than 50 other men on i ho stone quarry, located out on Confederate road, and were hurrying away from tho dynamite explosive when the rocks struck them. PVIurphy was hit juSt :tb[~vc his richt eye. the stone making a i1cc;j wound and cracking his skull. Garrison, i hough knocked down by the force the blow from the rock, was not severely injured. Accusations against guards nt tho M"iio         were  to World reporters, shortly ;ift er the two men were hit. by the rocks, by several prisoners. One guard, an aped man. according to their statement, was particularly negligent in not  tho prisoners In get fnr enough  from the blast to  danger. They  that, the elderly  was  that the prisoner^ would       a break for liberty if they  too far from the seen" of the blasting.</t>
  </si>
  <si>
    <t>                                           Struck by two rocks which flew from a blast James Murphy, 42 Ashby street, and a member of the Fulton county chain gang, was said to be in a serious condition at Grady hospital Thursday, suffering with a fractured skull. Harry Garrison, of 227 Old Wheat, also a ...</t>
  </si>
  <si>
    <t>                                           WbiflBBi^li! ONLY NEGRO DAILY NEWSPAPER IN THE WORLD              ': 8^ Entered n. -clau matter nt tlie      office at Atlanta,   ., un dor ths act of March 3, 1879. I ^."r^ VOLUME 5. NUMBER 3!) ATLANTA, OA., MONDAY. MARCH 21. 1!).{2  FIVE CENTS'^</t>
  </si>
  <si>
    <t>                                           i i i Ti.-~.dia E. PbKhani's Vecctai!^ Compound too "Worn-Out" to g"o Another d.\:z brc!:cn CouUn':  on her fscc a minute longer! J. E. j relieves cramps. Try ic  month, j i ^7 1 N U M B l RS Jl run jiii: i.-.ti st noi C j; The  SALES SERVICE I'. IMiX :'.-J2 WIXSTilN-SALBll N. CJ 1 yn-TV- Cisr.r* for 5' Ol. n-li-^ p,\~ a'' i^'ur^rVv'^r^^''.* ,-"3" .^ H '   .ot ~^iuf^i.a;!NiV;r-i-rj Vo~--,'tr.u,ii cii.iK ~.,-rcl.il or...- f-,r Hr.lr^l     .~: I..Ani.ri-nti Tobccco Co L;i Ii39,'         ]~~, t*  . I Atil.Ms \iAN-'t!l i II* \.it: V.A-.T n  Tporlunltr t.v t.i = k- fi; i.-i u ,!  - .. anil Krt I I rt"rJ '"''li;'" ''"~''I'*'- "IP   "'t.  j MjifaJ'Il. CINCINNATI. \~'^y co.' ueA.'"c. " cotu;o.[</t>
  </si>
  <si>
    <t>                                           KILLS HUSBAND                 KOSCIUSKO. Miss.. April 20.- Robert Hinos. Nepro. died .it his homo nt Thomastown in Lcake county, from blows of an axe. said to have been wielded by his wife.     woman wns acquitted on n pica i of aelf defense following a preliminary.</t>
  </si>
  <si>
    <t>                                           You'll never know how        /    a cigar can be unt^^j^^^f[     "I. Lewis Cigar Mfg. Co-, Newark, N. J. Makers"</t>
  </si>
  <si>
    <t>                                           Death Beats Law To Thief Suspect                 MEMPHIS, Tenn.. March 2S- As Detective Scrgt. Lee Quianthy. Jr.. was headed for the general hospital Vto got Willie J:. who hod brien previously injured in an automobile accident near Turrel. Ark., to answer charges of larceny of $50 worth nf clothes from 705 Pontotoc street, he met an undertaker bringing his lifeless bodv lo 381 Linden stret, residence of the automobile victim. Attention at the  was immediately called to tho officer s attention bv Mrs. Luella Wilson who lives on Pontotoc. Detective Scrgt. Qulanthy found Ihs clothes at Jamison's home. Although  cheated the  of  connecting Jamison with the theft, they arrested his wifo</t>
  </si>
  <si>
    <t>                                           Miss Juanita Leeper of Mobile. Alabama who is a popular student of the Alabama State Teachers College at Montgomery was recently crowned "Queen of the Marshal's" for 1932. This title along with other recognition goes to Miss Leeper as a result of her efforts in behalf of...</t>
  </si>
  <si>
    <t>                                           MEMBER OF THE ASSOCIATED NEGRO PRESS W. A. SCOTT Editor and Publisher "Frank Marih.ll Darii Managing Editor PUBLISHED DAILY AT 210 auburn avenue, n. e. TELEPHONES: WALNUT I4S9  nd 1460 THE WORLD assumes no responsibility for unsolicited manuscript 'sent into the office. SUBSCRIPTION1 RATES '."One Year, $0.60; G Months, So.OO; 3 Months. $2.50; Weekly 20c</t>
  </si>
  <si>
    <t>                                           Kappas, Omegas; Alphas, Sigmas Open Up Saturday Nitel</t>
  </si>
  <si>
    <t>                                           Proposed Merger Sacrifices Caused Victory Life /?                     BOTH SIDES REST ON OARS                 Supreme Liberty and Victory Life Co.'s Talked of Merger j                 FACTIONS TALK                 CHICACO, Mar 2K (ANP) 'I'll.;  against winch ,  -  of    : Victory Life -u  may hi: ki ,    'i;:iii to assume shape ihis  a.s thu two factions of .s :iu   An. Overtoil   two                 in-law Richard !  Julian Lewis us opposed to James K. Stumps,  of agencies, Charles A- Shuw, secretary and Dr; 1". M. Savory, vice president and cl.ief spokesman for a croup of New York stockholders, rested on their anna. A truce had been imposed because of the temporary injunction granted  Jusl'ce MeGoorty in the  court to Stamps and Shaw who had been ousted summarily by the Overtoil controlled board of directors. The two are buck on  job and further overt moves are not expected until the court hears the merits of, the. bill of injunction. The underlying cause of the outbreak in Victory Life according to Stamps and Shuw were the negotiations bailie conducted by Mr. Overtoil to merge Victory Life with the Supreme Liberty Life Insurance company, in the process of which they charged that he had arranged for the retention of himself and his sons-in-law but had been willing to  all of the other officials of the company. They feel, they said in an interview with the Associated Negro Press, that such an attitude, was gross ingratitude for the efforts which  nnd other officers had been making to promote the organization. The story of the attempted merger as told by Mr. .Slumps is as follows: Over a period of two or three years but more frequently^ during the past few months, conferences have been held between officials of the Supreme Liberty, Harry Pace and Trumann Gibson,  and Mr. Overton looking forward to the consumation of a plan which would bring the tvo  ona together. There was a hitch over the presidency, both Messrs. Overtoil and Pace being reported as desirous of heading the new concern- Mr. Overton is said la have presented a slate which included himself as president. Richard Hill as general counsel and Julian Lew's as vice president and medical director. He is  as having been willing to leave all other officers to the Supreme Liberty group. In order to  the deal according to Stamps it was felt necessary to secure the support of Dr. Savory of New York who serves as a spokesman for New York stockholders  more Victory Life stock than nil the other stockholders put together wi.th the execpt on of Mr. Overton. A white stock salesman is suid to have  intermediary a feud between Dr. Savory and Harry Pace preventing personal negot ations. The physician claims that he was offered $10,000 to agree to the mercer untie* tin1 terms as outlined. Instead Dr. Savory refused, informed Stamps and made a public declaration of the offor at the stockholders meeting last January. He confirmed the report to an Associated Negro Press reporter in New York last week. Stamps and Shaw declare that their suspicions already aroused bv activities involving nepotism and high {~ ing. decided they .say. to fight. Their efforts to 'ontrol proxies nt tin' meeting and 'heir subsequent dismissal followed- Mr. Overtoil when  admitted Ihat he has always been favorable to mergers nt            companies if samp could be perfected on an  - accord  lie lias discussed the matter in a preliminary way with two or three Negro insurance companies, one of which was the Supreme Liberty Life before the ,-u(Contlnucd on Fnee 5.)                 BOTH SIDES (Continued from Pace One) preme Liberty mercer and with the Miid merged company. On one occasion wherein the Douglass National Hank desired to exchange some of Lhoir- mortgage; with the Supremo-Liberty for securities which it was reported the .Supreme-Liberty held, that Pace  to make the merger ot the two companies a condition upon which the granting of the exchange might In; made. lie stated that as merger d: had mil advanced beyond the preliminary stage that some position or persons did not  the discussion; and notwithstanding Stamps had proven unsatisfactory, he doubts thai ha entered  discussion. Shaw was regarded as a good publicity man but never felt he had tile trailing or ability to muke a superior secretary. Mr. Pace's version of the mer- ger negotiations agreed in principle with Mr. Overton's but differed somewhat iii pattern. lie said lie had never believed Mr. Overton sincere in his desires to merge because while Overtoil was always willing to discuss the officers to be. he was never willing to lay his cards upon the  as to the condition of his company or present detailed figures which would enable them to work out a plan of actual conso!. Pace said he would hardly have permitted his ambition to be president to stand in the way. It is probable that the injunction which protects Stamps and Shaw in their jobs will not come up for a hearing for two or three monthsIn the meant me various forces are said to bo seeking a compromise of the difficulties which beset the organization, loner one of tile prides of business life in Chicago. When asked whether there was the poss;bility of a compromise Mr. Overton, replied that any such move would have to come from the inside. Shaw and Stamps replying to the fame question said there was no chance of a compromise. One, change in the organization has been made. President Overton announced a successor to, Shaw in the position of assistant to the pros:dent. a job not covered by the injunction. 1. J. Joseph, who was with the company during the early days of its organization is to be the assistant, Mr. Overton telling the assembled office force Thursday morning, that due to his  absences from the office, Joseph would act as president when he was not 'n the office. Joseph severed his. connection with Victory Life (luce or four years ago when he was general manager giving as a reason, the fact that year he was refused election as a vice president.</t>
  </si>
  <si>
    <t>                                           CHICAGO, Mar. 28--(ANP)--The background against which the difficulties of the Victory Life Insurance company may be sketched, began to assume shape this week as the two factions of officers including President Anthony Overton and his two...</t>
  </si>
  <si>
    <t>                                           Whitens While You Sleep Freckles, Blackheads. Blotches* Vanish too! Oh what a difference a lovely white skin  Yuu can have it. No matter how dark your skin now, no matter how many other creams have failed, thin famous Golden Peacock  Cream will lighten it ono  a night or your money  Gentlest, daintiest of nil  thai work. Perfected by SOsreat specialists absolutely guaranteed. More economical, because it acts so fust you i mo bo Httle. Try Golden Peacock Bleach Cream tonight. At all drug stores and toilet gooda counter*-</t>
  </si>
  <si>
    <t>                                           OLE MORPHEUS will yawn impatiently tonight, gentle fans. Neal Montgomery and his hired hands will reel off those hot notes a In Duke Ellington, Alluring coeds, sorors and well known society matrons will pass in review in gowns of gay colors and daintily carved lines. Swanky and immaculated Fraters, all brothers in PhlBeta Sigma, or their exclusive guests will flaunt "fronts" to suit the Fifth Avenue requirements. Saxes will throb, trumpets will whine, banjo will give off lyric strains, piano will reel and rock against tripod with...</t>
  </si>
  <si>
    <t>                                           Alabama's State Supreme court, with the exception of one fair-minded justice, has backed up the legal outrage Written into history a year ago at Scottsboro when eight boys, none of them then 21 years old, were sentenced to die on evidence less substantial than tissue paper. This assemblage of the best judicial minds in Alabama, after due and dignified consideration, has gone eenie-meanie-minie-moe to Pick out one from the number whom they think may...</t>
  </si>
  <si>
    <t>                                           Wake Up Your Liver Bite -Without Calomel And YoaTI Jnmp Ont of Bed doan.t  u       to tho bow!lE_ in  Moming     11* tO GO Cu  up sour stomach. You h*Te thick, bad U*tn nnd your breath in foul, sWn D jm fed BOOT SSd Btmk Wtd the often  oat In . Your hMii VOrld looks ,don  alot ulm Ma you ted down and out. Yoiu-        trf ,  water, ail, ) ^^^1 .  or  f111 expect            :             'Si.n"nE t}isa tO DakS  BOddcaoly ^ LTTERPUXStoEctthosntwopoundsotliUo and buoyant and full d .          nd make you (cd "up miA op." For they CMXLt do ft. They only They  wonderful, harmless. ce"   mOTB the  and a men move-  , ..i; when It enr*a u ment  get at tho cause. The  tho wio (low . IBOSOn f Or your -end-Out  Bu t doo t a3k lor liver pill*. A.~k Tor (..- s b your fiver. It should POUT OUt tWO Utllo Liver Pills. I.00I: Im l'..e name r.Hr!rr i  of liquid bile  your bowels  Liver l ilin ^n t::c rr;i law.    -~ c^v I . *'           .n. OlD2t.C.M.Cn You'll never know how good (TX a cigar can be unt^y^^0^L %$~ "I. Lewis Cigar Mfjf. Co-V Newark. N. J., Mtikors"</t>
  </si>
  <si>
    <t>                                           MAKE UP YOUR MIND TO BE A HEALTHY WOMAN Thousands of women every- anil robust. You can bo1 easily. where who were weak, thin, run- Just lot St. Joseph's G.I'M', help. town and discouraged through you. This rich, vegetable Ionic overwork, loss of sleep ami - contains Nature's own roots anil cal neglect arc taking -St.Joseph's herbs which have been  for C.V.V. to invigorate and strength- over a century to .,- ;-i; en them. If you could just hear  and strengthen wont;;? how these grateful women praise run-down, ailing women. Yottt. this wonderful tonic you would druggist will soil you the ' go right down to your druggist lar bottle of G.F.P. on nn ) '~% and get a bottle today. Make up money-back guarantee. 'ifj your mind that- you are going to ^*^'^* got every pleasure out oC life that 9jf   9      9-~~$ it -s, that you are going to J^^r tST^ Wk banish those petty ailments so  8L^S m. 33E9   Xf^2. JW$k common to women and' that you f-~,^T*T ""JL. -%~ lire going to bo strong, healthy UnQ ^WOfflOnX) UOnlf^M,</t>
  </si>
  <si>
    <t>                                           Teachers Meet Here Thursday                 Additional plans for the 1932 meeting of 500 teachers from the fifth congressional district were outlined today by C. L. Harper, principal of Booker T. Washington High school, who heads the local -ttee of arrangements. The or.vont on is slated to be hold at the B'thc! A. M. E. church, Thurs!ay at 3 o clock. H. A. Hunt, principal of tho Fort V . High School. Fort ^e-. and "president of S'Mo Teachers "he p-inc!pal :cv IV -I..- ,:,'Jy i.-s-'oiv WM.*e ~.i'.i win deliver the ln;p-atr"".nl addresses dur:ng the day have no; been announced. Vincent H.iris. executive  of the Georgia State Teachers" association and a Rosenwald . will deliver an address on county schools. More than 350 of the 500 teachers expected to attend are in Atlanta schools, Professor Harper revealed today. CQiyflNUETR I A I OFiGupsr Trial of A. B. MuIIInnx. 58-year old white, indicted by the Fulton grand jury on a charge of raping five-year old Negro child slated i be held in Judge John D. Humorhips division of Fulton Superior i-ourt Tuesday, did not appear due  n an overcrowded calendar of criminal cases. It is thought that trial of the aged white would 'bp reached by Judge Humprhics by noon today. Th" small child, who appeared in court Tuesday accompanied by her . u'.-is dismissed, as were thre,.. u-hit^. witnesses, until Wednesday. BUST OF DR. DU BOIS TO BE SHOWN AT COLUMBIA NEW YORK, Mar. 23.- A .Surt  f   - W. E. n. Du Bois, editor of *V       nnd member of the " of Directors of the N.A.A. C.P.. bv Alexander Portnoff. i?: to     bim-n in an exh!   .ion of thRt ^tor s wo k nt Columbia Unirerslty from March 30 to June 15.</t>
  </si>
  <si>
    <t>                                           Pittsburgh at Birmingham April 25-26.</t>
  </si>
  <si>
    <t>                                           DEACON .TONES4                 By T. P. !   ^                 i Tho '.- text wns FLKf. FROM?,? THE WRATH TO , but ! looks of tho CongrcgnlfQn.~"f:hiV'3 P^ b itfor bo I'p.-.to.^FX*^!}^ FROM A XOT OF           8i$ THAT WAS SURE TO         -$~l</t>
  </si>
  <si>
    <t>                                           I ATTENDED a meeting of Class Number seven of the Zion Hill Baptist Church Sunday School at the home of one of the scholars Miss Willie Mac Smith. The object of the meeting was for the benefit of the contest in which the different classes of the school participated. A...</t>
  </si>
  <si>
    <t>                                           MOTORS J^sm %i 1^8 JLBJagHh, WASHING RADi0S ^^kI ii8^MACHINES i AGAIN SATURDAY- WE REPEAT i The Radio Sensation of the Year y^^^^^^^^Hl^ SUPERHETERODYNE ^^^K^R^S^P Specially Priced For Saturday ^^^B^^^SJ/tA .ve Tubes Superheterodyne Pentode Multi S?l -fHP" S: JlllllSSSi^       vlu- Rugged Bail-Bearing Condenser- Six Tuned SKM^?*''      ^      ?l .~j*i Wg^ -- Built-in Antenna- Vernier Tuning  Dy Prol %   T$~?%f The Two Best Rod:, Says of the Year  1 CASH  EL6VERS THIS ~^si9    ' 1 At a New Low Price i^^^BH Specially Priced Full sire cabinet model For Saturday General Motors Supcrheterodyr.;:    j* u^ jim with (u" automatic volume con      3^'nr!~'M'vTSr ga8 w completely  2.00 a TFeefc Pa//s ^"*"^^ w, i -^fe-. NOW The Famous REGAL I ^^^^L^i.a?-,. Complete With Lovell Wringer pr^-       AT A NEW LOW PRICE ~^           Mjtm S electric motor and Of^^Pl TEED' 4 DOWN ri**^"1i^ :.^W8 n The greatest value ever of- SnH W' '"^T" ***^~~~3S I tered- See 'oday. $1.00 ^^H Jl 111 p pu Sfl ^^*1$ down  It balance  M Mf r r K si 51'00 a weck- Sirafftg    fc n    Corner North Avence 610 PEACHTREE ST. Corner Korth Avenue</t>
  </si>
  <si>
    <t>                                           Don't be alarmed because yesterday's column got in today and vice versa. We all make mistakes now and then, you know. Just be Chinese this time and read backward.</t>
  </si>
  <si>
    <t>                                           WE EXTEND CONGRATULATIONS TO The Atlanta World f THE ONLY NEGRO DAILY NEWSPAPER, R.C TOMPKINS j FUNERAL DIRECTOR Phones: gl^    ) i^ St., s. w.</t>
  </si>
  <si>
    <t>                                           I^BShotI Pure, Fine, Famous Herbs      $$m For Sick MEN and Sick WOMEN      8g8a Whj   .   ? Wlir ntt.r  ~"~. VSttU^           Vrt. . Llvtr. Kldotr*. Blood I*. RMuWSSSfflmM Slltm. SKSu AppindUIlU BM. J-J,1' raW^HRllffMnrnril TruublM or        70a tout bo.  ^ I"~l.,"l'~~ B.rb. will po.        . ^^^^^fel     " RMOllal Coil or Wrltr T.~4    QUIT S THE ORIENTAL HER3 CO. GOOP CAMPBELL COAL TODAY S CASH PRICES TON BUFFALO (.Furnace Egg) S5.50 STARBOUIiNE (Round) $5.75- (Block) $6.00 BLACK COMfcT (ROUND) $6.00- (Block) $6.25 RED STAR (Ebb) $6.25- (Block) $6.50 MONARCH COKE $7.25 U'c deliver two bags nf approximately 100 pounds each- S1.00 JA. 5000 240 MARIETTA. N. W.</t>
  </si>
  <si>
    <t>                                           LOUISVILLE, Ky., March 20-- There was plenty of fire in th final meeting of the Southern ... which closed a two-day ... here last week much of which will have to be looked after by mail unless another confab is called.</t>
  </si>
  <si>
    <t>                                           Funeral Notices and Obituaries Aalc Your Funeral Director To Hare Them Published On- The FRONT PAGE Of The Atlanta Daily World 'World'. Only Negro Daily"</t>
  </si>
  <si>
    <t>                                           MADISON, Wis., Mar. 31.-- (ANP)--How the 61 chapters of Delta Sigma Rho voted in the recent poll which was to decide whether this honorary speech fraternity would amend its constitution and admit Negroes, has just been made public by Prof. H. L. Ewbank...</t>
  </si>
  <si>
    <t>                                           A good pie has been the saving of many a too-busy housewife's meal. Rushed with the multitudinous duties of the day, she has perhaps neglected to prepare her meal as carefully as perhaps she should have. But as far as the male portion of the family was...</t>
  </si>
  <si>
    <t>                                           SHAW ARRIS IN NEW YORK                 NEW YORK. Mar. 31.- Charles A. Shaw. secretary Victory Life Insurance Company, who. with Janus E. Stamps manager or agen- cies, was ousted from Iho corn- j pany last Saturday. March 12. ar- I rived in New York Friday for a conference with New York slock- 1 holders nhd dim-tors. Mr. Shaw and Mr. Stamps secured an - i tion on Wednesday morning from Judge John J. McGourty in circuit court which restrained Anthony Overton, president of the company, i  interfering with them in      j discharge of their duties. Shaw was in conference all day Saturday j but announced he would give out! a statement to the public before he returned to Chlcayu Monday. Grand Jury Hears Cop Death Case This Tuesday      death of Det.- F. C. Foster crack investigator of the Atlanta Police department, will be  before the grand jury Tu.sday, according to Denouncement from Solicitor General Boykins office. Detective Foster was killed Wednesday ev.mlng by bandits when they attempted to- holdup the Boulevard Delicatessen, where I if was  . Murder indictments will probably be sought. Harold White, who had stool j jacketed bullets in his pocket lik.- 1 those found in the. body of the dead i officer, died late Thursday  at the Grady hospital. Before dying h.u gave information that lead to      arrest Richard Sims. Richard Morris and John Wesley Peek. The  two confessed lo participating! in the robbery  Peek stoutly denies being present. The two Richards place the blame for the fatal shots upon White.</t>
  </si>
  <si>
    <t>                                           Woman Forgives Other Who Cut Ear Tip Off                 Undoubtedly realizing the spirit I of forgiveness symbolic the EastiT season. Janie May Fortson,~ 517 Ivy, refused to name and  cut? a woman who stabbed her late Thursday night. The victim of the knife attack had the lower part of h.r i*ar cut off in addition, to several stab wounds in her right breast. According to the wounded woman, har attacker,  name she steadfastly refused to , although her actions seemed to  that she knew her id:. cut her as she was walking on Mangunm .     other woman) Mangun streets. The other woman' is said to have apologized very profusely, explaining that sho thought that     was "another woman". Th.; apologies of the penitent woman were accepted and the injured woman given, treatment at Grady. Pie And Chickens Disappear When Thief Appears Some one hns n. stomach full of pic ,t pair of waffle Irons and an  clock to time th? cooking of said waffles by the  of the robbery of the Pink Rose Cnfe. 891 Simpson strc*st. N. W., some lime Friday night Or early SattH-dny morning. According to Att Hall, owner of the restaurant  whs effected by breaking th-; lock. Only one plo was stolen. Mrs. Cora Everhan. 511 Rockwell street, reports that  entered her hnn- early Friday morning by twisting the lock from the front . Seven hens are missing. BOY WANTED TO SEE THE FIRE ENGINES Columbia. S. C, March 27.  ANP) The sight of the fire engines rushing madly down the street has always appealed to Louis Leggs. a 12--old boy and to, satisfy his desire for a thrill he i  in a fire alarm here Wedncs- day morning and as a result was . He confessed to the firemen and the officers that he turned In the alarm and gave his reason for doing so as previously stated. If th.~ court does not deal leniently with the lad it will be several days before he sees the        again. OUT OF 20 UNIONS ONLY I.W. W. ADMITS NEGROES TO MEMBERSHIP NEW , Mnr. 27.- Deliberate exclusion of Negroes from membership in American  tin:nns is  ecl in n list compiled bv the U. S. Department of Commerce nnd sent to the National Asfwiat.inn fft'* the AHvnnee- i . of Tolorod Poodle. The list shows that out of 20 important unions in the trn  u"d t  C.it on . only the I- W- ^r s</t>
  </si>
  <si>
    <t>                                           SHOWERS TO DAMPEN PARADE                 Churches to Feature Musical Programs for Easter Sun.                 RAIN THREATENS]                 if t*. P. von Hermann, *. ITnltrd Slot cm  bur."'~i. js**~        pt Atlnntn. is hrr ^v-rf.  t; * Easter fr""ks  " her rir.~ss-un       n- will bo  by      :      showers Sunday .                 But the  of rain holdT no; Iprro'M 10 i-hurch- people of the r.sit.-. City of the South. And especially nn the day set aside to   the Ressureciion of the  .   -~ of Die mosi holy of   in the  . Enster. when nil tho Christian world takes on new life    did a crucified Jew slightly less than 2.000  ago. will bo marked this  wilh somc of the finest musical presentations in Ihn history of the city. Accompanying these mimic  will bo  Hcrmons prepared by Atlanta pastors.. Probably 4 he principal musical attraction afforded today will bo "Tlic Seven Last Words" which will 1 be' given under tho capable direction of James Frederick Hall, nl tho First Congregational church. Courtland avenue and Houston . Mr. Hall will bo assisted by the combined choirs from Morvis Brown. Clark and Morehousc. Numerous other oratorios, cant:itaM and choir programs will be givi-n at special morning and evening services at practically sill churches in the city. Pastors. n.s during past years on Bister day. will deal wUh the theme of . but never be- 1 fore will have had such -~ ance -as this year, when American business is  from one of its worst financial periods in . New hope, new life, new . will be restored with the coming of the gay EiiHtor season.</t>
  </si>
  <si>
    <t>                                           ... von Hermann, meteorologist. United States weather bureau stationed at Atlanta, is to be believed milady's new Easter ... along with her ... parade ardor will be dampened by probable showers Sunday morning.</t>
  </si>
  <si>
    <t>                                           ;^:-:-:-:-M-x-:-:-:-:-:-x-~-xK^-x-:-:-x-KK-M-:-:-:-:-:-:-:-:-x-:-:-~:-:-i;   JS ~.     Service ^Y K* STATION A   ^S/ljK 1 1 350 MITCHELL ST. 7 A e^^J f\\. I (GAS- OIL f^Jj^^^f -BATTERY        I ^SERVICE ffl' I \VE ARE NOW IN A POSITION TO HANDLE YOUR y. Washing Greasing 'C^^se Wra*fc 4~- A VISIT WILL CONVINCE YOU f y, Phone: Ja. 7018 service is our motto I 1</t>
  </si>
  <si>
    <t>                                           HOW DO YOU DO, ladies and gentlemen--how do you do? This is Station A. W. P. broadesting, with L. C. L., annodheing--not that it matters, but we've got to start the column off some way and this is as good as any other. But tp proceed--de von read...</t>
  </si>
  <si>
    <t>                                           Alpha Phi Alpha started at Phi Beta Sigma with a rush here last night, taking an early lead in the first half which was gradually cut down. At the end of the first period Signin's constant drivel had knotted the count at 13-all.</t>
  </si>
  <si>
    <t>                                           BAILEY S BAILEY S Royal Theatre 81 Theatre Com. Sun. Midnile Com. Suji. Mielnite .lIi() Mim. Tues. also Mon. Tues.   r*    *~' Xfiie ~*  2     9 wit!, Regie Toomey and Sue Carol with Wallace Beery wh()  a million' Dollar and Jackie Cooper Contract'.' Who tried to frame the Mayor'.' Sad and Touching! Brine your w(~o  l(ie Di, Altorrlnndkerchief ney? LINCOLN THEATRE H 101 Mitchell Street h 1 SUN DAY . MONDAY TUESDAY h TTTTTTTTTTTTTTTtTTrTTTTTTTTTTTTTTTTTtTtTTTmr H K  Trail'!1 h with i* h G@og? ge O'B?ies% h H AI^O EIGHTH CHAPTER OF M 'THE GALLOPING GHOST' M With RED GRANGE f         ^''''^</t>
  </si>
  <si>
    <t>                                           The idea of eating for health is not a new one, but that of eating for beauty in quite another matter altogether, although health and beauty are so close allied that we might almost say that every perfectly healthy one has the foundation of beauty. Certain it is that...</t>
  </si>
  <si>
    <t>                                           EDDIE TOLAN, foremost Negro sprinter of the Negro race, former University of Michigan star, and outstanding candidate for the 1932 Olympics team of the United States, found his young Sophomore opponent, Ralph Metcalfe, brilliant Marquette University flash, more than a good match at Toronto, Canada a few days ago, losing two brilliant dashes. A year ago had...</t>
  </si>
  <si>
    <t>                                           DYING WIFE POINTS TO HUSBAND                 Tells Hoys That Her Spouse Stabbed Her in Back HELD FOR POLICE Ethel Hunfr. :mc 23. of 10G Wavorly Way, was  stabbed (n hoi bark 'arly Saturday  and before dying accused her husband. Will Hunter, eif lh,. crime. She ru-Il in frc.nl of 1099 Euclid avenu\ N. E.. and died before an ambulance arrived. Tnrtirmallon furnished by Robert Friddcll. a while boy. age 15. of 1005 Euclid avenue, and Bill Stewart of 1099 Euclid avenu-?. the woman stated that her husband had benten her up. Her body was picked up by Hanley ambulance and taken to the Grady hospital where doctors pronounced lv^r as being dead. Will Hunter was located by Officers E. H. Bently and W. C. Nix and locked up on suspicion. When questioned at police headquarters about the murder. Hunter denied knowing . about' the affair and slated that ho had not seen his wife since threo o clock In        al which time she was going over on Highland avenue lo collect some money from a friend. He is being held at  pending complete investigation. According lo police reports there  vn no eye witnesses to      stabbing. HuntiT is S3 years old: the two haw been married sinc,^ 1929 and moved here about three years ago from Fitzgerald.    . Teachers To Meet At Big Bethel Thursday More than 500 leach-srs from the firth  district including 350 from Atlanta schools will  Thursday at Big Bel hoi A. M. E. church. Auburn avenue and Uutler street, for their annual meeting. The opening session is  to begin at 3 o clock. Principal speaker at the meeting will be H. A. Hunt, president of the Georgia State Teachers' association and principal of the Fort Valley Industrial Higli school. Fort Valley. Ga. Vincent Harris. Georgia Rosenwald representative and executive secretary of the Georgia Slate Teachers' association will also speak. COPSlEnOUTH  Two minutes after Oficers n. A.' Sewell and H. 1. Sexton received word that someone was attempting to rob a (! station owned by the Gult Petroleum Company al the corner of Bass and Pryor Streets,   midnight Friday, they arrived on the scene  they found Leonard Guy. 17. .tlR McDanicl street insde the building busy at work. He was armed with at knife. Judge Callnway ordered t h e youth held to llu- grand jury under bonds ; $1,000 Saturday morning.</t>
  </si>
  <si>
    <t>                                           fJT MATHER]  WEDNESDAY afi.rI oon or : 'Thursday.  t .  . past 24 hours. 68; lowest. 46: Hvcragi', 57. C F. von Hermann, Meteorologist, WVulhcr Rurcau,</t>
  </si>
  <si>
    <t>                                           BOBCWn LILY-WHITE TILT                 MEMPHIS, "'.Tain"    18.- Fol-' lowers of Bob Church, Tennessee Negro republican leader, Wednesday drowned out all proposals of C. Arthur Bruce, lumberman and republican candidate for governor in 1930, leading the "lily-white" faction oj the state organization. When heckled nfT the floor, Bruce was  a feeble effort to nominate George H. Poolc. white, as chairman of the meeting to succeed Church, who was acting as chairman. When Bruce's proposal was bar.'ly heard, a general din "C catcalls, whistling and hisses followed. The "lily-white" crowd was adjourned to hold its own meeting in !!- section of the building, while Church supporters used llv main auditorium lo carry out theii conception of the Shelby county republican convention. The result was that there are twu sets of delegates from Shelby county lo the State convention at Nashville and two new county executive committees. Six-Year-Old Boy Struck by Auto Struck while crossing the Mncon highway near Harper's oil mill,  home from in East Point school. Joe Starr. G. of 1224 Jackson street, College Park, was rushed to Crady hospital where It is thought he is suffering from a fractured left leg. According to the youth, the white man who hit him stopped and after asking a few questions left saying that he would return shortly. No bystanders, however, thought lo get the man s name, license number or address. He was admitted to Grady hospital.</t>
  </si>
  <si>
    <t>                                           AUGUSTA, Ga. March 23-- "Lion Fans" and athletic enthusiasts everywhere will hear nothing that will please them more than the news of the work that is being done on the Paine College Athletic Field. The Athletic Association decided that instead of having a varsity...</t>
  </si>
  <si>
    <t>                                           Re-Endict 2 of Reds as Case Remains Open!                 Constitutionality of Ihe old Georgia Slate l;iw of Civil War Days fixing the penalty for  an insurrection at death which was invoked by the solicitor general s office in connection with six alleged communists who were arrested in connection with local disturbances March 9, 1930 lias j not been decided Ijy Judge Pomeroy as vet. Attorney* C.                 Hancock, Atlanta, und M. C. Mel Clfllnu. Mucon, entered                  on behalf of the   -  -, contending for the most ] that In* incident was a minor affair of  and l ha l the law which was n-Mirrected for ihe occasion w:is one  but one.-, dr-signed for the safety of slave owners, and not constitutional In the meantime .- Fulton I county grand jury has not been! id!.-. Ai their Tuesday meeting. I :i.-w Indictments were returned against two of the men. Joe Carr and M. H. Powers. The new papers, very specific as to contents. chin-Be the men  attempting to incite an Insurrection and with an attempt to induce others to join in combined resistance to the lawful authorities of the state of Georgia with the intent to defeat mid' overthrow such Kov.-rnment, all ofi which acts were 10 bo accomplish-; ed- in an unlawful manner. Specific -ls .speeches, newspapers and books of an Inflammatory nature, one of which was "Prepariin; for Revolt." by N. Lenin, is especially designated as dangerous were-  d. The program of the pair, who represented themselves as organizers for the Communist parly and the Young Communist league. Is berated as being .- In nature. Some slogans' such as "Full political and Social und Racial Equality for         ^-~ ".A "Tinr* Bosscr War." Defend the Soviet Union." "Smash the National Guard. Citizens Military Training Camps, Reserve Officers Training Corps.' etc. are also listed. No definite day for the trial of the two men under th,. new indictment has been announced. The discontinued on Pace Two)                 Re-Indict (Continued from Face One) -n of the trial of the six. Iwo of whom. Henry Story. Atlanta     -~. and Herbert Newton, member cf ihr. American Labor Concro.-s.     Ncsroes. which was  " for lnst Wednesday, will he made Known as  as Judge Pomeroy completes his investigation into the merits of the ancient ". In the meantime, most of Iho defendants ,nll of whom are out on bond, are s^ld to bo in Chatlinoojsi. Tenn. G. W. Chnmlce. former attorney ^ of Tcrincsaoc. who aided in tRe. defense of ili.. ScotLsboro case, is  in this case.</t>
  </si>
  <si>
    <t>                                           Constitutionality of the old Georgia State law of Civil War Days fixing the penalty for inciting an insurrection at death which was invoked by the solicitor general's office in connection with six alleged communists who were arrested in connection with local disturbances March 9, 1930 has not been decided by Judge Pomeroy as yet. Attorneys O. C. Hancock, Atlanta, and M. C. McClellan, Macon, entered demurrers...</t>
  </si>
  <si>
    <t>                                           Roomer Drops Dead After Brief Illness                 Louis Nunnally. a roomer nt the  of Mrs. Emma Head. 255 Butler Street; N. E. dropped dead in his room at ill,, house, shortly after coming in from work Thursday night. His death was contributed to natural causes, after an examination revealed no marks ol violence. Nunnally. wns employed :ix a] houseman in a Mornlnt-srd.' P:irk Residence.. When ho arrived all home he  lo Mrs. Hcaa thai while   home a. pain in his back had caused him to stop twice. Departing, hu went into, his room.  tie' collapsed a. few minutes later and died \~eto\-2 medical assistance could Ibe obtained. He was rushed to Grady hospital where  pronounced him dead upon arrival. The body was turned. over t0 Haugabrooks. c</t>
  </si>
  <si>
    <t>                                           NOVELS DISCUSSED                 NEW YORK. Mar. 21.- Throe novels. 'One Way to Heaven." by Counter Culler. "The Chln^b"~-ry Tree." bv         Fauset, and "Infants of Spring," by Wallace Thurman, were discussed at the 135th street library Thursday  by Aubrev Bowser, teacher and former editorial assistant on The Amsterdam News. INVITED TO DURHAM NEW YORK, Mar. 21.- U. S.. Pos- ton. political writer, and Floyd J. j Calvin, feature writer, have been invited to address the state-wide! non-partisan political meeting nt Durham. N. C. on March 31. by i I.. E. Austin.  ditor of the Carolina Times of Durham, and chairman of I the meeting. J                 MUST SERVE 3 0  FOR FjlKpv! MEMPHIS. Tenn.. JIar. ;21- Howard Evans, who testified *IrT the case of Lenard Woods  business was operating n . establishment, was indicted by a grand jury, and last week was fin- in jail. Judce Harsli had him av- od $100 and sentenced to 30 days rested on a bench warrant when he made this frank statement while siting us a character wit- ness in defense of Woods, charged with robbery. CRUSHES HAND Willie Howard, of 129 Huntcc street, an employe of the Fulton,. Bag . Boulevard at the railroad, suffered a   badly mashed hand when an  trie motor on which ho and other employes wero working, dropped upon It. He was KininK emergency, treatment at the Grady and - ed to go home.</t>
  </si>
  <si>
    <t>                                           Here's about the best break the men will get before Easter, HIGH'S is going to sell regular one dollar and one forty-nine shirts for fifty-nine cents this is surely the most sensational shirt value in many years. In HIGH'S Bargain Basement tomorrow (Wednesday) we...</t>
  </si>
  <si>
    <t>                                           J^B^^^^^fl^9 BBS! Dflfl ^b^9 BE9 BBbi^^^b^H ^^^^^^^^^^B ~^~h ^9^1 ^9^^^^^^^^ ^^^riSH I^^h b^^^^^K ^^^B B^^h ^H)I^Bs Pp^B ^^^^^^^l  ^^0fl Dfejw ^^mPB hm "^nSl I^^^b w^^h'" ^BSS ^B^I r ''V' ^^H ^91 ^^h ^Bfl ISB I^^B B^9 ^^H ^^B I^hS ^^B I^B 1^8 ^SL. vh ^^H  o^^BK ^19 E6B BSfixk 9R9B B19 BmI ^ufl *Dd ESS B8B hmh     BBB ^^Bs JHw BBB 111*^1. ^BB ^^H i^^9__HH ^Bl ^^9 I^H_J^SP ^^H ^^h i^^B__^^H ^^u^_^_ ~^^^b^. ^Efl m/^B^^a ^^B k^S IdSsBa ~^B ^^H ~^9 ^^3,^a,^^B BSI B9h -L-io^y H9H 1^^~'  BB^^b^i ^^BL m^b BBI RBb IMH.JHB I^^H ~^B ^BB ^Hfl ^^H G^S ^^9 V^L. J^H ^^H ^L Bfi^L^^ Btw ^ Bhl_^hB 1^^9 ^S9 H^8^k9v8 h69 EvI l^^9 w^^^B ^^B^^^hm I^HB^Bfl j^^B^^^^ ^^Be^^^B^ v^^~  4/B^^^^k ^BbB^^^^h ^^B^^^^fl fl^^^^^^^B ^^^^^B^B ^^^S^^k     ^^^^^^^^l ^^^fl ^^^^^^BBh ^S8  ^^^RG^^hb ^^B ^^^B^^^h ^B^^k ^^fl**~ B^i^^ d^^^I^B ^Ir^BB       ^Sr^^B BB^^^^ BH^^9B ^^^r^^ ^Hr^HI BH BlvB ^^^BBs^ B^^^wH      ^^H^H^^ IS9 B^i^BB KS^^ BHI BBH    MB Bfl l^B i^B ^^v l^B ^^h ^^b i^B ^^B HB PBB HBil bi ^^B br^. vhb BIB ^^B B9 ^B^^k ^^B d9I ISi ^^B i^B^^k-^^B hj^^^^h ^hB IBm E^^^B^^ l^^B JflB ^Bl ^BB B^fl ^^^^B^fl ^^^^B^^^^. B^^^^^B hm B^B l^B ^^^H(B^ ^^fl EHBVflR^ ^2  ^B i^BH ^^B ^^B ^^B'l^B^^^B^^^B'^ ff3 IBi BB    Hm  Bbb ^^H hb ^hh ^^B h^I Bfl ^^1 Bb I^a. 59 HB BBB HB ^BL^   [HB BH   _J^9 BB ^BBh!                 SAY CHURCH NEEDED IIP POLITICS!                 Committee Named :     Sponsor Activity Ti=~ on Voting Lines                 ask cooperation!                 Resolutions were adopted by the \y.  or. church cooperation, at I Its meeting in th.? Butlor Street Branch Y. M. C. A. ursine that,-'~    active campaign bu  In-'^J;  Neg-.-oes to register nnd' vote. Rev. J. A. Martin presided at the meeting.                 Th-~ committee appointed to in-  the campaign included Rev. L. A. Plnkeston. Rev. W. J. Fsulkner. W. A. Bell. C. W. Washington, R. W. Rlley. N. A. Bridges, and Rev. J. A. Mnrtin. Attorney A. T. Waidt?n h:is been asked to officiate with the committee in its campaign. Flnkston Talks The action followed a fiery ad-, dress by Rev. L. A. Pinkston on tile "Responsibility of :    Church'. !n Politics" in which the lcc-il mln-'. ister declared that the minister  hould be active In the religious, moral and commercial life of the', . and th'*re is n-~ greater" channel through which th-~ church '~an serve than that which affords tho minister opportunity to  and W Insist that his " register and become voting citizens." "Th0  of this ace," declared the. speaker, demanded that politics should be 'applied religion' and certainly the minister must' be vitally concerned. No longer, can We neglect our duties to the state upon silly pretense of what some regard  . It must- bo' remembered that all citizens ex- v pect. and very reasonably the protection of thP stnf as to life and property, and It would be very uriT".:! fortunate or any citizen dodge his duties upon the grounds: .'I am'"' a Christian." ENP.ctly opposite to such views, we hold f*r the Tea.-" son that one Is a minister and Chrlstiaji, he should be nn example v in civic . and leading people" in matter* thit make for' sound government Finally. wc feel that' tlie kingdom of this world belongs to Christ, and .-ertainly in all mat- ters of government. Christians' should help see to It that the Christ-' standards apply. Firht With Ballot "Th(, God who gave life '" us to maintain .- , let' us contend for it throughout tho nation. The concrete and -" ous situations such as Jim Crow' cars, -s. and indeed all public places that deny ^ot passage the darker people, can' be abolished in the last analysis through the  nnd determined. (Continued on      2) ~"tS*                 ^GMrches (   -~ from Part Oriu) yr-e of 'H* ballot. In tills way t r*? will     for both racs  Irom  an   i        .im on?." I^Plnta coll for thn registration of every colored man nnd  of  nge in the cltv of AtlarSnl nnd Fulton county. Tha - 1 ice. am- to an announcement will call' upon  to,--i      in getting .voters to registration places and later to polling booth*</t>
  </si>
  <si>
    <t>                                           Resolutions were adopted by the committee on church cooperation at its meeting in the Butler Street Branch Y. M. C. A. urging that an active campaign be instituted instructing Negroes to register and vote. Rev. J. A. Martin presided at the meeting.</t>
  </si>
  <si>
    <t>                                           TIM TYLER S LUCK Might Makes. Right By Lym Young</t>
  </si>
  <si>
    <t>                                           Persons born on is date are working under changing conditions, albeit beneficial ones. Travel is indicated and a change of occupation. Those born on this date quite likely to contract more than one marriage.</t>
  </si>
  <si>
    <t>                                           KILLS COUSIN TO RETAIN HERITAGE                 Florida Lad May Not, Be Able to Attend Mother's Funeral I                 RELATIVES HERE                 There little  Ihnt Willie Mosely. seventeen year old Jacksonville. Flo. , will be permitted to attend the funeral of hits mother. Mrs. Essie Mosely. that in  held at Watkinsvtlle today. YounR Mosely stepped from a Seaboard Airline train shortly                 after midnight Wednesday into thn arms of O'ficer J. W. Pucketland was placed in the city jail on  of murd'-ring his . Arthur Johnson. 23. also of Jacksonville. The boy. in company wilh his aunt. Mrs. Estclle Johnson, mother of 1 lie slain youth, accompanied tho remains of his widowed mother here for burial. ShrrlfT W. B. Calhoun. Jacksonville, sent a deputy hero Saturday to return Willie. Acording to the youngster, his aunt nnd others wished to ship a trunk belonging lo his mother and said to contain three hundred dollars and n watch valued at sixty dollars along with the corpse. This !v resented, as he intended to go back to Jackyonvilo after the  and wanted to keep his mother s property. Willie claims thai they tried to prevent him from going, but that     jumped over the banister, seized the trunk, placed it on his back and started down tho street to put it where they couldn't pet it. His cousin. Arthur, following, caught up with, him. drawing a knife and  inc he would cut his throat. The lad. who received a slight slash on tho back of his hand, dropped his burden, nnd pulled out an ice pick that he had placed in hia pocket After4 stabbing his cousin several times, he took to his heels with his slightly older relative in pursuit. After a chase cf more than a block, he managed to  his opponent, returning later (Continued on P1150 5.)                 Kills Cousin board the train  with his to his homo to get his suitcase and aunt Neither was  of the tragedy until the officer  Willie at the station hero. Johnson is said to have died Fhoitlv after the . ^Besides an aunt. Mrs. Abble Davis, 806 West North avenue, and a grandmother who also resides in. Atlanta, Mrs. Mosely is survived by other relatives ut . Dunn Brothers have  ol funeral arrangements.</t>
  </si>
  <si>
    <t>                                           There is little chance that Willie Mosely, seventeen year old Jacksonville, Fla. youngster, will be permitted to attend the funeral of his mother, Mrs. Essie Mosely, that is being held at Watkinsville today. Young Mosely stepped from a Seaboard Airline train shortly...</t>
  </si>
  <si>
    <t>                                           Churches Listed Devoting Energy to World $750 Cloverleaf Contest                 1 Good Afternoon, Everybody. This I is the Clover. Leaf Good Luck! Context manager,               from I the main  of The Atltmtn Dnily. World-on a frequency of nil -Four Loaf. Clovers." by authority of "Mother. Nature."                 Yesterday  wo - j ored to give you short resume the rules  nd regulations governing lhe said . Today \\-c aro mentioning n' list" of .the churches along with their contest  who ure putting up n huRe  to wtn the first or s?cor.d pri-e each week, which are being                 ed by The Atlanta Daily World. Well, here we go: West Mitchell StreU C. M. E. Church. Rev. .1. H. Wigcins, Mrs. Bi- WigEins. manager: Rice Mvmorlnl Presbyterian church. Rev. G. W. Gideon: Mrs. Bessie B?rry, manager: Mt. Zion Baptist church. Rev. J. T. Dorsey. Mrs. Viola S:. -r; Shiloh Baptist church. Rev. Wm. P. King, manager; Ccntnil M. E. church, Rcv.j j. A. Baxter. Mrs. Emma John-' s-m.  T: Bryant's Tabemacls, Rev. J. L. . Mr. T. R. Jonca, : Warren Memorial                 M. E.' church. Rev. C. K. Brown. I Mr. R. Bradley, malinger: Greater Mt. Marian church. Rev. C. H. Holland. M. H. Holland, manager: Chap3l Hill Baptist church. Ace Carter, manager: St. Luke Baptist . Rev. .1. W. Dunlap, Wary I-. manager: First Baptist church. Rev. \V. R. .Tones. W. M Houston. ; Frnnklin Merwlnlichurch Rev. A. M. Goodwin. Daisy Mitchell, manager: New SprlPuftJld Baplist church. Rev. T. .. manager: 2nd Mt. Olivo Baptist church". Rev. Gco. W. (Continued on P.trc 2)                 Churches Listed (Continued from ?tRC Gne) Jordan. L. Pearspa manager: Greater Friendship Baptist church. Rev. E. W. Jores, E. Rachel, :r: West Hunter Baptist church Ri-v. J. R. Bowers. Mrx. Hill, manager: Pilgrim Baptist church. Rev. S. Ralph Wilson. B. Lamar, manager: Tabernacle- Baptist church. Hey. L. W. Smith. J. E. Barker, manager: Areil Bower if. E. church. E. ,G. Newton. W. L. Ne\, m:     '2r: pig Bethel A. M. E. church. Rev. B- G. Dawsoh. manager: Travelers Rent Baptist church Rev. F. Gri^an. Muudio I,. Berry, . t Biuldh Baptist, . Rev. L. A. Pinkston. N. J. Williums.        ?r: Ebenezcr Bnptiat .   ^v. W. N. King, manager: Union Baptist church. Rev.' S. M. Bryant. J. Lampion. : Anlio:h Baptist church. Rev. T. H. Gi-orRe, Ida Wiirner. ; BviUsny Ba)i'.     church. Ri-v. M. Bitus). Almi Pat-I ter .manager: R:idt  M. P.~ chun;h. Rev. J. P. Fostir. Mrs. Bill Harrlx, :  A. ii. E. church .Rev. A. H. Cooper. J. H. Strickland, manage.-: Macidonla Baptist church. Rov. Cyrus- Brown, manager; Mt. Calvary BiipUst . Rlv. 1*. M. Cutei. manager: Pinoy Grove Buckhcsid church. F.M.' Gat:s. manager: Gl-n Street BapilHt church. Rev. A. I.. Thomas, : Amanda Flippsr A. M. E. chui-ch. Rev. L. W. L:int'. manager.</t>
  </si>
  <si>
    <t>                                           Good Afternoon, Everybody. This is the Clover Leaf Good Luck Contest manager, broadcasting from the main office of The Atlanta Daily World on a frequency of all "Four Leaf Clovers," by authority of "Mother Nature."</t>
  </si>
  <si>
    <t>                                           CARMEL, Cal. March 23--Jean Toomer of Chicago, one of Americas lending poets, who four months ago married Margery Latimr, a White coed of the University of Wisconsin, as a pschological experiment today aired his views on the race question.</t>
  </si>
  <si>
    <t>                                           Hot breads arc appropriate at all times, so don't start planning to stop biking hot breads because warm weath.or is on the way. Muffins hot from the oven have an irresistible appeal to every taste and palate. And fortunately it need note be difficult to satisfy this craving.</t>
  </si>
  <si>
    <t>                                           The Stewardess Board No 1 met at, the home of Sister Roberts., Mar. 13. A short but interesting devotion was conducted by the president. After the regular business we arranged a short program which was rendered at the Mt. Vernon Church, March 15.</t>
  </si>
  <si>
    <t>                                           Mitchell Says Colleges Failing at Education                 A furious rout-linn resulted from ; related     Dean K. C. Mitchell, of Morr.i Brown Col- , in u paper ruud before the  meeting of l)     und He- Kistrars in Negro Schools, h*ld u\ A loom A. und M. CoIU-kl'.   t Al- j [, Mi^~-, lilt! .subject Ijeinir.                 "Til." College Curriculum Commit In Relation To Nefcro NVcJ.l. His pronouncements as outlined were based upon a study of the curriculum, of the ranking colleges for Negroes in the United States, mid charged that these colleges fail to  the actual needs of the N'egro us a minority group. The old charge that the Negro hoy  girl are taught concerning lhf: virtues and achievements of all other people ut the expense of knowledge about the Negro, himself, \v.im upheld in this study, und Dean Mitchell urged the inclusion in the college curriculum material designed to acquaint the Negro youth with the actual problems that they as Negroes are certain to meet when leaving college, and to supply them with knowledge thut may enable them to solve such problems with the  sacrifice of self-respect. An open forum followed the address in which the delegates present divided themselves into two schools, those violently opposing the charges of Dean Mitchell, and' those who sustained them. The  plead for specific statements of courses '.hat would solve .the _.of,.,the students out in life: they attempted to justify the existing: practice of ignoring courses bearing upon Negro life and culture, and those that have a direct value in aiding the Negro to find his place in the present social order, on the ground that the colleges are preparing students for graduate schools; that the Negro was living in the same civilization as the white man, and therefore needed the same type of training regardless of racial ind1 or group needs. Type of Education Vital '"No problem confronting the                 N'l'cro today is more vital than thai uf tho  of lii.~ schools ami colleges, l-'or what tho race shall be depends in n  measure  the truin tiK of its youth. It was the- old German . Von-Humbolt, who issued tin- famous statement. "What you would have in the life of the  must first he put into its schools. Aetinir upon this  ion, Germany put militarism into :ts- schools, and through her schools    'od tho World War. "What, them,  be looked for in the Neffrn youth, us he assumes the responsibilities oc citizenship? "Obviously tho  of the NeKro are conditioned by his experiences, and it would seem that the areas of his experiences are the human, the rac:al, and the individual. The training of our youth therefore, must  such as to prepare him to make the most of these experiences. "The area of human experience is the same with the Necro is other people, but his rac al and individual experiences are quite peculiar to himself. The curricu- 1 lum therefore, that would serve the needs of the Nejrro must be j bu lt around his experiences. Li- ; our efforts, therefore, to the human and racial areas of , let us first consider the needs of the Nejrro from the standpoint of the human experiences, which fall under the f  categories, Health Interests, Vocational- '-PaYenthood, and Family Life, Citizenship, Recreation and Leisure T'me, Creative Activity, Aesthetic Interests and Uolifrious Interests", according to the discourse by tho speak- i or. I The Dean proceeded to point out some of the fundamental objectives the  curriculum should emphasize,  particular stress on the development of creat!ve ability, the development of race consciousness and an ad- i  to the present social or- j der.</t>
  </si>
  <si>
    <t>                                           A furious reaction resulted from charges related by Dean E. C. Mitchell, of Mores Brown College, in a paper read before the recent meeting of Deans and registrars in Negro Schools, held at Alcorn A. and M. College, at Alcorn, Miss., the subject being...</t>
  </si>
  <si>
    <t>                                           FAIK. WARMER : Wednesday cloudy, warmer, pr.  rs lale In (in. Lowest        :i(urc. P^i.st 24 , 40; . 5fi; avenge, 4S. C. K. von Hcnminn.                (. Weather Burc-iu.</t>
  </si>
  <si>
    <t>                                           I $~sbp three     4 popular Brantls  f I Offered at Special Prices Friday and Saturday-- 1 9 c-CLOCK Pound 17r S HEB CIRCLE Lb. S3c I I  Pound 2?s I i W^WW  P WHITEHOUSE BABY * I I Bfillrf^ EVAPORATED ~$ CANS Jl   -/ 1 WflT^SyUGPIT VEGETABLE LB. ~~.[5**9 1   1L           SHORTENING PAIL    'S 1 RI^E WHOLE GRAIN 9 S-Sr I I TUJfB  lb.. SSe I I SiiverbrOOfc Print Busttes? lb. S7  9 I QUAKER MAID I POR1L  clif S5? I JIM DANDY GRITS, 3 Taf 7c S DEL MONTE PEARS K..scan lSe S DEL MONTE FRUIT SALAD No; 2 Can  9c 8 OCTAGON  2 PkK,. I5c I PINK SALMON 3 T;iU cans 25c S LU^t SOAP FLAKES BoxcS 27c I SCOTT TISSUE Rolls  Sc EAGLE BRAND COND.  Can I9c I  SPAGiSETTI rI^. Sc I SPAGHETTI Encorc cooked Can 5~' I SPAGHETTI B,     Cooked 3 Glass Jars  1 ALABAMA GIRL PICKLES Bie Jar 15c I   .          5 Bar, MC 1    .SdAP nrti.br She 5 Bars I3C 1 GRANDPA S TAR SOAP 9c Grandmother's two-Layer Round Angel Food I CAKES each :15c</t>
  </si>
  <si>
    <t>                                           Smart Fahions for Smart Women  DA JLY PATTERN Smart Leisure A one-piece pajama which has the luxurious    only in the   ensemble- It is beautifully cut through the hips for slimness and at the same time there is an unusual amount of fullness to the trousers- The blouse is fin shed with little enp sleeves and will probably bo preferred in contrast.  of fabric or color. Desiirned in sizes, 1-1. 10, 18, SO, 3S, 40 and .12. Size 36 requires i fl-8 yards of 36-inch fabric or  13S yards or 39- mater 'al. I Simplified illustrated instruc- i  for cutting and  are included with each pattern. They Rive step-by- directions for  these dresses. JlPiiil i     $m^ Tt cot a pattern 'if thi.i model I :ent   C.Sc) in .. t ler.5e write very  your NAME AND ADDRESS. STYLE NUMBER and SIZE of each rat- j teni ordered. i Our new fashion  with color supplement and Paris style ;:c\V3 is now  at ten cents j when ordered with a pattern and fifteen cents when ordered . ADDRESS ALL ORDERS TO Soutii^m Newspaper Syndi^.-xtc, 210 Auburn Avc, N. E., j Atlanta, C.-~.</t>
  </si>
  <si>
    <t>                                           v^)n!T NE9RO DAlCvNtWS PAPER. IN THE WOULD .  ; MEMBER OF THE ASSOCIATED NEGRO PRESS W. A. SCOTT Editor and Publisher Fr.nW Marshall      Managing Editor PUBLISHED DAILY AT i.'i. 210 AUBURN AVENUE, N. E. ff:'" TELEPHONES: WALNUT 14S9 and 1460 THE WORLD assumes no responsibility for unsolicited manuscript sent Into the office.     . SUBSCRIPTION RATES One Year, $9.60; C Months. 56.00; 3 Months. $2.50; Weekly 20c</t>
  </si>
  <si>
    <t>                                           Morehouse Debates Vermont                 Moiohousu is scheduled to meet llif debaters from the University of Vermont Sulurilay  ut 1:00 o clock.                 The two teams will clash on the : Resolved: That the .several suites should enact legislation providing for compulsory unemployment . Morchousc w:ll uphold tho negative . of the question and will Ik: represented by L. Raymond Builey. ':u Alfred C. Tyler. '32. and Charles A. Ileckett. '33 alternate. I Vermont will he represented by I R. Pierdon Donughey, M3, Jumes j K. Kicelow. '33, and I'aul J. La- I Cross, '32 alternate. j The debate will be held in Sale j Hall chanel, and will be free to all, Morehouse i)utt:nc forth mueh effort in rev! interest in  in Atlanta and thus j  the debate  -has -iov- the past Continued on Pace 2, Col. 2                 Morehouse Debate (Continued from Pago One) school year experienced quite a strenuous but   season. She has met three outstanding  teams- oxford, Howard and Bucknell. and has managed to come uut on top m each encounter. It is hoped that the people of Atlanta will avail themselves of this opportunity to hear a very interesting and  debate.</t>
  </si>
  <si>
    <t>                                           Morehouse is scheduled to meet the debaters from the University of Vermont Saturday afternoon at 1:00 o'clock.</t>
  </si>
  <si>
    <t>                                           Charlie Collins, and John Catone, white must serve not less than three years ill the state penitentiary for housebreaking and larceny, and receiving stolen property, according decisions rendered in Judge Harsh's court this week. Catone to whom Collins told...</t>
  </si>
  <si>
    <t>                                           Cloverleaf Contest Is Easy Way To Get Cash                 Many people nrc still inquiring as to what the "Clover knar Good Luck Contest," which is being conducted by tho Atlanta Daily World. Is ah about                 Well, folks, it s just as ensy as roll lig ofT n log. In fact, it is one of tho easiest contests that lias over been put before the public without cost or rod tape attached. This contest is designed to  business, and it  an  met over and  th usual advertising appeal in the form n." rash awards to the amount of $750. Now.  t that look just too Rood? Get busy now, and don't wait as "the early bird Kets the                 v:~irm." nnfi a nico f*~ t one too. sometimes. For the benefit of those who feel that the rules and regulations RovcrninR the 'Clover Leaf Contest" aiv not clear to them, we reiterate: Any church may enter. .and at any time  the remaining fourteen weeks of this conk'?/ Simply write the contest  or telephone your entry... Entries may be made by the pastor in behalf ot Ills church or by the chief officer of any important sub-division nf the church. Remember only one Eub-dTt-ision of any church may enter. However, in order to put it (Continued on Page Two)                 Cloverleaf Contest (Continued from Pasn 1) owr in a big way wo advise that the whole congregation should solidly support the contest. The appointed church  manager or caplain will bo responsible for rounding up all the weekly vot^s from the members of th? - 1 t:on and turn them in to this office not later than Wdncsdny night so that they might be counted. Tho winners o1 the first and second prizes will be announced along with a b g story not later than J'ri- 1 day of this week. Prizes will be awarded tho .ns Sunday. j DON'T STOP WORKING be- j cause you might be the winner of th.. first  r second prize. REMEMBER there is tin- GRAND  waiting to be tn!:en away nl the 'nd of the 15 weeks by the church turning in the highest number of votes at th-.- closo of that period.</t>
  </si>
  <si>
    <t>                                           Many people are still inquiring as to what the "Clover Lear Good Luck Contest," which is being conducted by the Atlanta Daily World, is all about.</t>
  </si>
  <si>
    <t>                                           11 NEGROES DIE IN STORMS IN DIXIE                 110 OF BOTH RAGES IS TOTAL                 Final Report May Be More; Five Die in Alabama Town                 MANY INJURED                 CS. N. S. News Service)                 BIRMINGHAM. Ala- Mnr. 22.- A series tornadoes which swept over the state  Into yesterday afternoon and continuing through the night took a toll ol 110 lives, 11 of them Negroes, according to late reports coming from cities       the least                  was done and where wire service was not destroyed. A heavy downpour of rain was followed by a terrific electrical storm accompanied the tornadoes. One entire city was wiped out by the twister which covered tha  apd central part of Alabama. Thousands of dollars in  was reported to haw- been done to property, livestock and crops. All through the night frantic petitions were being sent Hillmnn hospital from neighboring districts for  service. Private ambulances wore called into service to relieve the suffering and injured. The heaviest toll among Negroes was probably at Marion. Ala., where the death toll this morning was known to be five. All were killed while doing rescue work following tho first tornado, when the second approached before they could reach shelter at approximately 7:17 p. m. Mrs. Reda Winn and her eightyear old daughter, Sara, were reported to have been killed when the storm struck Demopolis. Ala. More than 20 Negroes were injured. A  amount of damage was done to properly. Only two Negroes paid with their lives when Clanton, Ala., a small village of 100 population was almost completely leveled to the cro Jnd taking a toll of 30 persons, Th" Negroes dead arr Cecil Willisr/.j. 10. and "unt Sis" Hcadley, 35. A heavy rain followed the sweep of the strong wind which  nade rescue work of injured persons difficult. Striking shorty sifter eight o , two Negroes wore almost instantly killed by the tornado last light at        *.i. Aln, One white nan was reported de;id. Every available physician in Birmingham was called to aid' In .he rescue  which went on through the night. Faring the torrential min which followed tho : wind, tho medics risked their lives in a frantic effort tn rescue and bandage the injured. Hillman hosp:t-~l. alro-u y fined overflow1    with            patients, saw fit to mako  for  maimed men. women and children of nearby villages, who were victims of I he raging winds. More beds   and a "new ward created to house tho injured. f.S. N. S. N'ows Service) PULASKf. Tonn.. Mnr. 22.- Though, the nig;mt:c tornadoes which swept over four states of the South last night hit several towns n Tennessee. Pnlnski is thd only ?nc reporting a Negro injured. No lend arc yrt known. Six school :!rcn cf\ route home were inured when tho twister struck here  S:30 Monday afternoon. The children wore  by pri/ate physicians, who stated  (Continued on P; Two)                 110 of both Races (Continued from P:ij;e 1) they  recover.  S. N'. 3. News Service' . Ga.. Mar. 22.- Though nine persons' mot death      night in the. tornado, none were N't'ftroc:;. as far as it could be learn- j r.d hcv this . Tliis town, the courthouse of j .vhich was the scene or two   of Negroes two years ago, i bore a .t aspect last  than j it did the  mob justice ruled. J As it the hand dI God stopped to earth to deal out HIS justice, the tornado which swept over this city, passed clear the Negro resident- 1 ial section. Ail dead and injured keeper reported that a shed in the rear of his place of business had j been blown away.</t>
  </si>
  <si>
    <t>                                           BIRMINGHAM, Ala., Mar. 22.--A series of, tornadoes which swept over the state beginning into yesterday afternoon and continuing through the night took a toll of 110 lives, 11 of them Negroes, according to late reports coming from cities where the least damage...</t>
  </si>
  <si>
    <t>                                           Is Never Lonesome When men s  Hiikct, then frankly 1 what feminine heart doesn't ? Know thin thrill! You can havo alluring beauty. Dr. Fn'il I'alim'r's Skin Whllener Ointment softens and lightens the darkest skin, clears up pimples, blotches  tan marks, and  away with that "oily, " look. L'su this preparation  to make * skin 30ft, delicate and ;;. This  Olnlment 1m ? In tho  Dr. P'red Paimcr'M I*:il)           where are n!~~  those other beauty :\    you lcn-~w mo well: Dr. Vrrtl  s Skin Wh I toner Soap, Skin Whi toner Kacr" Pnwdrr, Hair DroHscr and I! Id Deodorant which may bo had al all ; Mores for 25 cents each or will be* ;;ent postpaid upon receipt of price. Or. Fred Palmer's laboratories, Dcpt. C. Atlanta. Ga. Smtl 4c in stamp* /or trial tarn pi a of Skin VPhitrncr, Soap and Face Poicdef, DR. FRED PALMERlS (SftinFWfiitener 'KEEPS YOUR COMPLEXION YOUTHFUL'</t>
  </si>
  <si>
    <t>                                           ^ [ ^BETTER USED CARS: :At New Low Prices!: 100 Cars at one location:  375 IVaehlrte SI. ;it Forrest Ave.J  Atlanta's finest display  M E BtlTEK CARS 3  1931 Plymouth Sedan. C JQC^ f.   ?OX)Oj  1*1 I'lyiiiuuin coup.-. *   *;^ Look-, like O!7  ! fr193U  .ui. *~ut;3 Extra Value 4oD2  lMl Kurd Coach. '"l I OriKiiuil ( O4D + I MO l ord Loath.      Exlra clean ^"OU-" ?ll)2a Ford Kimdsler. OrJ Spl. model      f Had  cure J-ID* 1M1 Chevrolet Spl. d.QKi* Cabriolet Near new *5     1931 Chevrolet Coupe. *.IQ'?~ Slightly used "'OJ  1930 Chevrolet Coupe.      J Rumble  O^0  1930 1' G Coupe. OKflS Extra clean ^  l9.~0 Clirjsli'r U Coupe. QQej'  Special value O./    1!13O Cliryslcr G Sedan. /* Near new tires c4i)   JI929 Chrysler 6 Coupe. O7C2 Special  lil*  1939 Clnj-sler 70 Spt. JtCni t Knadslcr      1930 Chrysler 70 Sedan. KQtri f, \VlleclH   .\~.,  1930 Chrj'. 70 Coarli. KHKi Extrn  JO* 1930 Chrysler 77 Sedan.      B Wheels     Jt330 Chrysler 77 Sedan. fi7l?~ A rood one  I931 Chrysler 8 Coupe. QO^*1 I I.Ike nev 3^   I9."~t Chr\-sler 8 Sedan. Q7   s^e one "w* "t9'"~ *V"'vs-      Sftilan. H Kfi Sp'      "'- 6  J . Liioks like new Spec... Others at S50.00 and up I  TERMS TRADES-* .^ USED CAB DEPT. '375 Peathtree St. nt Forrest Ave.~ I Plione WAI. 2427 Open until 9:30 P. SL i</t>
  </si>
  <si>
    <t>                                           TUSKEGEE INST., Ala., Mar. 21.-- Five hundred and forty teachers and a large number of visitors from all parts of the state attended the fiftieth annual session of the Alabama State Teachers Association which met here March 17, 18 and 19 despite the depression that...</t>
  </si>
  <si>
    <t>                                           The Atlanta Daily World niE ONLY NEGRO DAILY IN THE WORLD Classified Advertising Rates DAILY 8UNDAY 14c a lino Mo a line Consecutive Insertions Dully and        .     times lie a line Seven times ...10c a  Thirty times or more 8c a line Firs word* fif         length mtt  as a Hue. The minimum chars* la           ol two lines. ADS TAKEN OVEIl TELEPHONE are accepted from person*  Ir the telephone nr cltr directory or memorandum charge. In return fof thin courtesy Uie  In ex peeled to remit     day following In . On all   ent b) m*fl  must      order. Alt  MUST be  In  at the rv nrld office or b? Utter. Tetephone  art' NOT . J ERRORS If  nr *    m*i*, Tbr AtUnU Dallr World U  for only one Incorrect ln**.       In  for  *nt ln*, Tht mdv*rtl*er Nhnuld  .n.u.7 If any           U . CLOSING AdrrrtlwrnrnU in Tht Atlanta Dallr for th. Bandar World until 9 PM. World will bt accepted op to 10: AM. Bfiturriar. Thc  are  p*n  except        until I*. M. for thr - of patron*. ATLANTA DAILY WORLD want ads  results. JUST CALL Walnut 1459 And     For Ad Taker</t>
  </si>
  <si>
    <t>V- THE ATLANTA WORLD j CLASSIFIED T ADVERTISING j Call WA. 1459 FOR O.- RESULTS INFORMATION IF YOU WANT TO SELL I ANYTHING. IF YOU WAN r TO BUY ANYTHING, j IF YOU WANT TO RENT., ANYTHING IF YOU WANT A JOB  THING IF YOU WANT WORKERS OF ANY SORT i IF YOU WANT TO LEASE I YOUR PROPERTY. I OR WHATEVER ELSE YOU WANT TO SELL, RENT, OR BUY- i ASK FOR AN AD-TAKER All  adit      to    las*i Mention anil Thff Wtuld rr^ the  to rn n or  an; .      bv  are ac*  from          in the  or city directory on   onl7. In     turn for           the advertiser Is  to remit . REMEMBER To Call WA. 1459</t>
  </si>
  <si>
    <t>                                           DOROTHY DARNIT.                 By Charles McMaiius]</t>
  </si>
  <si>
    <t>                                           Pure Lard 5y2c Fresh Eggs IIV2C Pork Chops""TllV2c Cheese 12V2c Salt Bacon _4V2c Spare Ribs 6M;"c Picnic Hams l V c</t>
  </si>
  <si>
    <t>                                           ^ ARE INDIFFERENT IN DIXIE WHEN it comes to Negro news- Northern Negroes may ordain it      . papers you can t measure Birm- cent to read a Negro newspaper more ^hamor Atlanta or Memphis than once a week-but the Southern NeS?  r    '~  T0 is Trc consolidated. Necessity has 8io . occasioned this condition. Most Southern Northern Negroes (including those white newspapers exclude Negro items who packed their handbags down in except where they are  or of a Dixie and1 got that way) may pass up the ^^    1 .lous trend. That is why Northern Negro papers because white S. N.S. can print oftener than, its North- dailies print Negro news, or because they ern contemporaries. feel a certain guilt in reading Negro me- while his northern brother is busily . But the Southern Negro pores over gaged in "getting white" and ruining Southern Newspaper Syndicate presen-  consciousness, the Southerner has tations. 136001116 more closely knit. The S. N. S. A.nd no wonder- The S. N. S. offerings goes into thousands of homes and carries1 print more fresh news of unaltered facts with it. In Negro  south tha,,^ W ?%^*g^^ any other paper- print oft- W^m lli , an fd" 'improving;  more- than any^^^B1 ^-'c^j^c if presentations-:.: which-other papers in Negro his- '''~12*^'^^:</t>
  </si>
  <si>
    <t>                                           All the skill of two of the craftiest and most rugged basketball combinations ever to take the floor will be on display at the New Albert Casino, this Friday night, when the Celtics, white cage champions, and the Renaissance, rules of colored cage circles, hook...</t>
  </si>
  <si>
    <t>                                           i^.TfU^IJ:^*^, BJE.-UL/VJ* MIXeHELL HILL, EDSTOfL K-t.~!U* Kt 5</t>
  </si>
  <si>
    <t>                                           R^e giE; tv FaMOU^F FOR WOA^FNT II : ^-a_l_^l_~^ BEULAH MITCHELL HILL/ EDITOR- ^t^l:;~^tf5^jg</t>
  </si>
  <si>
    <t>                                           PAUL CREDELL in his Bulck roadster flitting in and out like a phantom at night. Paul is a real product a the "Avenue." He is thy son of a man whom everybody know in his lifetime, Mr. Credell, the barber. To know Paul is to like him, as Paul has inherited...</t>
  </si>
  <si>
    <t>                                           V-'1 fek B A , like no other Negroes anywhere not served Mf11^ in The Daily World is Droud of    ? ability 'to  real ser- A f-f 8 :lV WV Snn^1Jn^^f0Und^^ I\    J^gT1 in hand' thwe "V heights which we cannot J^^f^CjiWi</t>
  </si>
  <si>
    <t>                                           BUILD UP HEALTH AND PAINS  0 AWAY j By building up the general system to normal, or to an Improved condition of        , women have overcome "pain* ful times" In a -wholesome manner, and In -r- thousands of ffl^ J eases Cardul Is SpSsS given the credit. j ~~$3} When In a weak- j Ssyy I ened condition j ^~E after a Bevero ^j?V it illness, or from       If an ordinary run- SBfiSffi I down state of     ? I Stealth, women Kj3S It who have taken Jsgra? If a r d u 1 have j^^^j    found It to be of great benefit as a general tonic. If you are weak, rundown, suffering monthly, try, Cardul. Take It for a reasonable length of time and try k^.lt thoroughly. It la  able for women of any L^r^fek. age lts use carmo* l^^p^. hurt any one. Cari      dul has ^^. ed thousands, ^"         at draff</t>
  </si>
  <si>
    <t>                                           The preference of Democratic presidential candidates indicated in the first count of the Opportunity Presidential Candidate Poll was continued in the second tabulation. With a total of 3,973 votes cast to date, the Democratis candidates are leading with...</t>
  </si>
  <si>
    <t>                                           -x-x-x-   -x-   -x-:-~ the  annual FASHION REVUE Sponsored unit Written by MrSS LUCY C. REE.VESiiO/;; wilt be Riven MARCH 31st At the Auditorium .'ho title 'Knlightcnrncnt" . .-V   with last ycat!Bf Jcvut. '-"1'li</t>
  </si>
  <si>
    <t>                                           ON THIS PAGE AMI) THE FOLLOWING PAGE YOU HAVE "PERSONAL INVITATIONS" TO BUY YOUR FOOD FROM WORLD ADVERTISERS!!!!</t>
  </si>
  <si>
    <t>                                           Dorothy  ^ri^MMmik</t>
  </si>
  <si>
    <t>                                           NEGRO BABIES TO BE OBJECT OF STUDY                 Urge Colored Medics To Take Part in Observance                 DEATH RATE HIGH1                 . To-".. M-~~- '1 I                 Th" problem of Neero health In Tnnnessec was brought out with emphasis in 1930 by the publication of "Differential Mortality in Tennessee." by Glbridge Sibley. Ph .D. The book represented an analysis of birth and death records in Tennessee for the years 1921                 through 1928. Based upon the information contained in the book and an analysis birth and death records lor the years 1929 and 1930. i the author stated that "H one coula have taken at random any 100,000 white persons and the same number of 'Negroes representing all parts of Tennessee and watched them for an average twelve months during that period, this is what would have happened: approximately one thousand  persons and eighteen hundred Negroes have died. Tuberculosis would have claimed a !: number of them as. 104 white  and 269 Negroes would have died of this disease. Considering typhoid fev-sr. seventeen white persons and thirty-three Negroes would hove died from this filth borne disease. The remainder would have died various causes. Twice As Many Neftrn Babies Die An accurate record of $1,000 white infants and th0 same number of Negro children for one year would show that 66 white babies and 123 Negro babies had died. Seven of the white mothers and fifteen of the Negro mothers would have lost their lives during the year, as a result of bearing children. These figures,  not exact, give a fairly accurate picture of ealth conditions as they exist In the two races in Tennessee, the  on Negro Health Week pointed out They show the need for continued public health work among all persons and among the Negroes especially.</t>
  </si>
  <si>
    <t>                                           The problem of Negro health in Tennessee was brought out with emphasis in 1930 by the publication of "Differential Mortality in Tennessee," by Ethridge Sibley. Ph .D. The book represented an analysis of birth and death records in Tennessee for the years 1921...</t>
  </si>
  <si>
    <t>                                           In the ache meeting at Central M. E. Church on March 21 the S. S. workers were elated over the great School of Methods held at Liberty Baptist church the last week in February. Many superintendents expressed themselves, and many workers said the plans...</t>
  </si>
  <si>
    <t>                                           ~-:J 1 I:; u r^~~ The current project involving: the publication of a daily newspaper by the Atlanta World is satisfying to this institution in several ways. (First) The Atlanta World, like Morris IJrown College, in solely and primarily a one hundred per cent Negro organization. Hoth are foss Lcred and directed by Negro officials. f. H^ll (Second) All-Negro  of any type arc the measuring rods of Negro advancement in this country. (Third) Its growth into a full fledged daily is significant of a new dawn in Negro journalism. A greater news service, more jobs for our trained people, quicker assembly and presentation of racial and -racial activities in an unbiased manner. i ====== Morris Brown College j W. A. FOUNTAIN, Jr., President I mi I... -H '.':.l? '%</t>
  </si>
  <si>
    <t>                                           When the graduation call sounds this June the southern conference will be shorn of a bevy of its most colorful stars. Oft colorful stars Of particular lament will be the passing of Elmer Baker and Ric...</t>
  </si>
  <si>
    <t>                                           Up From Georgia With My Banjo By THOMAS JEFFERSON FLANAGAN SPRING THE SPRING TIME UP from marsh and hillside comes a singer and a song, Chirping, "Spring, the springtime", From apple tree to cherry he sweeps the note along: "Spring, the springtime", A spotlight of the sunshine .seems to flash wherever he goes, His heart is running over,  many a song lie knows From his wondrous lifting this single lilting flows: "Spring, the springtime." The buds upon the cypress and willow strike the tu::c: "Spring, the " And far away the echo from the far off Ju::c: "Spring, the springtime": Sv.- of the valley, i.h.' in the breeze, Seems like love s fond finger plays life s organ keys That move the stilly mountain where the green gets on the trees I With, "Spring, the springtime-"</t>
  </si>
  <si>
    <t>                                           Read Every World;</t>
  </si>
  <si>
    <t>                                           Mere is the most effective combination skin treatment known for bumps, mole discolorations,  irritations, blemishes and other skin disorders. Black and White Ointment and Skin Soap also clears and Not  are Black and White Ointment and Skin Soap most effective but they are also  economical. The 50c box ot Ointment contains three times as much as the 30c size. Large bar ot Skin Soap is 25c. Use the best and save money by demanding Black and White. Fnr skins that require a  blench use V C /XE BLACK AND  C 1TENER.- (7 Lightens the skin easily nnd naturally. J^ff/'/ft^ S'  25C yo"r *  99  - BLACKS WHITE  ENT^ SOAP</t>
  </si>
  <si>
    <t>                                           The Wiseacres said we were flying High when we conceived The Daily idea and put it to use. They were right. We are flying high. We print more news per week than any other plant in the World- which- serves Ne- groes wholly, our features, columns, news events and stories are copious- we send you the news while it is the news that s why you like and read The Atlanta Daily World</t>
  </si>
  <si>
    <t>                                           IVhy worry        -Irliytd period* from  ci Jii.  Odd. Kiutu mint - Ua.t4d-       Htlief.      by .       alec'        . .  ifr. ro    T( mnf      Silllfltlion mirit.l-.tJ .t C.9.-. I'o.l.r: CO.D. SrieUlr               tot %crr          Coo   l!        I'older Frtt mih . PETONE CO, DflK li.F St. LooK    . j</t>
  </si>
  <si>
    <t>                                           The Quality Shoppe 1 17-1 AUBURN AVE. Invites You To Come In And See The Wonderful H Values Being Offered To Shoppers This Week And  p Next Week  H Silk Dresses From $2.95 up Sweaters 89c to 81.19 1 FULL FASHIONED HOSE, UNDERWEAR g AND NOTIONS    MISS LIZZIE FLOURNOY IN CHARGE H I B and B m H  gl 4-BROAli STREET-r4 eg 8a/2C NOW.' Fz?esh Fish! f^e 1 B0AST Any Kind.'! roast" g sausage Sixieak '0' Lean 7  roast g</t>
  </si>
  <si>
    <t>                                           Dining: Car Employes Form a Credit Union                 LOS ANGELES. Calif.. Mar. 17.- CANP) Tlie success in the past of the Dining Car Employees Credit Union Ltd. has been so significant and widely heralded, the executive offices have decided to extend the activities of credit union organization among  railway groups and those of various L- For the next six months the Dining Car Employees Credit Union will be busily engaged in an organizing campaign for the purpose of initiating credit union work on a wider scale. Tlio Shop Crafts group working in     Southern Pacific coach yards will be among the first to be contacted, thereafter followed by a number of other groups.</t>
  </si>
  <si>
    <t>                                           e4 Me Cure You! ^~    '       IIKf.AY! CA1.1. AT !               ''.     mutli f. w hat      trouble K ito    (rr             ^OS^ Treatment is *rry           in i^SSS^aSw^H "'1l^'';i   "~"      with my  iure         with  ^^y^Sf^$    !k Ok'VkMaT.K CALL OR' WK1TR ^^K O3R- T. Y. YOUNG 6     !JP@ with tub (.  co. SprcUlix       - 7 A. M. to 1'. M. J3 Y rn. in Aliantn  rrB CAMPBELL COAL TODAY S CASH PRICES TON BUFFALO (Furnuce Egg) $5.50  (Round) $5.75- (Block) $6.00 BLACK COMET (ROUND) $fi.00- (Block) $6.25 RED.STAR (EgR) S6.25- (Block) S6.50 MONARCH COKE $7.25 We deliver two bags of approximately 100 pounds each- Sl.UU J'v smu  M MARIETTA. N. W.</t>
  </si>
  <si>
    <t>                                           HUBBY SLAYS             MAN                 'slain man innocent; says wife                 Neighbor Tells of Fatal Midnight Slashing Duel                 WOMAN RELEASED                 BULLETIN                 How. Mark Hall, drayman and  driver, met     death  midnight Wednesday was told to a coroner'* jury Frldny morning at lhe Hanlcy Undertaking company, by Mm. Mary Rlchardxon. whose . John, the jury recommended be apprehended for                 the murder. "My  killed an innocent man," Mrs. Richardson said. "He came there ; midnight and demanded that I let him in. I did not answer. When ho broke the door down, I still made no reply, so he put me out on the porch and I went to my work place. I don't know what happened afterwards as I didn't go back lOr any clothes as the clothes, .that I am wearing now are the ones that I had on when he came to the door." The woman told :i World  after the inquest that she had been separated from her husband for some time an  she was making preparations to move "     she had found that her husband had discovered where she was . Mr. Hull, wlm is ;i. member of the Welcome friend Baptist church to which she belongs, stopped by that evening to complete arrangements for moving her belongings. As the hour was late and as he lived some distance from her room on the Pr;ido. she asked him to stay there all night suiting that shc wu-s goIng to her work place to sleep. Officer Swinney told of answering the call 10 67 the Prado about nine o clock Thursday morning. He stated that, the man was clad in either pajamas or ?. Mr. Armour, next door neighbor, repeated his previous statement, adding that he heard only one person go down the steps. Mr. Driscoll was the other . A smail bloody knife tightly clenched In one of lii.s fists, bore mute testimony to the terrific battle encaged In by a man, identified late Thursday evening as a Mar!: Hall, whose body was  Continued on Pwrc 5, Col. 2                 Slain Man (Continued from Face One) carly-.that morning in the servants  In the rear of 67 The PrnHo. According tn  records,  Mm. .Mary Richardson, in whose room the   body was  -lying in a pool of blood, was .detained for  at  but released later in the . One broad smear of .blood, stair.-. Ing thc  ot the door that led hor room'  thp  on The Pxado'.    the only   of murderous  in that  and  snot in that .exclusive section of the city. The    the  is divided into Dortx. An c Wi~-ly . Mr. nml Mrs. Nelson A mmi*. " the  6nt. Mr. Armour told .World reporters Tliursday                 noon that ho had only started moving there Monday and had coir. his  Wednesday night. Thai evening was the firm night that lie and Mrs. Armour had spent in their new . He stated that he didn't know the name of the woman who lived on the -  but knew that she worked fur a lawyer mi The Prado and believed that she was single. ."Shortly after midnight," Mr. Armour continued," a man came to the dor- of Hie other rooms and knocked  raying. "Honey, open the door, if you don't I will call the law." Then he ran against thy door and knocked it open. The aged man then proceeded to tell how lio arose Thursday morn- ing to build 'ires in t     neighbor- j hood r.s the  was slightly chilly. As he passed the door on lii.i way downstairs, he noticed that it was partly open nn d that a man s body was lying on the floor behind It. Ile. i)' Mr. H. L. Driscoll, who lives in the house at 67 Tin: Prado. Mi-. Driscoll called p;~ headquarter*. Officers R. T. Denny and J. C. Swinney. who mod- the investigation, -led thai  were no marks "t identification either in t!i.~ night cl Shcs th.-tt he was wearing or  his clothe-.- whi"h wore lying In the i-oom. The body was turned mw 16 Hanlcy's and      coroner s office notified. From all appearances, thq man  been stab bed through the heart and the lungs before several long and vicious slashes l%d been mode around his nock and the upper  of hii body.</t>
  </si>
  <si>
    <t>                                           How Mark Hall, drayman and truck driver, met his death about midnight Wednesday was told to a coroner's jury Friday morning at the Hanley Undertaking company, by Mrs. Mary Richardson, whose husband, John, the jury recommended be apprehended for...</t>
  </si>
  <si>
    <t>                                           WEST FAIR ROOM HELD SECRET                 Police late today were trying to 4-^~    '4          .^ brutal murder of an unknown man whose badly decomposed body was discovered at 11:30 this morning lying face downward in the secluded second story vacant room of an apartment house at 666 1                 West Fair street a block Horn We Morchouae campus. Girls Find Body Tho body was found by Gertrude Snclsom, 665 Lan^n street, and Mabello Johnson of 214 Mell street, when the two women went to the apartment dwelling house to rent a room. Bearing mute testimony to the struggle the victim had probably had with his  unbeknown to people less than ten feet away, beside     body was a large solid lead pipe, with which it is believed the man had been slain. By his side were an old black slouch hat and a pair of bad y worn work shoes. So badly had the body heen , it was impossible for police to determine the exact color of the man s clothes as the  in the last stages of decay Iwd welted in with the  f'--~~ Dead 1it.i Months In a statement to a coroner s jury, county doctors estimated that the man had been dead from 40 to 60 days. No marks of  were discovered. Accordine to the doctor, there "were no methods known to medical science hv which the cause of the man s death could be determined." After a brief inquiry in which a man named John Luke,  of the building, and      two women were questioned by Coroner John Donohough, the jury of six men returned a verdict that the man had met his death "at the hands of persons unknown." According to the Snelson woman. sHe and Miss Johnson first entered the building through the front, but finding the door locked, went to the rear. Climbing up the stairs  led off a long porch, tho pair went to the ond of the building and in peering through the window saw the hand of the man lying inert. Ho appeared to be dead, the women told the coroner s jury.</t>
  </si>
  <si>
    <t>                                           Police late today were trying to bring light to the mysterious and brutal murder of an unknown man whose badly decomposed body was discovered at 11:30 this morning lying face downward in the secluded second story vacant room of an apartment house at 656...</t>
  </si>
  <si>
    <t>                                           The John Brown Memorial Association, through the Frederick Douglass Chapter, presented scenes from "Black Souls," a "play of frankness, of understanding and sympathy" by Annie Nathan Meyer, which was recently given at the Provincetown Playhouse.</t>
  </si>
  <si>
    <t>                                           Funaval Notices and Obituaries Aik Your Funeral Director To Have Them PublUhed On The FRONT PAGE Of The Atlanta Daily World "World*/ Only 'Negro Daily"</t>
  </si>
  <si>
    <t>                                           The Atlanta Daily World 1'HK ONLY  DAILY INOT THE WOULD Classified Advertising Rates DAILY SUNDAY 14c n Him- Uc :i lints Colui'CUllve IlLsrrtlliiLi Diiily and Sunday. .~ * He ii line Sovcn I linen 10e u line Ttilrly times ur inure 8c line Five word, uf average length are     a Hue. The minimum churn?         * of Him. AUS TAKEN OVER TELEPHONE arn                     In the  ur city directory im  . In  for   Utt  la rt*  to  tbn Jar    ! Inkcrtlou. On all   by mall         thr . I All IllMuuttimalirri MUST lie made In perion at the   or bj . Trleuhone                   are NOT valid. ERRORS If any - 1  *. Tli* Atlanta Daily Wurld In  for only one liu- iitM-. Thr  Itt fv*~          for MibsrijucHt . Tha            * notify  if  ny  It . I CLOSING     -          in     AlUnU Dully fur [lie Kunday World until 9 I* M. i World will be accepted up tu 10:A3I. I .Suiurday. The  are op*n dally  Sunday until 'J p. M. for the . uf p*tronn, ATLANTA DAILY WORLD WANT ADS   JUST CALL Walnut 14S9 And Ask Fur Ad Taker</t>
  </si>
  <si>
    <t>                                           ^           91 Hunter- 102 Hunter ":":s42  St.; s: \v. BOILING g"~   BACON ;3      ;'pure     * ,LARD. ^/2^~ ;BEST GRADE *~!~=~ SIDE-BACON  Ql "SUGAR CURED S^I -Picnic HAiMS      Strictly FRESH 10 rt ,EGGS.,, Dog. SZy Full Crcriin Cheese 13c</t>
  </si>
  <si>
    <t>                                           Negro G.O.P s. Split; Call State CoitfaM J m ''{*?;~' $~ty ~^~/'5*                 LILY WHITES FLAYED AT                  MACON. On.. April 21).-  Spc"l.ill. More Motion developed Wednesday  Republican* ol ( when Necnx-s    rf the .\ meeting n* the Ktntc .nl         .~c. cull.d a state i- to be held here Mny 14      Hit- purpose of                  u.iicx :md  10 ilic  o-. The Ki'oup  d I lie "lily-" . refused lo . lhc 1c/.r.lily tiT its convention held in At* j l.mta. March 2(i ;\    heard Mrs.-,  Williams, of Snv;inn:th.    . Cro  . dcpI UT     ". nnd deceptions tiT politic.i 1 trickery and .  ns arc  sponsored  n ^ia by .-i few men who do ivm  Republicanism. They  other spi'.  Continued on Pace G. Col. 1                 Lily Whites (Continued from V;\gc Oncl for "fair play." Dr. L. M. Hill, of Atlanta, made it plain that the Negro group is willing "to follow white leadership but not white supremacy." Won't Support "Lily-Whites" Hc added: 'We're waking up. We're not going to the polls :md vote for any man unless we re treated fairly. We'U just  tny away and     if  he 'lily-white*' can put It over. I'm not a Democrat. .Nn Negro in Georgia is a Dcmocr.it. and we don't expect to vote for a Democrat." The meeting endorsed tho Hoover administration and took thc white party members to task In the presence of Durrell Cheney, said to be a special representative of Postmaster General Walter II. Brown, who is in Georgia.' 'watching thc situation." it was learned. Ben J. Davis, of Atlanta, was in the balcony, but declared hc was taking no part In thc meeting. J. T. Hose, leader of    - "lily.white" group, was said to be in Macon. but was not seen at the meeting. Mrs. Mamie Williams cai i.-d the meeting to order at the nuon hour. Those meeting were members ol the 1930 central committee, she said, "the last "duly elected committee." Twelve members of the committee, 11 .of /whom were Negroes signed a request for a meeting but officers refused to call it. Under the rules, the committeewoman said, the members could issue a calL They did. v Davis Takes No Part, -,J. W. Arnold, while  of  ,1930. group, was called. He .wan not present. Davis was called. Up to that time he .bad. Dot. been                 sitting alone In tho balcony. "Hcs here." said S. S. Humbert, nf Americus. There ho sits in the balcony." Humbert asked that Davis.     1930 committee s secretary,  down and formally c;ill tho C"nv mittee Irs . "I'm not taking part in this ." he said. "I do not recognize this mooting a.~ legal or regular." When the committee roll was . Davis again said. "Mr. Secretary, you marked mo present I desired to be marked absent. I'm taking no part In thin meeting." The secretary. B. F. Cofer. Atlanta, said he had not been marked present. J. H. Watson. Albany, was elected acting chairman of th'.- meeting. Cofcr was named acting secretary. Both later wore elected permanent  . and will officiate at the convention here. Charles Donnelly. Savannah, a. white attorney, was present in the capacity of legal advisor. It was *airi. His only part In the meeting was to  tho adoption of the convention call. Mamie Williams Endorsed Mrs. M.imic Williams was endorsed by the  to suc-ced herself as national                .      roll ~-all of the meeting  30 present. 14 of them bv . Mr. Donnelly said th;U 14 white members were present by proxy. "For over a half century the Republican party has been the Negro's Hhlcld and buckler.' tho  read from n prepared address when the chairman asked for expressions. "And It is our hope thr.t the movement of  in GcorFia and elsewhere I nthe South  be put down forever and that 'he future of Republicanism in Georgia and thc South still hold many more yearn of usefulness and service for tho American nation Mid                 I the Negro." That  brought Dr. Hill to his feet. His pli;a was for fair play. "I'm willing 10 get together and fight together." ho said. "No party will go very far that fails t" carry nut the principle, treat your brother ns yourself.' "I d-m t believe Mr. Brown and other M'n Washington nrc satisfied with thc conduct of our party in G'-orgia." Here ho accused the 'lily-whites" of varying their positions,  next night they fall out. Tho "We're the same bed one night. N'ccro has always stood to his word to his honor. "We've  Ben Davis and they ve crucified him. Fair treatment is nil we ask." Dr. Hill reviewed thc history of members with going into small counties and electing Democrats! to office just to Keep the Negro out. "I've got tho proof." he declared. "Democrats have been elected who were only n. short time before running for a Republican ticket." Dr. Hill  thc history of the Republican party. In the Civil war. he sn"d. "good white Republicans Inirl down their lives for   . In the World war." he added, "all in one .-. S'lilcd the Atlantic." The Negro made it plain he stood for unity, "not lily- or black and tan." Humbert made the closing remarks. "We've got the party in our hands now. and we re going to make It go as best we can. No Negro has ever betrayed his country: No Negro has ever struck down a president. We've always been loyal."  ot the party on May 14 Tho group plans a complete  M:icon. The mooting Wednesday was held in the city courtroom.</t>
  </si>
  <si>
    <t>                                           MACON, Ga.,April 29.-- (Special) -- More friction developed Wednesday among Republicans of Georgia when Negroes severy part of the state, meeting as the state central committee, called a state convention in be held here May 14 for the purpose of electing ...</t>
  </si>
  <si>
    <t>                                           MEMPHIS, Tenn., March 28-- A civil suit brought against the Claridge Hotel by T. E. Isabel, Jr and S. D. Johnson, discharged employees, for unjust humiliation they said they suffered when the hotel manager, had them arrested on charges of disorderly conduct...</t>
  </si>
  <si>
    <t>                                           CARTER GIN 4 MORE YEARS                 Four more years were added Thursday to the six already given Will Carter. f robbing the Pig 'n Whistle sandwich shop on two different . and who la said to have confessed to having broken and entered the Cawthorne drug store and Texaco oil station on Peachtree road. The  was pronounced by Judge John C. Perryman of Llncolnton. who Is presiding over a special criminal division of Fulton Superior court. The four year sentence, one year on eachof four burglary Indictments, was the minimum, Judge Perrymansald A jury in Judge Perrytnan"s court Tuesday returned a verdict finding Carter guilty of entering the Pig "n Whistle on March 25 and 26. and fixed his sentence at three years for each count. He was also given si months for carrying a gun.</t>
  </si>
  <si>
    <t>                                           Local baseball fans are enthusiastically awaiting the arrival of the famous Cuban House of David team's arrival in Montgomery next Sunday, April 3, where they will furnish the opposition for the Montgomery Grey Sox ball tossers at College Hill Baseball Park...</t>
  </si>
  <si>
    <t>*~^*L                    SENIOR (I BISHOP; is 73                 Bishop Williams Led Business Founding; Staunch G. P.                 PAINE TItUSTEE                 AUGUSTA. Gs., Jan. 15.- Bishop R. S. Williams .senior bishop of the Colored Methodist Episcopal church, died at his  here Wednesday. A  since 1894, he was] 73 years old at the time of his death.                 Bishop Williams was born in Louisiana; educated in Wiley university. Marshall. Texas;  in Washington. D. C; and Augusta from which place he was elected Bishop in the General conference, Momphis. In 1894. He has lived in Augusta since that time: presided over the state of Georgia for 14 years, and other states lor the past 38 years since his election: was vice president of Paine College Trustee board at his death, and also had  of the Georgia and South Carolina conferences. Groat Edncalor fn connection with his leadership. Bishop Williams was very keenly interested in men. He helped to educate a large number, among them being Dr. C. H. . Young Men's Christian; association. Now Vork. The Bishop was a member of the late Ecumenical conference held in the city of Atlanta, but was unable to attend. He also represented the church in two previous Ecumenical conferences in England. 1301: and Toronto, Canada. 1911. He was purely a man of great race pride. He was allied with such or-j ganizations as the Knir.hts of Py-j thias. and Odd Fellows, and in-,' rested much money and influence! n the Penny Savings bank. Augus:a: and the Standard Life Insurance company in Atlanta and harl very much to rin witli their development Bishop Williams, even  lie lost   - In sev.ral enterprises of the race, never lost faith in Ihcm up to his death. He travelled for years lo help these enterprises co forward. At his death, he was trying to resurrect some of the enterprises in Augusta. He was a strong  and attended many nf the :: engaged in city bond Issti'-s In Augusta and helped to sec lo it that some measure of  was given to IS'ecro people. He md no fear of men whether white  on Page 4.)                 Bishop Williams (Continued from Page One) or block, nor was ho   race prejudices. Ho  took his place.     was a groat '. and -J in nny audience. He succeeded Bishop U IT. Holscy as senior when Bishop Hulsey dii-cJ in 1920. In ihf General conference he was recognized as one of the ruling and directing spirits. For years it was thought that    came nearly dominating the conference when disorder arose. Militant to the last, he would compromise with tho   when shown best that it bi; done. He has six children, and a wife who has always been prominent In both church and social- movements. In his home, he made all welcome: ; the soil,- hn grew large quantities of food stuff, and, enjoyed feeding "preachers'" around his table. He' never tired of the talc telling conversations. Ho was easily among the leading bishops of America, and had the respect of all denominations.</t>
  </si>
  <si>
    <t>AUGUST, Ga., Jan. 15.--Bishop R. S. Williams senior bishop of the Colored Methodist Episcopal church, died at his home here Wednesday. A bishop since 1894, he was 73 years old at the time of his death.</t>
  </si>
  <si>
    <t>                                           W. M. Y. Bell, one of the outstanding clergyman of the C.M.E. Church and one of the most popular teachers at Gammon Theological seminary will be the second speaker for the 27 Club Forum council this afternoon, at the First Congregational church at 4 o'clock. The...</t>
  </si>
  <si>
    <t>Lewis's Dixie Theater [ji;i:ihb.b.i:h:,m A...-. A               Mounted Police Thriller Pirsl .Showing in Atlanta Wednesday- Bargain Day 5c Admission to All</t>
  </si>
  <si>
    <t>                                           Met last Wednesday night at the home of J. Gilbert on Electre Ave., with a large attendance. The president presided. The club celebrated their fourth anniversary at Macedonia Baptist church with a large attendance. Next meeting will be at the home of...</t>
  </si>
  <si>
    <t>                                           UriiNS Ll'lBllAICY SAl.OIM                 LOS ANGLES. CM.. Mar. 17- -rir. c. TI. Duvnll and associates have recently organized :i literary salon that will contain all ot the works ot Colon-d authors nnd works pertaining to Hie colored people, in general. Colored newspapers, mn r.i zincs plays and books nrc to be sold .</t>
  </si>
  <si>
    <t>                                           SMILE, B1EH, SMILE Hov For' Shaves-Without A R-sor Bert It U t Mftauf^torine wizard*  turned another trick to make lif* - powder, known u Maclc Sharing       , which 700  mix with  mnd put on your fac* and your   *td * off  mnd  thaa foa  It off with any . ^Hair. U  r  to the kin, .  -~ame a*, If you shaved  lw old **. razor wa7. vj.Ij m  it U turd by HcMpttnts knd Swuty. Parlors, PrctcnU in crow Inn bain.' ^ akin of  and -' and-.-.U. bo ^ ,od  even women find It  for removing              -. -.It -         does not      Mafria Bltmvlnif ro-,. by all   .3Co io,      - U.iny for . full-size pack-' 8*.1?* A^It'.: Moctc Shnvlnp Powflar Co^,Dtyt.* Sa\-.; Ca. {A Jr.) ~*.'cJ i "V W*</t>
  </si>
  <si>
    <t>                                           ONLY NEGRO DAILY NEWSPAPER IN THE WORLD l:-j. MEMBER OF THE ASSOCIATED NEGRO PRESS W. A. SCOTT Editor  nd Publiiher Frank Marthall Davit Managing Editor     PUBLISHED DAILY AT 210 AUBURN AVENUE. N. E.    ;- TELEPHONES: WALNUT 14S9 and 1460 .I.-.-  WORLD assumes no  for unsolicited manuscript sent into the office. "~v ADVERTISING iil-. Ts'T" W. B. ZIFF CO., Chicago, .vcw York. Los Angeles  RATES OneXYear, $9.50; C Months, $5.00; Months. $2.50; Weekly 20c</t>
  </si>
  <si>
    <t>                                           In Your World, News ?omes First</t>
  </si>
  <si>
    <t>                                           Mrs. A. DiB.: If your child was born a "blue baby," it means that she has a heart condition due to a certain opening in the heart not closing as it normally should, at the moment a baby takes its first breath of air. There is nothing that can he done now to close the...</t>
  </si>
  <si>
    <t>                                           Important Notice To Clubs! On and arter SATURDAY. MAY 7, 1932, no club notices will be published in the Atlanta Daily World. FREE, unless the CLUB is a regular subscriber the World, with paid up subscription for ,'J months. 6 months or a year. The subscription must be taken out in the name Of the CLUB, not any individual subscriber.</t>
  </si>
  <si>
    <t>                                           THURSDAY will mark the opening engagement of the international court battles for the Davis Cup. The nomination of the four stars who will represent the United States against the Canadian team at the Chevy Chase Club, Washington...</t>
  </si>
  <si>
    <t>                                           MURDERER 3 TO 1 YEf SI                 The slaughter of Moss JamesVon the night of November 27., 1031, will only cost Will Williams '.from three to seven years of hls'.llf^. In the chaingang. according to the verdict and affixed sentence returned by a jury in Judge John D. Humphries division of criminal court' Thursday. v*.~~f;'~'Following an argument Williams, according to witnesses in the. case,.! stabbed James through the heart' with a switch-blade knife.; James: died shortly after the -stabbing- at Grady hospital. i J..tTJ.r Witness .who.  in the case Included Mrs '.Florence Hoard^of 629 Crew street, southwest; Mrsvs Lizzie Mae Leslie of  586 -,' liam street, southwest: and XSs.  1.: Evans, of 453 Georgia avenue,, southwest  i!aS.^V:                 The now Pn[ot^~n[{ia.JAn$l bound tor' SBenyen,--     0%BnM Johmon  -D^i</t>
  </si>
  <si>
    <t>                                           HOT FEET                 That's what critics all *ay of Miss Alma Travcrs, clever little dancer who has appeared in leading Pacific Coast and New York . But why merely  ay she s got hot feet when the lady \% red-warm all over?</t>
  </si>
  <si>
    <t>                                           [E^'^^28^ OPEN \mmA N0VV! II j  si;o,,-,,,k. y "IT S TOUgW'to IB W, BE FAMOUS" /f   \. DOUG . JR.. y^ a "t? r k k at re." tj BAILEY S Royal Theatre j TODAY- TOMORROW' % Clark Gable anr Joan Crawford ;.i 1 "POSSESSED J__f SAT. ONLY! UdCIC .IONEr' E in "DEAD LIN I</t>
  </si>
  <si>
    <t>                                           Phi Beta Sigma got the jump on Omega Psi Phi last Saturday night. Not only that, but Sigma out-fought and out-lasted Omega, and the results was one of most stinging defeats an Omega five ever endured. Sigma won, 40 to 32.</t>
  </si>
  <si>
    <t>                                           TWO DEAD, ONE DYING; RESULT OF GUNPLAY                 POLICE RAID ENDS III DEATH                 Another Dying from Gunshot Wound in Chest and Arm                 SIX ARRESTED                 A general stampede which re- 1 suited when officers raided a gambling house at, 184 Ellis street ended in the fatal Shooting of Carl Lofston, 23, of 159 Piedmont avenue and the serious wounding of Robert Dorsoy. 34, of 151 Valentine street, Saturday night.                 Lofston, who died at Grady hospital shortly after the raid from a bullet wound which entered through his hip and came out through his abdomen, was shot by Patrolman Pittman. According to :    ';- -Lofston threw -a chair at him as he entered the house where more than 30 persons were engaged In gambling. Patrolman Corly, who shot Dorsey, the bullet striking him in the chest and passing out through his right arms, said that Dorsey drew a .45 automatic on him when he sought to lake the money and cards from a. table where the men had been playing. Dorsey Is now at Grady hospital In a sei-loux condition. The policemen, who had been summoned to the Ellis street address by a radio call, said that a lookout warned the men inside when the officers approached. In a statement to a World reporter just before he died, Lotetcn said that he was sitting on the front porch of the house when the policemen arrived. He admitted that there were a large number nf men inside gambling, bul said that i he had no part in the  at all. When h-~ attemped to run in the house to warn the other men. he was shot through the hip. Lofst.m. who was known by the nick- 1 name "Red1." was unable to tell just who fired the shot. He denied that lie had thrown a chair at Officer Pittman. Six men were arrested and will face trial today i n Recorder's court or, charges of disorderly conduct. Dorsey iK being held for police, and should he recover will probably be charged with resisting an officer. Those arrested were: Fred Jackson, 159 Piedmont avenue; Fred Reynolds, 143% Auburn avenue: Will Smith, rear 484 Pulliam street; Ellis DIxon, 113 Piedmont street and Henry McKlbben of 1S4 Ellis street, at whose house the shooting occurred.</t>
  </si>
  <si>
    <t>                                           A general stampede which resulted when officers raided a gambling house at, 184 Ellis, street ended in the fatal shooting of Carl Lofston, 23, of 159 Piedmont avenue and the serious wounding of Robert Dorsey, 34, of 151 Valentine street, Saturday night.</t>
  </si>
  <si>
    <t>                                           The Kodak Week-end Hour presents Paul Robeson, noted baritone, as gueit artist, and an ensemble under the direction of Nathaniel Shilicret in its 1932 premier, Friday, April 20, from 9:00 to 9:30 p. m., EDST, over the basic WABC-Columbia network. In Atlanta the...</t>
  </si>
  <si>
    <t>                                           At Macon Wednesday the Negroes of Georgia made their first major move in the campaign to counteract a LilyWhite Republican party within the state. They have focused attention on the meeting they called for May 14 at Macon where they plan to name delegates and alternates to the national convention in Chicago not so far from now.</t>
  </si>
  <si>
    <t>                                           By cy hungerford                 By Jack Rabbit "ITS A GREAT LIFE IF YOU DONT WEAKEN"                 Charles McMarus DOROTHY DARNiT 7 i 7T:-                 ^THE MAIN THING ON MAIN STREET" By L. F. Van Zeim                 MA1H STREET S '' newspaper SOUR -GRAPES AFTER EACH MA- JONG BATTLE THE LOSEttS HAVE A THOUSAND AND OKE  SE'5 TO OTTEa  TmeV      't  VtN      HR.ST "PR.I2E.</t>
  </si>
  <si>
    <t>                                           funeral Notices                 HAMILTON- Mr. James Hiimillon passed aw:.y Ma:vh T,. 1M2. KiiIlirlul .' later. HallBIlbrooks Sc Co. JACKSON -Miss Durolhy Jackson, of 57!) u- pl:icv. N. E-. luis-i  vd away Mar.h 27. 1932. Func-I ral -d later, ! Co. I SPEAR- The relatives and friends Mr. and Mi-h. Alphus Spear, formerly u(         Park. Ga.; Mr. :.nd Mrs. Albert Robinson. Ailanla. Gu.; Ri'V. :ind Mrs. I. C.      -r and funnily of Granivili.-. Ga.; are Invited to attend Hit;  uf Mr. Alphus Spi-:n i Tuesday. March 29. I SM ,at 2 p. I m. from Lusters Chapel M. K. j , Colleuc Park. Cm Inter- i im-lll :it      -i:,. Park . Hev. .7. W. Swain . Sellers Bros. SPEER- R.-v. .1. C.        passed; .iy, very      -h 20. J!K12. at     home of his  Uini:h- ters. 47U Todil stre.-t. S. E. IIi-j Iimvcs tu mourn his loss -]  daughters, Mrs. P. B- i Elvhelbcrccr. Mrs. Eva L. Divis. Mixs Irene M- Speiir and two sons Mr. Jacob S. Spear, and Mr. T. A. Welch. Tim friends am! rela- -s ai-L* invited to attend the funeral from WneaL Sireit Bap-, list  Tii'-sday at I o clock.' Itev. .1. Raymond Ilndvrson *i: with others ;. Inl. lineal McDonouuh. Cia. ..s Co. J - The funeral "f Mr. Silas Perkinson will be   -lil today (Mondayl at 2 o clock from th,. chapel. Interment at Lin -oln Mi-morial. David T. Howard Co</t>
  </si>
  <si>
    <t>                                           West Mitchell 1st, Mt. Zion 2d Th is WeeM                 RACE CLOSE BETWEEN CHURCHES                 77,255 Votes Nose Out Win; 4 Are Above 40,000                 RACE IS HOTTER                 Folk*! Woll sli,. In-  :  :mh. Win.? -Why. West Mitchell Struct C. M. F.. chui-.-h.  bv . J. II: Wii;i;ii-s. with Mm. I3ui tli:i WlKKii:s ii s  :     . -h Un n.tl in 77:!5.r. vli.-s which will without  ink,, away lh;~ fit-M  ji-izi. of $15 In the 15-                 $7.10 Clciwi-l.-ar Cluirch contest now in its fourth   *ek.  by Tile Atlanta Dully World. If you will - correctly West Milcli.ll Street  won s jc ill prize  lhu-  week of Ilii- contest, and first prize  : very       wi'.-k of the contest Now. ihat i:j .;" some, is il not? j TIli- sc.onil ~)rizo of S10 Tor till*- w.-ek will to Mt. Zion Second HapiiM  cli p. by . .1. T. Durvey.  Mrs. Vlula S:m ford as contest manager. This .lj tinned In 7G.3UG voles which .- h/-r lose to the  by u nei k. Now wasn't thai a flo.  '  Uolh Hie $15 and the $IU cash prizes will be awarded ul Ihe Sunday -H of  . This  Is ; inore . than L.vw ..specially when    so .los.- to ContiiiuitJ on P^ko 3, Col. 2                 Race Close Continued from Page One KCiher. Well. Jit. Zion 2nd Bnpt'st  h won first prize two  in succession :ind i.s still In the money. Can't be:it , can you? Now us f.-ir as the h in  mentions :ne ^d wp lake cre.it  in  'cm over tn Bethlehem Baptist chun-h. "138 Fr.-wliT street,  by Tlcv. N. T. Thomp.-.on. wilh Mrs. Mlnnlo  as contest mann^cr. This church just joined the I'.-.eo this week .-mil started off by  in 47.0(M votes. 1,-isi but not I'Mst is Ml. Morlah nanti.st. pa. hv Rev. C. H. Holland, with Mrs. M. Holland as                  gcr. Thin  turned in 40.545 ing. . which in mighty i-  thine we wish Ic jj'-'t  out now in th0 ; time on Wednesday evening that. is. Jim far im - conle*~ is concerned .Owing 10 the fact  it Ih - inconvenient for many  to get to the .c of the Atlnntti Daily World us early an 0 p. m. 10  In their vote:;, we have moved ilu- lima up to K p. m. After , is will of course be too late. Aguln wc wish to announce  votes  names of oilier paper* marki-d on  nre void. Kvicicncrs of .se from nny              other  Hio.hc nn the Clover leaf Contest . are :,lso . Plen.se keep all these lull..  in mine] us it will  you a lot of timo and trouble well. Hore'x a       tip. Don"t try to BUOhm  is KOlnK t0 win In Ihf contest next week nx it is quite Impo. to do so. tin- way thinK* are KOInt; oi pris-enl. Another   don't call up (he content  and ask wha      winner IB for the current wi-ek. Just watch Frlday'  p. during each week if the  and you will find out soon . Don't forget we  exactly 1] more good long week* to go. Anything can happen in even less lime than that, so let s get busy and hustle. S'long. see you next v/eek. A., is well.</t>
  </si>
  <si>
    <t>                                           Howdy Folks! Well she has, done it again, Who? Why, West Mitchell Street C. M. E. church pastored by Rev. J. H. Wiggins, with Mrs. Bertha Wiggins as contest manager, which turned in 77,255 votes which will without question take away the first prize of $15 in the 15-week...</t>
  </si>
  <si>
    <t>                                           Rounding out their dual track meet at Spelman College yesterday afternoon the Atlanta University Laboratory High School and B. T. Washington High School entries spent hours in the wind doing various and sandry events ... for ...</t>
  </si>
  <si>
    <t>                                           ^   7 negro oa?ly     sw*ei^ in -d  nter*d Mewul-cl*** matter at thr poti  hi AtUnl*, Cm., under tho uct of Mfcrvh 3. IS79    SaTUIOJAY, AT 210 Al- AVb\, S. L*. TELEPHONES: WAlnot K5D nul H60  OP TnE          ;D   THE WOULD  no r*~             for unsolicited            ~*nt Into tho . w     Editor and I'ubHshcr viJ*  5;;u":::-":.-L-.:   .. 1ON 8 O.u     . J9.C0:    'l'~. 3 MonlKa.  2.iO: Wwliljr. ZOc. """  W. V. 2IFF CO.. ChU-~tfw. Nrw York. Loi Anc*</t>
  </si>
  <si>
    <t>                                           MEMPHIS, Tenn., April 21--Miss Jessie Hilliard, 18 year old sophomore, was declared first prize winner in the second annual President's Oratorical PrIze Contest at LeMoyne College Monday morning after stating "The effect World Peace would have on Civilization."...</t>
  </si>
  <si>
    <t>                                           ?          "fira*  CCMfFE^j lull in  ""1 v I uw sj- Open To The Negro Churches Of Atlanta And Suburb^] Only 11 Weeks More To Go + Start Now + Don't Wait! ;TyTTTTTTyTTyTTTTTTry7 ;~           . 2 'H Buy from the merchants and businesses advertising on this page and help your church in its effort % to share in the substantial cash prizes to be awarded on the basis of buying and the  of % bills.  *j I Rules and Regulations j Any church     enter and at any time during benefit of mutual benefit in that it provides you an Whatever constitutes the evidence of -the transac the f if teen1 weeks of the contest .No cost or red tape opportunity to help your church without extra cost to tion will be shown in each advertisement If at* attached to any church entering- the contest Simply you.- You will continue to- receive the. best possible should bo a cash register receipt and it shows that you write.the- manager or telephone your entry prices and the best quality merchandise for your spent 32 cents; for instance, the receipt;  Entries may ba made by the pastor in behalf of his money when you buy from these merchants. slip( saies ticket, etc; will be an evidence ofth.* church^or.bjr. the chief officer of any important sub- You will be accredited with one vote' for your fact that you are entitled to 32 votes for your church.J division 'of the church Only one sub-division of any. church for each penny you spend with these advertis- If coupons are issued by any of the "CLOVER-" church may, enter, however, and it is advisable that ers, or pay on account, provided you- vote with the LEAF" they will be issued in the ratio of one vote the whole congregation be solidly supporting: the con- Atlanta World, through your church or church com- for each cent spent tw i. i v - mittee the evidences of such purchase And watch Simply start saving your evidences of purchase ..ine merchants whose names appear on this page, future issues.of the Atlanta World for announcements now today Anticipate the entry of your church ra cooperation with the Atlanta World, are  as to when these evidences of purchase or receipted $75 in cash prizes will be awarded each thirty: i^^SP^ln Possible As its name implies, the bills may be voted. In some cases it will be the cash days, and at the close of the campaign ?B26'.0O in w-A,,bAi.~ is designed to be of mutua) register receipt In others it may be a coupon grand capital prizes will be awarded. l</t>
  </si>
  <si>
    <t>                                           Bailey's "81" Theatre 1 NOW PLAYING 1 BESSIE SMITH And Her Gang! I M 25 PEOPLE 25 g TODAY AND SAT. ONLY! ;OR AGONIZING BACKACHE JOHNSON S RED CROSS PLASTER ECONOMICAL RELIEF 'old by all dri/. look for [Rfoook* led Croii on   cry .. V ~"Y"</t>
  </si>
  <si>
    <t>                                           HOLLYWOOD April 28.--It took forty Polynesians to fashion and house the Douglas, penthouse that Douglas Fairbanks uses in his new...</t>
  </si>
  <si>
    <t>                                           Fans I told you last week that I would give you an article this week on tricking the bream. Well, I am trying to keep my word, but to be frank with you, the bream almost forced me to change my mind last Friday afternoon out at Constitution Lakes. If the bream...</t>
  </si>
  <si>
    <t>                                           This afternoon at 3 o'clock on the Morehouse College athlete field Coach Frank Forbes Morehouse Monson Tigers will cross bats with the slogging 24th U. S. infantry nine, of Fort Benning, Georgia Leland Foster is likely to lake the slab for the Marcon. The two teams...</t>
  </si>
  <si>
    <t>                                           Supreme Easter Values at Saul's Atlanta's Largest Stock of SMART NEW ^dr^rt**. Regular $5.95 Group              You will delight in the stylings of these                Diagonals, Senta Fabrics, Cords and others.  Si 7 New        Gree'1- Tan and Black, in sizes        '/H( 14 to 20; 3S to 46. ^n[ f Regular $9.95 Grou[)        Marvelous Spring values at s remarkable  'ow f'~ure- ''"he desired' new fabrics and **^      shades in sizes H t.o 20; 3S to -id. ..~~'~I. DRESSES %sT   L r$    refill M$Kf^^ j and'*4-"" ^H New Blues, Navy, Green, Tan jr1 !%}~~'%~ A huge variety of the new and Black. Excellently till- *i shades and combinations in the Iorc(1  nli  .  most favored fabrics. Sizes 14     '/'?~ t to 20; 3G to 50. Slzcs U l0 20  38 l0 58' i^^^ For Larger Women $14.95 Values J^Hi SIcnderizlnK styles in the best I A fabrics -and shades. Be fitted nic latest modes in the lat- V U Sfi y  L !aU^ 1G J t0 est shades. Every one a coat Vi 2615, 38  to 5214. you wil, pl.oud t0  si::es I 14 to 20; 38 to 56. [^SAUL S ESs "Fashions To 9"P M 91-93 WHITEHALL ST., S. W. XV J l</t>
  </si>
  <si>
    <t>                                           Benjamin F. Hubert, Executive of the Association for the Advancement of Negro Country Life. Industrial College, Georgia, states that people from sixteen States have sert in names for the Log Cabin Community Center in Hancock County, Georgia. He says that...</t>
  </si>
  <si>
    <t>                                           Read Every World Classified</t>
  </si>
  <si>
    <t>                                           IN  WOMAN                 Slashed Jugular Vein Causes Death Of Admirer I                 SLAYER FLEES                 A  over Miss       Karris is staid to h.ivc led to the  of Will Lawrence. Rear 310 Thenholm Avo.. who w;im  slashed In' his own bark yard about 4:30 Sat-  afternoon by Sol Alexander whose .- is unkown. He was tak-?ji to the Orady by Ivey Bro                 thers. According to Mrs. Boss Hicks, she anci others, including James Farmer and Sidney Winn pulled the two combatants apart as they battled in the roar afier Sol saw Will talking to the young woman. The mother stated that Sol'a uncle, a John Hcflin. handed his nephew a knife which Sol proceeded to ust'. She was slashed on the shoulder a* sh.; cot between tho men and! begged Sol not to harm her boy. After getting the mother out of the way Sol made a  lunge at the unarmed  felling him to the ground. Witnesses state that he cut his one time friend several times as ho lay on the ground. He then disappeared. Young Lawrence whoso jugular vein was severed, died at the Grady at 0:35 p. m.) Miss Harris, upon being Berated by Mrs. Hicks for being the causo of the death of hrr son. secured a pistol and pointed it  t the       . She was       to the police station and locked up on charges of disorderly conduct and pointing a pistol at another. Besides his mother nnd father. Ihe  three your old youth is survived by  Mrs. Jennie NMsinn. Mr.~. Mary Frances Daniels and Mrs. Bertha. Daniels. Ivoy Brothers will bo in charge of funeral arrangements which are incomplete. Death Calmly Takes Starved Baby Tho final  -H on th"  lifo of little Isa'nh Rnrber. one \-~ar old infant, whn died at the Grady Hospital from starvation, at 5:15 Friday afternoon. For four days tho child had       an Interesting patient of the baby ward, because of its   v stimulated tho sympathy of nve.rv human whn came within sieht. Whether the twn  old sister whose namo is unknown to hospital officials, will ever realize (hat her brother s death was caused by her greediness in drinking his "milk each day. is but a gesture, but the anguished mother will surely realize the insecurity of living one baby in the, care of another.</t>
  </si>
  <si>
    <t>                                           A quarrel over Miss Leola Harris is staid to have led to the death of Will Lawrence. Rear 310 Thenholm Ave., who was fatally slashed in his own back yard about 4:30 Saturday afternoon by Sol Alexander whose address is unkown. He was taken to the Grady by Ivey...</t>
  </si>
  <si>
    <t>                                           NEWARK, N. J., April 27--(ANP)-- The 1931 ratings of the American Tennis Association released for publication this week by J. Mercer Purrell's secretary, show a complete change in the ratings of flue first ten men's singles. The ratings were compiled by a...</t>
  </si>
  <si>
    <t>                                           Another is Bitten by Bad Dog                 The li.~t of dop bite victims ? treatment nt the Gnuly hospital dur np the second  of April mounted to 1 1 Wednesday  when Mrs. Loin Spivcy.  S53% Chamberlain  came to the clinic for treatment. She nu bitten on the richt foot about 7 o clock nnd is the .~ to be attacked by a      this week. The other nine persons suffered Continued on Pago 5, Col. 4                 Another (Continued from Page One) bites and scratches when a lone dog went on a rampage in the neighborhood Arrowood nnd Battle streets, Sunday, April 17. The animal was killed. In the meantime, a campaign is being started by the city health department within a few weeks to Innoculate all  and have them licensed. The jurisdiction over dogs has been transferred from the city clerk to this department in order that the dangers accompanying: dop bites might be reduced. A  the new ruling is that the I'ccnse and  may be obtained for the same sum  heretofore for licenses, namely two dollars.</t>
  </si>
  <si>
    <t>                                           I Funeral Notices                 ARNOLD Friend* and relatives of Min. Mary Amy Arnold nre Invited to attend her funeral from W?st Hunter St. Baptist church      Sunday, March 20. 1032. nt 2 p. m. Interment at College Park Omrtcry. Collcec Park, Ga. Sellers Brothcrx.                 I.- Mr. John Jones Line]- 1 scy. formerly of Abbcvillo. S. C:. passed nway very suddenly. Funeral announced later. Pollard Hancock. WHITE- Mr. Harold White p.Lsscd away at a local sanitarium Tliurstlay nicht. Funeral announced Inter. C. B. MoniRomnry. WHITE- Mr. Will Wh"itc7   Fras:r street, S. E.. passed away Marc-h 17, 1932. Funeral sen-Ices arc to bi- announced lator. Hanley Company.  Mrs. .Mary Slmnn p.iss'-d away al her . 101 Crumley . S. E. Friday :. Funprnl announced later. C. U. Montgomery. OLIVER The funeral of Mrs. Julin Oliver will bc held  (Saturday), at 2:30 o clock from tlic chapel. Interment Lincoln Mr- Park. Sellers Bros. PATTEnSON- The -al of Mr. Tinwlhy Pnttcr.~or. will b? held at Antioch East Baptist  Sundiiy. Map-h 20. 1!)32. ai 1 o clock,  Co. NUNNALLY Mr. Lewis Nuun-illy. of 255 Bullrr street. N. E.. passed away Mardi 17. I!W2. Funeral will b,. announced up.'t) location of relatives,  Co. WILLIAMS Thi-  and n- of Mr. Grover Willliims at? invited to  his funeral  (Saturday), at 2 p. in. from ..ur . Interment Soiilli View cemetery. Hanlny Co. WHITE- Frlrndii and  s Mr. Walter S. White Sr.. .Mr. Walter S. White. Jr.. Mr. I5c:i White, are  to attend the funeral rf Mr. Walter S. White Sr.. today (Saturday),  ID. 1032. nt 2 p. m from our chap"l. Rev. Lewis Foster . Plymouth Hock Lodge No. (W. A. F. A. M. I" charge. Pollard Hancock Funeral Homo.  1 Frascr         JACKSON- Til,, friends and  ot Mrs. Faribcll; Pierce Jackson. 'Mr. Willie Pierce. Mrs. Tda. B. Cochran. of Birminphiim.i Ala.: Mrs. Bessie Spe8r. Mrs. Minnie Spear. Mr. Hubert Walker. Mnster Sommip. L. Spear andi Norman Coehran are Invited     attend the  of Mrs. Faribelle Pierce. Jncksin. Sunday af-~ ternoon. MnVch 20. at 2 o clock,1 from Friendship Baptist .-hutch.1 Hriir'd ', Georcla, Rov. W.M. Story will officiate. Iniermi-nt churchyard. Murdaugh Bros.</t>
  </si>
  <si>
    <t>                                           ARNOLD--Friends and relatives of Mrs. Mary Amy Arnold are invited to attend her funeral from ... Hunter St. Baptist church this Sunday, March 20, 1932, at 2 p. m. Interment at College Park Cemetery. College Park, Ga. Sellers Brothers.</t>
  </si>
  <si>
    <t>                                           24th HimtY SOLDIERS I IiOREHOOSE  .1 Morehouse Athletic Field t Tliurs., FrL, April 28-29  j GAMES CALLED AT .'1 O CLOCK '/M[ Admission 35 Cents!</t>
  </si>
  <si>
    <t>                                           NAACP Will Meet at Church on Vote Drive                 The N'.A-A.C.P. will hold a  muss meeting in We.st Mitchell C. M. K. church with the  of the members of Gen-: tral Avenue- Methodist; Friendship Banti.Ht;   '         Temple mid the Cosmopolitan A. M. K. churches upon the ni^ht of April 12 (Tuesday It :s expected that these church members and the pastors will fill the church to overflowing. The object of the meeting is to  nil the colored citizens to register. In this respect, the Committee upon Church Co-operation with Rev. h. A. P'nkston,  of the special committee, nnd  I. A. Mnrtin,  chairman, will co-operate with A. T. WaldL-n,  of the N.A.A.C.P. und the pastors and leaders at Iur^e. The  is to register  U : atje people in the city of Atlanta.</t>
  </si>
  <si>
    <t>                                           KNOXVILLE, Tenn., April 26-- Knoxville College athletes expect to participate in at least twelve events of the annual Tuskegee Relays May 6-7 and will be entered also in both the Men's and Women's Tennis tournaments.</t>
  </si>
  <si>
    <t>                                           InMemoriam                 In  memory of our daugh- I tor, Mrs. Sadie Stilwell Menefce, Who left us four years ago. today, April 29. "Gone but not forgotten." Mr. and Mrs. E. W. Stillwell. Father and Mother, Mrs. Myrticc Willis, sister. j</t>
  </si>
  <si>
    <t>                                           LOVE YOU FUNNY THING.. Ah well, we can't get around it so --here, goes:</t>
  </si>
  <si>
    <t>                                           We are two broken-hearted girls, asking you for advice. We are 18 and 20 years of are.</t>
  </si>
  <si>
    <t>                                           H O HUM! Spring is here now. Do you mind if we settle back quietly and let the contributors carry you along? Thanks!</t>
  </si>
  <si>
    <t>                                           Young and beautiful Lily Lou Lansing aspires to an operatic career; but her mederate circumstances necessitate that she go to business and study music evenings. Wealthy Ken Sargent, whom Lily Lou loves, becomes angry when she insists upon practicing instead of...</t>
  </si>
  <si>
    <t>                                           K^R^^QB^ DON'T DELAY! CALL AT ONCB! n^^%^mb-~ for 23 rear* I      he*-* r**RlNG people Hrht h*   ^Stf^-i 'n AUinU-        * of Ihemt  f2?SfinPtwwJ No  whut ya or  u. no  hnw   r1    MJJrffHWKKfti ?nor *" mt-r be* utK* -To"     *nd Ine Rt onc" GH^2(li Treatment Is  H7          * In cert. BW^ No *  at  ooM-. AH                     with mr      future      - with            RgSSjaP^Hlg      In every cue.   3          MAt'R 0R  CALL OR  ^^i DR. T. Y. YOUNG  WITH TUZ ORIENTAL HERB CO. OI^TTr^^Si CHINESE HERBS AND HERBAL COMPOUND FunnuV n-rk A      for     7 DilMW of Ikt Hom.n  SMclallM    "~~I An. TA. 2    Atl.~u. G.</t>
  </si>
  <si>
    <t>                                           * B I I ^^J a I ^^    ^B The Wiseacres said we were flying High when we conceived The Daily idea and put it to use.- They were right. We are flying high. We print more news per week than any other plant in the World-which serves Negroes wholly, our features, columns, news events and stories are copious ^e send von th^ news while it is the new that s why you like and read The Atlanta Daily World</t>
  </si>
  <si>
    <t>                                           SrXTH BIRTHDAY PARTY Little Leon Harrison Willis, son if Mrs. Thclma Will's. 10-15 Colelian St.. celebrated his sixth  on last Friday, April 15. with 11 party which lasted from 3 :00 until 5:00 n. m. Amonc his little playmates who attended were Evelyn Bryant. Elaine Prathcr. Matt:c Withersnoon. Doris Davis. Ada Harper, Ernestine Harper, Louise Anderson, Lucille CIov. Magnolia Clnv. John Baron. Willie James Wright. Ernest Wright. Walter Ruth Smith. Dora Smith. -Inmes Smith. Irma Lee White, and Ada B. Middlcbrooks. No pains were spared to make the afternoon pleasant for the invited guests. The iced birthday cake decorated with six candles was lighted to the joy o"f the children. The menu consisted of peanuts, candy, individual cakes and ice cream. Each little girl was Riven a doll as a souvenir and the little boys, marbles. Leon enjoyed the   remarks ana congratulations, and was the recipient of manv useful . May he enjoy many  b .</t>
  </si>
  <si>
    <t>                                           LOS ANGELES, Cal., April. 25.-- --(ANP)--According to a member of the chorus of fifty singers in the cast of Hoodooed" drams written by Eugene Henry Huffman, the author was only prevented from suicide following its miserable flop, by the coaxing of...</t>
  </si>
  <si>
    <t>                                           IB and B  1  1  U ^4-BRrAl STREET-4 i LOIN  STEAK 18c @ Smoked HAMS. Whole or Half l(ic DCc! M 9c Fancy Hens life W^b LSnkS Streak '0' Lean 7y2c R03St I i Ira B 9 9 fi Bkn Bn B I Hk^s Gibbs Pork and Beans, StokeBy's ICrauf, Stokely's Homhiy, Blue Dot Lima Beans   Beans Your Choice Lux Toilet Soap 2  15^ Lux Flakes 2 ri GS 13^ Octagon Soap Chips 1KG 21^ AMERICAN DILL PICKLES  T**~ 1SC CAMPBELLS TOMATO JUICE 4 2SC CHOICE EVAPORATED PEACHES 3 25C BLUE SEA-  I TUNA FISH 19C IVORY     #? mfi       ^^^3~;/      xsr</t>
  </si>
  <si>
    <t>                                           A Card of Thanks                 wish to  the following friends for their expression of sympathy,   offerings, and use of cars in the hour of sorrow .-it the death of my father, Mr. Ucecc Crawford: Mr. Junior Cimp. Mr. nnd Mrs. Wm. Hudson, Mr. and Mrs. G. W. I'laekwull. Mrs. Bnn Andcrsoij. Mr. and Mrs. Tom Kclloy, Mr.  S3;' Mrs. .1. J. Whitf !cld, Rev.  Mrs. J. C. Crutclificld, Mrs. Alice M. Davis and Miss Marie Barnes. Mrs. Lou Kllcn Adams, daughter. :)~)7 Mnry St. S. W.</t>
  </si>
  <si>
    <t>                                           sum tomorrow/ DRAMA THAT IS HUMAN Highly' entertaining .packed with excitement thrills and romance and plenty of comedy A. -.Universal Picture, with.- ROSE HOBART PAT O'BRIEN CHARLES BICKFORD    Farrell MacDonald I I Is**? I I ab.- open Is I 11 a.m. Im j  ,.v; ',I.,,,,,,,;..,iLJ ? r; open IS^r TV ?a^'- J J a.m., 'GEO.ARLISS^nj AvixAkbkn''7''" II k HAMILTON,'; .Jf'-^v- With  KE!IVO!f ^^T I</t>
  </si>
  <si>
    <t>                                           TO STUDY ATLANTA                 Fourtern  from thu sociological department of Tnlladega college, accompanied by Rob- urt W. O'Brien, head of that department at the Alabama school, will i made a two day tour of Atlanta  agencies Friday and I 'Saturday. j Tile tour and study of the agon- i Continued on Page 5, Col. 4                 Alabamians (Continued from Page One) cies lias been outlined for the group the department of Community oi  at the Atlanta school nl social work. Arriving in the city Triday shortly  :i o clock, the group will assemble in front of tho social school and begin its journey around t!io city starting at the Piedmont  of the Y. W. C. A., and continuing to the Butler Street Y. M. C. A., the Family Welfare Sorvicn headquarters, and the national and local Urban League offices. Saturday's itinerary for the group as outlined by Miss Adams calls for a visit to a session of iho police court over which Judge Cone will preside:              to the Lconarrfi Street Orphanage, the Community Service Training School, the municipal kitchen, and through the courtesy of Manager Tom Bailey, the 81 theatre. ConcTtTiinB its visit to Atlanta thn students will be entertained by Forrester B. Washington director of the Atlanta School of Social Work, at his home. 373 Folton drive.</t>
  </si>
  <si>
    <t>                                           SsPMPm!*! DON'T DELAY t CAM, AT QNCEt Mg^c@^Hft'i Pnr 23  I hnrc been CURING people right here       ^' In Atlanta thousands of them I ISnvMBmHSfi^H': No mutter what your trouble la. no matter hnw Mrtoai               dl"ei*5e mn* he-  7ou to call and me at one*. - Treatment In very  In co^t.  2^yB^0U, No   or  operation*. All dl rMw ^ Kasef treated with my pare nature herbs with * Hi SS^Slfe MALE Ok'VeMa'lK CALL OR WRITE  DR. T. Y. YOUNG      2r?*a(HS vmn  oriental nERB co. %^         and herbal compound Dn. T. . A Cure for Ererr Diteaiw of     Bnm.n Bodr I  Iletb Ul Edcowood Are. WA. 2185 AtlinU,     8 K?l*I'tt - 7 A- M. to 9 I\ If. i 2] Vn. In AtlanU</t>
  </si>
  <si>
    <t>                                           "Up to your old tricks again, aren't you, Estelle?" piped the patron of the beautytorium, us she settled herself at a manicure table. "I've seen you blonde, I've seen you brunette, I've known you as a red head, but this new chestnut tinted aureole of yours...</t>
  </si>
  <si>
    <t>                                           ISc!?c ^mB?@ Only a few of the extra heavy specials offered at your nearest AG?P store this week end. DIXIE tig ff%C PRINT ji Si           Tub or Salverbrook Print Lb- 25c 1~%   6  FOOD STORES Sv HWI Pillsbury's Best or FRESH EGGS 2 Box. 23c BACON Sliced Sugar Cured Lb. 1 C SALT MEAT Streak O'Lean Lb. 7c ? HAMS Pound 9c ?EUIEg 60 to 70 per Pound 2 Lbs. 9c 5 PEACHES Pound 9c CIGARETTES i^r. %KJ^           !S $1.55 3 SOAP 10 Small Bars 23c .4 SI G c F E A S 2 No 2 Cans 25C ?URE LARD in Cartons Lb. 6c Vegetables and Fruits Netv Hastings' Fresh Asparagus Big Bunch 20c Ho. 1 Cobbles? Potatoes 1O Lbs. 17c  9ancy HaSl Yams 5 Lbs. 9c Yellow Squash Lb. 5c           ? 2 Lbs. 25c Sprirag Spinach 9c Oranges '-. Bag 49c FLORIDA. ", THIN SKIN CALIFORNIA IdmMhmMWIiWIiilliitiffllWi ii^ljg^^       ^WB8                    ^</t>
  </si>
  <si>
    <t>                                           FAIR WEDNESDAY  and Thursiliiy,  - In '.       1. pasi 24 hours, 34; . 48;  11. C V. von HERMANN. MetcoroIORisU Vealhcr Bureau</t>
  </si>
  <si>
    <t>                                           The show must go on. That has been the rule of the stage for in these many years, and unbeknown to the laughing audience on the other side of the footlights at the 81 theatre Thursday, O.K, efe JohnSon, hoofer and straight man, carried on, though suffering intense...</t>
  </si>
  <si>
    <t>                                           A touch of enchantment.. .the silky smooth pearly appearance so easily and quickly rendered to Complexion-Arms.. .Shoulders and Hands. Face powders just cover. Oriental Cream Beautifies. Start to-day.  i GOURAUD JK VWhitc.Flesh    "Rachel Shades V^Send IOC  SIZl r.T.Hopklns6/Son.HewYort</t>
  </si>
  <si>
    <t>                                           OBITUARY                 lira. Ida Beathea who died Wednesday, March l.Gth, wife of Mr. Ardcll Bcathca. Pullman porter, was  at St. Luke A. M. f.. Z. church of which she was a member for (19) nineteen year. She is survived by one son, George Field of Wilmington, N. C-, onu sister of New York City, one brother of Slocum. Ala., one brother of Wh'tovtlle. N. C. oho brother of North West, N. C. I am taking- thin method of thanking all     friends, both white and colored for their kindness shown nit!  my hour of . Your truly. Ardell Botheu, 121 St. James Ave., Wilmington, N. C.</t>
  </si>
  <si>
    <t>                                           Up From Georgia With My Banjo By Thomas Jefferson Flanagan THE APRIL 1HD comin' up with spring, " from the maple, Askin' ain't you m  glad you lived to see the April: Rosy skies a ' wide, lentin' God's green chapel An' 0 the gospel weather brings the blossom on the apple. Movkin' bird a-flyin' low, says because to view you. There where heaven s blessings went tin1 h lls of Halliluliii: An' the dogwood s swingin' low with its mow white ' Ait'  stream comes ' 'rf U"d' :i: l.in' you 'bunt '. An' so the ul" '  ' 'is :i::is all  i Sweepin' all over the lovers home in its blis.-ful Uinifle: With tha hymn of Mister Jay, swingin' from his maple, It's just worth all life to live up to see April.</t>
  </si>
  <si>
    <t>                                           DEACON JONES                 By L P. Reynolds                 The newly called Ilfvercntl Rot bo\ mnd with Brother "nill" Johnson that he said he felt like  him- up. Brother Johnson  lf;ho'~'?f did cat him D if. ho (Tho .      g: rend) wouldn't have morn BRAINS/;    In his stomach than ho. had -la       .Jj head, :-:-:Uv$ ^^0i</t>
  </si>
  <si>
    <t>                                           FRIDAY SATURDAY Poultry Specials DRY-PICKED. MILK-FED FRYERS Ib. 22c VY; lo ZV\ Pounds 1NY SIZE ROOSTERS Ib. 11c i Hens*- Lb17e EXTRA FANCY j TURKEYS Ib. 25c j EXTRA GOOD I SORGHUM SYRUP 1 gal- can 47C DAY OLD EGGS doz. 15c REMEMBER! j All poultry milk-fed and dressed free while you wait WAREEBf Produce Company 195 EDGEWOOD AVE. These prices also effective upstairs and downstairs nt Ousts Market i</t>
  </si>
  <si>
    <t>                                           Judge Martin's court busied itself with four cases of assault and battery with the intent to murder. Two of the defendants were women. The first case appearing on the court docket was that of Miss Charlie Moe Marshall, 17, 1816 Alley C. appearing before the court...</t>
  </si>
  <si>
    <t>                                           SShI Ih9 9 ^^^83  B^^p Q X^M  Kin ^rSr M i^   AND BEST FACE ^^J CREA^ VALUES l^V5^FEl^^^H^viJ) creams never fail to bring                 Use genuine Black and White Peroxide Cream daily. Protects your skin from th e darkening, coarsening effects of wind and weather. Contains just the right amount of peroxide to keep your complexion' fair, light. Holds face powder on hours longer. Big jar of genuine Black and .White Peroxide Cream, 25c. 'S CBeanse Your Skin pmg^^ With This Fine Cleansing Cream  The instant you apply Genuine Black and ^^i^^gj^^^ .White Cleansing Cream to your skin it ^~~    =3 jgs^jj sinks deep down into the pores. Removes all gs^^jg=5^^^^^afi dirt and grime which cause bumps and big               3w!BHi pores. Keeps your skin clear, radiant and BnilsfSifeBfflMHBl beautiful. Big can rf genuine Black and White *rrrr"(^ Cleansing Cream only 25c. Keep Your Skin Young     3       This Fine Cold Cream        keep your skin from getting old and f^MfT^^CDiJHBl wrinkled use Genuine Black and White Cold 8WI$H8!~T^THi Cream. This rich, fragrant cream nourishes WmA ?~      \\M the tissues and restores precious oils to' the W/MQ JsEHitfv'yJB skin. Erases wrinkles and keeps your skin    ^ ^^MJ soft, firm and young. Big jar of genuine HHRBiiBBBflfll^^ Black and White Cold Cream only 25c. EraaKBHHHB If you cannot get Genuine Black and White products from your 'dealer, w.send us his name and address, together with retail prices of products de- (JK sired and we will sec that you arc promptly supplied through your dealer, y* all charges prepaid. Address Black and White Company, Chicago, Illinois, I BLAeKEWHITE BE AUTY CfrEAMS</t>
  </si>
  <si>
    <t>                                           AN AMUSING conversation, A young preacher told one of his co-workers he has in his (the friends) small town and spoke some what despairingly of the smallness of the town when the friend spoke up and told the young preacher that has town might be small but if he...</t>
  </si>
  <si>
    <t>                                           -MAN KILLED OVER LiQfl QUARREL                 A fuw over liquor is mid to be the ! of the death of Clinton Vnrner, 1180 Sims street. S. W, c. Thursday night nt the Grady hospital. According to Harvey Oliver. 874 Smith street, who was an  to the tragedy, Vamer was shot by n man known an Pollnrd said to live  t 917 Hubbard street. Officers C. E. Lloyd nnd A. Dnilcy. who conducted the investigation, learned that      fight started about a quarter past live. Mr. j Vnrner who wn.i shot  in the  temple     rushed to Grady. Death camc at 7:25 slightly more  two hours lifter the shooting. Pollard Is still ni . No   havc been announced.</t>
  </si>
  <si>
    <t>                                           WELL, GENTLE FANS, the officials of the seventh annual inter-fraternal Basketball Tournament games will be colored. The proposed plan to use colored officials went with very little opposition, and a neat system of rotation is being mapped out for the opening night of play this Saturday at 7 o'clock. The use of members of the ... as the officials of the games in the wake of the former precedent established will certainly be one of the sidelights of the competition itself We take off our hats to the Interfraternal Council for the expedient thing that it has done in taking the bold step just consummated. It...</t>
  </si>
  <si>
    <t>                                           STREET QeSB MBm ^TBH B ^H  fis 5   Bin ^     ^H MLn p I* I.OOR Mfc gl  BH ^B^^^B ^^a ^^^1 STOKE Celanese Lined WORSTED SUITS; Melti "^i Blue Cheviots 1 1/ l^^i ^w Twists Jib   "^^^ ***ue ^er^es Sim I I Herring-bones wags I I A wonderful pur'~s3$ A I ch.isc enables us to j^-^'V^^v offer this outstanding   lj Y      Easter! 1^ $^1*~M Co-" Li"cd wi h c''I *dBf3~*!y 1  Vcil-Backi'of Cel'^5^ I ^~3w(f^ *ncIC Sleeve Linings of 2  ^S fi  % Celanc*   I^ffi ^^I^S^. Alterations Free N) U.c Your Charee Ac $^ 55Hffi! ^^w^v count Our 10-Payment WiSm ^^_^fe Plan- Or. a Dopo.it Will JJVLHigh Co. t?.$BZM?lG-rs of Undersellinci-."!</t>
  </si>
  <si>
    <t>                                           r -i When Pai Barron TriE LAST OF THE FAMOUS ItAMIONS. I' For years the name "Karron" has graced K the paRc* of newspapers everywhere. Kcd Carter Now Pat! Here you sec Tat in a Schwob suit. Young fl men  the South admire Tat and J. ["IIS Week Cl Special prefer Sclneobilt  just nj he doe$.  Spring Suits is on display in Sclnvob ,rfy, Stores. Tailored in Park Avenue Styles for the South, these smart suits are suitable for Spring wear, Summer and early Fall. They arc suits you can depend on to FIT! To WEAR"! And to hold their shape with "Z^/T^C^^H I S'11001'1) smart lines /\4A/\ dicing the entire I r\\i V  of the fru mien t :-^   91 Peaiitree, N. E. 177 Mitch^IV S. :^-    Stores in Nearby Cities: :'.v"-;::.v--V';     '-^ ATHENS MACON SAVANNAH  ^GgA^fGE^  ROME COLUMBUS ^S^"</t>
  </si>
  <si>
    <t>                                           Willie James Price, 19, 450 Berkle Place; Miss Naomi Bailey, 18. 797 Coleman St., S. W.</t>
  </si>
  <si>
    <t>                                           Slim Cash Bothers Hffl S                 CLEVELAND. April 2B- lANP) -Some of the dek calss lo Hie 2i)ih quadrennial conference of ilw A. M. E. church will I).' happy and well . fur durini; their stay in Cleveland, but for  the  of Olil Mail Depression will be . It     : hist  learned                 that only about one-third the 9G conference of tho church hav-_i been  to pay their sustenance fees for the delegates whom they have elected to the general conference. Orrllnnrlly each  is entitled to Sit) for .  and expense"  tho conference. This  is paid by his -ici  on Page 2, Col. 3                 Slim Cash (Continued from Page One) forence to the financial  s  and disbursed by him on vouchers ; the session. Those districts which have forwarded their fund will thus bo able to draw 'hem as in .'.ays past, but in those districts whore the Bishop has not complied,  will have to " for them??. In the past Secretary Jnhn R. Hawkins has b^en able to loan districts which ~-~re temporarily '-d. This  ho has rent   "w!    to the dearth nf      .-~v no  ran tin rr-'dc It 's honed that the result will not    tint a number ministers and                 delegates may be stranded, but that all will com?  prepared. It would  reasonable that car.' with sufficient war ches s should be quito popular at this conference.</t>
  </si>
  <si>
    <t>                                           CLEVELAND, April 26-- (ANP) --Some of the delegates to the 29th quadrennial conference of the A. M. E. church will ba happy and well caned for during their stay in Cleveland but for others the ghost of Old Man Depression will be stalking. It has just bean learned...</t>
  </si>
  <si>
    <t>                                           Iiilllli^i8   ;^^S AI'TrlCU(;H THIRD IN AGE AMONG THE FUNERAL ^W^^^^^S DIRECTORS OF ATLANTA. NO GREATER SERVICE ^p^j^^^^^P HAS BEEN DONE THAN THAT WHICH IS DONE AMBULANCE SERVICE NIGHT AND DAY -FRIENDS TO HUMANITY WHILE THEY LIVE AND AFTER THEY ARE DEAD We atfs ready and anxious to congratulate any worthwhile adventure thus we heartily congratulate, the Atlanta World FOR THE PUBLISHING OF A NEGRO DAILY NEWSPAPER !VEY BROTHERS MA.-2567, JA.-SS72 'I!)2 LARKIN ST.. S. W. ATLANTA. GA. ,:i( B</t>
  </si>
  <si>
    <t>                                           Capt. A. J. Neely, registrar of Tuskegee institute passed through the city Tuesday morning enroute to Chicago, Ill., where he will attend the National Registrars Assn., convening there.</t>
  </si>
  <si>
    <t>                                           FIGHT FOR 7 BOYS                 IntiTiiallonal Labor Defense attorneys preparing to carry  tight for Uie sevi-n Negro Scotlsuoro boyn to  V. S. Supreme, court They havo won :i stay of execution  Juno 24, ),'      !. j^. Friini left lu : .1. Louis Enndahl.  .'lary  f tho Inlernalionul Labor Defiiusu; Waller II. Voltaic; Gi'itcml George W. Chani!  ; Joseph Urodsky.</t>
  </si>
  <si>
    <t>                                           One's position in the community mind and appreciation is so relative in a community so large as Atlanta, that it is possible to live a life time and render rather parise-wotrhy services during his day, and generation with out becoming very well known in the...</t>
  </si>
  <si>
    <t>                                           CLOVER LEAF "?fi?A  CONTf IT XslUrkJ Lli ^I.1 LUCK V/^ll vs\     A JUM A I A i  4   i-,:'~ "-K k i ^mmm jsi ?=w v SB? v..-~ i! :    . "i.-!. v V i Open To The Negro Churches Of Atlanta And Suburb^ Only 8 Weeks More To Go + Start Now + Don't Wait! Buy from the Merchants and Businesses Advertising on t lis page and Help Your Church in its effort to I share in the substantial Cash Prizes being awarded on ths basis of buying and the payment of bills.   SLeguiafiotfis Any church may enter and at any time during benefit of mutual benefit in that it provides you an Whatever constitutes the evidence of the  fifteen weeks of the contest No cost or red tape opportunity to help your church without extra cost to tion will be shown in each advertisement If it attached to any church entering the contest Simply you. You will continue to receive the best possible should be a cash register receipt and it shows that you write the contest manager or telephone your entry prices and the best quality merchandise for your spent 3*~ cents for instance the receipt, "sales Entries may be made by the pastor in behalf of his money when you buy from these merchants. s,. tick;t etc ! be an evidence of5 the church, or by the chief officer of any important sub- You will be accredited with one vote for your 'P,,HtWI to 3' votes for vour church division of the church Only one sub-division of any church for each penny you spend with these advertis- fact Tthal  ou Mc  t0 d-  ,lor yo" ~"^n church may enter, however, and it is advisable that era, or pay on account, provided you vote with the n coupons are issued by any ot Jiie l,t,    .Kthe whole congregation be solidly supporting the con- Atlanta World, through your church or church com- LEAF' they will be issued in the ratio of one vote test- mittee the evidences of such purchase And watch for each cent spent Ift The merchants whose names appear on this page, future issues of the Atlanta World for announcements Simply start saving your evidences of purchase^ m cooperation with the Atlanta World, are making as to when these evidences of purchase or receipted now today Anticipate the entry of your church T1S campaign possible As its name implies, the bills may be voted. In some cases it will be the cash At the close of the campaign $375.00 iii grand " is designed to be of mutual register receipt In others it may be a coupon t:il prizes will be awarded.</t>
  </si>
  <si>
    <t>                                           ^^^ ,:</t>
  </si>
  <si>
    <t>                                           TTTTTTVTTTTTTTVYTTTf Tf^ ;: used cars I An- belter conditioned and "fully guaranteed Sec Atlanta's finest  nf4 better used cars at k^I'cachtrei' St. and Forrest Ave.* New Low Prices I MM!) 'Dodge DA 'Road-  CQ7(^~ silt. sport Model  19ZXI Oouf; OA Coupe Q9~^~ i Wire- Vhcels U^iU^ ,102)' ' Sedan. QCJ CMia good "1!)31 o^bulo C, Sedan K9   1 J  Laic -M- ~^D2  u^Soto G Sedan. /14    'Sport, G Wheels ;iO4  DeSolii li Coupe. ^" Extra clean ~*Dt  l!~a UcSolo G Coach. QOfJ^ N.-.V Sires ii^D-' .1930 Di'Soto 8 Coupe. ^4^~ Execili-nt Condition '1931 I'lymoutli Scdiui. AUK* i Exlra clean ~*    .1931 i  Coupe. ^Q^~ Lai.- Model      "1930 Chrysler G Sedan. H    -~ Exlm value *ov* 1930 Chrysler C Coupe. .* Special Oi7t'-. ,192!) Chrysler C Sedan. /^ 6 Wire wheels ""-J "1IBU Chryslix 6 Coupe. QQ^-~ Ex'r.'. koo.1 Oi7^~  10 8 -Chrysler 72 Sedan. 0~)K. -~A' ti-'c value ^    '1930 Fnrd Coafh. 2S0*i    .;fcs -lilt- new ii  193O Kord- Coupe. 2S0" ^1029 Ford. Coach. TSR3 '".Jlr^' 'IBM 'Ford 'Sedan. 9Qe?~ Doom A^l *ou* 101) Cars in one croup Pficcs $50.00 $1000.00  TRADES* EHarrySommers,[iic.: 'J' USED CAR DEPT. 3  S75 r"  -li(rcc St. of Forrest Ave.-~ ~'Wn.- 24^7-V '  . 1831J</t>
  </si>
  <si>
    <t>                                           I CLASSIFIED 1 VOTES FOR Your Church When You Use THE ATLANTA DAILY WORLD CLASSIFIED ADS Ono Vote for Each Cent You Spend for ATLANTA WORLD CLASSIFIED ADS CIRCULATION For Every New Subscriber VOTES FOR YOUR  Ono Yenr Subscription 1,000 Volei 6 Monlht Subscription 500 Volet i Months subscription 250 Votoi j Oiio Month Subscription 80 Volet SUBSCRIBE TO The Atlanta Daily World t And Help Your Church</t>
  </si>
  <si>
    <t>                                           J^F.J-' L YOUR FRIENDS T9^T,TItE DAILY WORLD. DO^, J LET THEM MISS ENJOY lN G THE NEWS OP OUR ..</t>
  </si>
  <si>
    <t>                                           CHEERIO; Ladies and Gentleman. FINE POINTS speaking again, its conductor having been induced to put aside such things as Spring Fever (which some people are unkind enough to call d.luginess) and get down t o work. Are ya listenin'? Then--OKAY...</t>
  </si>
  <si>
    <t>                                           Air Mail Mystery axp = 1'. m^tob.v y I5r 8,r. a.m. i In  I ItfiBfO nn the t-K** of 1H Amrrlci'ii          Hero! II 1\ "IT S TOUGH TO I BE FAMOUS" j ^~V  . JK.,. jfl   ^ .MARY  y!y I BAILEY S HotAL. THEATRE 0 LAST TIME TODAY! H Clark Gnblo  nd H Jonn Crawford in R "" H SATURDAY. ONLY!" Buok ,      ;in ____J^EADLINE" I</t>
  </si>
  <si>
    <t>                                           The first grand debut in Atlanta, of the famous Negro tendr, George Garner is scheduled for tomorrow evening, (Friday) at the city auditorium, where he will present a festival; of Negro Spirituals, and Classics.</t>
  </si>
  <si>
    <t>                                           One of the most popular and outstanding booths at the brilliant carnival given by the Alpha Kappa Alpha sorors on the roof last Friday night, was that in charge of the ladies of the N. A. A. C. P. Auxiliary under the efficient management of Mrs. Josephine Dibble...</t>
  </si>
  <si>
    <t>                                           I Funeral Notices                 4-Mr*~R'SnI*2       pawed. Sunday at ni-on .Funeral announced Inter. Ivcy. Bro*., .morticians.                 GOODWILL- Mr. Lawrence Goodwill. 340 McDanirl .street. S. W.. passed April 24. Funoml announced later. Ivey Bros., morticians. CRAWFORD- Mr.        Crawford passi-d Sunday ;.' Funeral announced lal'-T. Ivey Unix., . JOHNSON- Relatives and. friends of Mrs. Georgia AnniL. Johnson. Miss Edlyn E. Bcntlvy. Mr. H. Hubert Bcntlcy, Sr.. of Memphis. Tjiui.: Mr. H. Robert BcntU'y. Jr.. .if Buffalo. N. Y.: Mm. Emma Herring and family and Mrs. Mnmle Murphy are  to attend tho Xuneral ot Mrs. Gcugia Annlc Johnson tomorrow (Tui-) afternoon tit 2 o clock from the chap?l of Ivey Bros.. Rov. C. K. Bro^vn . Interment South View. STANFORD- Tho friends and  s .of Mr. and Mrs. James Stanford. Mrs. L. Styles. .Mrs.' M. Lindsay. Mrs: D. Woods. Mr. Rollu Stanford. Mr.  Stanford, of Cinclnnnti. Ohio: Mr. and MIm. Jai'k Stanford. Mr. and Mrs. A.' L. Clack, ot CovliiKton. On.: Rev. L. C Clack and family W?msi'~. Cliff. John and Hiirrison Stanford. Mrs. Claudiu Sianfnrd are invited to attend the  rnl of Mr ..Tamps Stanford Tuesday. April 20. 1032. at 1        from Poplar Hill A. a:. K. church at Covlngtnn. G:i.. Ucv. I J. P. Woodward officiating. In- i ferment in Covlngtori cemetery. Hnnley Co. i</t>
  </si>
  <si>
    <t>                                           SMITH--Mrs. Fannie Smith passed Sunday at noon. Funeral announced later. Ivey Bros., morticians.</t>
  </si>
  <si>
    <t>                                           Tlie Bambino Busts No. 1                 Babe Ruth in making the  swing that cias- his  .tr' uf itii.-t.-fas-i.il in ;liL- very first inn- 1                 ing of Hip Yunkec-Atliletic*  al Shibc Park. Philadelphia. He  lia.ied t.anmi.itis Uyi'il nnd Sulti(~raver In   on  one                 nnd scored SaHzgravcir in  of him when he clouted another hom-: it in the . The Yank.-* won. 12 to G.</t>
  </si>
  <si>
    <t>                                           OMEGAS BATTLE KAPPAS; SIGMAS 'MEET ^r</t>
  </si>
  <si>
    <t>                                           BISHOP JOHNSON                 RUMORS Ft! AS MEET f                 Bishop Preached Big A Sermon at Tampa; i; on Conditions                 MAY PROSECUTE?                 JACKSON. Miss.. April 27.- AND- Bishop W. Decker Johnson, of the 8th Episcopal District of tho; A. M. E. church faces a  difficulty as time for the -': conference grows near. It is cur-.-'rent In ecclesiastical circles hero*'  the   is short In his-'                 accounts to the tune $7,000. Lr'- Tlio matter has been under dis- cussion ever since the recent Bis-'.'iv hop s council at Tampa, last FebV;,-: ruary. While it was considered^*; there, the public has not been pex-~K  to see the confidential rc-;.-^~ ports made to the Bishops on    -S? matter. Ministers from this state who are rg not kindly disposed to Bishop John-Si^.' son are. said to have reported that/st, .tho}-%', .." certain'-.' JiiorieyK."^; which the ch urch "records' do' not^  ns having been received.  Bishop Johnson evidently. -Jj*' ed. the revelation, for he preached. a powerful and moving sermon dur-. :"j ing the early days of the council, .:5 during which he referred to the -;sj drouth and the floods which had stricken Mississippi and clo.ied'.'v; many of her banks. He is said to. it} have remarked in his sermon that-^ the church s money was in ^; b.inks but what could he do about it. The records it Is reported ~" not substantiate thLs fact and it-'ls.;;^' whispered that the fair sex /has played some part in the disappear-'^ ance of these funds. '',,'~$.~: Bishop Johnson :\t the end; of a- inp speech In his own defense.;.; i Is alleged to  said, "I ' a i home on high and it will bo waiting me with a welcome, wheth.; 'er the general conference prosecutes me or not." r- Ministers of his district are not-. expected to support him partly be- cause the bishop has not "., thelr sustenance funds. Delegates from Mississippi expect to pay their.own  and keep in Cleveland.</t>
  </si>
  <si>
    <t>                                           JACKSON, Miss., April 27.-- (ANP)--Bishop W. Decker Johnson of the 8th Episcopal District of the A. M. E. church faces a financial difficulty as time for the general conference grows near. It is current in ecclesiastical circles here that the good bishop is short in his...</t>
  </si>
  <si>
    <t>                                           Mr. George Henderson died at his home Saturday afternoon. His funeral was attended at Mt. Vernon Baptist Church, Sunday afternoon.</t>
  </si>
  <si>
    <t>                                           Rising to their best form of the Intramural Tourney last night in the birds against the Freshman girls and Faculty five respectively, the Clark University Senior women and men romped to double victory by scores of 26-14 and 35-13 and made a clean sweep of this...</t>
  </si>
  <si>
    <t>                                           Lynched Killer and Victim                 Kicharil '.trail (left), uo-year-old farmer of St. Francis, Kan., who was lynched by a mob of 1,500 infuriated men after he had confessed kidnaping and murdering 8-year-old Dorothy Hunter (right). The little  was assaulted and strangled by Read, an ex-convict, who hadj served u prison term for a previous assault on a young girl.*</t>
  </si>
  <si>
    <t>                                           BALL HALTS i:. i:i.y. i                 Will Hold Afternoon Session on 3rd Foster.. Slayer *. v 1                 BOYKIN AB S E N T                 The opening Rainu of the Atlanta's Cmckcri DSteball club' Served to postpone tho trial of Richard Morns, third of four boyn involved In the  or Detective Foster. u f.w mure hours, wh-n Judge E. E. Pomi-     ordered                until Friday morning.                 The major portion of the  session wns spent in a careful striking of. the jury by Jesse B. Simmons, loading the counsel for the ... 'Clio jury was finally completed shortly u ter lp. m. Thursday, following the elimination of  panels of jurors. This morning the trial is ]             *i OOO SCS  aA1IS add a very small .nei- of increase to tin- hundreds of teachers'  in the school system. I'nietieollv a.11 of the other recommendations were  ruled out of order or referred to some committee for further study. When \    realize that Neirrocs do not have an OTinortuniU'.. k - from the visual - f facilities, an wall as receive  d by        Pomeroy to  the aft!~-nb6n ."  by Jud(tu Pomeroy to . the .be "d by a laic hour'  lit. Marked iii      beginning of  tr-'M was Ihc        ; of Solicitor General J,,hn A. Boykln.        Krilling cross examination wdf  re "~Conti-."~~ P- Col.' 3                 Morris Trial (Continued from l uce One) sponsible for tin- fir.-.t two boys. Mosc White and Richard Sims, being sent to electric chair. In Solicitor Buykin's place, however, was Assistant Solicitor John Hudson, credited with bring as relentless a fighter as the solicitor himself. Col. Hudson is belli? aided by Ed Stephen:;' who worked with Boy kin in Hie  .;t' the first two trials. Richard M..iris. -u tall, yellow, red-haired youth, looked nonchalantly around th- courtroom as  in In witness the  be-, w :i  -~fi'? -~ne side :'iid the' du e:ise mi the o'.h-r. fov h- life. I He appeared to be -u-d :r. the proceedings, as Solicitor called .7.,"-n Steph-ns. -*iar  for the state. jti-iVo hi" accusations against      di Ccndant. i When the witnesses were sworn in a light kindled In his eye when, I ho saw Katherlne. Davis,, the g:rl with whom he-  livi-d. at 34'i Rawson  in th.' rear. Ho smiled. It was the first time he had Veen hen since polices, broke -in tli? rendezvous of the bandit sang op. March 17. the ! after the murder had been committed. Jesse B. Simmons intimated that he would attempt to have, Kathi  Davis incriminating testimony  hi* client oiled .ml I on the ground that she was MorI ris' common-Iaw__wife and  not legally ..d to t- fy ai;a':nst her husband. It will hi I the Davis girl s testimony which I will largely serve the Mat.- in proving Morris' .connection with the attempted robbery which ended in the fatal shooting of Foster. The trial started  . in tli-  amc order as those of both White and Sims with the introduction of the; two .-vs who embalmed Foster's body, as expert ^e*. They described how til" - . fired were I ii- from .'the. skull and the heart region of the dead . I The trial- moved alone swiftly i  it is expected that the      will reach the jury at a late hour I .</t>
  </si>
  <si>
    <t>                                           The opening gaine of the Atlanta's Crackers baseball club served to postpone the trial of Richard Morris, third of four boys involved in the slayng of Detective Foster, a few mare hours, when Judge E. E. Pomeroy ordered court adjourned until Friday morning.</t>
  </si>
  <si>
    <t>                                           BAILEY S 81 THEATRE ALL THIS  Kessiie Smitti i AM)  GANG H EVERYTHING NEW g! DAILEY S ROYAL THEATRE I NOW PLAYING SB A LIFE STORY OF CHRIST "BEN HUR" Collegians! HEKE S A I1 TOR 15 : \\V need 15 -.', to  oll nr  orders for cmr  ~)~]  line. (Men's  :tml Ladirs hose) Opportunity t"  up lo 520 per wick.     required. No experience needed. Special proposition for  attending: Morehousc, Atlanta University. Clark. Spclman. and Morris Brown. Apply by letter only to RIADA MILLS CO. 127 I'll YOU ST. S. W. ATLANTA</t>
  </si>
  <si>
    <t>                                           TIM TYLER S LUCK? A Familiar Face By Lym Young                 "TELLING TOMMY"  By Pim                 TttiJWS UNCLE                 THEM DAYS ARE GONE FOREVER</t>
  </si>
  <si>
    <t>                                           The 4-H Club Achievement Day Was held sit the Port Valley High and Industrial School on Friday, March 4th. Approximately 250 club members took an active pars in the program. Leader boys from Peach, Houston. and Macon Countries made reports showing what...</t>
  </si>
  <si>
    <t>                                           FOURTH HUBERT TRIAL TO BEGIN                 ; Fourth Trial Set For v? Today Before Judge % Pomeroy                 3 SERVING TIMgJ                 BULLETIN                 For tka third time thi. spring, the trial of     of the three man Indicted for the  of Den- nit Hubart     . _j*~-.V'--~''  la Attorney A. T. YfrnX-i' 'J. in. who U         with the* , the um was '.u till,  to be  due to/                 tie  of Attornar W?l-J ,v: Ham Schlay Howard who U try-, .:..$ in* a eut at          . Ga. .ft^ Postponed already two times, this spring, the trial another   -tlie V . white men indicted lor the killing of young Dennis Hubert. Morehouse college sophomore and scion of a distinguished Atlanta- family, in 1930. is scheduled to  this morning with Tom Bcrryman. ;..y; driVer-;6f-'the death car,- as tho  ono--~ likely to Ro on trial In Judges-Hem1 eroy s court. It was on the afternoon of Juno 6, 1930. n. beautiful Sunday after- noon.' that young Hubert was  shortly after leaving the home of his grandmother to go to tho near- by Crogman school playground. He had been there but a few momenta when J. G. Garvin. accompanied by hIx other white men, one of whom remained in the automobile, drove up to the playground. He accused the student of being tho  who had insulted his wife earlier in the day. Testimony ^nt previous cases has shown that the young man had been at church that . spending some  at his " s later, and had been on the grounds but a Tew moments before the men arrived. The slaying of the youth created  sensation among the better thinking white people of Atlanta who rallied to his support as members of the Hubert family wore respected as educators,  college presidents being numbered a-"mong the . A number of  incidents marred the  of Atlanta for the next few days. Included in      were such outrages us thc burning of the home of his father. Rev. G. J. Hubort. then pastor of the Glenn Street Baptist church, shortly after the men were refused ball: the stoning of Sisters' chapel. Spelman college: an attempt to create a disturbance at Greater Wheat St. Baptist church where funds wore being raised for the prosecution of the cone, und nn attempt upon the life of his , Rev. Charles R. Hubert. To date.  men. have been convicted and sentenced for their part In the slaying. Said by a jury to be the actual killer of the like-' able young man, T. L. Martin wan given sentence of from 12 to "15, years that July. Garvin,  Continued on Pago 2, Col. 3                 Hubert Trial i (Continued from Pace One) bo the instigator, is serving a sen-, fence of from three to five years, while Aubry Sykcs, another ac- 1 complice. Is "working out a term of i fio-n two to live years. Fats" Wilson, the  member of :hp miniature tr.ob is the only nnc at large. K. .H. Evans has  ir. jail ever since the commission the crime a." he lias been  n make bonds aggregating! S15.000. Tom Borryman. driver and owner of tho car. wa.x granted hi:i freedom p.fler posting bonds total- 1 Iir.g S5.000 while M. W. Harmon was  after putting up collateral for S7 500. Among  taking an active  in the prosecution  been Solicitor General Boykin. his ^tant. Col. Hudson, nnd Attorney.H William Schley Howard and A. T. Walden. All wors granted separate trials. Thc defense claims that young Hubert wau slain as he was supposedly trying to reach for n pistol or some other weapon in resentment of the slapping of his  by one of tho men. They claimed that they wore holding him for the officers at the tinie.</t>
  </si>
  <si>
    <t>                                           For the third time this spring the trial of one of the three men indicted for the slaying of Dennis Hubert was postponed. According to Attorney A. T. Walden, who is associated with the prosecution, the case was passed this morning to be reset due to...</t>
  </si>
  <si>
    <t>                                           g^^   ^g*? THE. ?P^. CLOUDY.   showers : Thursdiiy. partly cloudy. Loivrst temperature,  21 hours. 40; , 12: . 61. C. F. von Herrmann, Meteorologist, Wcalhcr Bureau. I</t>
  </si>
  <si>
    <t>                                           Night  nd Morning to keep them Clean, Clear and Healthy Write for Free "Eye Care" or "Syt Beauty" Book U, Dtft B. S.~ E. Oli. SuO!n(~'</t>
  </si>
  <si>
    <t>                                           j- j^gi^, "i '-~^.''?~f'-'4*- :'-^'-zi^\~^^M 'ms^i^H [^^Si'1 ONLY NEGRO DAILY NEWSPAPER IN THE WORLD IH' rSH ll m iffm: VOLUME 5. NUMBER 65 ATLANTA, GA-. WtJUNKSDAY, APRIL 20, 1932 ~==^^ PRICE :?CENTfif^</t>
  </si>
  <si>
    <t>                                           Circus Star Arrested For Three-Gar Wreck                 An  to cross Ivoy street al Harris shortly before si ven o clock Wednesday night brought considerable ffr ef Buck ..Owens * cowboy and movie star who Is a featured  with the D'nvniti Bros, circus exhibiting, in Atl.-int.-,  and caused three'                 automobiles lo be considerably . The circus actor, who was  cast on Harris street,  to cross Ivey when he collided with :i Brown Tire company truck driven by Herman Matthews, colored, and a Ford sedan driven by A. N. Snnford. white. Mr. Owens and Mr. Suuford both claimed that their wives were injured In the cra.-h. Officers R. E. Floyd anil W. C. Duucas made cases of reckless 'driving against Mr. Matthews and Mr. Sanfurd. The famous trick rider wns arre-ted for operating an automobile under the influence nf liquor and r..-.ss ;. The ea.~e was sol vnr 2:30 this afternoon. Earlier in the evening. 5:30 to bo exact, a Hupmoblle  driv011 by Thomas Builey. 82-1 Mitchell street. S. W. was bailly smashed up on Trinity avenue between Whitehall and Proyer streets when a truck, driven by an  while man backed out. The driver of the true): stopped for a few seconds and then went on his way. .ij his car in front of the Commercial High school and  his  on foot. Kocordu at the slate  show thai tlio license lay. Truck  GcirKla '32. was Issi'.L'il to C. D. Connolly. Route 2. Atlanta. It was lowed into the Spider Giirace. Mr. Bailey, who stated that In.: truck driver wan under the influence ofi liquor requested that he be arrested for drunkenness, reckless driving and accident.</t>
  </si>
  <si>
    <t>                                           An attempto to cross Ivey street at Harris shortly before seven o'clock Wednesday night brought considerable grief to Buck Owens famous cowboy and movie star who is a featured attractios with the Downie Bros. circus exhibiting, in Atlanta today and caused three...</t>
  </si>
  <si>
    <t>                                           The A.M.E. ministers and laymen of Georgia who plan to attend the General Conference in Cleveland, Ohio, which begins next week will find among the business men of that city one whom many of them know--especialy those who had business around the printing...</t>
  </si>
  <si>
    <t>                                           War Veteran Faints On                 at the Tormina! station just as he slumped to the ;loor just before the nine o clock train for Savannah made its departure, man, who latter gave his .~ as Rowtnan McCrary of that city, was taken to the Grndy hospital in the Gratfy ambulance! Ho said                 that everything turned white befor" I his      and that lie felt himself slipping.           1: by a World  at the Grady after he had rest.cl (or several hours, the man. still                 nnd groaning, stated I Hut he came from Savannah a- bout five o clock Tuesday  for an examination at the 43 hospital in order that lie might 50 to the Tuskegee hospital for treatment. Mr. McCrary said that ho had been  from "blind staggers" for the past throe months and had ramc :n Atlanta for the put-pose of pitting . After an examination, at the government hospital here, hn was told to return to his home and that arrangements for hospitalization w..uld be completed shortly. He walked around for some timo after the r.octors examined him and believes that over  caused him to  the fainting spell at the station. An operation along the spinal column fcr Injuries overseas is thought to ho the underlying cause for his present trouble. The  was permitted to stay nt the Grafly overnight ns hu train had departed in the meantime. His return home is further postponed pending the outcome of his spell although he is  to have spent a pleasant night. I Mr. McCrary stated that he served in the 10! st infantry in tho Fourth Army Division.</t>
  </si>
  <si>
    <t>                                           Caught at the Terminal station just as he slumped to the floor just before the nine o'clock train for Savannah made its departure, a man, who latter gave his name as Rowman McCrary of that city, was taken to the Grady hospital in the Grady ambulance. He said...</t>
  </si>
  <si>
    <t>                                           Country Feud Killing Nets One Life Term                 Lifetime in ilie st:ile prison was meted out to Fr:ink Smith, by a! Fulton County jury in Judtfe Pomeroys court IM,, Wi- ! after listening to a moss of ! nnd  UnK evidence Cor i wo  In  with      ; of Bob Jom-s during a                 tie that involved several alleged ".x on :i country rood in the old Campbell county section of Hie county  F.-. Sunday afternoon and owning. October 11. 1931 .A. small  of shot       was displayed as evidence. So mixed up was 111" evidence and so unwilling were tlio  lo talk thai Attorney Schley Howard, who led       defense, con-,  to the jury mat. {   thin was the second lime that lioi had handled the case  ho would base most of his  upon the physical facts surrounding the locution of the   s they tell from tHo  used In the hectic, fight and the shot patterns upon the bodies the wounded men und lhe deceased. This, he stated would c1   . range while the others were                 wounded .it some . Ambush Described Sam Smith .a brother of the convicted man. l.s still in jail ns the result of incident  :i companion. Islali Mlllen. who was also indicted.    out on bond. Milieu is said to have- been in the party shooting from the road-Thc defense attempted to prove that Frank Smith, the only armed . in tlv group coming down the road that night, shot it out In self defense after hc nnd hln companion."; had been fired upon by Sylvester Jones. Bob Joni-s, Fred Jones. Gancs Eradfield and. Metz. The  men fled while Frnnk who had a pump gun. fired four shots as he lay wounded In the road. It was their contention that one of; the ambushing  evidently shot Bob Jones br the fatal hole in Jones body wan evidently made at close range. The state Contended that the five men. who had 'been to a white mnn s house.to. get more guns,  on paga 2, Col. I                 ^... Fued ".'"(Continued from Page One)  they had' several weapons with them, hnd a. right to do so having been threatened by Frank  Smi'ti that ho would gist even with th eui earlier in the day. Witnesses -nil-agreed that Sam Smith had "not' been seen at the home of . cr Fred or Sylvester Jones during the, events ol that Sunday, after.noon1.' si'-'-f' Big Disturbance According to tho testimony of " Brumley, only one of the '..group who seemed inclined to talk  , things started going good VeSriy'lhat morning when he, Isiah Millen, Jess Wingfield and Frank Smith went to Sylvester Smith's 'f home, and drank some liquor on :,the front porch, paying for the same. This. Jess denied testifying ."that he drank some whiskey In '~'Syl's , as they called nim but that he didn't pay for any. More D liquor was brought in :ind the pars ty went across th0 road to Frod Jones' homo. '""There, according to Brumley and "others, a number of visitors kept ~:coming and going all day long including some strange men and wo'".' from nearby Falrmour.t, and  drinks were served to all from '-a* gallon can placed on the table. ''All, denied getting drunk but n ^','quito lively time was had with .,,BOme saying that Irvin Metz, ,      Attorney Howard as one 01 'the best little yellow bootleggers in "business, getting chased out of the Kparty, nnd Mrs. Rachel Jones, wife ..of Fred, doing some shooting with oa.'pistol Uiaf Frank Smith later r:took' nway from her before anw damages resulted, e Probable Cause Brumley told of nine more gal lons of liquor being hidden in the swamp a short distance from the house and of Frank Smith entering into negotiations with Frod Jones for the purchase of five gallons of liquor for which he was to post his gun as security. Something happened after Frank Smith took the pistol from Mrs. Jones and pocketed it ns he is said to have headed for home with avowed intentions of coming back and cleaning up tho Smith family. ~~-John Brumley accompanied by Jets Wingfield started for home r.ound . When they  tho bridge. John testified that Sylvcs'ter' Jones, armed with a shotgun, Stopped him and inquired about  "damn Smith niggers"  "that he had to kill someone that night and proceeded to shoot :it John despite the intercession of '/Wingfield. Brumley said that he took to his heels after the second shotgun blast was fired at him ard ;that Gainos Bradfield ai;d Irvi:i .Melz was with Syl. Wir.  that stating ihat Syl was by himself, that he pointed the gun up ;tlie road at Brumley whom lie. had halted, that he yelled that Ikintonded to shoot Brumley and some other person  name     didn't understand, finally ; over his protest. Win^u-ld, who had star.cd up the wood road, claims  only on,, shot was fired this time. At. Wilson, white farmer, told of Brumlej- running past         with the men. after him. Brother Dies Testimony of Deputy Sheriff Me !Clurc  Mr. Wilson as to whom carr.e to his plac,, searching for  to make an arrest was thrown out of the court. Deputy M^ Clure was sick at the time and other officers had to make the .Tlie d-  to prove .that 'Sam Smith and Isiah Mil- J 'ic-n cama 19 get ... help about I the sime time that Fred Jones :md Mr. Wilson arrived. Sylvester and! Bob Jones were wounded In thej yun battle that took place shortly ...after Sylvester shot at Brumley. "~- dying the following night. Fiank Smith, who was also wound- 1 .,   . was taken to the Grady fro-r ... place h,- escaped while bel.ing. treated. Practically all of the combatants \vere hit by one orl  stray shots. I No trial d:ite has been set fo-! t!i?et^ther l;vo mcn- also "nder in"-! . A large number of na tives of  section with lunch! .boxes. bag3 and secretive silence  present at the trial while' 'f anding room was at a premium', {throughout the two long days ofi tc- and argument.</t>
  </si>
  <si>
    <t>                                           Lifetime in the state prison was meted out to Frank Smith, by a Fulton County jury in Judge Pomeroy's court late Wednesday evening after listening to a mass of confusing and conflicting evidence for two days in conection with the slaying of Bob Jones during a...</t>
  </si>
  <si>
    <t>                                           TO BE DEDICATED APRIL 30                 ATLANTA UNIVERSITY LIBRARY, built at the cost of 5300,000 under a grant from the General Education Board for use by the Negro "institutions of Atlanta, Georgia, which will be dedicated on Saturday, Apr'l JO. In the new library are                 scats for more than 400 readers, space for 118,000 books, seminar ami class rooms lor" graduate students, librarian s office and work rooms, and      . hall for art exhibits.</t>
  </si>
  <si>
    <t>                                           "~FAIIt AND SLIGHTLY warmer Wednesday nicht: Tliursciay partly cloudy. Ijowrst .?. paMl 2  . 12: Mghcst. fi2: , 52. 0. F. von Herrmann. McteoroloRlM. Weather Bureau</t>
  </si>
  <si>
    <t>                                           HOOVER S LATEST PORTRAIT                 This most recent photo of President Herbert Hoover is *iven an addH interest by the recent report of Dr. Royal S. Copelsnd, Senator fron New York, to the effect that "the President Is in fine shape physically.1 Kie Senator-physician made his statement following h!~ semi-  of the Chief Executive's condition.</t>
  </si>
  <si>
    <t>                                           Gossip of the Movie I Lot                 hoi.. .. m. g. m ri-wi-il-n;! \he scrip! at Ch:n=: :*-:.s lo:- c;:ir!: C;'b!o w.lli  ::n- If i!:v ii:;ci machin.- (jun ssa- 1 :     . I                 I I- nn    ..i:;hl ;m option :v, Hi.- "li-.-M Widow" and v.-:!l I  il ii :~:--:o:v r.'i w lui.'i a ;:-i.-;-ii  a;-..' ;; ;';:.i:;: .^c), - tor I::,:-.1 !-.v HaiyeyV  s. ur           a'.-   "I.ilt lor i-i^v.rr.- :ies ho w:;~:e - :,:~.i;;; n,,. Oricr.l. i Too b: -i i::i!0ri.(~ -.nri i- l::i,-i-:: ml a nood I n.uht c:'.ri-k. \v:ii soni.'  j characters if/-.: that far cas!-ni -oim.-! ,vil!:oul tlio ii.      :acKil :v.i'. ;.(i Ooorye Rv.i .-.rk n; D:.~ !~~L-;ni- l'i!;-!" v :-i s t i;~. a now' i':!:ii while i':v. f.-;- lj..c a::ti J. A., IN K-M*un on ano h'-r i:-. ill .-j:i:.- at K :l;:ilio. C)::CTr Mi iv Iv ! v.~':kL-d fur I) Mfinins al G M. Ia:il S.i!i-!';-.v. F. I'.i- her vo co    -.- :'anv.!iis   . tno-.-ic star a (-.-lain ::'.i:i.l:rt v.-.'-'!; in s i ii  lh.-!t rc;~ifU-!vtl iv  i:id- :-f!illy 0:1 li C  ound strip. .~~'MnR wIil! s'. ur. \! ':i: fair. j Oac.av Smith, w id !:-M-:!-3rew 1-1/:i:r.cnis in otii; .:n;::n lie -r::   t IV; run; rut last wi ck :is diti al.-:o L-'ii-d Ti;u'.o:?.  anil Mrs. ':~:li-.- in l.ovi- Sri-:./ I All's. Sarah Uuv-.-r. v.- talent as an acli-oss was d?:-.--^vi-:-eii in the impi-csai'.-o part ,'!   pl-VLHl as -" in A:-ro\vr:v*;i :ii j p-tl a little .-r lou-.-iTv! t:n?- last week when she ployed :i. a lovo sc-i-ne \v:lli Clai-ea-.- l\-.i!::\ The not- d star wa.s wi-!l p'.L-n.iid v.-!;'.i h.:i- as lii.i opposite fur it takes twn to make a ! love sequence. Her pretty -liko features and sort brown color photographed      -;.-tly. Thi two sang a sons  also during Hi,, action. Tiio Old Time Southern Sinyers which Mrs. Butler directs  tin the American Legion proi; las-t Friday. Wiila D. Harris well known and weil liked little Chicago dance.-, has been ill several weeks and hn s been missed from the Club Alabam.  Spencer, former eastern tar and at present a popular C;~ Club principal. is  ns irom a sever j attack of the fin. i:d.th recently secured an  of ihc  between her and her lui'.band three years, l.awl-'-nce Crincr. Ciabritl and His Dark Aiujcls" is                 the colorful name of the newest orchestra and both name and melody      to have made a hit with the high- of the movie capital  off the reel. To you it is none other than Claude Kennedy, wellknown orchestra leader und former ball-room favorite, with " crack musicians. Some of them are members his old band, others arc nc w. l.oon Long, the magician is preparing for a road tour. Wonder how many uf the  l"l little sermons on publicity soak into their craniums. Huby Earbo-        . retiring sweet sordid little Chicago oriole, remained "undiscovered" a I 1 through the run of "Lucky Day" at three theaters. Ye', her  puts real soul into an ordinary bullard. WITH  . TUBA- , FOLKS AND MUSICIANS CHICAGO. March 21_- Waller Barnes and his  CVJolians are  ready for an extensive tour from the Windy City to tin- Pacific Coast via of th.- old home town "VieksburK. Mississippi." The clapper  director this Tine  of musician-! that has captivated Chicago, confided to the Associated Negro Press representative that I).' thinks that- lie has the best orchestra in the country r.nd that lie is ( to prove it or. this tour. The Royal Cr-' will leave Chicago on or about, tho tcn'.h of this month with the first stop being Cincinnati where they will appear at tile ParaYse Ballroom. Tho lour will cover Ohio. Indiana. Kentucky Tennessee, Georgia. Ala-1 barna. Mississippi, Louisiana, Texas and thence to Caiilornia. While Chicago will have to admit its loss during this period of lime while Walter will be ({one, everybody here  hing him success and much conjecture is being mode as to how the citizens in the old horn-- town' 'Vicksburg'* will celebrate the young musicians return. 0 boy. it is  to   * a hot time in the old town that night. Deports have it that Dave Peyton, the old maestro, has a surprise for thu public in the form of a real  to goodness symphony orchestra. Dave has tri'-d to      it a secret. i but you know the old saying "murder v/ill out." Ar.y way if Dave is assembling such an aggregation it will be- a real orchestra. We know that. I Earl Ilines and his Recording orchestra must be going over bin cu* last from the  that are being I received here. Earl has one of tho j best and most popular orchestras in i the country and as r. "Ticker of the I ivories" he himself ranks with the Ib';l Bi'.l "'.Z jj.'.nr.V." Robinson, who  t!.o .H-pti'.:u;o:-. ot' being quite a sprinter as well as tap dancer, had a chance to      some of that sp.'CC last week  the theatre in Now York City in which he and his com- pany were during their stuff : 1 lire. Th'- reports received here in the Windy City did not  whether or not Bill ran backwards as he is wont to do at times, but they did say that he escaped. With t !i  ot spring j things are : up a bit at the local Musicians      . with several I bands in training for the coming season. Things have been rather slow this year and musicians too J tavo :elt the effect of the depression. j Cab Calfoway and his gam', moved to the Uptown theatre this I week and are packing them In up j .there just like they did in every: I other house in which they have ap- . I The Repal Theatre, the shou i place ot Chicago's Southsidc. is ::o\v a straight movie-house. The stage on which Fess Williams and hu i gang made history is now used only by the stage hand.-. The iv.ar.aso ment announces a reduction :r. j reduction in prices. The report that '.he Suns.'. C.-.fc. would reopen soon has ;:'ven ri.-c- lu much anticipation as to what b:\r.a will be Kiven the job. Several are i lunin;; up for it and there is h-.i'.v io be a mad scramble when thj lir.;c ari-ives, if ever. Piano Player       of Cab Cali;- j ways  ho- orches- Ira is still safely quartered at the Ci: Hotel. It had seemed for a while that it might be necessary to .. the ivory whippet- the bum s rush, so persistent had 'j.'       ! in his just before retiring family row? every night. The management ol the hotel conferred on the Payw ruckus and waited to see if Payne's p. scraps  cease. They did and .the piano player remained.</t>
  </si>
  <si>
    <t>                                           HOLLYWOOD, Calif., -- M. G. M. is re-writing the script of China Sens for Clark Gable with plently of shelf the and machine gun seasoning.</t>
  </si>
  <si>
    <t>                                           At Saul's-Saturday Only- A Sale ^ Your opportunity to pick from 7GC ladies' and misses' W^^Wjjr charming new Spring Dresses, Coats, Suits. A                fill selection of  $~*)$-. Beautiful ' styles, colors ami materials galore and i MjBJll5      VK'  5 you can  choice Saturday at jfe^^^feS VI Pick oul any two Items In Iho lot. You don't need to buy two SBKS'wf'fk l'1D n:"no ""ins unless you . Remember! Thpso             111 smart Dresses. ConU and Suits aro actually worth up to $0.05 S "*^fi- \'l , and In this big Saturday event you get choice- of any 2 i!?''~~wKn tl Karments for 50.00. Sizes 11 to CO. *r^^^ I Sale Starts 9 A. M.       Hair ^-rvr"^ Follow the Thrifty Crowds 7^^^ 91-93 WHITEHALL ST., S. W. I</t>
  </si>
  <si>
    <t>                                           BURY POPULAR I.1 H.S. STUDENT                 TlTPMTNOHAJt. Ala.. April 27.- 1                 MifK Jessie Emma Beard,  nf Wfst nnd Ida B-ard. residents of. Birmingham, died Tuesday afternoon at 8 p. in.. April 15th. at Hill hospital. She  18 years ol. a student nf the Junior class at Industrial High school a member of 6th Avenue Baptist ~-hurch. She was a lover of Sunday school and :i faithful church worker. Funeral services were held Sunday afternoon nt 2 o clock at 6ih Ai- Baptist church, with Rev. J. W. Goodgamo .</t>
  </si>
  <si>
    <t>                                           Mrs. F. K. Convulsions in children must be looked upon no a symptom of some internal disturbance affecting the brain or spinal cord. The prevention as well as the treatment must depend upon the underlying cause. 'Chere Ore many possible rouses. In Your...</t>
  </si>
  <si>
    <t>                                           GIRL LOSES PATERNITY ran                 Bishop Tried Because of Failure to Meet Annual Payment                 AT GENEVA, ALA.                 Jiy E. X. DAVIS                 GENEVA. Ala.. Apr. 15.- Following a  that consumed tht greater part of Tuesday and Wednesday n Geneva County Circuit court Jurv returned a verdict early Thursday afternoon declaring Blrhop R. A. Grant high prelate of the African Methodint Episcopal church, no1.                 guilty of charges of bastardy preferred by Mlra Olllc M. Glus, young unmarried Hartford, Ala. mother. Miu Glass if the daughter of tin A. M. E. preacher who lives in the town ten miles nway. Thoae allegation.-! which have had i disastrous effect upon the A. M. E. Church for the past year, has practi-ally torn the denomination asunder in Alabama and created Continued on Page 6, Col. 1                 'rA Girl Loses -Continued from      One nationwide criticism of the Church :m d. .its policies.- Not only in Al.v. . but. in various parts of the 'Country; 'a number of member.-~/6 deserted ihe fold. XceordinK to the charges, the Bjshbp is the father of Miss Glass' young son. In December. 1930. over hi; 'protest but with the declaration that he was innocent anil  to keep the name of hi-; church from dragging in tin' mud Bishop Grant signed :m  nt to pay Miss Glass :i sum of mo i'.-v for a cash consideration, of $300 down and an annual payment of S1T0 a     .for the next ten years. The  installment was due to be paid November 1.1931. Secrecy and t!i.~ promise not to release anything for publication was the essence of the t .contract.  Humors started leaking out  .statements were forthcoming to nuch an. extent that a '' howl was. raided. As :t -^sn f.  hP.'*; C'-  met in Co-! lumbia, N. CV. UH spring, in answer tb its constituents, ordered Bishoo ".G^int to  before.'^  .' board at Mobile .during the (. At this church hearing. ,tHe-- board reported that it could   evidence by which.it could   any action. This move was .Jjooted and  by disgruntled Ijcrsons.'. Jr.in.the^1. ; ;hal Biuhpp Grant was commencing civil  In the Geneva  courts to^-hive* the contract set aside In view, of the fact that her picture Sad. been used in various  that she and members of KeV':family .had issued statements for publication. Miss Glass had .i '^arrant Issued for the arrest of tht1 bishop, after/he had  to moot his first annual payment. Th;~ war ^was  upon Bishop Grant  was in the pulpit of St. James A??M. E; ^'church. Birmingham, conducting one of his Alabama .-. Jefloi-Kon county of! ficers held him in the  ounty jal! for several hours* until officials  Geneva county approved n       i-^ish bond that was raised. ./j Sey.eral, previous trials have been . one of which was sche  for. February 8. Both sides    '; .represented by distinguished "," the young u om-in being defended by the firm of Mulkev ahd'.31. -The elder Mulkey is -Unlted States congressman</t>
  </si>
  <si>
    <t>                                           GENEVA, Ala., Apr. 15.--Following a trial that consumed the greater part of Tuesday and Wednesday a Geneva County Circuit court jury returned a verdict early Thursday afternoon declaring Bishop R. A. Grant, high prelate of the African Methodist Episcopal church, not...</t>
  </si>
  <si>
    <t>                                           Rid Your Skin of All "Blotches" That  beauty that  may be yours .10 tho secret ol" It is u , smooth,    skin. Dr. Kivd lV-/s SUin Whitunor Ointment, a f t c ns and li^ tin* darkest j^kln. clear** up pimples,  and.tun. . and      away with UmL "olly.'"' louk. Use this preparation  to make your  aol t. delicate -ami charming. This  .Olntinunt In  In tho 1' .Dr.' Fred Palmer** LuborulorloH where dro also mailo those other beauty,  you know ho woll: Dr. Prod Palmer'n Skin Whl tenor Soap. Skin Whltcncr Face I'owdor, Hair DroHHor and IUd           . which may bo had '-at all dn.ijc stores i*or 2;"  each! or will be sent postpaid upon receipt of price. Dr. Frod ^Palmer 'h Laboratoricy, Dcpt. V, Atlanta, Gn. Send 4c in stamps for trial sample of Shin WJiitencr, Soap and Fuco Potcdcf, DR.. FRED PALMERS i; (SfziiHAJfiitener 'KEEPS YOUR COMPLEXION YOUTHFUL?</t>
  </si>
  <si>
    <t>                                           Before proceeding to a discussion of the various types of pneumonia as they affect infants and children let me refer to several of the more common terms applied to this disease. In previous articles, we have already considered at length, the two most...</t>
  </si>
  <si>
    <t>                                           LEE TO HEAD                 Jax Meet Also Names Toomer, Campfield to High Posts                 CHICAGO IN 1933                 JACKSONVILLE. Fla.. April 27 'ANP) The twelfth annual session of the National Negro Insurance Association was held in this city Wednesday, Thursday asd Friday oi l:isf week.                 Tlio only public meeting was ht ld Wt-r  evening in Bethel Baptist church. Business session*;      conducted in the ShrinrH"om of the Masonic Temple an*l in the club house of the Lincoln Golf and Country club. This annual  will Ro down on record as being one of the m-ist harmonious, inspiring and encouraging in tlie history of the organization. Considering the depressing conditions a largo number of representatives: were here ^rom-^" section 'of the country. Possibly the high point of thn moot was the- fact that a majority of the companies represented were announced as being in fair shape, with fine programs ahead for the coming year. The secretary. W. Ellis Stewart of Chicago, made his annual report which was full ot information, and G. W. Cox ot Durham. N. C, the treasurer, came forward with his report to close out the morning session ot the first day. Wednesday afternoon the president. M. S. Stuart delivered his annual address. It was a.  on Page 2, Col. 1                 Jliee to Head-.--. i -?{'~ (Continued from Page 1)  and was heartily received by . The executive  reported next anci th^ir report was also worthy commendation. Wednesday evening at the public meeting in Betl.eT Baptist Institutional church. Gensral YV. H. Lee, secretary of the Afro-American Life Insurance Company, presided. Musical Felectio-.is were given by tha choral classes of the Aim-American Company and the Peoples Industrial Company f this city. Two solos were furnished by Mrs. E. C. Stuart and Mrs. C. .1. Higlitowcr. :i:Dr. L. A. Kowell. president of Irn Central Insurance company ut Tampa, delivered the welcome a . The          was given by President II. S. Stuart. The Hvdrrss r.a the evening was  by that Prince of Ir.su-anc" Executives. C. C. Spaulding.  of the North Carolina Mutual Life    \ of Durham. N. C. Kin- subject wa3 "The Effect of tt-.n Depression on Colored Business." Officers and distinguished  characters were introduced to 'dose the meeting. Health Session _Th3 morning session Thursday look up a large portion of the  .bu. matters, Dr. rt. ix. Brown, medical director of tho "Afro, and Dr. M. BousficM. medical director of the Supremo Liberty Life Company o.l Chicago, conducted a National Health program with every company being repress led. Tno afternoon session Thursday was token for the annual debate 1 -Resolved: That the canvass for insurance for member companies should be made strictly on the merits of the policy, with on appeal to raco pride or race prejudice. This was an interesting  and several of the companies took active parts. Tfturs'jay evening a reception pnd- smoker v.-is tendered the insurance man in the Richmond tea i*oom. It was sponsored by Jacksonville citizens. Friday morning s session was conducted at the Lincoln Country . Several important subjects were brought up for discussion. The publicity program was also outlined and all unfinished  handled. Committees were asked to make their report at the conclusion of this session. In tlio afternoon at four a barbecue and fish-fry v/as Riven the visitors, the entertainment being  by the three companies (if the state through the courtesy iti Lincoln Golf and Country club,   entire program was full, but was handled capably by the otC.rars and representatives sent here for this annual meet Friday evening several of the local clubs  with a dance at the Odd Fallows hall. I! J. B. Blayton, certified public , Atlanta. Georgia was presented to Iho Association and 1nade a very Interesting talk on insurance Investments. (j T h following officers were elected for 1ho ensuing year: {.President V. H.     ; lrt. vice president. Dr. M. Boustield, 2nd 7ii!\r.ti president. Dr. I* A. Howe!!!:3rd :.. president.. -Dr. T. \7. fatty; 4th vice president Dr. L. T,                 Buibiifise: , W. Ellis Stewart; assistant secretary, J. M. Bikfr: tr-.-. .7. A. Blumc. chaplain. A. L. Lewis; statistician. Cyrus Cimpfield. Executive Committee: Georg? \V. Cm; chairman; M. S. Stuart; A. M. Carter: F. A. Toomer and P. J. E. Dojoic Chicago was selected as the next placo , Juno 1B33.</t>
  </si>
  <si>
    <t>                                           JACKSONVILLE, Fla., April 27 (ANP)-- The twelfth annual session of the National Negro Insurance Association was held in this city Wednesday, Thursday asd Friday on last week.</t>
  </si>
  <si>
    <t>                                           In a very exciting and hotly contested game the undefeated Clark University feminine rive added the strong B. T. Washington High School girl five to its string at victories and thereby earned the right, to meet the Lady Teachers of B. T. Washington High School for...</t>
  </si>
  <si>
    <t>                                           There is no medicine or peciti treatment which may be applied successfully in every case of acute bronchits. If your child is ill, coughs and has fever, it should be placed under the care of a doctor. I with to discuss here a few of the general, well-tried methods...</t>
  </si>
  <si>
    <t>                                           lX)~NflS;pFZ"!^yA^J=99N^J^ag^^ fl^Mn'la\v Isn't so awful bad  all</t>
  </si>
  <si>
    <t>                                           Brand Hew! We can make them like brand new Shoes' And new heels arc so inexpensive that there s hardily any excuse for not  them . CALL JA. 4568 SUTTON S : SHOE REBUILDERS II EDGEWOOD ST.</t>
  </si>
  <si>
    <t>                                           l\ j r- i, r*.** Open To The Negro Churches Of Atlanta And Suburbs I j I Buy from the merchants and businesses advertising on this page and help your church in its effort E to share in the substantial cash prizes to be awarded on the basis of buying and the payment of 5 j i I bills. i ~"V %           ^)  iAA M Rules and Regulations Any church may enter and at any time  benefit of mutual benefit in that it provides you an     fifteen weeks of the contest No cost or red tape opportunity to help your church without extra cost to          constitutes the evidence of the transac attached to any church entering the contest Simply you. You will continue to receive the best possible l on w'" be shown in each advertisement If it write the contest manager or telephone your entry prices and the best quality merchandise for your  be a cash register receipt and it shows that you Entries may be made by the pastor in behalf of his money when you buy from these merchants. spent J^J.. cents, for instance, the receipt, sales , or by the chief officer of any important sub- You will be accredited with one vote for your f!,'!'/ ,         etc. wil1 be an evidence of the division of the church Only one sub-division of any church for each penny you spend with these advertis-    you ,are   to 32 votes for your church church may enter, however, and it is advisable that er.s. or pay on account, "provided you vote with tile i p\p"    0"S "re  by    ' of     "CLOVERthe whole congregation be solidly supporting the con- Atlanta World, through your church or church com- u bu *d in the ratio of oll(i      test- mittee the evidences of such purchase And watch i or each cunt- spent The merchants whose names appear on this page, future issues of the Atlanta World for announcements ^""P'y start saving your evidences of purchase {/.cooperation with the Atlanta World, are making as to when these evidences of purchase or receipted i^- ay L* An"c Pate the entry of your church *r. ^'           ; AVUt T*  i0S- bills may be voted- In      cases it will be the cash  an.'A^'fh P^ 7"ubc aWarded each thirty CLOVERLEAF is designed to be of m.,u;;J register receipt In others it may be a coupon 1 1,.^,', i close.of the campaign $525.CO in  capital prizes will be awarded Read Every Advertisement Carefiully  i CLASSIFIED iT7^"    1 i^ Groceries  I automobile I Amos' Drug Store votes for J7   "    Btort With      Service" Your CllUTch "V* MILES C. AMOS. Ph. C. Manaiifr Bllv'TflJlf A.hby; a, Hunlcr St., S. W. hen "i Oil  J.AIIeil Smith :--T3 Atlanta World Rogers Stores Of fer You j, ^Wh^^ New TrT^S" classified ads An Opportunity To Help Your Church White Lily CHEVROLET p. I If you are interested in helping your church share in the substantial cash'  .from voc our ca,h ^,.,,r Veto for Ka,h Cent VT*    K1VC" t0 ChUrChCS Every J. Allen Smith Flour EAST POINT p- im.   .r ci,.~h You Spend for THE ATLANTA WORLD S Ch^  0U -   -      f0r       r,r^ ATLANTA WORLD VillCi V KULifcil CO. classified -ads  CHURCH CONTEST, Vour Churcl, Z^^!!ZI^^ B"y      Srocorius your  produce  in Rogers Stores' complete stocks and 13E- Also , meats i l^,X^'tL? C0 coup6ns you are  lo one vole for - "nt I soap I uy That Used Car DRUGS AND SUNDRIES n" All Make, and Price. FROM KIT11EI! OF  s one in your        vou  the   from ROGERS STORES you get n W!,~ilk., if, N,~       U,tj c,  xt i p HIM A        DOUBLE VOTE VALUE tho ROGERS COUPONS which are pood for one vote for each cents the Horn costs I Yu"     voto win,-  Ch Cent^   \t I     a"d  nC               CCnt "P t0     '  value of thc         or carton or  cap:      ^Jiffiffl v..~ spend with Two Con..nl.M Store, KeXMai'Ket     . I.11.T F1.0IIP. to, Kny m wwic vut,    . nnd vote thc OCTAGON CLEANSER  E.rh = Si^fiQ^I EAST POINT  AI1"~~ Hour Tto column  whi-n ^ou vi.le thc White I""'1 "vr     - \*~          W  Cft S.. and "Soft "DVinkl AJfD '"y S" you "l "l ~"u"~ v"'ue t,, Hat .n in Ilocers CARROLL CAKt^ Every wrapper U K'~~l tor volo, Itemem- ^/ , 1. Vs\J. One Vote For Your Church With TTolrk Vrwill- PVillw-V.  You buy .White I.ily in nil     . her  when you buy Curroll       from Ruiwm you  et Koitem Coupon* ,^sm^mr    !TPniNT une -voie -ror -~our .LBurcn .With XieiD I OUF ^ OPT\  ,i nm.,mv    ! vo" for '~ch "I*1"1 'I1""   1   what you OeUian.- ClranMr Oclslon Powdrr tAST POINT TaTEs";  ^s^ %~#~"~' TZ^      .V.tZ SoV^sn^ ^^X'       .^~-~TWrJr-"      "ARIETTA SPR.NG TA1" MILTON YOU Spend With Us! ami vote the OCTAGON SOAP WRAPPER atl-r yen h:tve .-.l th-     -r in ~:     or ~-:.      you  ,,ne vote for   I i4     -__ 228 Auburn Ave., N. E. Complete Line of Meals c0"""" "ut ~"       .n rtm..vej u worth rive ii.~  rk w       o.   iii   ,,i ,~u I ?5??^^ KAC" Phone Wa. KO1 PURE LARD St'.i. TM     ta l h,vi to nit tlv   iu  ,M ~,nt w ,. Carton or th.- Kart you  t enuM vote value [II  V II I j" rAl.    .i V t. /67Fair St.. S. W. Ma. 4114 PORK IX^AGE V^. Y.Y.'.i^  CTAC0S' 80A1  1'0WDK11 -h i.   l for five j- ^ri^whn.gg      SOOAll     Wm .mj, ff^UlSSlTd HAND LOIN STEAK 12}ic I .^gS^^SwiW REX MARKET '^^^^p b00D F(i" ^^_J^Ll CAKES RADIO -RADIO W^ T* CIRCULATION I SHOE REPAIR Eat SUGAR If i ib  BUY BAM BY bUGAR J AUTO TIRES For Every New Subscriber WraJpper. R^A f I Bread bui" VOTES FOR YOUK i ewi" wh^t' T *'T c X VlCtrOlfl we give votes I  SUTTON S "n .. Pr!~. J ih. w,.pp.r. r.r.   AUTOMOBILE I 0n.Y0af CUST0M SH0E TTS  CAkJll' CAKES ^Z"  t\/^ ACCESORIES, Sufciption ......000 Vote, j H., CL-ninr (Odorl.,.) ^^^^^^'5   "   "C To Me, ^Hlfll"' TU'~CS """"ieS 6 Montln I     " Dyed in All Color.. you get a double vole value Rnmliv     ..~ I tj n 11 i' '1 rw Sub.crip.ion soo vo.,. I We Call Deliver vote for  p^y. you And Knjoy the Itesi in Radio Reception '5am!,,  heat J^ On^BWlar does., the- ,' . j in Business  P'nd for Carroll Cake, is glv. "One Vote Will. Each Cent You Spend for R. C A. Victor Radio. I! 'SUGAR V jub.cription 250 Votes i - in RoRors Coupon.. Himliv Ti,.i 11 II IvfllflAn ~'~VCIII'Ia"" 0 M A. Xe., A. Your l-lien. The,, you volc ,he wrapper From The Following Store. ~-ini.        Rolls -And Help YoilF Clllirch . ILdglei *-".~rip"i.   -so Vote.   n.J..4268 1 1 EdKewood '^J'^;T'*T' "u. RHODES wood Z^Z Bilml'-V J""^ Loaf KSiS %     Company V. .be to \^Z ^Z^ CARROLL TaKFS iSS,, ^co.       SUeed"   .   %SafS'!=--S ^.t, THE ATLANTA WORLD   ... w.,h u.  LAKES w\rt"^? 4io          Ave.. n. E         ' i tata.;SuffiTr tu -~t p..~m,.. w^ ^J .I \RE ATLANTA S FAVORITE  CO. PEERLESS FURNITURE, Atlanta Uakingf Co.  Domino Sumir W. en. 8,. Dec.tur De. 4.71 I And Help Your Churcu 76 For.ylh Si.. S. W. 41S M... W, W. SiSS V0TE  UH .PTS.</t>
  </si>
  <si>
    <t>                                           Book on Love Sets Co-ed Running From Youth                 Mistress Mary, quite contrary What does your hook say? "It tells me hnw tn keep quite wary And keep a man ." Xhey were standing on the corner ihc lour ot them, in thu bright Tuesday  sunshine discussing this and that and mostly that until one the "shes" saw to one of the "hes," "Where are yuu living now I haven't seen you for a long time?" Ot course, that was the prime object 01 the "hes" stopping w talk to the "shes" and of me "lies" being so wilting to stop and chat with tile "hes" for a while so     thing led to another and the other "He" and the other "she" engaged is a more or less desultory conversation as they listened to the other couple sling the "bull." Finally, says "he" "What's the name of the book you re reading?" and then, nothing the title, he added. "That's a naughty book!" With a shriek that would do justice to n trained tragedienne of        . the co-ed (of course she would have to bn one of those things) threw tier com over tin;   ffer. book and: dashed down the street leaving the three standing aghast. "Sex and tho Lovo Lif-\" was the title!</t>
  </si>
  <si>
    <t>                                           Continue Trial of 4                 The Trial of the four men for the holdup murder of si local police officer tuts been continued to next Tuesduy, April 5, it was announced this morning by court officials. It had been .scheduled co get under way tod.iy.                 With John Wesley Peek, only one of the five men present at the Boulevard Delicatessen the night of March 115 when the detective lost his life in on attempt to prevent the robbery of the place where he was  who hasn't confessed to participation in the affa;r, still maintaining his innocence, more grand jury indictments were returned against the group Tuesday. Richard Sims, Richard Morris, and Arthur Thomas White alias Mose White, brother of Harold who was fatally shot at the time, were all indicted for taking SI 6 from Chr:s P. Stevens, at the Boulevard Delicatessen that night. The three were also indicted for  $-19.90 from J. P. Jackson at the Highland Avenue Pharmacy the same night. The Fulton County investigating body also ruled that Mose White and Richard Sims be held for the largest coup in the:r careers, the theft of SI 50 in cash from C.S. Kern at the Inman Park Pharmacy, 752 Edgewood Boulevard, March 12. Murder indictments were asked by the solicitor s office for each of the participants in the fatal delicatessen robbery. Harold White, who was mortally wounded in the exchange of bullets with the dead of f cer and who died the following night at the Grady hospital, named all of the men as his' accomplices in the hold up attempt. Morris and Sims who were arrested shortly alter the crime  admitted their part although they both stoutly denied firing any shots,  the blame for Mr. Foster's death upon their dead companion. Mose White, brother of the dead bandit, was traced to Detroit by clever work on the part of Detectives Lon Evans and Sani Smith. Ho was arrested  i asleep in bed at the home of a  in the Michigan city by the detectives who made the           north to get their man. Upon his return, he admitted his guilt as la participant in the robbery and, :like the others, implicated Peek. I</t>
  </si>
  <si>
    <t>                                           The Trial of the four men for the holdup murder of a local police officer has been continued to next Tuesday, April 5, it was announced this morning by court officials. It had been scheduled to get under way today.</t>
  </si>
  <si>
    <t>                                           11 CLUB TO HOLD SECOND FORUM                 Continuing tlie^discussion centered around the religion of the Negro. the 27 Club Forum Council is presenting Dr. W. Y. Bell of Gammon Thoolofiical Seminary as its second speaker of the religious series.                 It will be remembered that Mr. Howard Thurman of Storehouse and Spclman Colleges was the first speaker the Korum Council presented, who spoke on "The Kind of Religion Ihe Negro Needs in Times like These". Dr. Bell's subject will be "The Kind of Religious Leader the Negro Needs in Times Like These." The speaker is widely known in religious and educational circles through out America. He had had considerable experience as pastor and teacher. Dr. Bell is well equipped to discuss n subject of this kind because of his training ami the fact that he has been such a close student o:V the religious development of the Negro. He did his undergraduate work at Lane College, Jackson. Tennessee; his Theological training was secured at Northwestern University and he received his Doctor of Philosophy degree from (Continued on Pane Two)                 27 Club (Continued from Page 1) Yale University. Ho did an outstanding piece of religious and social work as pastor of the Williams Institutional C. M. E. Church. NewYork City. Ke represented his denomination at the World's Conference at Stockholm, Sweden a few years ago. Tins type of religious leader the present aye  will he ably described by this International character, Sunday afternoon, March '11, in the main auditorium of tho First Congregational Church. Go to your calendar nnd stick a pin in 4 o clock p. m. You remember at the  F.irum  here wen. n number of people unable to get seats. This reminder might .-t to you to come early, "if you do not</t>
  </si>
  <si>
    <t>                                           Continuing the discussion centered around the religion of the Negro, the 27 Club Forum Council is presenting Dr. W. Y. Bell of Gammon Theological Seminary as its second speaker of the religious series.</t>
  </si>
  <si>
    <t>                                           Porch parties were rapidly coming into vogue with the increasing heat of the summer sun. Even the smart contract bridge clubs were holding their meetings on the broad piazzas where the sun's warmth was tempered by the striped awnings and the refreshments were...</t>
  </si>
  <si>
    <t>                                           To Hunter and Inez Ross, 97 Griffin St. NW. boy, March 2, 1932.</t>
  </si>
  <si>
    <t>                                           TAKE A WEEK-END TRIPt Round Trip Tickets sold at Fare      rne*      Between All Stations 0B3 FRIDAY, ffi SATURDAY and   SUNDAY HetBllMl FOLLOWING TUESDAY  i3 midnight Take ji Train Ride and Visit Your Friends SAFER THAN STAYING AT HOME Ask The Ticket Agent ::"::::^f*~*$~ SOUTHERN RAILWAY SYSTEM ;V V"-;'-'-"--^^gg(</t>
  </si>
  <si>
    <t>                                           cinn FUNERAt in PEB  BENEFIT I" DAY -for full  write SOUTHERN FIDELITY SURETY CO. Durham. North Carolina</t>
  </si>
  <si>
    <t>                                           i-.,;.        ;^:cg;i:etv i a v  FOR W J^E N I FASH 1 M^M t^-l--~j-P^- ~____^1-   MITCHELL HtLl, - RECIPE;S3~;</t>
  </si>
  <si>
    <t>                                           LUCKEY ROBERTS OPENS CLUB                 NEW YORK. Apr. 8.- (ANP) Under the personal supervision of Luckey Roberta and his Society Entertainers, what Is described as "the int mate Poosepahtuck Club, Inc.," was opened last Monday  at 2886 Seventh avenue. Featured entertainers are Edward "Blind" Steelo at the piano and Monett Moore.                 Pension Bill the Father of New Racketeering WASHINGTON. Apj". 8.- By The Associated Negro Press) --Organizations and Individuals are taking advantages of the introduction of the bill to pension , placed In the hopper by Congressman DePriest two weeks ago and exploiting prospective , according to Morris Lewis, secretary to the congressman. "It has been reported to the U. S. Treasury department that certain organizations and individuals are soliciting prospective beneficiaries and collecting fees from them for promised enrollment and services." Mr. Lewis said. "The public is warned that persons assuming such authority have no reason to make such collections. The government will formulate all plans if and when the bill Is passed and no fees will be paid to anyone except as provided for by Hi School to Revere BookerT. Pupils and former students of Booker T. Washington High School are planning to make the second annual observance of the birthday of the noted educator for whom the school is named even greater than the initial event which was attended by more than 350 persons last year. Rev. C. K. Brown, pastor Wnrren Memorial M. E. Church will be the principal speaker on the program which will commence at 11 o clock Tuesday morning and last until noon. Jesse Thomas, general president of alumni associations Tuskeg"e Institute will be another to appear in this tribute which will take place out of door on the huge plaza In front of the school building. A young woman, whose name has not been  as yet will placo a wreath at the base of the famous man s statute. Music will be furnished by the school orchestra. The public Is asked to come out and join in the celebration.  BEATSipHER Beaten over the head after a man broke Into his home for no good reason at all about 6 o clock this morning a man who gave his name as Rev. R. B. Davis, 377 Techwood street,     given emergency treatment at the Grady clinic today. His ear was cut almost In half but doctors were able to sew it together again. i Rev. Davis stated that lie  lld not know the man as he was not :i member of the Terrace St. church where he is an assistant . He told hospital          that he did not tell police officials  the affair. The wound was said to have been inflicted by a stick.</t>
  </si>
  <si>
    <t>                                           A FREE TICKET to Hear -:ri GEORGE GARNER World Famous Tenor ;\':% CITY AUDITORIUM. FRIDAY, APR. 22 8:30 p.m.. 'Si!:  S HOW Simply  a  of  advertisement -j Wllli the purchase of three (3) tickets to the. balcony. tt:'.S3 V rents curb or with the purchase of. live (5) tickets to tho DrrasA Circle at SO cents , and you will bo. given one free ticket In the same "ticket " as the ones bought by you. (Thnt fci    mfi V i you buy three balcony  yon will Rol une . (rea;V. :ind if you buy five Dress Circle tickets you will jet one  Dkm j Circle ticket. You may net together with your friends aud Uks advantage or thin special offer. TIME LIMIT: 12 noon Friday April 22. 1D32.        MILTON I WEST SIDE STORE EAST SIDE STORE X IV/i j     Fair at Cheitnul St.. Auburn  t Butler   . ,j y J            no phono ord.   No     "Ord.       .'i r::":'*-wf*';X=~v'~~lSS</t>
  </si>
  <si>
    <t>                                           It is quite natural that the girl who is planning a Spring wedding should be interested, most of all. In making herself lovely for her nuptial-day. If ever a girl should be radiant, fragrant and beautiful. It is on her wedding day, and while it is true that love is a great...</t>
  </si>
  <si>
    <t>                                           N.. Atlanlans,  no  Ne^oes anywhere not served  P^ 8 fl The Daily World ta proud of i1s  to ifm? renl per- Jl\ ;i :s^~^$!M A im by this daily newspaper, need not wait to find out what Eg )fl BL^fk.  JL vicc tn our Tenders, and believe you are proud to have the        m A ^^'W' A B 9^ other members of the race here and elsewhere are doing. M^T i^   Hfii bT Negro'daily published  in the world. Work- ff^kx Th'-fli' rtr "'^''' T^^lfn V^r      In your       "?rld' the    8 may be found when it hap- B H TflB 111 ing hand       are there    ' hei.e*ts which we cannot          :Q''*ill</t>
  </si>
  <si>
    <t>                                           I 1 I TODAY! RSj First SlinwinR Kt\ In .Ulanta! /BfflB^"~**~   flesh n d .^'fim blood who Q^#$~'~3    ' LOVED W'^'  to I ARLISS B ALEXANDER I H HAMILTON Bl H0RI3  X Kj yUSE  i H A'  1 KB                    ^1 :J I '''- Over! i;~ By Popular Demand/ "ii?j 2_          ! H  flr Ho OPEN J^J Talks Ji_    TOM ;MIX; 1 Hi* Firtt, Tftlkinjf Picture 1 Destry Rides Again', i$M JIMMY BEERS H :,^S  t tha Orffcn Starts Friday ;~/-;}' %^ A dramatic'~     ' '-0* ./'SGANpAl^H 1</t>
  </si>
  <si>
    <t>                                           After seeing the Black Barons perform against the Pittsburgh Crawfurds Monday afternoon at Rickwood, we have the inside dope on the team as to how they stack up this season.</t>
  </si>
  <si>
    <t>                                           1 "i/1- y World Advertisers Readj Every World</t>
  </si>
  <si>
    <t>                                           Nothing is more amazing than one not knowing one's self or one's ability to do or one's ability to achieve great things.</t>
  </si>
  <si>
    <t>                                           Funeral Notices and Obituaries Atlf Your Ftmernl Director To Have Them Published On The FRONT PAGE Of The Atlanta "         Only Negro Daily" Daily World</t>
  </si>
  <si>
    <t>                                           Funeral Notices                 JORDAN Funeral services for Mr. James Jordan,  passed away April n. will be .- later. Hill Funeral Hume. - 'n7        "il of Mr. KuUhlns. :c Mridler was held Th'ir.  at 1 o clock from Zi.rii Baptist Church at Marietia. Ca. Rev. I.e.- officiated. Iiitsrmcul in Nutional Cemetery. Mari-tta. Ga. David T. Howard and Co.. Marietta. Ca.. in charge. JACKSON- The funeral of Mrs. I.ty./.W: Jackson will be  later. David T. Howard and   . - Mr. David Ki-ars. of IB Yontie street. N. E.. di.'d Thuisd:iy ^. Kurteral will be  later. David T. Howard and Cu. CROOK Mrs. Lizzie Crook, rear of 75 Piedmont avenue. N. E.. died Thursday . Funeral will be announced later. David T. Howard and Co. LOWE Friends nnd -s of Mr. and Mrs. William II. Lowe. Mr. Charles Lowe. Mr. Ernest I.nwe. Mr. and Mrs. Ernest Lowe. Mr. and Mrs. E. Uwc are invited to  the  of Mr. William Lowe. Saturday at :':;iO p. in., from Turner Chapel A. M. E. Church. R"V. T. T. Ivey .  in Watkinsville. Ga. Dunn Bros. Funeral Home.</t>
  </si>
  <si>
    <t>                                           Wake Up. Your Over Bile Without Cajqmel V^_~   fW nt H*A I Uttta    b not  , your food HI th^*         ft*?!!11 tO. GO Gaa  iip your 'stomach. You have m thick, bad Uite and your breath la foul, lido IT TOO fed BOOT SDd SQnk     tho            "lo .* Your   looks punk, don't swallow a lot  and yon ted "down and ouL Your -Ylmte g{ nits, mineral water, oil, laxative n,trm b .' candy or chewing gam and expect.  K  to roiko you  sweet liver Pnis'ta'cettbcMtwo'iHiunib of i-ut and *         .  tred j aud miko you fed "iip  nd of" For the? can t do it. They only Tiey  , Imrmlirn,         the          nnd a mcTO move- notable ,'"ama=ine  lnn ll ci. M ment  t ect at tho . Tho  the l.Uo (low rn^iy. reason for  down-and-out feeling But don't uk for          . ;\.-cX tor c fa your      . It Bhonld pour out two    .r ruin. L.~~k tor t:,~       -K" liquid bUa into your bowels lirio     i-    -~n     rv.     . ' I                        . .f  ll never know how ^ood^^v^/^V ^a cigar can be H^^y^^^l "J. Lewia Ciffar Mfg. Co-, Newark, N. J, "</t>
  </si>
  <si>
    <t>                                           In the usual melee of week-end butchery which kept doctors. nurses and orderlies busy Saturday night and Sunday at the Grady hospital, we have record of Jimmie Hamilton, of an unknown address, who was stabbed to death in an alteration with Joe Wright.</t>
  </si>
  <si>
    <t>                                           ffi W64T HER PROBABLY SHOWERS ton;Bht and Tuesday: little change .m temperature. Lowest" temperature, past 24 hours. G6; highest, 82; average, 74. C. F. von Herrmann Meteorologist, Weather Buroau</t>
  </si>
  <si>
    <t>                                           Miss Alice Harvey of Marion, entertained a few friends from Memphis, Friday, 25th. Among those from Memphis were Mr. Rice and friends from Booker Washington High School.</t>
  </si>
  <si>
    <t>                                           This Girl Vp\ Thrills The Men Above all. men  a smooth, soft. HbIH skin It Is the basis of beauty and  appeal. You may have thin lure that charms men a . Dr. Fred Palmer's SUIn Whltencr Olnlincnt notions and lightens Iho darkest skin, clears up pimples,  and tnn murks, and   u-lih Unit "oily, shiny" look. Uho this preparation  I to  your skin nort.  nnd . This  Ointment ais mndo In the famous Dr. Fred I wl '8 Laborn lories where aro also mndo. other beauty aids you Know no well: Dr. Fred Palmer's Skin Whltencr So;ip. Skin Whltencr Fncc Powder. Ilnir Dresser nnd Hid Deodorant, which may be had nt all drug stores for :r. cents each or will bo sent  upon receipt price. Dr. Fred Palmer's Laboratories, Dept E, Atlanta, Go.. Send 4e In stamps for trial Mtnplo of Skin Whitimcr, Soap and Face Powder. DR. FRED PALMER.'S Win'Wfiitener 'HtlPi TOUR COMPLEXION YOUTHFUL1</t>
  </si>
  <si>
    <t>                                           The South Atlanta Community Club held their weekly meeting Sunday at 4:30 p. m. at the home of Mr. and Mrs. W. C. Dorsey. Plans were made for the club anniversary celebration. Mr. W. C. Murdaugh gave some very Inspiring remarks that were enjoyed by...</t>
  </si>
  <si>
    <t>                                           The determination of the state to prosecute six alleged "Reds" who were arrested in a hall in 1930 to the fullest extent of the law was evidenced Tuesday when the Fulton County grand jury returned true bills charging Henry Story. Gilmer Brady and Misses Ann...</t>
  </si>
  <si>
    <t>                                           _m^_     *^                 TENNIS SIR HIS Bill IN NOV. I                 Anderson Loses by a:; Big Majority; Name i v 5 to Legislature                 FLOCK TO DEMOSg                 CHICAGO Apr. 14.- (    - ;{4 Oscar DiPrlent. tlio hoary-headed a Hliro'cm. smash-d     way.to     3 Republican  In Hie prl-yS mary elections Tuesday by ^ Ing     strongest . AId;-g Lou!- B. Ar.d^r or of the Second-^ W.-rd. bv n   .ur In one. ;;?,                 Not  nly rt"~! tho only Negro con-^'J .in  his candidacy, but!c l he d fcr.t.d nil  for the         '-i..-rn-~n?h:p  1 the Third ^S Tr\n cloc'.:or -vis  in that  s!:ov;-d n 300 per cent increase ~;J! in? ?7 di"r.or."".c  ..~( DoP-.tc "or"- Hurdle for a  i!i!ri !.rn-. in Confess is Edgar Gj,i\j5 3rD-^r:.-*-~-.lenn:.s:cha!np!cn^~l :~~v.":rrr r "^sn .ind publicist, who.5  -.vas vici.'.'fio jn or. tho democratic -*J fic!;j'.- ;'or i:o--ir.-)ri n- ;.'vj; :u-..v.. wlil . DcPrlcst.^ liii- .'.o.^nib.T okc:io:'.3. :.;'?f Ai! Aid Ai.J.-riO-.'s Ills rai_n-.;*~ cci n him at one-', in addition to-:^. 7 U- DcPricr.t ho went "~^ to oat in his candidacy tox r i. .n fr^m the second ~;Vwivd. William E. K:ng. an old.poli-jVg  warhorse, defeating him. A^ Harris B. Goines and George,^' BJickwoll. present ; at' the Illinois state  smashed their way to victory Ironic-i? the first district. William E. .KinR :y; and Charles Jenkins, the first .an % incumbent, won in Dlstict Three. In the Fifth district. William- War^.-g ne!d, another present -;*-live, . hi3 hold and '.w out. ',%~ Earl B. Dickerson and Adam H. :~% Patcrson. both 'well known In the/; legal world, lost the race for the. democratic  of tho.~ Third ward to Edward M. Sncedl For delegates to the Republican.-, convention, which meets here; j^ Roscoe Simmons. tho orator..C and John Lord on Italian, were',;: named. As alternates, William ..R-"~ Cowan and Robert H. Hardln wero-j; elected. Although complete  ,-? unavailable, the candidates for^; judge were  the whites seeking the same positions. W. B. ZifT,       of *. who places copy In thu leading      gro newspapers throughout thc.na-u tion, lost out in the race for Con-.; gross from the second district,    -'.~ ing to P. H. Moynlhan, aUo ./.                 Still Potent                 DePrioit is  a power in Chicago politics. In the primaries Tuesday he defeated Aldermnn Louis B. Anderson four to one for Congressman and alto won the  of the Third ward.</t>
  </si>
  <si>
    <t>                                           CHICAGO Apr. 14.--(ANP)-- Oscar DEPriest the beary-headed ... smashed hi-way to the Republican nomination in the primary elections Tuesday by defecating his strongest opponent, Aid. Louis B. Anderson of the Second Ward by a four to one, majrity...</t>
  </si>
  <si>
    <t>                                           AS WAS FEARED, gentle fans, Ole Man Jupiter Pluvios stalked upon the scene of several right brilliant events of last night and nipped them in the bud. The proposed Neighborhood Union Block Dance was completely rained out, while the Clark University Concert was reduced to a sort of family affair because of the merciless and torrential showers. Tonight, the Y. W. C. A. plays at Sale Hall Chapel, Morehouse Campus, are scheduled--and better luck is anticipated. Bring on your rabbit feet and four leaf clovers, or...</t>
  </si>
  <si>
    <t>                                           WASHINGTON, D. C., April 26-- Howard University will hold the official C. I. A. A. treat meet in the University stadium on May 21 From present indications the meet will be of unusual interest in the crowning of new C. I. A. A. champions with the stars of last...</t>
  </si>
  <si>
    <t>                                           i ?ff/rn I i/t1P If you paid four or five times more for ~?C/IU4A/    face powder you couldn't    a finer, D i"v A 1/^"T"%A/HJ   beautifying f.icc powder than DL. J\v_rc. AND W n I 8 r BUci md wh:tc at 25c-       ~~"t ^~*-:.~.^^i -m ran T B ba quality at an economical price by  POWDER Sfi^SSSffa           mm ^mm^ black and while square box.</t>
  </si>
  <si>
    <t>                                           FORREST KELLY and his youthful battery-mate, Lycurgus ("Lightning") Curry, could not match the fast Dace set by Red Bradley. who relieved the shellacked OScar Aust'n, and his mask and mitt henchman, Kennon...</t>
  </si>
  <si>
    <t>                                           Blind Man's Buff--"Tag Yoitfre IT!"                 abcd</t>
  </si>
  <si>
    <t>                                           in IS AWARDED T02                 Howdy Folks! Aie You ListenIn".' Well. as UKiiiil. West Mitchell Street C. M: E. . pastoral by Hcv. J. 11. Wiggins, was awarded a check of $15 as  pri?.e while Mt. Zioii Soi-.~nd Baptist church.  by Rev. .1. T. Dorsey. received a chock of S10 as second                 prize In the 15 Week $750' Cloverlcof  contest now In its sixth ,  by the Atlanta Daily World. Ml. Zlon and West Mlichell Street churches are really stopp-~ ing on the gas and how! Look out :br Rice Memorial and Mt. Vern- on Baptist churches next week. There ar.- exactly 50 churches] whose applications have been entered for the Olovorleaf Good Luck I Church content. which sounds mighty good, and more planning to tome In. so we understand. Don't let those votes amounting to 179.099 scare you away because after all that s just a small amount even though it a nothing lo sneeze ut. Just get busy ami dig up a Mule eu- in the congregation. The hardest thing about the whole contest is bringing In your votes to the contest manager and that s easy. If this contest continues to go ov-l cr u.x big as it has been going In the past, we might repeal it. We  s many replies as we can get fromthe various. churches telling us just how you like the  on Pnjre 5. Col. 5                 $25 Awarded Continued from PaRe 1 tesl and whether or not yuu',1 like to  it repeated. Aajjain. please bear in mind Hie fact that Piggly-Wlggly receipts do nc-t count in our contest because they ifm t appear on our contest page. As far as groceries are concerned, buy from Rogers. They havi: stores In all neighborhoods. Votes coming from advertisers appearing on the contest pago arc the only ones we will accept. Don't forget that -- tions. one year, six months, three                 months, and one month to the Atlanta Dally World count as vote*, classified advertisement you will receive a vote. For every penny  pay fov a Please road the rules and  governing the contest i. 1 the contest page, and If the :s n. you don't . ii;.~t call in anil  contest maa.c- will be glad to let you In on the ,.' floor. Guess who is going to -..in the first am!  prizes t1 .i week! Never , don't wr k your brains, you ll find out sr n enough in Friday's Issue this v cck. Good Afternoon. AU is well v...d we hope you like It. j_</t>
  </si>
  <si>
    <t>                                           Howdy Folks! Are You Listen-in? Well, as usual, west Mitchell Street C.M.E. church, pastored by Rev. J. H. Wiggins, was awarded a check of $15 as first prize while Mt. Zion Second Baptist church, pastored by Rev. J.T. Dorsey, received a check of $10 as second...</t>
  </si>
  <si>
    <t>                                           FIRED SNOT IT POLICE; CONVICTED                 Co- Defendant        Name of Third Man in His Testimony                 OTHER S BROTHER                 After deliberating Tim-  1 ho ins Wednesday ,'. a jury in .lud^c Fomoroy's    Ocorgc Dennis * deeply Involved in an ; m .      a( Ofnc-i- M. Pi. Jcilinscn i;.* ~-n the ri ; of March 17  hi* v/r.s Hlven :i sentence "t1 front one tn                 _.         In thn penitentiary on!  of shooting at onc another. The  did not .- to!  Hint Dennis wns ilio one who I  the 9in;:    shot ai Officer' Johnson .-is he jumped from the J moving police car to .- \      Ihc three men  doing  -iii iir Iho grocery store at the  of Grconwood : and 'M: . ns  air odd hour. .--^ObpiaaiforjeKpIatriedrrhaa' Ix'nn  Inlo- or hIx times  thn past few months but( 4 Continued on Page 2, Col. 3                 Fired Shot Continued from Pago One '.ha building and its contents were intact at the Hoe that tne "pot .-.hot" was taken at him-Wo were about half a block away from the store when I  petted them-" Officer Johnson, testified "Not caring to lose lime. I dropped off the machine while it w;is still in motion. Ono of the men. all    whom had scattered, fired a whot .it me as I  my light in tho direction of the house next to the store. I switched off, my light In order not to make myself such a good target and returned, the gun fire. -After a moment. I turned my light on  and looked under: the house which was raised up on sticks about four or five feet from the l-. I couldn't see who was there but one man. evidently the one who fired the shot; was making his way towards the backyard while his companion;) kept travelling towards safety. I  George Dennis in the coal house several minutes later.' The .others had mado their getaway." In reply to cross examination by the defense counsel. t,ho. .policeman admitted that neither. Dennis, who was captured on the spot or Arthur Earner, who was 'arrested at his, home in bed several hours later, hail pistols in their, possession and added that although he and his partner searched, the .ds.for some time, they were unable- to find any trace of the , A new anglo was" introduced- at the' trial with tho statement of.Ar-i thur Earner, co-defendant who is j to go "n trial for himself, at a later dati^at the third  of the group "talking" on the street that night was none other than pete Dennis, brother of the defendant 'hen on the defensive! Barrier contended that he told the officers the name of the missing member of the trio shortly after his. arrest. This Officer Johnson, as well as his partner, Officer Moldln, denied, both on direct and cross examination. It is expected that a warrant will be issued for the arrest of the other man. whose, identity they arc said to have refused to reveal even in tho recorder s court. Officer Moldin. who was driving the car nt the time, stated that ho did not see the man who fired the shot. Both Barner and George Dcnnlfl claimed that they did not. qo beneath the house In their flight but rathor ran along th0  ldo of the place. Barner added that he i                 kept running all of the way nome after the officer hod shot at them but denied that they were doing, anything wrong at the time- The defense attorney contended that 'hey could not prove that his clients had intentions of robbing the store, that neither of them fired the shots that :iny  liad been I fired, or that they were armed at the time.</t>
  </si>
  <si>
    <t>                                           After deliberating for several hours Wednesday afternoon, a jury in Judge Pomeroy's court decided that George Dennis was so deeply involved in an attempt to shoot at Officer M.M. Johnson early on the morning of March 17 that he was given a sentence of from one to...</t>
  </si>
  <si>
    <t>                                           ONL/?*N_*OrtO DAIL.Y H'tV/SPiPe*. IN THB WORLD KuUr-      -~l__       .t Ih. poit .(to  t AtUnlo.   .. -   -r th. let of March 3. 1B7J  daily at 210  avenue, n'.e. TElXPUOKESi WAlnut      nd  OP THE ASSOCIATED NECRO PltESS THE WORLD   so             7 for      1      ttl QtfUM. ;w  Editor nd           - ^srr_:::~-   :r:   .-.iw Ed!.-, 91ON BATES Ox Y._r.  9.!~: Month^JS.Mj 3_Mout)~. ti.il,: y,  klT. 20c. "Idverbisinc rei  W B.  CO^       .     York.           *</t>
  </si>
  <si>
    <t>                                           NEW YORK April 14 -- Harlem political circles have been feverishly speculating as to how far the report printed on the first page of the Afro-American last week is true, which said in so many words that George S. Schuyler's new paper, the National News, will be a...</t>
  </si>
  <si>
    <t>                                           Triced Brands      40 YEAR5 M 25 ounces for 25</t>
  </si>
  <si>
    <t>                                           LOS ANGELES, April 14-- Climaxing a six months tight for recognition of merit and tendering their support, the Republicans of Southern California Republicans were informed here last week that one of their number had been appointed to the position of Untied...</t>
  </si>
  <si>
    <t>                                           revision IS OKEH                 All Must Help Make Up Recent Federal Government Loss                 CLUB DISCUSSES                 That something must be done to caro for the present deficit that faces the United Stales government was clearly  out when Mrs. Clark Warburton, professor of economics at Spelman college and affiliated institutions, directed the first round table                 cussion of the University Business Club of Atlanta university and Morehouso college Thursday night. The  for the evening was "Present Attempts of Congress to Adjust the Dofio-t in the Federal Budget." The speaker pointed nut that there arc two ways of raising government revenues: by borrowing or by taxation. A review the national government reci-ipts and disbursements over tho two year period. 1930 and 1931. shows that there is a decrease ~*f th^ national income of 26 per c-nt while the expenditures have increased 23 per cent. "England,,. ..hex. iw- capita wealth of S475 levies a 3:! 1-3 per cent tax  the United States with a per capita wealth of S765 only taxes to the extent of  that ." Mrs. Warburton "commented In considering .lust how the  widened eap j between expenses and Income could bo closed. "This shows that, there Is plenty of room left for j taxation from some angle." Tt was also  that the deficit actually existed and Hint if  sm Is to justify itself that this deficit      be liquidated. An increase of taxes for iho wealthy was suggested but  as it would evidently lend to make those possessing money withdraw it  the production channels and invest in tax  I securities. Taxes upon tho pur- chases of consumers were also considered but rejected upon the theory that it Is unfair to smaller capita' holders since they would bo subiect.?d to taxation at the s-ime rc''tal rate on necessities: as ihr holders of larger sums of m^ney. The group, after much :on, with Professors Brayton and Broyool and C. L. Reynolds taking an active part, agreed that perhaps the most equitable method by which tho much needed Increases In revenue might be brought about would be the lowering of the brackets upon which the .D tax returns are based at present. For example, moke tho .-~mounts for which exemption is granted as S1.200 per year for single people and S2.500 annually lor marred people. This, it was believed, would make the taxation j more   bu w? pnrl at e-!i*ic '.'in? rt r"'.'--tn 'r' ests of a  proportion of the -on in the affairs of the federal . Thp sneaker, however, demonstrated that fiore wrs one small weakness in th" favorably-  suggestion  that was the possible  in collecting the new taxes find the danger that the cost nf such *     - would exceed the amount obtainable.</t>
  </si>
  <si>
    <t>                                           That something must be done to care for the present deficit that faces the United States government was clearly brought out when Mrs. Clark Warburton, professor of economics at Spelman college and affiliated institutions, directed the first round table...</t>
  </si>
  <si>
    <t>                                           West Side Cafeteria UNDER NEW MANAGEMENT 910 W. Hunter Street MRS. A. D. GREEN, Prop. Special Plate Dinner ALL KINDS OF SANDWICHES Open From 6 a. m. to Midnight</t>
  </si>
  <si>
    <t>                                           Every intelligent Negro realizes that, with the race's dependency in the main upon white businesses for its monetary well-being and jobs, and that as goes the economics of Whites so goes the financial welfare of Aframerica, when there are signs that conditions are improving among the Caucasians, it means that before long this race will also benefit.</t>
  </si>
  <si>
    <t>                                           FOR THAT SUNDflYTRIP ONE CENT PER MILE In Each DirectionFor Distances 150 Miles or Less Good for  in Joxchcs only nnd to return prior to midnight of date of sale. I Round Trip Fares From: ATLANTA IVIacon $1.80 Chattanooga ;2.75 Anniston .....'2.10 Columbus 2.35 Gainesville 1.10 Rome .1.. i.45 Take a Train Ride and Visit Your Friends SAFER THAN ,STAYING  AT HOME     Tho Ticket Agent SOUTHERN^</t>
  </si>
  <si>
    <t>                                           GENERAL  IjTllk REGAL MOTORS Jm^M            WASHING        ~^^^J MACHINES I A G A  TURDA Y- W E REP E AT,, j 77ze Radio Sensation of the Year J^^^^^^^^. "V SUPERHETERODYNE ^M^^B^^K Specially Priced For Saturday WSl^UffmSi 8P tron Oscillator Illuminated Dial Kilocycle EraLjU-: ffl^   Ii oration Self-Hcaling Filter Condenser tj^^^^^^^i^^^^^^fSV^a^^^^ :t Veneer Cabinet Dynamic Speaker. ^gff^^fi^^ i The Two Best Rad... -Buys of the Year $i CASfil  TO9S ^^^^^Mr'At a Plew L@w Prise ^^^^H!-i' Specially Priced Full size cabinet model ?S^^^^^^^^^^ Ex For Saturday General Motors Superheterodyne ~^f 2^*^S B*s*^^:^ ever quoted. Completely installed. n 1 S' ^kJ^^^d it to your home. a 2 1 i  Week Pays j ^r*55*^*85r^ NOWTAe Fa/n ?^^~GA ric^ir- Complete Will Lovell Wrhifjcr AT A WEW LQW p^gcE, li Full-sized porcelain tub ^h ^SSS -SO i Louc// Wringer ^BTO SS^^^^^^^Sl@l^^S electric motor and  i r*-^^. gi^.M The greatest value ever of- S'aSl v*' 3- '^^""^1 8 . See it today. $1.00 SSa A tiU 8P C V $ C? ^"""""ffi! c down delivers it balance , ffl HI j"        B S1.00 a week.  7*.  T 0 (u S Corner Nonh Avenue 610 PEACHTREE ST.'-' i North1 ..Avoniioj5~!jf$~if '</t>
  </si>
  <si>
    <t>Advertisers Buy From</t>
  </si>
  <si>
    <t>                                           ATLANTA'S LEADING ATTORNEY, Col. A. T. Walden was a simile for smiles and a synonym for glee last Tuesday night at the home of Mr. Thomas J. Henry, 199 Ashby street, northwest. Seizing the opportunity to honor the well known lawyer on his birthday, Mr. Henry, his capable associate, uncorked one of the most impressive stags of the year. During the course of the night, the few and carefully selected friends present were forced to marvel at the beautiful and copious law volumes of the home. Colonel Walden...</t>
  </si>
  <si>
    <t>                                           I'm a young lady 22 years old and hold a very nice office job. I'm very much in love with a man 30 years old. My love affairs are about to cause me to lose my job. My lover says that my ways are so childish that I worry him. We have been in love for three Years and...</t>
  </si>
  <si>
    <t>                                           Man Runs After He Hits Woman With Lighted Lamp                 Waiting, ax neighbors stated, until her son had departed for church leaving his widowed mother all alone, Henry Baker, who is said to live on Elm street, sneaked into the home oft Mrs. Viola Hill. 435 Elms street, hurled a lighted, lamp at her as she lay in bed, and then departed hastily. The woman, who was brought to the Grady about ten o clock Sunday night by her son and several friends, was cut so badly about the head that a number of stitches were required. However, she was able to return to her home. As far as can be learned, no arrests have been made.</t>
  </si>
  <si>
    <t>                                           Atlantans should feel an especial pride in the knowledge of the plaudits that are being won in New York City by the talented Mildred Greenwood.</t>
  </si>
  <si>
    <t>                                           There are often times when the busy cook for the family has time to prepare only a hasty meal. She wants it to be palatable and tooth-some, yet she must hurry its preparation, almost to the vanishing point. Here are a few menus that will guide her in preparing these...</t>
  </si>
  <si>
    <t>                                           Up From Georgia With My Banjo I By Thomas Jefferson Flanagan j  WILLIAM A. MAURIS ME.MCltlAL HOSPITAL To R. II.   . 'Die  is charged with sunshine laughter In this ir.i  cell. And tho' we came like sheep here unto slaughter On this 1'i-unt all is well. We cannot glory here in our confining Our care and wracking pain, And tho' we felt death s strangling cord a-twining, We  a  again. 0 had we the power to write some  Iliad, Like Homer, we would cheer: "At last we ve found a balm in Gilesul" And a physician  nurses s hand like tender angel touches Our burning levers cool Her heart beats like the silver climes of churches Her eye are healing pools. And should we sink, here across death s river To where all  cease, We'll catch our Captain's eye without a quiver For we d have died in peace. The atmosphere is charged with sunshine laughter In this infirmary cell, And tho' we came like sheep here unto slaughter On this front all is well.</t>
  </si>
  <si>
    <t>                                           -pi Spend Your Money where You Can Work. Spring Sale Starts Friday. Ajtil 15 S DEPT. STORE. 22V Auburn Ave.. N. E: Undersellins any store in Atlan'ta. Same Goods, Same Hrnnd. Hetxer Sen-ice. Spring Sale Starts Friday, April loth. JORDAN S DEPT. STORE. 227 Auburn Ave., N. E. New Coods arriving Daily. Lowest Prices in 15 years. Sprinj; Sale starts Friday, April 15th JORDAN S DEPT. STORE, 227 Auburn Ave.. N. E.</t>
  </si>
  <si>
    <t>                                           Denison Buried With Fuli Military Honors                 CHICAGO, April 21      - "Peaco bo to his ashes and mercy on hi* soul." intoned Col. Otis B. Duncan, former commander of the Eighth Illinois infantry regiment, Sunday afternoon when he concluded tho funeral oration over the bodv of his former                 or. Col. Franklin Ocnlson, in the regimental armory before I three thousand of the former  s friends, comrades and mil.itary associates. The order of the military funeral for tho former commanding office* was carried out by Lt. Col. Lewis E. Johnson, Majors James C. Hall. James F. Lawson, William IK Lewis, CapL Oscar Randall, Oipt. Harry W. Jones and Lt. Wendell T. /Derricks, under the direction of Col. Spencer Dickerson, the present Commanding officer, who presided during the services. Col. Denlson's military history was read by Major Jamc.~ C. Hall: resolutions were road by State                 Senator Adelbert H. Roberta; Col. Duncan delivered the funeral oration: Dr. Cirl G. Roberts read the  and Major Williams S. Braddan. the regimental chaplain, preached the sermon. Tlio members of George L. Giles post of tho American legion  legion services after the regular military service. The high points of Col. Denijon's .'iry - as provided oy Adjutant General C. E. Black i )f the Illinois National Guard, .vere: Appointed major, 2nd  Eiglith Illinois Infantry in 1898; appointed president of         court martial at Santiago in 1898: appointed member of tho :ourt of claims In Santiago in 1898. 3n April 3, 1899, ho was  discharged" as major and  out of service.' He was appointed a major In the  s department of the ?ourth Brigade of the Illinois NaContinued on Page 2, Co*. 2                 Denison Buried (Continued'from Vaeo'Onc) tional Guard. July 23. 1903 am i resigned Jime 19. 1900. June 24.' 1907. he was appointed a' major in ihe Eighth Infamy regiment MirwiS National Guard and promoted to ' January 12. 1914.- He was  into the federal  er\-:ce for 'Ms-Jean border duty as a colonel June 30. 191B. Ju'y 25,' 1917, he reported for war duty and' served as   of the Eighth Regiment I of the Illinois National Guardanill of the 370th United States in/amry which it  In the federal serviCK until his discharge: H!i' I principal stations- were: Chicago. Camp Lrgaiv Texas: Ciinp' Stuart. Virginia; the American Expeditionary forces' and Camp Grant, Illinois. He served  f rom April 0, 1918! until September 12, 1919, and was honorably discharged af Camp' Grant March-22, 1918/ for the convenience of" the' government He was placedon the  list with the rank of colonel, June 30, 1922.</t>
  </si>
  <si>
    <t>                                           WELL, THEY'RE KEEPING THEIR PROMISES, good peepul! Messrs. G. R. Higginbotham and Joel W. Smith both instructors of Booker T. Washington High School and outstanding Atlanta sports lovers, who promised to forward to this column a series of sketches on fish and golf respectively, are living up to their words. This number carries elsewhere on the page articles by the two illuminating penslingers. Many thanks men. The public appreciates this sort of spirit. By the way, Chicken Carlie Clarke, the ex-Morehouse magician...</t>
  </si>
  <si>
    <t>                                           JACKSON, Miss., April 21--(ANP)--A warning that serious racial trouble will result from continued organized efforts to force colored workers off their jobs, was expressed by Bishop Theodore Bratton of the episcopal diocese of Mississippi here Friday.</t>
  </si>
  <si>
    <t>                                           Miss. Sheriff Crosses Line to Murder Negro; FreedB                 n shot ON1ENN. ROBE                 Calls Slaying Cold Blooded Murder; Jury Trial                 CAR CRASH CAUSE I                 . Tenn.. April 14 I                 a" Told "blooded murder, a crime typical of Mississippi treatment toward Negroes of the Delta state, hud I" counterpart In       *ee when a deputy sheriff. Necly Brannon of Walls. Miss., crossed the state line for the expressed purpose nt killing A. D. Buchanan, a colored                 of Tenneiaee who    Hy Ing on the Horn Lake Ro*d. This murder took place over a year ngn March 28. 1931. Monday of this  a jury in Judge Hairh's 1 where the officer s trial \\-3.~ returned a. verdict of not  An other .iw 1/HnsUsippan. J. C ^Brown- Jointly- -- .wiih^Brmn-..1-non. wns  exonerated. The facts in the case were     tlr." effort that on the night of March 20 1931. Buchanan .motoring.  n the Horn Lake Rood in Kid Nc car. collided with an aut, that was being driven by J. C Brown, white- The point  the cars collided was on tho Mlasippi side. After a few words were puss- i cd between the colored man and ihe I ofay, Buchanan continued his trip to Tennessee and returned the car to the owner. Nelms. wno v/as having a "birth supper" at hjs home which sits on the Home Liake Rd. Brown went to Deputy Sheriff Neely Brannon and reported tue crash to him- He and the officer, evidently knowing where Buchanan had stopped, came to Nelm's house and  Buchanan to come out. Without passing a word.. hn fired several bullets into the body of Buchanan. "The wreck was in my district in Mississippi and I went to investigate it." the! deputy sheriff stated. "Buchanan pointed pistol at Mr. Brown and made ;him put up his - Then lie turned and started to shoot at me. I allot at him  times. The  kept on and one bullet put a hole, in my hat after I had gotten In my tar." The officer s story wais firmly denied by Nelms and his family who testified for the state. They declared that Brannon was the only one who did thc shooting, Nelm's wife testified as follows: "Mr. Brannon went to shooting.] I didn't sec anyone else do any shooting. Nobody  had a pistol. Ten or fifteen  went thro the house."</t>
  </si>
  <si>
    <t>                                           A cold blooded murder, a crime typical of Mississippi treatment toward Negroes of the Delta state, had its counterpart in Tennessee when a deputy sheriff. Neely Brannon, of Walls. Miss., crossed the state line for the expressed purpose of killing A. D. Buchanan, a colored...</t>
  </si>
  <si>
    <t>                                           THEFT OF  COSTS I YEAR                 Although they were unable to keep the dollar bill that they took from Robert W. Miller. 11 Vest Harris street, February 27 very long. Will Brown und James Garner were given a something i" Judge Pomeroy's court Thursday that they will be able to keep for  omc time, as they were given a  of 12 months in the penitentiary when they entered pleas of guilty. The pair admitted holding up the man. knocking him down and taking tho small sum of money then on his person.</t>
  </si>
  <si>
    <t>                                           COMMERCIAL AUTHORITY TO SPEAK                 Students to Receive Phi Beta Sigma Awards Sunday                 HOLSEY SPEAKER!                 Bigger and Better Negro Business Week sponsored by members of the  chapters of the Phi Beta Slgm.'i fraternity, will be brought to :i fitting clo.ie at 8 o clock Sunday  at Big Bethel church when Albon L. Holsey,  of the National Colored Merchants                 ciation stores, Inc.. New York City, nnd general secretary of the National Negro Business league, will deliver the principal address. Although this Is the fifth  local observance of this national movement it will be the first time j that the Atlanta chapters have con- ducted an essay contest among the high school students of the city. Two generous  prizes will be i awarded the students submitting! the best essays with Negro busi- ness as the general them. The English Instructors of the schools haw given excellent cooperation I in this effort.   . Alexander is to I make, the presentation speech. Other features of the  will include the processional invo- 1 cation by Rev. B. G. Dawson, pas- tor of the church: solo  Lou Ethel Brown: introduction of I speaker by Dean E. C. Mitchell.) Morris Brown, and music by the Morris Brown octette. Jos. W. Nicholson will act as master of ceremonies. Mr. Holsey is scheduled to arrive in Atlanta from Durham, N. C tomorrow evening. Vv...ie here he will be the guest of Dr. J. W. E. Linder, V.B Boulevard, N. E. Mr-m bers of Lambda Sigma Ki'iiduat-? chapter. Zeta, Morris Brown. Chi I Morehouse :md Psl. CL-irl; plan to  their distinguished brother at a smoker Saturday . Rocoynl;..  l as one of the out- f standing business t.- It. of ;ti-race  .Mr. Hol^y  il much .- i Gaining as cr.~ tary to tlu president of Tuskeivje Institute. He is largely responsible for the formation of the C. M. stores, an institution that naa astounded thy country with its rapid growth. The C. M. A. stores havo demonstrated the fact that Negroes can buy and sell cooperatively in a successful manner Improved Continued on Page 3, Col. 4                 Commercial Continued from Pajro One m.Trfiandi.' methods arc taught Hie member* :ind llic kuc-csm oi l!i" group stores has been  in  north ns well us in the youth. Ii    expected  the speaker will  In Atlanta Monday to  i-SK member* of iho National Nckio  league an well :iv merchants Interested In the  nf a C. M. A. store i;]j . Plac.irds ti  the number el people employed in Nej,To owned  in Atlanta with the  arious ;itions *.**-d and  commercial  and pi OKresM and possibilities have been placed all over town. Sturi.nts ai the institutions of higher l":. conducted a series or programs while speeches were d'*livi-red at noon today by Mr. NIcIioIkoh at                 Cl.trk -sity nnd B. F. Gofer, ;ii Morris Brown. Mr. Nicholson pointed out in his talk Ihsit the 1 spending power of the Negro in I Atlanta is great, but th:tt :l very small fraction of the money went to the owners ol Nctfro .-M-s. Funeral Notice</t>
  </si>
  <si>
    <t>                                           Bigger and Better Negro Business Week sponsored by members of the local chapters of the Phi Beth Sigmas fraternity, will be brought to a fitting close at 8 o'clock Sunday night at Big Bethel church when Albon L. Holley, presdient of the National Colored Merchants...</t>
  </si>
  <si>
    <t>                                           1 Funeral         i                 JviIDDLKEROOKS- TliL. funeral of 'iMrs. I'atHo Mlddlcbruoks, .if rear Ml Mouru , S. E- was held from our  Thursday at 10 a. in. IiitiTineni in Chestnut  Cemetery. Hanley Co. WILLIAMS- Friend.- and -s uf Mm.. Cynthia Ann Williams, or Marietta. Gti.: Mrs. Grrtrude R. I.e.-. Mrs. Sophia Kirk. (.f Phila- j delphia. Pa'-: Mr. and Mr*. Mark C. Carter of St. Louis. .Mo.: Mr. and Mrs. Robert Willi:    . ..1 Cincinnati. Ohio; .Mr. Raleigh Wlllliuus. uf. Athens. Ga.: Mr.  Mrs. JamCH Scott, of Washinglun. Ga.: Mr. and Mrs. Tom Williams. Mr. and Mrs. Harold Williams, Mr. and .Mrs. Joe Williams, and Mr*. Sarah Dutdon all of Lexington, and Mrs. Pauline Maxwell uf Mclnlufli. ari' invited to attend the funeral ot Mrs .Cyntha Ann Williams this 'Thursday)  m :t o clock      Tuiner'n Chapel A. M. K- 1 -L-h. Marietta. Ga. Rev. D. R. S:     'i-s and Rnv. D. D. Clark.' will . Interment, city . The' following "( are  to nerve as  and will please meet at Hie . Ri-* street, at ^:15: Mr. Frank Addison. Mr. R. D. Maxwell. Mr. Alvin Henry Mr. .Robert Render and Mr. Nezzii' Bi-. David T. Howard Co-, of Mariotto. Ga.</t>
  </si>
  <si>
    <t>                                           T. B. LONG, World representative in Calhoun, Go., and bis brother, Edward, also, of Calboun. arc popular in business and social  of  borne city.</t>
  </si>
  <si>
    <t>                                           "This isn't wartime, Irene," protested Dick, hulf in fun, "how come you have to takes that blasted knitting around with you everywhere you go? Here I've come to spend a peaceful evening with my girl friend, and you sit here knitting like you had to work for the...</t>
  </si>
  <si>
    <t>                                           Toll of Tornado                 ALABAMA Columbians,  unidentified dead; Sylacauga, JO dead from storm and injuries from storm; Lomai, two  ed Negroes; Bethel Church, five believed dead Tuesday night; Marion, 18 bodies found lying side by side in road; Talladega, Mr. and Mrs. J. W. Taylor, instructors in Talledegra college; Demopolii, four unidentified; Stevenson, three unidentified; Barficld, one. GEORGIA Athent. three employees of the University of Georgia dead; Millcdgeville, Ijcrry Sanford dead. SOUTH CAR0L1XA Spartanburg, one dead; Gnffney, one d^ad. TENNESSEE PuUtki, two school children dead from injuries rece ved when storm struck, while they wore enroute home from school.                 Cash Drive; Begun By Baptists A  financial  to clear all outstanding debts of the General Misisonary Baptist convention was launched today by Dr. D. D. Crawford, executive secretary, in a letter to representatives state. Each  et is to raise the sum in 12 districts throughout the of S27G.G0 by June In. Dr. Crawford said. The first indication of the drive was sounded by Dr. Crawford in his report to a call meeting of the convention held in Augusta on March in. It was adoptee! at that time by leaders of practically every district who attended the convention. Women's coal to be ni:sed to care for an annual mortgage has been set by the executive secretary at $2500 while the Sunday school and Baptist Youti); People's Union department are scheduled to raise $100 each. The money to be raised by the  people s departments is to be outside of that generally reported annually, ai-cording to the plan as outlined by its originator. County and district conventions of the Bapt'st denomination will begin shortly and continue until the middle of June, when the final report on the financial drive will be made public. "RELIABLE SERVANT" FREED NASHVILLE. Tenn., Mar. 23- CANP)- After she hud served more  a month In Jail for conviction of an  lk.'uor law violation. Gov. Honry Horton pardoned Mrs. Ada Roler on the recommendation of the attorney general to the effect that she had been employed for seventeen years as a cook 'or I a white family and was  as a reliable servant</t>
  </si>
  <si>
    <t>                                           IT has-been said that until General Grant became nominee of the Republican party, he had been a lifelong Democrat himself. We do not know exactly where we can lay hands on this information but if we can't establish this fact to securely fortify ourselves, it can be truly said that General Grant knew his Democrats. He has become the most oft-quoted of presidents of the United States for saying "The Democrats can be counted upon to do the wrong...</t>
  </si>
  <si>
    <t>                                           A check-up now gS^KSiO        S^-GtM,y avoid  A*' J% SofeSw As^         Fancy       .,g,C; \fo J        We offer Incomparable advantages. Vision tent without obligation. Mountinss to match your complexion.' Exclusive "Lofty-Croft" our own .patented 'device^ Personal- supervision of Dr. C 'CNorris  eye specialist Sch^ccr s casy. ^srh^eer s, -:i^ri d"'a M.- 110 Whitehall St S w" 1 'A5'l*   ;- Eurllenl V .'i*.-*iV.V I'fwnm Dr. C. C.Norriii,.in ClmrKe ^''Me^Weiia^</t>
  </si>
  <si>
    <t>                                           TEXAS IBS Tl ASLVftiGHEfiS                 CROCKETT, Tex., Apr. 7. W. A. Ackloy, 71, and his nephew, Paul, 24, both farmers and  of white woman who accussed Dave Tillia, 52, of entering her bedroom, were  Tuesday with the  of the man last Friday. i Three move men were  I sought by Sheriff J. L. Hnzlett  the arrest of the pair in the Austonio community near Dismal Black Jack forest where Tillis had been turned over to the  by Arch Maples, h's landlord and candidate for sheriff. Their victim was  to a tree                 Gets Rid of 2-Timii# Wife Charcinir that he v:as a victim of cruel treatment at the hands of Mb wife. Mrs. MabI? Taylor, Wilt Taylor Wednesday afternoon was  his freedom from marital i;, duties in Judge Virtlvn B. Moore's division of Fulton  court.' 1 Tayior told the court his wlf.o had struck him on several occas?, J. iona and that he hud come homo"1 one n:eht and found her with, a' man. Mental anguish . from his wife s  kept him, -i from his work, he told the court' He was  his divorce.                 By I. P. Reynolds :;{.:' When Bro. "Bill" Johnson prot^f           up on the  within tho pastor The pastor told 'Bro. Johnson ho (the pastor) "was: $  to LOSE his ." :Bto-j thor "Bill" Johnson sold, if. ",'.:; money was SHORT. D- ,,if;;av  wouldn't make       FIND IT." ...v4~$!!!</t>
  </si>
  <si>
    <t>                                           Gang Specializes In Robbiner Devices                 Police are. searching for an unknown gang that is making a specialty of robbing miniature pool tables and other automatic devices placed in. small business establishments. The latest robberies occurred Friday night when two restaurants, located side by side at 110 and 121 Butler Street, were entered. The pool table and victrola in each place were robbed. Woman Struck Down By Bicyclist As Mrs. L. A. Merlin was crossing ihe front of her home. 321 Capitol :, Friday . she was hit by a bicycle ridden by John Simpson. 615 Parker street. The woman who was slightly injured whe she was knocked down, requested that the youngster not be arrested.</t>
  </si>
  <si>
    <t>                                           MEMPHIS, Tenn. April 21--The interest of Clover Farms Dairy in the welfare of the community it serves is strikingly illustrated by the story of James Baldwin of 1220 Cannon street. Baldwin started to work for Clover Farms ten years ago and has...</t>
  </si>
  <si>
    <t>                                           H9B89 t Fi I I fl TT" r* ttB^E^H v I SF EXPERT EMBALMER jH M AMBULANCE SERVICE :)o 8   With CourUoiss and Citn.'ful Drivers HB   ( 8/ We pay a sincere 'tribute .to ihc H Atlanta World y\ I FOR THE DAILY NEWSPAPER B f  ROOKS I L' 277 Auburn Avc., N. E. IMionc: WA. S171 1</t>
  </si>
  <si>
    <t>                                           Mr. George W. Streator has an interesting article in the April Crisis about football in our colleges. From Streaton's account we gather that many abuses have arisen, although different associations are trying to regulate the sport and bring it within bounds.</t>
  </si>
  <si>
    <t>                                           City pastors and social, workers met at a luncheon meeting. Saturday evening as the guests of the Wheat Street Street Baptist at the invitation o the Committee on Church Cooperation to work out plans and program for cooperative work in the meeting of some of...</t>
  </si>
  <si>
    <t>                                           Workiee! NextWeek                 Geort,'i:i Conference on Siicial Work, which will hold iln annual meeting ut the Biicmors Hotel, happening to people In the present tills , on April 5, 0. :~nd 7. will endeavor to find out just  is happening to people In llu- present  crisis and liow best to                 prevent further  of human . according to ;ni  from Mis.s Mary Dickinson, the  president. "It takes :i line lime to sk'.rvo lo death." said Miss Dickinson, 'and we want to find out whether we arc actually In danger of Mtilnu anybody starve, . spiritually, and perhaps even physically, aa :i  of present conditions." The them: of the conference will be "Facing Social Situiti.ms in 1932." and it Is Intended that the program shall be as practical as the title in helping Georgia to meet the problems of relief and  with which it Is confronted. Tht speakers and leaders will be wide experience In this type of work, including Mb Florence Hutsinpillar. of th.! Federal Children's Bureau, and C. C. Curtscns. f many year.a leader in child welfare work The  of the .ncu is made up not only of vo.' f and professional  ocial workers, but also of - business men. lenders in ::  and church groups, and oilier* interested In hum:m w.-. A  attendance is expected, representing all sections of . Colored ; is Mr. C. W. Washington. 239 Auburn Ave.. N.E.: Mr. Forrester Washington. Ailanta        of Soeinl Work, ami Dr M. S. Divaue. Clark Universl.y.</t>
  </si>
  <si>
    <t>                                           The George Conference on social Work, which will hold its annual meeting at the Biltmore Hotel, happening to people in the present this city, on April 5, 6, and 7, will endeavor to find out just what is happening to people in the present economic crisis and how best to...</t>
  </si>
  <si>
    <t>                                           IN HOLLYWOOD the movie colony takes an evening out by donning formal garb, tripping the light and fantastic toe in the luxurious Embassy, sandwirhed between regal dishes of stupendous cost. Suppose you were a Hollywoodian in your present imancial status attempting to keep pace ! Could you afford an eighty-five buck tux? Could you put a week's wages in taxi fare ? Could you invest $18 in a pound of caviar at one meal? Would you depart from a five spot for the simplest sort of arrangement of filet de mignon ? Would you !</t>
  </si>
  <si>
    <t>                                           GIVES THUG SIX YEARS 6 MOS.                 Looted Pig 'n' Whistle on 2 Occasions Say Police                 CARRIED PISTOL                 Will Carter, whom police. ray has been Involved In a large number , was found guilty of robbing the Pig 'n Whistle sandwich  on March 25 and  on March 28, by a jury In Judge J. C. Perryman special division- of criminal court and sentenced to                 serve three years on each of the two counts. After pleading guilty to nn indictment charging him with  carried a pistol, he was given a fine of $100 by Judge Perryman and in default was sentenced '.to serve six months. The Pic 'n 'Whistle shop is located at 2143 Poachtroe road. Officers, who were the only witnesses in the ease said that footprints around the store compared Identically with" the peculiar steel .platas- which -Carler. was wearing on li is shoes when . Police claimed that he had confessed. The robbery as the result of both burglaries netted only $35 worth of cigarettes, cigars and chewing gum. according to the statement of the manager of the store, who was unable to positively Identify Carter as the man who had entered his place of business through the transom window. When police  Carter, he did not possess any of the stolen property but according to their testimony they found some of the missing chewing gum in Carter's room at the Seldon hotel on Dc-~ catur street. They said the alleged thief not only confessed to the robbery of the Pig 'n Whistle but to I ho burglarizing of a drugstore, an oil station and several other places. Carter in his statement to the jury described how police had beat en and threatened his life unless he would "confess." He declared that a lieutenant of the county  fore held him down while he was handcuffed while another official beat him with a  hose. On several other occasions. Carter said, police user! blackjacks to strike Him across tho head and Injure his eye. He explained his being out on his  in that he was going In hip arrest In that he was going lo search of a job at the Armour company. Ho will be forced to face trial on several other robbery indictments' against him by the Fulton county grand jury.</t>
  </si>
  <si>
    <t>                                           Will Carter, whom police, say has been involved in a large number of burglaries, was found guilty of robbing the Pig 'n Whistle sandwich shop on March 25 and again on March 26, by a jury in Judge J. C. Perryman special division of criminal court and sentenced to...</t>
  </si>
  <si>
    <t>                                           A thirty day registration of colored ex-service men was held at the headquarters 391 Beale avenue. Autress Russell Post No. 27. American ... to ascertain the following facts.</t>
  </si>
  <si>
    <t>                                           ;Forty-to-One Shot tor Derby                 ^^;.</t>
  </si>
  <si>
    <t>                                           Williams. youthful righthander of the Chicago Memorial Giants, was in rare from yesterday afternoon at Ponce De Leon Park. He had the Atlanta Colored Crackers batsmen eating out of the palm of his hand, and, as a result the local entry was shut out. 7-0.</t>
  </si>
  <si>
    <t>                                           DEACON JONES                 By I. P. Reynold*                 Tlio pastor /wild: "I know I havn been , for I lovo \th'*: 'sisters.' Brother Bell  don't let It  too ''P'~~~ ." .V'.'M-r.</t>
  </si>
  <si>
    <t>                                           Is having a soap wrapper play at the Church saturday afternoon at 3 o'clock.</t>
  </si>
  <si>
    <t>                                           Howard Seeks to Take Thurman from M'house                 PROFESSOR LEAVING?                 Rev. Thurman Known Nationwide as the "College Pastor"                 PREXY SORRY                 "We've been. d'" it for .* weeks but we  bom  t"  any . We or" hop lni; that ho will  his mind nnd remain  us."                 Thiit wns President Archer's  but sorrowful reply lo queries concerning the authenticity of rumors thai Rev. H. W. Thurrmin. religious  for Morenou^* and Spelman colleges, and      -.~sor of Philosophy nt the two Institutions had resigned to accept a  iit Howard -, WnHhlnRlon, D. C. Word comes from the  city that n*~v. Thurmon will become j AshooImio Professor of Svstermtlc TlieoloRy in the School of Religion! -ted with Howard university. He will  the place m:ide vacant by thy pending departure of Prof, yt^lph Bunche. asf- to the president, who is to toko a year n leave of ob-ence to study. Rev. Thurmbn. known through- 1 out t!ic country-, to both white- and  student', bodies as the " pastor," 1'h ruled as Ihe 1 Continued on Page 5. Col. 7                 Morehouse (Continued from Pazc One) '.rm speaker in Atlanta. During his four years' service as lc.u-hr-r and campus pastor of me two local colleges, he has spent considerable time giving sound and practical spiritual advice to university and  groups all over the United States. During tlic past I summer he spent six weeks on the Pacific coast speaking at Stanford and other large institutions of learning. Thousands have listened to his enlightening sermons at such loading  .-is    * University oE Illinois. University of Iowa, and others. The ,v"u:iR minister and orator was in  of tlic Mt. ZIon Baptist -ch. Ober'lin. Ohio, prior to hi.- coming to the Gate City of the South. He was spending a. year doing special work at tho School nf Religion Oberlin. following i his graduation fri in      Rochester I INcw York) Theological seminary, when- ho. received his B. D. degree. In 1928 Roy. Thuiman, because of his outstanding work, wan made a permanent Kent Fellow of the National Council on Religion In Higher Education. He spent the year of 1929 with Rufus Jones, the outstanding mystic of America, at Havciford  Haverford, Pa. It was Impossible to learn whether or not his resignation had been accepted by Spelmnn college as the president. Miss Florence Head, is rm "f the city and is not expected back until next week. I</t>
  </si>
  <si>
    <t>                                           "We've been debating It for several weeks but we have been unable to reach any decision. We are hoping that he will change his mind and remain with us."</t>
  </si>
  <si>
    <t>                                           Reds Plan Defense of Two                 NEW YORK. April .12-Irvtng1 . well-known New York lawyer and one of the attorneys who argued the Scottsboro case baton t h e Alabama Supreme Court for the International Labor Dtffeiuc. let early Saturday for Chattanooga.' to lay plans for the                 detente of Eugeno William* and Roy .Wright, whole trial is to come up in a few weeks. He will:  also with General George W. Cliomlcc, L L. D.,  attorney, iin   to force Humavllle  to turn over the letter written by Ruby Bates in which the repudiated her testimony against the boys at the trial. He will demand that ball be at set immediately and the boys given  liberty until the trial comes up. he announced. I Mr. Schwab plans to remain the south a month working on the Scottsboro caso. to which lie Is contributing his services free of charge. No date has been set for the trial of Williams and Wright. but the prosecution threatens an early trial to railroad them to tin; chair. Both were previously tried illegally in a court which had no jurisdiction over them because of  ages. Alabama low provide* that persons under sixteen must be tried in a juvenile court. Williams nnd Wright, arrested ;i year ago, are now fourteen and fifteen respectively. A change of venue will be demanded, and Mr. Schwab expects" to lay plans with the other attorney In the case, on steps to be taken to obtain it. as well as to mako sure that the trial Is held before a juvenile court. This Is Mr. Schwab's third extended trip to the south in connection with the Scottsboro case.</t>
  </si>
  <si>
    <t>                                           NEW YORK, April 12--Irving Schwab, well-known New York lawyer and one of the attorneys who argued the Scottsboro case before the Alabama Supreme Court for the International Labor Defense, left early Saturday for Chattanooga, to lay plans for the...</t>
  </si>
  <si>
    <t>                                           George Garner, noted tenor, who sings at the audtiorium-armory on Friday night is seemingly just sounding the high notes of a most colorful career which has sweat him triumphantly through most the occident.</t>
  </si>
  <si>
    <t>                                           A BARGAIN FOR YOU Join; the vast Radio Audience of the  listen to the big air favorites -keep abreast the times buy a Radio! See the Radio on display at Yates and Milton's Drug Store It's a combination Radio, Clock and Book Rack, and is your for $40 cash-or. $50 on terms.</t>
  </si>
  <si>
    <t>                                           IT WAS IN him and it just bad to come out. Years ago was a young man on the "Avenue" who followed the trade of barbering. While barbering is an honorable profession this young man was not satisfied with his station in life. White at his chair doing his...</t>
  </si>
  <si>
    <t>                                           VOORHEES N. and I. SCHOOL DENMARK, S. C. Founded 32 Years Ago JJy Elizabeth K. Wright CO-EDUCATIONAL Present enrollment 657 Hijdi School Two Year Normal Six Grades Taught Meets standards of High School and Normal courses Students permitted to work out expenses Training The Head, Head And Hand ....Under direction of American Church Institute for... Ncprocs  a Board of Trustees J. K. Blanlon. Principal M. A. Menapce, Vice-Principal Congratulations to The Atlanta Daily World!</t>
  </si>
  <si>
    <t>                                           CLUBS A DAT.P CP*D AA//YAA PKI            society 'A..  VyvJ/WEIN RFnlF^H BEULAH MITCHELL HILL, Editor Sf^^SI</t>
  </si>
  <si>
    <t>                                           IN                  In Invhr; memory of nur darling mr.'.!irr. Kmimi Smllli, who departed this life 8 years a^   (his 12lli I'r.y ~:f April, dunn bul not  Children: M:ii tic . Macxir Willis. Jiihn II- .McCuc. U:ilph McThnmas. Knnulsnii.</t>
  </si>
  <si>
    <t>                                           T. Arnold Hill, director of the department of industrial relations of the National Urban League, has been confined to his home, 1945 Seventh avenue, by illness.</t>
  </si>
  <si>
    <t>                                           Patent Is Given ExAtlantan                 RAN ANTONIO. Tex.. Apr. 13.- Hem-y F. Stllwell, an Atlaman who has been living here lines 1910. wl.cre he    employed ax clerk In I ho Qunrterranster corps at Ft. Sam Houston, Texan.     recently been RnuJtod a  for his Invention on a device enabling an airplane to deliver mall and other matter to ground nations while in motion. This patent, granted January 19, resulted in an immediate bombardment of letters from various firms offering flattering amounts for this' device. Stlllwell lias juat signed a contract with a New York insti-  for its sale. Tliis Invention was rated Class Al.' Only 258 patents, have ever been considered worthy of this classification  lncc the  was established by the federal government Stllwell Is at present workIng on another device by whicha n airplane may pick up mail from the ground while in motion. When the Inventor lived in At-; lanta, he was a member of Central Avenue church nnd was active in  fraternal organizations. Six Fingered Man Breaks Out Of Georgia Jail Police were on tlio lookout Tuesday night for an automobile belonging to the McCullough Bros. Produce. No. B Produce Row.  was stolon In Lawrence. early in the   . It is believed that tho car was taken by a Negro who escaped, from jail a short time prior to tho disappearance of the car Authorities were Riven very  description of tho fugitive other than that he had six fingers on hi* left hand.</t>
  </si>
  <si>
    <t>                                           The employment agencies have reached the stage when they uttrly disrgard the regulations as established by the state. Their malpractices and ruthless tactics bordering on the line of being criminal offences. will sooner or later have a serious reaction on them. They...</t>
  </si>
  <si>
    <t>                                           '^;S^ NEGRO DAlCf NEWSP^ER IN THE WORLD i':^i? MEMBER OF THE ASSOCIATED NEGRO PRESS ". SCOTT Editor and PublUher {          Davi* Managing Editor ?ZS0'- PUBLISHED DAILY AT j^^; 210 AUBURN AVENUE. N. E. ~$.:.' TELEPHONES: WALNUT I4S9 and 1460 THE WORLD assumes no responsibility for unsolicited manuscript "sent Into the office :   : SUBSCRIPTION KATES ','One Year, $9.50; 6 Months, 55.00; 3 Months. 52.50; Weekly 20c</t>
  </si>
  <si>
    <t>                                           TIME AND AGAIN during the past year fans of the nation have been made to suffer some gargantuan spectacle because of the depression bugbear. Again the economic menace surges forward and despoils a colorful setting in this sector of the country. The news has reached this department that the Savoy Big Five has changed its mind all together and will not complete pians for the proposed southern Invasion.. Inability to book enough opponents to defray all expenses of such a trip resulted in the course of action taken by the Windy City clan.</t>
  </si>
  <si>
    <t>                                           Up From Georgia With My Banjo Bu Thomas Jefferson Flanagan IIOAttlJKI) DOLLARS I. We've been ' Prosperity's crest Fine bank an' bootleg ; But we are long time (rone to rest With God's hoarded dollars. II. On the farming front we fought. An' won full many a battle. No trade however small was  Without our ' rattle. III. Ah we soared in wild-eat schemes, Thawed thru when stock was watered. We followed fool prospectors dreams An' saw them broke an' slaughtered. IV. Ah man wo had a merry time Stagin' booms an' rackets, Hut now we choke men in the slime Not even spare their jackets. V. The only news we give the press An" her shrewd henchmen ridin' Is, "Tell the worl' we ve gone to res' An' havin' fun in hidin'. VI. Prosperity bunk can t smoke us out, Altho it flames an' smothers, An' men don't know what it s about An' neither do their mothers!</t>
  </si>
  <si>
    <t>                                           A jury in Judge M. C. Ketchum's Chencerio court decided that Ethel Yates. common law widow of the slain Autry Yates, Is not entitled to the S654 Insurance policy carried on her husband. because she conspired with Alfred Knowlton to kill Yates on the...</t>
  </si>
  <si>
    <t>                                           Thomas Says Petition, Spiritual Appeal Now No Help to Schools                 By     Thomiu                 N'nlhlnir la more  of the fact that there in a po nt  which petitions, moral  .'snd spiritual  arc non ,  the total disregard n  of tho members of the Unnrd of Educat'on  In l- to tho   by                 than 0,000 Negro , tho^ of tho spokesman. Carloin A. T. Waldcn of. the Cltixoni Cnmmlttco  bv tho         request of the Superintendent of Education. Dr. W. A. Sutton. on  of the cont                  the night schools as are now operating. In addition to the move, Major R. J. Gwinn, who appeared before the Board !n protest against the alleged intention of closing the Opportunity school, took occas:on to add his words of disapproval of the closing of the Negro night schools. He made a very passionate appeal ih support of the nicht schools. Th'very first recommendation of the Finance Comm'ttee of the Board of Education made bv its chairman, Mr. Sweatt. was, that fifty per cent of the Negro                 schools not bo reopened in September- The vote of the Board of Education to this recommendation was f;ve against and four in favor of its adoption. This was the Board's reply to the petition and eloquent appeals made on behalf of the continuation of these schools. This committee without the official authorization of the Board of Education and without collaborating with the administration,  in some :ons calculated to Continued on Page 2 Col. 3                 Thomas Says (Continued from Pase One) vie-; from fifty to seventy-five percent of what !s paid white teachers for the same  of work, it is difficult to appreciate why any Board of Education (obviously composed of educated men and women) would want to further penalize the N'eirro for his helplessness by remov nir fifty percent of the  fur those who cannot attend day school to j . an education. It" this means  at all to Xecrroes, it should serve to                 size that     ? other ^ m"t be used if v.-c  to  the attention of the major ty of the members of the Board 01 Education. M:          . they do not speak the  of petitions and appeals. I  they would respond differently to .1 court injunction. They          would understand the  of the .best Constitutional lawyer ava" in this area. Any one who sat  this  and heard the Neirro referred to repeatedly ns "the N; this" and "the Nimser that by different members would iret the force of Major Gwinn'a indictment, when he said "You are planning to c-wso the Necro nicht school and thus  vo n  percentage of our - citizens of an education because they are in such a position as not to be able to help themeselves. You are mnk;ne vou  alone the lim s of the       resistance. a:id at the weakest ." Any  child w ll  tho   of this statement. I've never been in a  whore the utter .~3 of the N'eero was more apparent. There must have been at least two hundred white teachers in attendance; not one Kecrro teacher. Were the Xecro teachers detained !~v their Ionu' teaching schedule? Or were they "over " bv a  of object ? Or were thev unlike the white teacher?, indifferent to the protection of their welfare ami interest, "leaving it     the Lord to ho worked out in his own tood i t me?"</t>
  </si>
  <si>
    <t>                                           Nothing is more conclusive of the fact that there is a point beyond which petitions, moral suasion and spiritual appeals are non availing, than the total disregard a majorit of the members of the Board of Education exercised in response to the petition signed by...</t>
  </si>
  <si>
    <t>                                           Wake lip Your liver Bile^ Without Calomel! And       J^ Bed J^^^^X^M in the           Cflnn tO Go Gu Ucaa op  Komi*. Yoabara thick,  and your breath b fool.  IT  fed soar and rank and the ofta  oat la . Yoor koul'.^  BOtii looks punk, don't SWBllOW a lot         you fed tara and out Your '-.-.': of .  water, efl.  b p.^ned. f.. candy or chewing pnn and expect                       'SUTnJlv than to main yw WTtirtrnly                                  * .                           "~P^~~~R-T^~ For they cast do it. They, only Tbqr  TronibrfuU        c"~  ' -v morn tho bowab and a men move- Ttsrtabtc ,   it      14 :j  doesn't get at tho cause. The -cdir.' v,  for  down-and-oct feeling .Atk'forCmrtar'a' is your Svet. It should poor OUt two Utll. Ura PflU. Look br    namo CuUrVi.i  of liquid bile into your bowe^       Pilla dq    rvl  T ~,t,.HK,,. g.v.     .    .'.f .M.CO."'', Vbu'll never know how ^^^JG^'^ a cigar can be until         0*^k      ! Lewis Cigar Mfg. Co., Newark; N. J^        ^ *M$$</t>
  </si>
  <si>
    <t>                                           Up From Georgia With My Banjo By Thomas Jefferson Flanagan ,V PLAY BALL 'X (Dedicated to Lucius "Melancholy" Jones) 0 they re sick the rink an' the racket An', the swing1 of the Forward Pass, An'-watchin' the number on the jacket An' the tremble of; the line in the. grass: % An" they re hustled out on the war-flats With the tinge of their far savage call Thrown' their handkerchiefs an' straw-hats Shoutin' to the heavens, ''Play Ball." The rays of the  'most blind you With the blissfulness of its bright An' of Mister Trouble can t find you For the scuffle an' thick of the fight: 'l Tliey're (Jroppin' in here from all quarters To see 'cm just loose from the stall Waitin' to get march in' orders An' the clarion summon: "Play Ball." .0 the skill an' the thrill of the " That crimes in the pinch of the hit, -When -the hand-slick bats are croonin' To the echo of the poundin' of the mitt: "j "'FresH from the long trainin' trenches .Somel stubble, some fat an' some tall An' there s no place in the benches j That can-hol' us when they holler: "Play Ball." Did;ever a mosquito bite you yi An' you leaped like a fish, up the stream ~*c \Vojiderin' who had come to fight you ~'~V An' to  your long spring dream? v Then you have sonic sort of notion :fX'/" .Of. a feller who has bet his all Jumpin' in-nervous commotion Shbutin': "Doggonit, Play Ball." 'f'1 i '% Out there where th  s grippin You see 'em ' like-eels, ^Vhen the bat in the air goes slippin' An' the pitcher swings 'roun' on his heels: 71'-''- Your eyes trail the prize to the batter T. An' under the long tension you call '}'~'~~~ Exepctin' for your bet to go a- As them wild demons play ball. .V- But we ll  to the roundup Hearin' steel- clatter on steel, Wherc'men are men from the ground up 'An' the ol' flag floats on the fiel': .i) Sendin'- a loud.Halliluia v- With the gainers an' loosers that squall The echo of. the season all thru you Like,. Judgmint. Day, "Play Ball!"</t>
  </si>
  <si>
    <t>                                           Many otherwise splendid housewives are still uninitiated into the various uses and kinds of crackers. They know the plain soda cracker, the saltine, the graham cracker and perhaps, the cheese cracker. They serve them plain with soup or salad, or eat them...</t>
  </si>
  <si>
    <t>                                           Hard Fight Predicted to Save Night Schools                 TO DISCUSS CLOSING TUESDAY                 3,000 Now Studying at Night Schools in Atlanta                 TOO EXPENSIVE'                 Closing of at  two of the four night schools operating for Negroes alone with        for whites will be discussed Tuesday afternoon at the meeting of the board of education.                 Plans for lopping off the nght I school expenditure are to     pro- I 5 the board by the  on current expenditures in nn effort to increase tho teachers' payroll fund. A hard fought battle for the schools is expected. Night schools for Negroes are now operating at David T. Howard junior high school, Booker T. Washington high school. W. H. Crogman and E. P. Johnson grade schools. More than 3.000 adults and youths who are forced to work In tl\e daytime ore now taking advantage of the  night school system, close checkup revealed Monday. Of this number, it is said that close to 1000 are enrolled at Booker T. Washington high school, 800 at David T. Howard and the estimate lists Johnson and Crogroan as  650 pupils each. E. R. Sweat, chairman of the  on 'current expenditure.", refused to comment on the proposed cutting of the night schools, stating that to do so would place obstacles In the way of the. committee s work. Along with the proposed abolition of the night schools, are plans to cut off several executive heads and entire departments, it is said.</t>
  </si>
  <si>
    <t>                                           Closing of at least two of the four night schools operating for Negroes along with those for whites will be discussed Tuesday afternoon at the meeting of the board of education.</t>
  </si>
  <si>
    <t>                                           TUSKEGEE INSTITUTE, Ala. April 6.--"I do not know nor do I care whether or not Booker T. Washington became a genius, but lake from the world what he gave to it and strength and power and beauty and goodness would fall away from it and the history of...</t>
  </si>
  <si>
    <t>                                           Smart Fashions fot. Smart Women Stumbled  TTere         embodiment of  :ill(l Chic fm ill.- junior Kill. Eiwnllally .simple, the frock uses each style device to i-.iw a suit  l line. The simulated bolero Instead of n real oik- x.'ivo.s . and          Hie same line. The un* expected   trim at thi-  nnd on the blon.so is youthfully t : nnd the scallops of the ,jg:..-;:;\;l k0M I 1/ Pi m hi cSf" ''    in thc  0:'~ "tile DcsiRm-d in sizes G. 8. 10. 12 n,,d I ? I0 ~'"-cs 2 1-8  of 36-inch material or 2 yards of 39- lii::il. Simplified illustrated instructions for  and  arp Included with each pattern. They         -Mep directions for  these dresses. To j;et a pattern of Uiis model send FIFTEEN CENTS U5c) jn coins. Plciise write very plainly your NAME nnd ADDRESS.  NUMBER and SIZE of cadi  ordered. Our new fa.-hion  with color supplement ''md Purls stylo news is now available at ten cents when ordered with a. pattern. Addreu All Orders Southern Newspaper Syndicate !I0  AVE., N. E..</t>
  </si>
  <si>
    <t>                                           BIRMINGHAM, Apr. 12.--Syd Pollock's Cubans, who open their East-West League assignment at Detroit on May 7th, are making rapid strides in accuastoming their assembly of Cuban Winter League stars to the American climate, and are due to give Detroit plenty of...</t>
  </si>
  <si>
    <t>                                           NEW YORK CITY, Apr. 11--(CNA) With the demand for equal rights for the Negro people and self-determination for the black belt as one of its major political planks, the Communist Party of the United States last week fired the opening gun in its...</t>
  </si>
  <si>
    <t>                                           Exquisite in detail and beautifully impressive was the Installation Banquet held at the Ebernezr Baptist last week, in honor of Rev. M. L. King, the newly elected pastor, who succeeds the late Dr. A. D. Williams.</t>
  </si>
  <si>
    <t>                                           I Hampton institute Hampton, Virginia CONGRATULATES THE ATLANTA WORLD i ON ITS NEW VENTURE i Its schools aim to  Young Negro Men and WoI men for the great venture of life i Opportunities For Self-Help i Catalogue On Request j ARTHUR HOWE, President HAMPTON, VIRGINIA 1L</t>
  </si>
  <si>
    <t>                                           Holsey Back in N. Y. After Lengthy Tour                 NEW YORK. April 26.- A. L. Holsey. president of the National C. M. A. Stores, returned to his desk last week on  from Tusketree Institute. wh:ch was the last stop on a ten dav trip he made South. Mr. Holsey reported that he was greatly  bv the response he met from the public and the enthusiasm manifested in C. M. A. work. At Hampton where he addressed classes in business, he was also invited bv President Howe to address the entire student bodv in the Institute Chanel. Oeden Hall. At Durhnra. he found  business men  with local   for the  of a CM. A. group. In Atlanta, he addressed a laree crowd in B:fr Beth el church, and next  addressed students at both Clark and Mom." Brown . At Tuskecee. he was attain called on to address the entire student body in Chapel, in addition to  before commercial classes, and before the Associated Investors Club, a  of th rtv  faculty men who have pooled their interests in buying. Mr. Hobev wan also the dinner guest of this club. As a result of the trip he has shipped 1.000 C. M. A. cigars to Hampton, the same number to Tuskeeee, and has placed the  on sale at the Yates and Milton  stores in Atlanta. URBAN LEAGUE SECRETARY SPEAKS TO CHURCH WOMEN S CLUB RICHMOND. Va.. April 26- (CN S) Wiley Hall, executive secretary of the Richmond Urban League spoke to the Negro Council of Churchwomen here lout Mondny. His subject was, 'Occupational Opportunities Fore Negroes."</t>
  </si>
  <si>
    <t>                                           DEDICATION PUNS ARE FINISHED                 Expect A. U. Library Completely Settled for Use Saturday                 PLAN OPEN HOUSE                 Final .'monts have been made f.ir the dedication on Saturday afternoon, April 30, the new Atlanta .University. library, built at n cost of $300,000 under a grant from the General Education board and designed to serve      . thr Nogro colleges of the city.                 Chlof .speakers at the exercises of dedication, which. If the weather permits will be held mi the campus  the now library, will bo United States Senator Frederic Collin Wnlcott of Connecticut James Continued on Papre 2, Col. 4                 Dedication (Continued from Paee Ono) Weldon Johnson, Negro poot and professor of ci- English, at Ftsk university, nnd Dean '.'Sage, of New York City, who as chairman of the University's Board of Trustees will formally accept the building. President John Hope of Atlanta university will bo the chairman on  occasion. Immediately following the dedication exercises the library will be open to general inspection. Guides will be provided to show the visitors through the various reading rooms, offices seminar and class rooms, and the stack rooms. By Saturday it is expected that the library will be competely settled. It was opened for use on Monday of this week, and has been available to students since, that time. On Friday evening a special convocation will be held in Sisters chapel, Spolman campus, at -which visitors 10 the dedication and representatives of educational foundations and the religious societies that have participated in the advancement "of Negro education will be welcomed by the presiding chairman oj the evening. Dr. Will W. Alexander. Chief speaker at this program will be George Barton Cutten, President of Colgate university, Hamilton, New York, and President of the National Council of the Y. M. C. A. At both thu exercises of dedication on Saturday afternoon and the convocation on Friday evening the Morehouse-Spelman chorus will sing special selections under the direction of Professor Harreld. In addition, the Spelman and Morehouse quartets will sing groups of spirituals 'at the Friday evening convocation. No cards of admission are required at either program, and the general public is Invited. The convocation in Sisters chapel will begin at  o"clock. The exorcises of dedication are scheduled to begin at 2:30 o clock and will be preceded by an academic procession, which is to form at Rockefeller hall. Spelman College campus, at 2 o clock. The faculties of the Atlanta institutions higher learning and the guests of the university on this occasion will participate in this j1 procession. On Saturday evening at eight o clock the University Players. made up of students of Spelman. Morehouse and Atlanta university, will repeat for the benefit of visitors to the university tho  of     Martinez Sierra play "The Cradle Song." The play will be  in Sale Hall Chanel at '8 o clock. A  admission will l;e  fnr this .</t>
  </si>
  <si>
    <t>                                           Final arrangements have been made for the dedication on Saturday afternoon, April 30, of the new Atlanta University-library, built at a cost of $300.000 under a grant from the General Education board and designed to serve the students of the Negro colleges of the city.</t>
  </si>
  <si>
    <t>                                           A. PAGE FOR WOMEN I FMgjggf! T^H-^J E3^ 1 1 BEULAH MITCHELL HILL. EDITOR. 1 1 Jitf^ 9</t>
  </si>
  <si>
    <t>                                           In Memoriam                 In  memory of our tl:~r!  husband, father and era"'! father. Bishop A. Frederick, who parted this life one year airo to day.   ,rl 11. l!~:il. God knows how we- miss him. His memory shall never fade: IjOvinc- thoughts shall ever wander. To the .spot whole '.~e is . l  Frederick, wile Mr. and Mrs. Ilei'tno1: l-'ri -k, children. Little Yvonne Freddie!-:, ^</t>
  </si>
  <si>
    <t>                                           j YOUR $$L YOURS! You have probably never consider ed the vivid fact that the ATLAN- TA DAILY WORLD is the only newspaper printed with an eye I toward you- your feelings, likes, dislikes, convictions. N other publication under the sun is so in terested in the various realms of interests and pursuits common to you. This alone justifies the amazing strides that your newspaper has I taken. It has faith in you; the conviction that *rf ^ you will continue to acclaim it now, as in the past.    1  NPH~-' We will print the news copiously and strive to s^FPpw prove pur claim- It is yours; serves you-^your ^^/tfw'^m Daily Atlanta World- The only Negro Daily. I ^~     -</t>
  </si>
  <si>
    <t>                                           pb T U U If ^^^6 y the sincere \~3 I respect and  f true  ^Hggjg f everyone  gJP Give it  ONE WEEK S SHOW IN OUR WANT AD DISPLAYS- CALL WA. 1459</t>
  </si>
  <si>
    <t>                                           Dr. T. K. Lawless, specialist and Dermatology or skin diseases, visited his parents, Rev. and Mrs. Alfred Lawless, 518 Auburn avenue, N. E., Wednesday, Thursday and Friday enroute to his home in Chicago. He was accompanied by Dr. C. Leon Wilson and...</t>
  </si>
  <si>
    <t>                                           Fire Damages House A vacant house, rear 8! Chestnut street, listed as belonging to B. B. Battle, 104 Elm street, was badly damaged when It caught on  about nine thirty Sunday night. Origin of the fire in the empty Ihrce room dwelling has not been determined.</t>
  </si>
  <si>
    <t>                                           y^^ ONLY NEGRO DAILY NEWSPAPER IN THE WORLD f IT T Sntarad -dali matter  t     port *  t AtUntai Ct,, under     act of March 3, 1S79. A- .J.,</t>
  </si>
  <si>
    <t>                                           RALEIGH, N. C., Apr. 11.--Despite a chilly March wind, 2,700 Easter Monday baseball enthusiasts saw the Golden Bulls of Johnson C. Smith score an overwhelming 16 to 3 victory over Coach Armstrong's. Shaw University Bears. The Bulls seemingly...</t>
  </si>
  <si>
    <t>                                           Met Sunday, April 24th at the horns of Mrs. Addie Bufett on Williams St. N. W. Mrs. Ela Williams was a visitor and Mrs. Perry joined as a new member. Founders program will be at the home Mrs. Idell Johnson on Piedmont Ave., Thursday, April 28th, Next...</t>
  </si>
  <si>
    <t>                                           WILBERFORCE, Ohio, Apr. 10--The Wilberforce university basketball team coached by Edward Ritchie, former Chicago star, is claiming the national title. The record upon which the school bases the claim is as follows:</t>
  </si>
  <si>
    <t>                                           WEDyfc;SI*AY, APRIL 20, 1932 THE ATLANTA DAILY WOULD, ATLANTA, 1A PAGE FIVE</t>
  </si>
  <si>
    <t>                                           GEORGE GARNER, world famous tenor, who will appear in recital at the City Auditorium, Atlanta, on Friday evening, April 22.                 Photo" by Poole, Atlanta.                 CHARMING MEMBERS of the Ladles' Auxiliary of the                 ' Club, Memphis. Photo by Jones-Purdy, Memphis.                 MISS MARGURITE PETTY, daughter of Mrs. R. V. Petty. 1387 Adelaide Street, Memphis.                 -Photo by Hooks, Memphis.                 MISS  , a member of the. Freshman  at Tuekegee_Ja_not only an athlete, but Is also an accomplished violinist and Is a member of the Institute Orchestra. Miss Collins 13 from                 Bnkersfield. Calif. -Photo by L- G. Hyman, Tuskegce Inst, Ala. (RiRhl)                 E. T. GORE, Jacksonville, manager of the Atlanta Doily World. 610 Brand Street, Jacksonville                 -Photo by Weema. Jacksonville.                 MRS. C. B. COLLINGS and her lovely little daughter, Doris. Mrs. Colllngs In a member of the Middle Georgia Singing Class No. 2, Atliinta.</t>
  </si>
  <si>
    <t>                                           ^^- ^1 I ART I. V CLOUD V, slightly  r tonight: : '^s .       -st        )        , patt 24 hours, -12; highest, UU; .UfiURC, SI. C. V. von Hrrnnjinn, Mcli'nroliiKUil. WeJiUief Burrau.</t>
  </si>
  <si>
    <t>                                           FAIR ' night ami Wcilrrndny; M- Wednesday. Lowest temperature, print 24 hours, II; . .  6i average. 50. C. I", vcm Hermann. Mi'trorolOfflst, Weather Biireaic.</t>
  </si>
  <si>
    <t>                                           Bennett College for *omen Greensboro, N. C.  CAMPUS MODERN EQUIPMENT STUDENT SELF-GOVERNMENT EXCELLENT CLIMATE A progressive .school for  of discriminating parents4 Years College For further information address: DAVID D. JONES, President</t>
  </si>
  <si>
    <t>                                           Notices and Obituaries     Your Funeral Director To Have Them Published On The FRONT PACK Of The Atlanta 'Vorld'  Only NoRro Dnily" Daily World</t>
  </si>
  <si>
    <t>                                           BAILEY S Royal Theatre TODAY AND FRIDAY "MOTHER S MILLIONS" Vouni Love vs. Old Ideas</t>
  </si>
  <si>
    <t>                                           Teamsters Are Given                 Warning was issued Wednesday tu teamsters driving animals on        streets of Atlanta without shoes, by I'otor Kuellensiein, chief: stale humane officer. Kuellensleiti declared that n crusade ' cruelty to animals would be started  the next IVw weeks. Drivers   f  and ice wagons  cited by t ho humano officer :i* .cipal of. against the st-.ite laws against cruelly to ;ls. Other cruelties to C*      animals when discovered will be prosecuted to the full extent of the law, KuellensMn declared. Ofllees of the state  .society are maintained ;U 1030 Marietta street.</t>
  </si>
  <si>
    <t>                                           Abraham Lincoln's Pictures Stolen With Gold Lumps                 Two pictures of Abraham Lincoln were among the prized possessions last by Harry M. Glbbs. who gives his  nt the Robert Fulton Hotel when someone  into his automobile about ten o el ick Tuesday night Mr. Gibbs  Officers C. E. Floyd and A. Dally that SOS worth of gold nug nets and a buttle of  . with a number of shins and pajama? wero also In the  bag taken from ills car as it mis parked In front of the hotel.</t>
  </si>
  <si>
    <t>                                           MRS.  SUCCUMBS                 Atlanta social circles were shocked Sunday morning to learn of the death of Mrs. B. H. Townslcy, wife of B. H. Townsley. prominent real estate dealer, which occurred at her home. 839 Mitchell street, at i 5:30 o clock Sunday morning. Mrs. Townsley's death followed a short illness of less than two .weeks. She .was .l_in_Aiii lanta society and had attended Spelman college. She was a member of First Congregational church, of which tho Rev. W. J. Faulkner is pastor. Funeral arangements will be announced later. DIES MYSTERIOUSLY A sudden illness proved fatal to Clarence Hardy, of 220 Courtland street, late Saturday night. He came homo from work early S.it-I urd.Vy, according to statements Riv-I en by folks at the house and hadj from all appearances been in the! best of health until a few moments before Eis death. Man With 6 Stab Wounds Boards Car; Call Cop Boaj-dinK a West Hunter street car with, blood-stained clothes Turner Sibley. 43. of 111 Pino street, northwest. Thursday aroused the  of the motorman who in calling police hod the man transferred to Grady hospital. At the hospital It was discovered that Sibley had been stabbed six. times, one wound in his side being of a serious nature. Questioned by Dolice. Sibley said that he was stabbed in an argument with a man whom he knew only as "Ben" and who worked in the Howell Barber shoo on West Hunter street. The injured man said that he was boarding the street car in an effort to get to Grady hospital for treatment. Doctors said the man was intoxicated when he was admitted to the hospital. Just how the man could walk with the deep stab in his left side, through which part of his intestine was . remained a mystery to attending physicans. GAiVEriTORS  SUIT NEW YORK. Mar. 21.- Editors the Negro World. 355 Lenox avenue, were silent Saturday when questioned concerning Mr. Garvey's denial that he wrote an article on the first pago of the paper in the Issue of February 6. which was signed with his facsimile signature. Mr. Garvey is suing a white journalist In Kingston. Jamaica. B. W. I., hero he has lived since his deportation from America, for libel. The white journalist s article against Mr. Garvey was based on the article signed by Mr. Garvey in the February G issue of this pa- 1 per. In the article Garvey stilted the Negro should "blast" his wayi to better things.</t>
  </si>
  <si>
    <t>                                           WELL THEY HIT THE DUST Monday, Tuesday, and Wednesday afternoon for the first time! The Atlanta Black Crackers, 1932 entry of the Gate City in the Negro Southern League, will clash with the powerful Chicago Memorial Giants in an exhibition series at Ponce De Leon Park, April 18, 19, and 20. The Windy City baseball nine has been dubbed Memorial Giants in memory of the late Rube Foster, pioneer figure in colored baseball.</t>
  </si>
  <si>
    <t>                                           Salesmen Discover jE^ felling. Not So Good                 The early bird did gat the worm So in a jail cell thoy must squirm And learn that they will get tho dickens                 For stealing: other peoples chickens! E. N. D. About four o clock Thursday morning, three . they must  been such to make such an early call, visited the home of Dewey Stephrns, 829 Welch street and told him that they had some juicy hens and tender roosters for sale at very reasonable prices. Andrew Duncan, 826 Welch street awoke to find that eight of his choice liens and two of  prize roosters had made an unannounced departure  during the night while another neighbor. Clifford Jinks 550 Rockwell street discovered that three pullets had deserted his bed and board. Later ia the day, M. II. Godfrey, No. C '. circle, was arrested and placed in jail for the theft. Ills two alleged companions t n crime, Will'am IliiTlitower, 829 Welch  ami Larry Glcaton, 505 Mary street,  managed to dodge  vigilance of Officers It. A. Sewell and IT. L. Sexton who made the first arrest. \Eight of the hens and the two roosters were recovered and turn-d over lo their owners. Yes, their heads had been pulled off and they wore almost ready for the pot or fryIng pan!</t>
  </si>
  <si>
    <t>                                           The early bird did get the worm So in a jail cell they must squirm And learn that they will get the dickens.</t>
  </si>
  <si>
    <t>                                           WMfATH[81FAIR. WARMER Friday night und Saturday- Lowest ti mpi- pnsl hours, 38: highest, 62;  UffC, 5}.. Mdeornluglst. AVcutlier Huicnr</t>
  </si>
  <si>
    <t>                                           AUBURN AVENUE, the idiot of Atlanta streets, was agog with warm handshakes and the bickering of old again yesterweek-end when "Garrulous Gene" White, aliased WORLD'S GREATEST LOVER, hailed into the Gate City from Birmingham, Alabama, where he is serving as city editor of the Birmingham WORLD. He probably had a whale of a time, that is, if smiles mean anything!</t>
  </si>
  <si>
    <t>                                           B. DAVIS JR. FINED IS, COSTS                 Was SmokingCigar in Judge J. M. Wood's City Court PLEADS GUILTY Ben Dwto. Jr.. local attorney and win of Ben Davis. Sr.. nationally known politician. w?t found guilty of contempt of court and fined $5 nnd coats Thursday morning by Judge Jew M. Wood, presiding In the Criminal Court of Atlanta. Davis, a graduate of Harvard university, who just recently passed the bar examination here, was sitting in the court In company with Atty.' A. T. Walden with whom 'he is Sa'ssoct4          "ia.v partner,, smoking a cigar. The two lawyers had arrived at the courtroom before the actual session had started, and Davis had lighted the cigar, planning to extinguish it before court. Before he had time to snuff the  Judge Wood entered and rapped that court was in order. He saw the prominent lawyer blandly puffing on a cigar and ordered him to the bar and charged him with contempt of court Davis entered a plea of guilty and was lined $5. Household Appliance COi Invites Readers Invitations have been extended to every Atlantan to visit the city s newest headquarters, for modern home appliances, the Household Appliance Co., located at 610 Peaclitreo. N E. corner of North Avenue. Good's handled nt this store include radios, washing machines. electric refrigerators, electric irons, i and a long list of other equipment considered  for th modern home. This firm with its loral connect-.1 Ions will have one of the largest buying powers of any store of its kind in Atlanta, which enables It to sell at tlie very lowest prices obtainable here. Liberal terms may be easily and  arranged to suit any purchaser. The Household Appliance Co. is1 inviting all World readers to come to Its location and at least look over the bargains offered. Stray Bullet Hits Pedestrian In Jaw Hit in the jaw by a bullet that entered his jaw and ranged on back of his ear. John Marchman. 753 Thurman street, was given treatment at the Grady hospital early Thursday morning. Mr. Marchman claimed that he was wounded by a stray bullet by some unknown person as he ww passing the corner of Parson and Chestnut streets about 11:30 o clock Wednesday night. JIM CROW IV N. V. STATE GIRLS HOME HALTED NEW YORK. April 15- ) Fortified bv an opinion by Attorney General John J. Bennett. Jr.. of New York, and bv Judge Franklin C. Hovt of the Children's Court, the New Yo-k State Department of Social Welfare his prohibited an attempt to  n colored girl from the State Training School for Girls at Hudsnn. N. Y.. and considers the ruling binding on all state institutions.</t>
  </si>
  <si>
    <t>                                           BIRMINGHAM, Ala., April 26.-- Highwaymen have gone in for a new racket. The system is much uniform and convincing. The bandit selects his victim stands at a reasonable distance behind him, then discharges a pistol in the air. Two other comrades of the bandits...</t>
  </si>
  <si>
    <t>                                           DEFENSE TO TAKE NEW STAND                 To Attempt to Show No Holdup But a Quarrel There                 QUIZ- WITNESSESl                 Will the State of Georgia succeed in  i he steel cap of an    tho heads of three  whose only connection with Iho murder of Frank C. "Red" Foster, city detective, won that they wero present at the time ot tho  hooting which  took the life of                 Hnrold White, the actual ? Dora Justice to society demand four lives for one? Two boys), one only 14  oce. have already been condemned to tak0 the death march at exactly H a. m. at Mllledgeville, on May 12. Today, the third must face Sic formality of a court trial, before lie too Is meted out his punishment -! i^-     state,- represented- by i Sollcilor-Genernl John Boykin. I hopes will bo the death penalty. But If Jesse B. Simmons, counsel 1 for Richard Morris, the third boy. who. after two postponements, is scheduled to go on trial today, is to be  the stale will have the fight of Its life  Morris' breathes his last. The - lawyer just before the selection of the jury was to begin this morning told World reporters that he was going to fight to the last to save Morris from n similar  meted out to the first two youths Implicated in the delicatessen murder. Outlining his case. Simmons hopes to break down the contention of the state that the' four youths conspired lo rob the delicatessen on the night of March 16. and as tho result- of that conspiracy Red Fos- trr was killed. The noted lawyer j Intimated that he will bring in now witnesses for the defense to prove that the ' never entered the door of 565 Boulevard, with robbery, intent in their hearts. This will be tlie first of the- Foster cases where the defense will introduce witnesses. By refuting the state s conspiracy contention. Atly. Simmons hopes to go further and prove that It was i not the boys who wore the -: snrs on the night of the shooting j but a clerk, who. 'following an argument over n nickel cake,  to strike Harold White nver the head with a milk bottle. In -        Harold pulled his gun. Tlie actual shooting started, the defense claims, when the clerk yelled "Lookout. Hed. it s a holdup" When Detective Foster shot, HarContinuod on Page 2, Col. 4                 Defense To Continued from Pago One old. the dead boy. jumped behind a counter and returned fire, striking I the detective in the head and in the heart region. The other boys had left the .scone of the crime before the shooting had ended. Never giving up hope. Atty. Seward HiRhtower. counsel for Mose White, the first of three boys who     given the death penalty, is planning to appeal, the case asking that the court change the death' sentence to  of life. C. Mortimer Mason, counsel for Richard Sims, the second boy, was preparing to do. likewise. John Peek, the only one of the five youths who r^ Ills innocence  f the whole affair, but who wns Indicted by tho Fulton grand jury on a murder charge along with the rest, will doubtless come clear, it is said. Ail witnesses who have testified in the two  trials have exonerated him from any connection with the slaying. If his case is not nolle  by Judge E. E. Pomeroy. before whom the cases are being tried, he must fare trial Friday, immediately after the Richnrd Morris case has been .</t>
  </si>
  <si>
    <t>                                           Will the State of Georgia succeed in placing the steel cap of an electric death over the heads of three boys whose only connection with the murder of Frank C. "Red" Foster, city detective, was that they were present at the time of the shooting which also took the life of...</t>
  </si>
  <si>
    <t>                                           MACON, Ga., Apr. 14--"How to Work for the Betterment of the Community in General," was the theme of the first sessions of the spring meeting of the four annual conferences of the C. M. E. Church in Georgia Which opened here on Wednesday in Holsey Temple...</t>
  </si>
  <si>
    <t>                                           JACKSON, Miss. Mar. 20--(CNS) A group of prominent color, citizens of this State last week in ... the Mississippi State legislature to aid in the establishment of a State Home for Delinquent Colored Children. The petition was signed by a committee appointed by...</t>
  </si>
  <si>
    <t>                                           ERNEST E. MILES. Jr.. attractive little son of Mr. and Mrs. Ernest Miles, MS-llth Avenue, Colum. bus, Ga.</t>
  </si>
  <si>
    <t>                                           30 CHEVROLET Coach   and  $245 clean. '32 tags v S3 FORD Coupe. "?245 32 tags v*  * 30 CHEVROLET Coach.  295 Hew tires, '32 tags V-""" 28 CHEVROLET Coach, . scat covers, S135 '32 tags v 30 D A. DODGE Sedan, new Ores. 'r.~!hed, S295 32 tags v 20 HUDSON Sedan,  125 32 tags v 30 FORD 2-Door.  265 "32 tag-. "SI FORD 2-Door, clean, $325 32 t.iss v 20 OLDSMOBILE Coach, new "  . '32  265 tags 29 CHEVROLET $175 Coupe, "32 tags '29 CHEVROLET Coach, new tires, , $235 32 (ass v 29 PLYMOUTH Sedan. $2fi5 32 tags V"~" 30 CHEVROLET 1-2 Ton Ooen Express, '32 $265 tags v 25 CARS IJuicks, Hudsons. Esscxes. Clicv , Fords and Whippets- $35 to $125 Cr( ]i for Used Cars Whitehall Chevrolet Company !331 WHITEHALL ST., S. W. Ask the Man Who Bought One  Terms WAlnnt 1412 Terms JLHit Daily! ROCS, -PUSS. IU2 IM8IOE DO.'B W fl B ada a HIT  Ith CkubiyVaa^       B Stock Xsknn       '/Ucbfc, UaUir. B H H*  . Bam ml No-*OT H BI(   , 200 W. \!/L SuNtW Tofk J</t>
  </si>
  <si>
    <t>                                           i!~^    A P\OE FOR WOMEN IpSif .^~XLUPg BEULAH  HlLLy EDITOR. KtXJ P-fe^:;^</t>
  </si>
  <si>
    <t>                                           To Slias and Sadie Norman, 263 Butler, boy, March 25.</t>
  </si>
  <si>
    <t>                                           ladies Gloves, Silk Negligee. Hosier". Blouses. New SDrin*       . Spring Sale Starts Friday. Apr.il 15th. JORDAN S DEFT. STORE. 227 Auburn Ave.,~ N. E. Men's Suits. S*paw Hats. Panamas, ant! Sennett Ha'is. Shirts of all Kinds. Spring Sale Starts Friday, April ISthYMoriey Saving Event. JORDAN S DEPT. STORE. 227 Auburn Ave.. N. E. Join Our Women's Hosiery. CLUB and get vour Hosiery FREE. Come in at Once. FREE ;!v JORDAN S DEPT. STORE, 227 Auburn Ave., N. E. *</t>
  </si>
  <si>
    <t>                                           Well, well, well," exclaimed Grandma Pitts as she gazed with inquisitive eyes at Lucia Mae in her smart new ensemble of rust brown. "What's the family name of that funny-looking dress you got on?"</t>
  </si>
  <si>
    <t>                                           j BROS. 135-137 AUhama. S. W. Why Pay More? Streaked Salt MEAT 8g Ib. i WEINERS 1 0 C __lb.  Sausage fi1;,,. SPARE RIBS lij</t>
  </si>
  <si>
    <t>                                           Mixed Couple Rob Man On Street                 I Put on the spot, in the brood, daylight of 8:30 so to . by Iwn men. one white and the other ", Chan Henson. 662 Magnolia St was held up and robbed on Davis Street near Hunter St. and robbed of S35. The pair, armed n-ith blue steel pistols, commanded their victim to march on down the street. They got Into an automobile and1 drove off down town as their dozed and  prey meekly obeyed Instructions.                 Where to Win Church Votes                 All Rogers Stores. L. Allen Smith "Lily White" Flour. Domino Sugar. Octagon Soap and Powder. Palmolive Soap. Bamby Bread. Atlanta Baking Co Carroll Cakes. Rex Market 86 Broad . AtGolden Eagle Company. Auto Acl.. Ga. . 285 Peters street. 741 Marietta street, 228 Peachtreo street. 103 W. Crt. Sq., Dectuur. East Point Chevrolet Co.. East Point. Also Marietta and Spring streets. R. C. A. Victroto, Rhodes-Wood                 Furniture Co.. Whitehall and Mitchell streets. Peoples Furniture Company. 76 Forsyth street. S. \V. Mutual Furniture Co.. 410 Edge wood avenue. N. E. Peerless Furniture Co.. 415 Marietta N. W. Sutton's. Custom Shoo Builders. 11 EdRewood u venue. Y:iies and Milton Drue Stores, ?28 Auburn avenue. 7G7       street, S. W. Amos Dm" ."'ore. Ashby at Huntn- street. S. W. Amos' Store, the Colleglnto Sodn Co., 16 Ashby street. N_ W.</t>
  </si>
  <si>
    <t>                                           SUNSHINE YESTERDAY (Sunday) gave Atlantians and especially the younger set a chance to kinder "get out" as you would call It. After church, YATES AND MILTON Drug Store was a popular place. Spring beems to be here with winter un the run front the looks of the...</t>
  </si>
  <si>
    <t>                                           LJJ- IT ;..;.-n*1+rt*~ii 'j^SJkfl BBBkIIBBI'i ONLY NEGRO DAILY NEWSPAPER IN THE WORLD LbAV I Im #71$ Entered hi -clait mutter  t the pott office at Atlanta, Ga., under the act of March 3, 1879. i VOLUME 5. NUSiBER 3B ATLANTA. GA-, FRIDAY, MARCH 18, 1932 PRJClii. FlV^       '</t>
  </si>
  <si>
    <t>                                           ^*V W- m  rin* n181 dUty of  n.     ?~; to con' jBk T So when it happens, look for it first in The J^ 'W' ^iSM \mS\JPI M S.BJ'ia.C     "~'l'"E1ot,3            .o. IKff/A ev..v h.s heart  it (  1. '^f If 7#*-ly# JiKftgB w read it N0W1 "~~^'^"'^^ 1</t>
  </si>
  <si>
    <t>                                           V-ONLV NEGRO DaIlY            IN THE WORLD MEMBER OF THE ASSOCIATED NEGRO PRESS W. A. SCOTT Edilor and PublitVier Frank Marihall Dari. Managing Editor PUBLISHED DAILY AT 210 AUBURN AVENUE, N. E. TELEPHONES: WALNUT 145=9 and 1460 .THE WORLD assumes no responsibility for unsolicited manuscript tent Into the . i ADVERTISING 1V1S W. B. ZIFF CO., Chicago, New York, L03 Angeles I SUBSCRIPTION RATES One Year,. $9.50; G Months, Sa.OO; 3 Months. $2 50; Weekly 20c</t>
  </si>
  <si>
    <t>                                           INDEPENDENT MARKET 16 Brand SL. N W. Phone MA. 2524 Specials for Frldny Sat'dny ATLANTA S FINEST Black HAWK HAMS 15c 1CAMr"~~" CHOPS 20c LEGS 20c ROAST 10c VEAL STEAK 20c ROAST 10c CHOPS 10c cIE* IK S?" ROAST 10c STEW 7y,c 1 STREAK O LEAN j 6V2c PURE LARD o^c</t>
  </si>
  <si>
    <t>                                           The officers of the City Wide Ushers Union met at the home of President Crumley Sunday, April 10 to arrange plans to better business conditions of the Union. Officers elected for the executive committee were Mr. J. C. Rowe, of Wheat St. Baptist, Mrs. Floyd...</t>
  </si>
  <si>
    <t>                                           :-\~"':',fX'- y^T'"'1'11 Emotional Slar^^^ ''~   . /y'^ 'li;r Illos' Glamorous</t>
  </si>
  <si>
    <t>                                           Given Three to Five Years itor Robbery                 Pleading guilty on a charge of having robbed the Swift nnd Com-' pany warehouse of 5 45-lb cans of lard, Ralph McWhortor Thursday was sentenced to serve from three to five years on the  by Judge E. E. Pomeroy in criminal division of Fulton superior court. Buster McWhortcr. brother to the convicted burglar, will bo placed on trial tomorrow before Judge Pomeroy after having pleaded not guilty. The robbery occurred on the night of February 20.                 Pave Grady Drive' No  will ambulances have to face the prospect of driving through 4-inch clay when they enter Colored Grady on rainy days. Solution to this problem was furnished by Superintendent Franklin Thursday when he ordered the driveway leading to the emergency clinic paved. The work, being done by unemployed workmen of both races, will be completed by Saturday, Mr. Franklin said.</t>
  </si>
  <si>
    <t>                                           ... CASINO, the idiot of Atlanta dance halls, fairly rollicked in epicureanism and joy last Saturday night! The Clark University Athletic Association entertained at an affair which saw numerous deserving letter and medal awards to football, basketball, and other worthies. The night was a veritable frown-chaser!</t>
  </si>
  <si>
    <t>                                           Meets on Vote Are Fruitful                 BY J. A.                  Sunday tho following -l tion* had ministers and  to speak in their churches upon the matter of registration: Central Avenue Methodist church. J. A. M:: Congregational and Beuiah         churches, A. T. Walde.". and W. J. Faulkner; Providence Baptist                 church, C. II. Hubert; Holsov I'.-.,^ C. P.I. E. church, B. J. i ''avis; Morris Erown college, Dean Giles; Butler Street C. M. E. , A. F. Bailey anil W. A. Bell; Big A. M. E. church. B. G. Dawson; South Atlanta M. E. church, N. J. Crnwley; Franklin Memorial A. M. E. Zion church. A. M. Goodwin, Rush Memorial Congregational church, S. \V. Peacock; Wheat Street Baptist, J. R. Henderson. Many people pledged, after hearing the addresses registration, that they would go down to the Fulton County Court house and to the city hall and register their names and prepare to vote in the presidential, state, county and subsequent city elections. The speakers urged: "We cannot become citizens In the lull sense of the word until we register and vote for tho.se who are to run our government Too long have the Negro refused to register. It is as much his duty to record his name upon voters' list as it Is to pay his taxes." .It.. was. further brought ,out..by some: "We can no more expect our friends to vote for us than we may reasonably them to pay our taxes and house rent. If it would bankrupt the community and state to have men pay our taxes, house rent, and to feed us in an economic sense certainly it will bankrupt the state and community morally to have people vote for us while we lay behind, whine, beg for things for which we  vote, and grumble about things that lie within our power to correct through the ballot box." The last day for  is upon April 30 in order that one vote for the president of the United States this fall and to participate in he state elections. All citizens are urged to register this week. It was said: "Interest ran very high throughout the city of Atlanta yesterday when the speakers emphasized the need ofi better citizen- 1 ship." I</t>
  </si>
  <si>
    <t>                                           Sunday the following congregation had ministers and laymen to speak in their churches upon the matter of registration: Central Avenue Methodist church, J. A. Martin: Congregational and Beuiah Baptist churches, A. T. Walden and W. J. Faulkner; Providence Baptist...</t>
  </si>
  <si>
    <t>                                           SPORT SHOES... Of Every Description For The Well Dressed Man SEE OSBY McDANIELS At Habi A  j f *~"~    Union ^^       \</t>
  </si>
  <si>
    <t>                                           Read Every World'</t>
  </si>
  <si>
    <t>                                           Though She Knew ^P It Was Priceless 1  fhe Wanted! oj^ '^wP^SE* J0AN BENNETT I 'iT S? -VSts SPENCER TRACY  UnnMerkel I ^^ Jamel Kirkwood j V JI's ''Modern Minstrel" .ENRICO LEIDE AND HIS MUSIC  Al Ev:ins :it the Orcan -Beginning Saturday Adults loc-25c Children 10c COMING "Tar/iin, The Ape Man" J World Ads Pay</t>
  </si>
  <si>
    <t>                                           State GOP Flayed for Move                 Bv Srnrtron J. Hartley                 SAVANNAH, Ga., Apr. 13.- Old Lino Republicans of tho First Congressional district, comprising thirty-one counties met in the Chatham county court house Mere Saturday at noon, persuant of a call issued by W. S. Scott. Saviinnnn countv .was ordered to read the                 the actions of the State central committee and the RoseArnold combinations who aro attempting to lily-white the republican party in Georgia- The meeting was called to order by Scott at noon. Saturday. J. L. Grant, Bryant county, was ordered to read the call sent, out by the Secretary of the State Central committee, who at that time wns B. J. Davis. Atlanta. After the reading Sidney A. Jones. Savannah, moved to effect a temporary organization, whereby L. B. Toom?r. Savannah, was  temporary chairman, and J. L. Grant. Bryan county,  on Page 5, Col. G                 State G. 0. P. Continued from Pase One  secretary. While awaiting ihe report "f o- on Credentials. Col. Charles E. Donnelly, liberal while republican, addressed the convention. "I  m dined to think that history is  made in     Republican pony, said Mr- Donnelly. "I have been j "voting the republican ticket every,  I attained my majority: and sometimes I hove been with the :arty and sometimes I have not- but now I lake the side which I  is right. "I saw willful men in Ulunlo eliminate- thirty-two out of seventy-two regular -aiiM and substitute others in their I places: I saw these seventy-two 1 willful men    members  when there was only seventy-two and then I bolted; the state - committee has nothing to io with the district conventions. .nrl if you are . and I  ou are, you will be seated in tune." Twenty- counties out of a  thirty-one were sealed by the credential committee on ~.heir report. Scott was made perT. chairman and J- L. Grant, secretary Resolutions were passed endorsing the Hoover  imi and  fealty to the : to the vo- of Herbert '; to the support oC Mrs. Mnmlf GeorKc Williams, national -: and to quote J.-cm tho resolution    " Oil. .1. G. Lemon. Savannah. "In view of the widespread '.-mi of Ihp irregular and Illegal manner the constitution of the Slate Central committee, which committee fixed nil the rules and regulations, made all the plans for the holding and.  all the county, district and stato conventions, and which committee also arbitrarily abolished the re-district ins and ic- acts, nnd otherwise conducted and influenced the entire Republican Party in G'? in 1932. 'THAT In view of the general dissatisfaction throughout the state -there is considerable agitation in many quarters that a new and regular Republican State convention should be called so as to conform to the laws governing the Republican Party an to regularity and the ' its units. "RESOLVED that this convention  a committee to consider the  and to call on others over '.lie slate to determine the advisability of such a convention." The resolution was adopted and J. G. Lemon. Savannah, wns made chairman of ihe ^ Mrs. Mamie George Williams. National Coramittoewoman. whs present nnd received an ovation. The convention adjourned sine</t>
  </si>
  <si>
    <t>                                           SAVANNAH, Ga., Apr. 13.--Old Line Republicans of the First Congressional district, comprising thirty-one counties met in the Chatham county court house here Saturday at noon, persuant of a call issued by W. S. Scott, Savannah county was ordered to read the...</t>
  </si>
  <si>
    <t>                                           House as. s^  v 112 -BROAD  112     -,. I.AItU. 11~. 5c salt an: at. ':..?c Veal . lb 5r ^Vc^~l(^r^^ l ork**. lh. Hie. lHb. PkR.  Pork Sausiigi' 7c Fl^iic HAMS. Ib. 7}jr Nut OK    Margiirinc. Ib fl!~ic Guarantied EGGS, dn z.... Hl'.uc LivEiiTponnd. it-': Flint KiviM- Syrup. Ral. 4^e  COFFEE,     10^c Spstruribs. Hi.. C^c ?ET M1I.K. tall can 5',-ic</t>
  </si>
  <si>
    <t>                                           MONTGOMERY, Ala. Apr. 14.-- The consolidated summer school organization for the Alabama State Teachers College at Montgomery with the branch schools at Birmingham and Mobile will be ... for the summer of 1932 on a full quarter basis according to the...</t>
  </si>
  <si>
    <t>                                           THIS ROSE- it is my heart" I sings lovely Miss Jessie Cocroft, I DoDular  business woman of                 Birmingham, Ala.- Photo by Cloud. Birmingham.                 MR. JAMES A. DAVIS,  representative for the Atlanta Daily World in Macon. Ga.                 OFFICERS OF ALABAMA State Teachers Association and Alabama Parent Teachers Association recently held at Tuskegee Institute. (Left to Right) C. W. Cams, T. L. Hale, W. E. Daniels. Mrs. Nail. P. R. Shy, President Sallle M. Anderson, President H. CounclU Trenholm. Mies M. Wilber Weeks, C. W. Hayes, Mrs. W. H. Dinklns, E. J. Oliver, A. Heningburff.                 "KING OF SOUTH ATLANTA." Radford M.     , six-months'-old son of Rev. and Mrs. P. R. Geer, who was crowned In a baby contest held at Providence Baptist Church on Easter Sunday afternoon. Rev. Geer is pastor of                 WOODSTOCK AGGIES. TENNESSEE STATE. CHAMPIONS FOR 1931-32. These flashy , coached by Prof. H. J. Roddy, toppled the clever Austin High School team. KnoxvlUe. to win state honors two weeks ago at Nashville. Back row, reading left to right: Robinson, Coach Roddy. Middle row, left to right: Hegman, and Brazzie Front row, left to right: McLemore. Metcalf, Captain Foster: Vinson.                 and Jones. Photo by Hooks,                 MISS MAGGIE WILLIAMS of Phenlx City. Ala., celebrated her recent birthday with a jolly dinner party. Left to right. Misses Lucile Williams, Ruth Mae Rivers, of St Louis. Mo.. Estelle Williams of Smith Station Ala., and the hostess.                 THE LEMOYNE  of 1632 had a very CUC^^B Ing some of the beat       ^~ en above are as       ^^~ Standing (reading  9^^~ (Coach). William OweJ^H Arthur Nicholson, SuoJ^^H Powell, forward, and Bsj^^H Sitting (reading ^^H and guard, Robert L^^^l guard, James Spearmagj^^H ter and forward. $~^a                 Basketball Team, Memphis.   anon, meeting and  of the year. The  to right) Jack Adkms rard. Warren Grttfin, guard, itt Davis, guard, Corneillus  (Manager), right)- Clyde Turpin. renter :d, Henry Kyan (Captain), ltd, and Charles Mason,                 Photo by Jones-Purdy.                 1LDS. 1369 posing with I ta the B Id  Beauido Street, hair dresser .                 since 1928- PhoH phi*.                    son, STf^^^^^En Hooks, M^^^^H,                 ARE 3SEE TRI-STATE *ft tc right: Nelrahnm, Anderson. Captain Johnson,                 Blake.- Photo by                 STEWARDS of Trlnttv C. M. E. I Church,. Augusta, Ga. Rev. S. B- I Wallnce in the  pastor of                 trinity.- Photo by "Thomas.                 MEMPHIS WORLD SPORTS WRITER. D. Minor Coke, aggressive young Memphlan who is compiling the Negro Year Dook here. He also writes sports for the MemDhis World. Coke is a Droduct                 of Morehouse College. -Photo by Jones-Purdy.                 A POPULAR MEMBER or Bluff City Society in MIbh Loma Brlggs                 of 'Memphis.- Photo by Coleman, Memphis.                 HORACE  SIMS, three months old son of Mr. and Mrs. J. C. SUM, 841 Greensforry Avenue,                 W., Atlanta.- Photo by Hood Atlanta.                 HERE COMES THE BRIDE. Mira Mary A. Smith, and Moses Beasley, Jr.,  radio , promising to love and adore. This striking wedding scene was nude at Friendship Baptist Churcn. Memphis where the couple were recently married. Mis* Florence Williams, shown on the right of the bride, was maid of honor, nnd J. E. Thomas, posing on the left side of the groom, wax best man.</t>
  </si>
  <si>
    <t>                                           ONI.Y NEGRO DAILY NEWSPAPER IN THi WORLD ;i. MEMBER OF THE ASSOCIATED NEGRO PRESS W. A. SCOTT Editor and Publi.W Frank Marshall Daris Managing Editor PUBLISHED DAILY AT r 210 AUBURN AVENUE. N. E. TELEPHONES: WALNUT 145=9 and 1460 THE WORLD assumes no responsibility for unsolicited manuscript sent into the office. t  rates ;One Year, $9.60; 6 Months, Sa.OO; 3 Months. $2 50;' 'Weekly 20c</t>
  </si>
  <si>
    <t>                                           Mixed Party Ends In Big Cutting Episode                 One piercing blood curdling scream broke the almost  silence about eleven o clock that accompanies as unusually quiet uite at the Grndy  and brought Patrolman J. H. Smith Into instant action. Olficor Smith, gun in hand, closely followed by Dr.                 Moul with tlie necessary surgical equipment, dashed around the corner of the building to a house almost directly behind the colored clinic. As they reached the steps or the house In the rear of 28 Pleilmont avenue, another shrill yell greeted  ear8 followed by sounds of two pairs of heavy shoes beating hasty retreat. Entering the                 ing.  found Miss Ollie May Guy being consoled by Miss Tumtnic Lee Gibson as she was bleeding profusely from a large number of long out wounds. According to the women, they had been st.-     ^ a drinking party with two while men for about 30 minutes before the cutting took place. Although she would not toll Officer Smith what precipitated the affray. Miss Gibson told: him that she was responsible for: ,the scrape ami that she had caused her friend to get in a like difficulty before. The two white men managed to gel away immediately after one of them had slashed the- young woman many times. The women declare that they don't know the names of the men whom they were entertaining., Considerable credit Ih duo Dr. j Hackncr (or the skillful manner in which he sewed the  especially her hand. When Miss Gay was carried in. she was unable to Continued on Pngo 2* Col. 3                 Mixed Party (Continued from' Paee OneV. move her fingers as the leaders liad been severed; It was neccessary. for- the-doctor- to reach- pract cally- half, of the way- up- to  with forcep* in order" to bring- the- parts down so that they could' be sewed.- She was able towork her fingers- before leaving. Alarge number of other nasty - her arm and legs- were -also i sowed. up before -she was ^permitted to go home.' I</t>
  </si>
  <si>
    <t>                                           One piercing blood curdling scream broke the almost oppresive silence about eleven o'clock that accompanies as unusually quiet nite at the Grady hospital and brought Patrolman J. H. Smith into instant action. Officer Smith, gun in hand, closely followed by Dr...</t>
  </si>
  <si>
    <t>                                           t.uki i,- y i Nftw  a         !^y'~^l!~~f5i5. SSm? ^S5?? \u55fcn Saigas? 5 Ib. Bag Z3e phillips Fork Beasts 16 oz. can  c 4. NO. 2 STANDARD Corti car To'nsaftoes 3 for %%c ITf^ Good Luck 241b 67  Wlir Ballad's Obelisk bag 89c Irish Pptat PCS 5 li)S. 9 8 IN OUR MARKETS        Garden I Pig Liver, Ib _.6c Peanut Butter lb.12Vfcc -JiCCf Roast, 1b. 15C Hcrihcy1. 1 Stew Meat, lb. ioc M'k Chocolate 3 for1 0c jj l ork Sausajre, lb 15c Whitt.morc'. I BoicRna, ib 15c Shoe Paste can 10c jj i ork Steak, lb. 12iic Welch'. 2JSS: -5: ::=::~ grape.Juice-.pt 21c I Smoked Links, lb ioc Sardines Can 4c Chine. Bones, lb 5c Fire Bi-and Kalt Meat, lb ..7 c Kindlinp- 9 Pk  rq 1 ^r I LIBBYS TRIPE. CORN JVlna"   -g. IOC or, uo ast beef. Cacnation Milk 1 Tpw?    -"c    ; Wr- 7c I Blue -Ridge lb. 17c Sraaall Cans ..7c 1 i" 11.     -Guest Ivory a ^anova lb. 33c Soap. .6 for 27c a English y Q R g0Ap QR P0 i Peas No. 2 can! 1 V2? 6 for 27C ...:23c Potted Meat 4c Ismail Size 9c Corn Flakes Pkg. V/2c  10c Matches ,3 fpr JLQc i^.i,   .rfac-;..4v':.. WAVY BEANS or Rq 8 Macaroni pkg. 7c peas, ib.</t>
  </si>
  <si>
    <t>                                           AN OLD AXIOM has gone the rounds to the effect that its an lit wind that blows nobody good. Well, gentle fans, it was u cursed ole breeze sure enough that rendered it impossible for the columnist to get out to the Clark University campus last Monday night. At that time, Alpha Phi Chapter of the Alpha Phi Alpha Fraternity was chistening its new Frat quarters, an elaborate, palatial, and cozy interior suite, which is located on the southern wing of Leete Hall, main administration building. The beautiful layout has been dubbed "The Oasis."...</t>
  </si>
  <si>
    <t>                                           ATLANTA SOCIETY just passed thru an almost uneventful week, but thanks to the National Negro Business Week throng and several other national figures, something did development in many of the private homes. The ringer of the week, at the time of this column, was probably that jamboreezy and swelegant little Atlanta WORLD hair-erector at the lovely home of Mrs. Leanna Smith, 28 Ashby Street--Wednesday night. Of course, the younger set set experienced thrills and fun from the swanky affair at the Sunset site when the Peacock...</t>
  </si>
  <si>
    <t>                                           Wanted: A Singer of Blues                 Mamie Smith, noted recording  singer, was  as a flood possibility for a singing evangelist Sunday  by Kev. J. W. Talc, newly appointed pastor 01 Thankful Baptist church, Ducat ur. Dr. Taic, preaching on his famous .sermon, "Crumbs," *])     :d  much influence for good trie warbler of torch sungs would have, if shu would just give a .small portion of h-r remarkable t;      toward tlic savin); of  through xong. In IllustraUnK his sermon that God can use all persons skill, he ui- that Decatur Ramblers  their  Angors  tin :-;- of the Lord. Dr. Tato, who came to Decatur from Augusts, closed n two- revival si- at Thankful church Sundny night. FtLslSTfia-'  Fallintr on one s arm :s not such n pleasant experience, Miss Anita Taylor, who resides on East Clifton Road, discovered Sunday nicht ^.som*:' painful- -.minutes  been spent at the'                 her fractured arm was reset and carefully splinted. M:ss Taylor was  some friends on Morrits avenue, when, about 8 o clock, she sat on the front porch balustrade. Instantly, the  crave war and her more than 200 pounds  to the Eround. No other injuries wore sustained from the  and she was permitted to return to her home after several xray examinations hnd been made and her arm treated. Good Tasting Fish Had One Too Many Bones For Him Amon Me Clanln. 321 Titnnll -M had fish     cut SundayTin. fi*h tasted   but Mr. Me Clanln found that ho wns  difficulty Ccltinn.    down. Up w:is rushed to ttm C.nidy ti^. when- Dr.          -icd n -    7.cd  from his  in  uch n  manner that It wns not nc:'i-~ Tor him to remain In I ho  fur further attention</t>
  </si>
  <si>
    <t>                                           Big Jim Reid, colorful running guard of the 1932 championship Morris Brown Wolverines coached by William James Nicks, led all goal ringers of the Southern Conference during the campaign just past. The big...</t>
  </si>
  <si>
    <t>                                           CHICAGO, III., April 7--The Ambassador Athletic Association, 4336 South Parkway, the only organization of its kind in Chicago and the second similar throughout the country, opened their doors to its membership Saturday night in celebration of their fifth...</t>
  </si>
  <si>
    <t>                                           Thrills The Men Above all. men admire a smooth, soft, light skin It is the basis of beauty and feminine appeal. You may have this lure that charms men s hearts. Dr. Fred PRlmer's Skin Whltener Ointment softens and lightens the darkest skin, clears up pimples, blotches und tan marks, and does  with that "oily, shiny" look. Use this preparation regularly to make your *kin sort, delicate and charming. This amazing Ointment Is made in tho famous Dr. Fred Pnlmer's Laboratories where are also made those other beauty aids you know so well: Dr. Fred Palmer's Skin Whltener Soap. Skin Whltener Face Powder, Hair Dresser and Hid Deodorant, which may be had at all drug stores for 25 cents each or will be sent postpaid upon receipt of price. Dr. Fred Palmer's Laboratories, Dcpt. E. Atlanta; Ga. Send 4c in  for trial  of Skin Whilener, Soap and Face Pouder. DR.. FRED PALMERlS SfohWOtener 'KEEPS YOUR COMPLEXION YOUTHFUL'</t>
  </si>
  <si>
    <t>                                           The Peabody Hotel quartet composed of four local young men have made remarkable progress since their weekly broadcasts began last year. Recently they secured a contract with the Hull Dobbs Price Co., appearing on the air from the Hotel Peabody...</t>
  </si>
  <si>
    <t>                                           FOR YOU ALWAYS seeking' to make its pages more interesting to its readers, the DAILY WORLD now comes forth with the announcement of new comics, offered by the King- Features Syndicate, the biggest house of its kind in the world. New, animated, daily comics drawn by the nation s best creators signifying the first time in newspaper history that a Negro publication has ever carried first hand comics. The presentation and further discussion of these features will appear in coming issues of the ATLANTA lr(                DAILY 'jmb ^i^^Uil^^^S</t>
  </si>
  <si>
    <t>                                           (Below) THE BEAUTIFUL HOME of Mr. and Mr. Henry McDentel, 716 Edith street, Memphis. Mrs. HeDaniel is shown beside her PierceArrow roadster.                 Photo by jones-Purdy.</t>
  </si>
  <si>
    <t>                                           mineral Notices                 CAWtOTX Mr- G'- Cnrmii,  nl his . TO" Will!. Drcntur. Gn.. Sunrlnv  April in. IMP.. Fmjr-fn'.           *   'ni will he       . C"N. Bros.      - Mr. . Rrdd diori ai i Joml i.TfnlHr)iim Sunrlnv. April HI. 10^2. Funnrnl '-ni" will j   - Tniide lal T. Cox Dnw. I A'.I.UMS- Mr. H.- AHmns ot   2 Hnynr* street. p:i."scd Suntl:iv . Funcrnl  . Ivoy Bros., morticians.</t>
  </si>
  <si>
    <t>                                           SLASH HOWARD  AGAIN                 llf slashed 1                 Sen. Costigan Plans' to Lead Fight for ;1$ Its Restoration                 BROKE THE FAITHS                 Y N NEW YORK April 12- By long; distance telephone Irom .Washing-;; ton. the National Association for^ the Advancement of Colored Fdo^i pie learn* that despite the Senate'' vote restoring the original How-., ard university budget $1410,000,! thn Senatu AnnroDrlatlons corn-'                 hu again, murderously^ flashed S8 p*r cent from' that  leaving'-' Howard only J870,000-; the year. '^*1vr The N. A. A. C. P. today.' ''.  ;% broadcasting an appeal to every V" church, fraternal body, club  individual interested I n  education for. the Negro In Amor-yf lea 10 telegraph or n-rite by spc-.';? cial delivery to his or her senators    In Washington warning them that:." such a slash will be regarded as nothing less than on attempt to\j hamstring tfce foremost university^ for Negroes in America. i "4 Letters arc today leaving Iho N.g: A. A C. P. to Senators in Wash^c . warning them of the na-,_-; tion-w!de condemnation t "; would fellow such a flash In tKo^ Howard University budget, ca-?  after the Senate had placed itself on record as wishing? to restore the original budget Cnstlgan lo Fight Senator Edward P. Costlgati- .'.of Colorado, one of tho leaders in thu defense of Howard, has given no-.', tico that he w'.U I'lght the now. raid on the floor of the Senate and the N. A. A, C. P. is asking: all friendly and even doubtful members of     Senate to  up-;port Senator Costijan. ,,.l-~. In Its messages to the senators. the N. A. A. C. P. points out that;j whereas Howard University I S-. raided for a 58 per cont budget^ cut. other items :n the Department q, of Interior are cut only about 20^ per cent The Injustice and dls-~  character of thls ^ aro being plainly pointed outr-'to.; members of the/ U. S. Senate  colored voiers throughout t U.o,7i United States arc being urged- tot  watch tho actions und the votes "of their senators when this-: matter comes up in the Sonato.? The N. A. A. C. P. is keeping Inclose touch with development^ In Washington by wire and wlU^j Continued on Pago 5, Col. :"j                 Slash Howard Continued      Pago One Senator Co:.Ut;a:~ to demand a record vote mi ihu Howard University appropriation so thai Negro voters ol the country may know how each Senator stood on thl.s vital .</t>
  </si>
  <si>
    <t>                                           NEW YORK, April 12--By long distance telephone from Washington, the National Association for the Advancement of Colored people learns that despite the Senate vote restoring the original Howard university budget of $1,610,000, the Senate Appropriation...</t>
  </si>
  <si>
    <t>                                           ONE OF THE colored man's greatest liabilities is jealousy and enviousness. Those two "green-eyed" monsters are the things that are impeding his progress and are detrimental to him in reaching success as a race. Instead of developing the capabilities that...</t>
  </si>
  <si>
    <t>                                           Read Every Worldte Classified The Atlanta Daily World HIE ONLY NEGRO DAILy IN TIIE, WOULD Classified Advertising Rates DAILY SUNDAY 14c a linn 14a a line Consecutive Insertions Dally and Sunday.  times lie n line Seven times 10a a lint Thirty times or more 8o a line Five . of average length' are  ae 'a line.' Tho  charts U tht  of two lines, it AD 8 TAKEN OVER  re accepted (ran  lilted In IK*  or dtx  on  .* In  for Mil* coa  Uio  la  xP cUd to remit  dar ( In.   . On all * iwnt br mtli club matt      order. All Dbconttnaancen MUST b.  In  at the World  or or tetter. Telaphono  are NOT  alld. ERRORS rf  nr     * U ,     AtlnnU Dally W*rU If  f.r only ne Incorrvct InMrtlorv Tht           is  for            Innertfomt.     *~v*T\\*tr (         ,   1r If mnj  U CLOSING AaVertineine-nta In The Atlanta Dallr for the Bandar World until P. M. World will ba  op to . Saturday. The  are open  except Bandar until 3 P. M. for Uie  nt . ATLANTA DAILY WORLD m want aps  nF.stn,T^/ .TUST CALL Walnnt 1459 And Auk For Ad Tnkcr</t>
  </si>
  <si>
    <t>                                           LITTLE HERBERT SMITH, Jr.,' celebrated bis third birthday with s party, recently. The handsome little fellow Is the only grandson of Mrs. M. Wilson, Birmingham, Ala.                 Photo by Cloud, Birmingham.</t>
  </si>
  <si>
    <t>                                           N \MA. C P. Cprtfab Gomes Out for Full Race Equalit$~                 U.S. LEADERS ATTEND CONFAB                 Politics Bob Up as NAACP Holds 23rd Meet at Capital                 ASK OPPORTUNITY                 By Herbert J. Sellgmann                 WASHINGTON. May 24.- ,ANP) -Complete social equality of all races In America complete political emancipation of the Negro complete opportunity for the Negro to take part in the economic reconstruction of the world- these      tho demands that are the                 note of the 23rd Annual Conference In Washington of the National Association for the Advancement of Colored Puople. They were voiced on the opening night of the Conference by the As.  s president. J. E. Splngarn and by Senator Arthur Capper ot Kansas, a member the Association's national board. And speaker" after speaker has  risen in. the crowded, flight -mass* meeting** and the day sessions In Slilloh Baptist church to reiterate and ro-enforce those demands. There Is no doubt about it, the time for half measures is past in the field of race relations and the Negro as he Is represented in the Conference by delegates from 30 states, from California and Washington to Louisiana, Georgia, and the northeast, is ready to stand for all that makes a full citizen and a man. Shows Danger to Cocky America Co. Spingarn in his keynote speech' dwelt upon America as a focus of many races. He warned of the dangers that history shows has menaced and overwhelmed those races and nations for realization that only  full racial equality, full social equality, could justice be done. Senator Capper delivered a stirring address on the political independence of the Negro. He urged colored people to repudiate those political boss who Bought to lead them into slavery to any  party. He paid tribute to the progress in all fields of endeavor of colored people in America and gave assurance that In their further advance they would not lack friends. At this same opening i^ass meeting, jammed to the dours despite n light rain. Mrs. Addie W. Hunton ot the Women's International League for Peace and Freedom, voiced the challenge of a wrecKed world to the Negro; and said that the record ot the N.A.A.C.P. should unite all Negroes in its support Seek .il Independence The demands for full political Independence were reiterated at the opening business session of the Con.  Wednesday morning, presided over by Walter White, the N.A. A.C.P. secretary. Robert W. Bagnall characterized the Association's political activity by saying the N.A.A.C.P. had been in politics for 23 years of its existence but never In partisan politics. Dean Kelly Miller spoke Continued on     2. Col- 5                 NAACP Confab Continued From Pane 1  plainly on Ihc subject oC traditional parly alliances, saying that: "Tlii- Rcpubliean party Hint freed the Negro and wi*"ie Ihe emancipation proclamation is dead  eon,: Tlie N.A.A.C.P. by its poli tlc.il independence ha*        .-~.l mom for the Negro than all the hard. and fast Republican politicians rolled into one." Earl Dickcrson. Democratic National Alternate from Illinois, predicted that the Negro vote would be the deciding factor in that slate this rail owing to the division of white- votes  prohibition. N. C. Bruce of Jefferson City, Missouri, claimed that Negro voters will  the balance or power in 17 stales at the national election. He gave colored voters a bit of amusing advice saying "My advice to the Negro is to vote 40 per com each way and 20 per cent independent. We arc sitting pretty in Missouri.. We told i Jack Garner anil the Southern Democrats that not , but the Nogro was altering the political pic. ." The entire question of the political attitude of the N.A.A.C.P. was raised by the Rev. F. A. Hughes of San Francisco, who inquired  should be done in the case of a political friend of long standing, wl-.o voted wrong on a vital issue like the Parker case. Harry E. Da-i vis. Cleveland Civil Service Com-i . asked the N.A.A.C.P./ to  its policy in this gen.: oral question. The  was j Senator Shoitridge of California. Economics Economic problems came to the fore In two addresses on Wednesday night: Professor Abram L. Harris of Howard university, giving a scholarly analysis of the causes ol world depression as being inherent in capitalist society: and Dr. W. E. B. DuBois assorting that ihe N.A.A.C.P. must boldly f.ice a profound change in the economic order and must choose between "mass and chiss." At thU.samc meeting Senator Robert J. Bulklcy of Ohio, paying tribute- to the part ihe N.A.A.C.P. had played in defeating his opponent. the  Senator McCulloch, again voiced tlie need Pf the Negro's independence of judgment in politics. Thursday the morning session was devoted to an economic program for the Negro. A draft ol a program prepared by Dr. DuBois. Arthur E. Spinparn and Herbert J. Seiiginann. jn committee appointed by the N'.A. A.C.P. . 4.f iin-i/. .l the identity of. interest between white and colored workers: condemned      betrayal of the  of Negro workers by unions of the American. Federation of Labor  full voting ^-.-.s its Well as full social equality lor Ihe Negro looking toward the creation of :t new society in which, the public wealth ami not private profit should b0 the predominant motive. The afternoon ; was given                 over to the discussion of  ami the N.A.A.C.P. :.nil the problems oi the Crisis magazine. At night the ~. . philosopher. Professor. John Dewcy. and the -cl Negro writer :md columnist,  of the Nationul News. GeorHe Schuylcr. New Yoi-k. were the m:iln speakers.</t>
  </si>
  <si>
    <t>                                           WASHINGTON, May 24.--(ANP) --Complete social equality of all races in America--complete political emancipation of the Negro--complete opportunity for the Negro to take part in the economic reconstruction of the world--these are the demands that are the...</t>
  </si>
  <si>
    <t>                                           VINCENT YOUMANS WANTS HER                 MISS EVA TAYLOR NEW YORK, April 25 (By The Associated Negro Press) It it reported thai Vincent Youman has offered Eva Taylor a bit; salary to star in his new show- Misi Taylor is one of our leading radio stars. She hns about six programs a week. She has worked on some of the biggest programs on the air, such as Socony progarm.</t>
  </si>
  <si>
    <t>                                           JEAN TOOMER. the Negro poet and psychologist, with his white bride, the former Margery l^Umer, novelist and graduate of Columbia university, during their . moon at Carmel, Cal. This ia the first photo                 of the couple to have been made. Photo by International Newsreel.</t>
  </si>
  <si>
    <t>                                           As the time draws near for the opening of the Black Baron's schedule; the local fans will have the privilege of seeing the Pittsburgh Crawfords doing battle with the Barons in their initial game on Monday, April 25 at Rickwood Field.</t>
  </si>
  <si>
    <t>                                           SllflQ ai en Tn me im   ALOU I U UIC III                  Richard Sims Faces Same Fate As Mose White                 JUDGES                 WV CUFF MACKAY                 Rlcliard Sims. 1G, the second of (he four youths imd.r indictment for the .-i- i,f Frank     K03Icr. city . l;    nl/;hl alter .-s  a jury in .: .laines Iluchcr.sun s court was found HuiHy and m- to die In iIr- electric chair at                 -. on May 12. I Muse While. the first of the four boys convicted, is also sche- 1  to take his "death march" Id the electric choir on May 12. Appeal of his case; is being planned by Ally. C. M. Hicks'. of the defense counsel. Plan to Appeal C. Mortimer Mnson. attorney for1 Sims, after hearing the death  pronounced to his client last , indicated that he would! seek an appeal on the grounds of' "ihe altitude of 'the trial judge toward the defense counsel." Atty. Mason charged that Judge Hutchcson.  i is visiting from Douclasvillc. was hostile to tile defendant. Richard Sims. With the completion of the Sims' c:iM-. Solicitor General John Boykin.  is leading the state s counsel, was preparing to place John W. Peek on trial as the  slayer. Peek (s the only i one nf      quartet who has never  d a  admitting hat! lie was pre:)-?iK at the time u." Foster's death. His counsel will ask that the indictment against him for murder be nolle pressed. because every witness In the lire- 1 vious two ca^es suy there were only ft iir boys  Tli-'se fmir were named :cs Harold White, who was thot to death. Mose White. Harold's brother,  Morris and Richard Sims. Pu'jk will be held, however, on several rubbery counts if freed of the murd'-r charge. Solicitor Ste- phens .d today.         Case Cunliiiui'd Continuance of Richard Morris' Continued on Page 3, Col. 1                 Morris Case Continued from Tucc 1 case WM grunted Tliursduy morning by JudKC E. E. Pomeroy, who. Attorney Siuvo Simmons, defense counsel, declared ihat h e wu.  unable, at the . umo to  in court. The cus. will probably be reset for ncx. week, it Is suit). Fight for the continuance n' Richard Sims' case made by At       c. Mortimer Mason, w- by Judge Pomwoy alle. ; to hi-, chambers to _on th.: decision, .m j^ "Mason asked the con j Wfuance on the ".rounds that he lind not  mi opportunity to talk with his client, that he was  unable to be in court, and that his client was not aware what he was doing when hi- is  to  signed the ix.    - confession admitted sis evidence Ir the Mose White trial. Following am ruling on (hi- con  of ca-os. Judge E. E Pomeroy exchanged courtroom! with Judge James Hutchcson visiting judge from Douglnsvillc. Georgia. Sims  il Kccisli-r Acconliim to the testimony of C P. Stephens, Sims part in the  of the delicatessen on March IB. which resulted In thi- d'-atli nl both Fnmk C. 'Red' Foster, cif detective, and Harold White, one of the bandits, .w.-im to rifle the cash rc Kisler. Tin- other thn-i ". Sii'phens said, stood  with dr?~wn Kims. Metliod of Attorm-y Majim's - of the witness resulted In a honied argument  the dof.-iiM- counsel and Judfie Hutchesnn. who warned the  Hint he 'ruled his conns  do not \v:int anymore  from y.m. r iry to ro by \sic law.'    ?           when Attornev Mason n- the same nuc-tinn 10 the witness  timos. 'Don't yon   ;l[ Oinl pf v';nn anymore,  k.i ahead wilh        ." . Ittitchosnn ruled. Colonrl Mason,  iti his feo* and made a motion for a mistrial. ; 1hni   s altitude low-ircl i ho ,.  was hostile. The motion w;is  ruled. i Peek Not There T^eroy Spcnce. state witness, at whose homo. 34 Hawsnn siro(?t in the . the quartet of bandits are  to have planned th"iv activities, told the court that Sim-' always carried a blue  pistol. He declared Hint -T. W. Tcek. also Indicted for the murder of Foster, did not leave his "inuse with the o1b?r four *--. the nln.ht the  was killed. Spr-nei.*s .~~.  that of eye witnesses all of whom n^rc'- 1 h-il th'-ro wen- only four pro'.-nl at ihe tragedy.  Davis, who l--d I  she lived with  Mnr- 1 Iris, under Indict m nt In (~n"i:f!lo:i with tlie . rle.- Inw I tin- four youths. Harold While. Mose Wiiile. Rii:Jrird Mori*i.-* and Diehard Sims left the house to- i  the nicht of the . all them armed. How the four  hold \i\f and rubbed the Hi;:hl; 1macy, f)BO HiKhl.-ind avenue. ts                 .told. tin. court by A. J. Jackson owner or the store, ilie  occurred r.n u^  night of ilu Poster shooting. Jnckton said (ll( youths walled  ilO Wns  His store and  whirling on   Rum commanded him    open thu safe. They   $11 in cash and a onc-cint check from the Telephone company,    said. Ivy Thomns and Hownrd Hern 13-year old delivery boys ni the : were introduced mm state witnesses, and told how Sims  them lo stay inside while the  robbery was in progress. Detective Testifies According to D..-lective Smith, partner of the laic- Officer Foster, who secured the 'confessions,1 taking ihe stand declared that Sims had niad.s three statements, one individual, nni. along with Mose White and Richard Morris, and an individual .il statement. Smith said the thre... the day of their arrest, confused the t-rlm.' :ind KettiiiK in a police car. drove round Idling ln,w ,,nd  Hicy had stolen th,- r:ir uv.-d In i lie atti   from In front of 7.15 WnshlniUon Terrace, and how they hail entered tlm .   . Relatives of Il.it-old and Mnso White, were  this morning as slate     .;scs :ir.:l (old how Mosi- in telling his sisters of t li e crime. Implicated  Sims. Ri'lMlivos who  were lohn  mid Curli.s HilNman.</t>
  </si>
  <si>
    <t>                                           Richard Sims, 16, the second of the four youths under indictment for the murder of Frank Red Foster, city detective last night after 30 minutes deliberation of a jury in Judge James Hucherson's court was found guilty and sentenced to die in the electric chair at...</t>
  </si>
  <si>
    <t>                                           Up From Georgia With My Banjo By Thomas Jefferson Flanagan HE TOOK THE OL' WORL' AS HE FOUN' IT 0 he took the ol' worl" as he foun' it, An' life was a long playtime: An' whether there we re blossoms all aroun' it Or shadows that hid the daytime With all their ' sorrow With a hope for a brighter tomorrow He ran the race with smilin". lie never was heard to grumble At what they call a blue clay. An' the blocks that were set lor his stumble He mounted an' hollered, "Hooray An' the stream with joy kept bubblin' To the las' of the long day s minute, An' seein' that he was proof from ' The ol' worl' was glad he was in it! Thus he went the rocky way singin' An' love s sunrays caressed him An' where good times were ' The Lord looked down an' blessed him For happiness had crowned it. An' a smile in Time's mirror its givin' For his takin' the ol' worl' as he foun' it.</t>
  </si>
  <si>
    <t>                                           ;.'^SpB'.ery I A  FOR WOMEN"]   "'sii V'^-V _Ji_^__ BEULAH MITCHELL HILL^ EDITOR. HtCIVai^?!</t>
  </si>
  <si>
    <t>                                           SWELLING REDUCED And Short Breathing relieved when caused by unnatural collection of water In abdomen, feet and legs, and when pressure above ankles leaves a dent. Trial package FREE, COLLUM MEDICINE COMPANY. Dept.* Atlanta. Ga. Wn^^^^^ . Cct CNtcfc* Retain, attar FEM1KE3E- I Uqutd-Tablet Relief.     hy *. Movci Cftsei I lone  PietMnt, , no  anr 1 . Silisltclion guaranteed treatment $Z9x I Pet*** U CO.D.         Compounded for     I  Cftsct tSOO, Uimunua FoUtr      with I .  CO,,Dept.Z.S.RS*.    ^</t>
  </si>
  <si>
    <t>                                           The Widows Social Club met at the borne of Mrs. Minnie Daniels. 549 Irwin Street where we were delightfully served. Visitors are invited to attend the next meeting to be at the home of Mrs. Wright. 267 Edgewood avenue. All members are invited to attend.</t>
  </si>
  <si>
    <t>                                           LOEW S Time . MONDAY No 'IT. rill Kverto Equal It WALLACE CLARK BERRY GABLE IN M-G-M'S "Hell Divers" Wtlh Conrad        Dorothy Jordan A Year in the Making Laugh* Love- Action "~ST A  THURSDAY "J^.YING HIGH" Wiili Brrt Lahr Charlotte Greenwood y</t>
  </si>
  <si>
    <t>                                           ONLY NEGRO DAILY NEWSPAPER IN THE WORLD I j ^j^SMliSl-M Entered a. -clau matter at the poit office at Atlanta, Ga., an der the act of March 3, 1879. VoItlvilC G,  54 ATLANTA, GA., , APRIL 7,7932 T PRICE FIVE CENTS</t>
  </si>
  <si>
    <t>                                           Six Digit Writers Are Conviciem                 DIGITS MEN SENTENCED TO GANG                 Judge Perryman Hits Numbers Racket in Court                 6 PLEAD                  After delivering a switching  of the numbers' racket as a. scheme and a trick to aim flam" people out of their . Judge John C. Per^T" ofn  county presiding In a special  division of Fulton  court Wednesday morning..                 defendants *;ho had pleaded' guilty an gave them probated sentences varying from six months to a year. Judge Ferryman explained to the defendants that the probation sent- . he gave in each of the cases -itthat if they should ever be arrested again for any offense.     sentence would immediately be invoked and they would have to serve time on the chaingang. After the workings of the numbers  had been explained to him. Judge Perryman declared that he had no sympathy for people who attempt to beat their neighbors out of their money. He said the court was unusually lenient in dealing with the Wednesday's cases as it was Ills first experience in dealing with lottery cases. Chances for seven defendants who arc to appear before Judge Pcrryman today on lottery charges being given probated sentences and fines seemed slim Wednesday with the judge s announcement that any persons coming before him In the future charged with f)     . Hvould not have an opportunity to pay a fine, but must serve time on the chaingang. With the exception of Otis Cooper, who admitted to the court that he was a "pickup man." five others who pleaded guilty Wednesday were only "writers." Seven scheduled  are  to be "bankers" or those who deal out the money on winning number combinations, police say. They are W. James. Eddip Bryant. Edward S. Guol. R. D. McDuffie. C. A. Wolensky. C. D. Grce.r nnd S. W. Hawkins. They n'\~ scheduled to be tried in the order named. Cooper, first of the eight tried Continued on Pagv 2, Col. 3                 Digits Men (Continued from Pace One) Wednesday, who entered a P}ea.ot KUilty. admitted to the court that he \   a "picl:-up" man and  thru U was hi* "duties' to  "writ.Ts" books and money every day around U o clock. He           that he : $15: a week and" was working- tor. a white man named It. A. Wruy. when ar-      : He was fined S17V and '.veil .1 12 months probated .ic-e. He -the line. Second of the Wednesday defendants -wes Albert Sanders, who told     court that he  a "writer. [~"knew it was against the law. but didn't believe it was so ." he s:~ld.- He' named- Albert Lee as the mani who^ up his book  'Sanders was fined S.75 and Riven- a 12 months probated sentence, but is- being held by police In- default of payment ofthe fine. Will Adams. another, writer, was Riven- the name punishment" as' Sanders and wa released upon payment of the fine.- Charts Davis; a writer isa lso being- held alter' he was unable to" pay a S50' Hneand unless the fine- is paid must' serve' a 12 months sentence on the chaingang, which" Judge POrrymnn 'had probated.' J) T\ CMdwell' nPd          Hawkins, who were- arrested in a1 raid on thc- Reliable" Barber shop-' on March 10." pleaded guilty  fined S100 'each and given Wmonths probated sentences.' Both' paid their fines. GeorRe- Dukea a one-legged man who was arrested in the-same raid' and found1 to" be' in possessionof a book. in. asking the  of th0 court declared', that' "I'- ^on t expect to live'- very long-' anyway." Tho judge asked him if he felt that way while carrying the lottery, book. Ho did: not answer. He was fined' $25; the lightest ,' and given a six months pro-' bated sentence. Unable- to pay"' the -fine' he also Was being held" to the chaingang sentence by</t>
  </si>
  <si>
    <t>                                           After delivering a scotching denounciation of the numbers' racket as a scheme and a trick to "flim flam" people out of their money, Judge John C. Perryman of Lincolnton county presiding in a special criminal division of Fulton superior court Wednesday morning...</t>
  </si>
  <si>
    <t>                                           You'll never know how     ^^f/^fiX a cigar can be unti]y2}~~a0g0^~ fe5 "I. Lewis Cigar Mfg. Co, Newark, N.-J^ Makers"</t>
  </si>
  <si>
    <t>                                           1 Buy handkerchiefs with what it saves It Iin'l  to pay S*V or more to jtt   lo dentifrice.        Ptm.  bf ihc W*^* of LUurine.  you in Urge toba t[2j*. .Net* how ii , LrautUiei  nd protects your  it M*~.you approximately 13 jw over SO* . Uuy .f* '-iib lL*l'i~*int  *rc merely a           . Lkmbvrl Pbtf* LISTERINE TOOTH PASTE 25C</t>
  </si>
  <si>
    <t>                                           BAILEY S 81 THEATRE Tonijjht "Finals" "SI"' BIC 125 PRIZES YO YO CONTEST JLL's-JI(i} ,too_late to^cnter On the Screen Today and Sat. "LASCA" with John Mack Brown (Better known    BilJie the Kid) and Leo Carrillo</t>
  </si>
  <si>
    <t>                                           PURSE SNflTCHERS                  Two more women reported to police headquarters Wednesday night that their purses wore  from them by unknown Negro men. Mrs. M. W. Harris. 563 Boulevard NE, the tint to register a complaint, stated that she was robbed of-     purse,  a pair of glasses, as she stood In front of her home at 8:30 p. m. The second victim, Mrs. A. K. Huff, 899 Peachtree street, was relieved of her pocketbook, the  of which were two bank books about ten o clock on Penchtreo  Fifth and Sixth streets.</t>
  </si>
  <si>
    <t>                                           The guest speaker at the Dunbar Future Sunday was George Royal, a probation officer in the city courts. Fred D. McCracken is chairman of the forum.</t>
  </si>
  <si>
    <t>                                           When smoke had cleared from an underworld shooting scene at ... Boston, Orange Mound subdivision. Thursday evening around 9:50, a 19-year old youth lay dead and two others seriously injured, all v ctims of a misgulded...</t>
  </si>
  <si>
    <t>                                           Up From Georgia With My Banjo By Thomas Jefferson Flanagan WOODS all calmed in blushin' green April        '*prine, Glad to ha.il the (ray May , Glad it s dogwood time. Down the voad where June abides, j Beauty kisses home the brides.' I Pine ol' worl' we re comin' thru, Lit with glory s charm, Foxglove flashin' of his dew From his dimpled arm: where the April's burnin' prime Quid because it s dogwood time,</t>
  </si>
  <si>
    <t>                                           HOLLYWOOD, Cal., May 23--It must have been the truth about those big stellar casts this year.</t>
  </si>
  <si>
    <t>                                           WELL GENTLE FANS, they're off! Alpha Kappa Alpha and the undergrad Zeta, Phi Betas of Clark University are all set for their proposed items of tonight. Last evening it was somewhat entertaining to see and hear a bevy of lively A.K.A.'s up on the Roof, decorating and arranging things for the gala carnival. There were many wine cracks, numerous pithy sayings, and much din afloat as these sorors went about their work. The A.K.A. event is being given on behalf of the city's Unemployed and they are expecting appraising attendance.</t>
  </si>
  <si>
    <t>                                           A COMMON expression--"I sure like my job because I do not have to work hard." Perhaps you have many times heard this time worn expression fall from the lips of workers in describing their jobs. A job which does not require hard work, whether mental or physical.</t>
  </si>
  <si>
    <t>                                           Kailey's 81 Theatre Friday Nieht If I The Final Night! fl YO YO CONTEST! 125 Prizes --1</t>
  </si>
  <si>
    <t>                                           "Though I walk in the midst of trouble, thou wilt revive me". (Psalms 138:7) "Let  he not quenched in the blackness of night. Though the cyclone awhile may have blotted the light For behind the great darkness the stars ever shine, And the light of Cod's heaven, His love shall make thine, Let no gloom dim thine eyes, but uplift them on high To the face of thy God and the blue of His .sky." 1VEY BROS., Mortician. Ma. 2S67-   . 8872 492 Larkin St., S. W., Atlanta, Ca. f- Tht-  of  the  of firo* bill, too     -n'~n. i  a tragedy a death. Alwaya it announces a financial       watte There arc io many wayt of making your home [and buildings relatively tafe from fire among the simplest  for preventing     tho broom and the  clean-up tool, that it         . Clean homes and buildings run little chance of fire and loss. There are innumerable preventive measures you may take. BANKERS FIRE INSURANCE CO. \tlanta Represent tive. W1. ALEXANDER 250 AUBURN AVE.N. E. PHONE WA. 4612</t>
  </si>
  <si>
    <t>                                           _____IIL^^--- if  '^^^^WSs ONLY NEGRO DAILY NEWSPAPER IN THE WORLD   Jj*  f$jJL MSl^SStW^: Volume 5, number 73 Atlanta, ha., Friday, april 29, 1932. ,^l^ ,\.^.^i PRICE. FIVE. CEN'rS-:~</t>
  </si>
  <si>
    <t>                                           ^^^^^-^-^^mn_        _ rfd.%^ V^jgj^y fe^_ ~~^3 L fc, Jv I w N. JSSm f$   ^\ money can buy. ^~~       $ ^tF  ^w W*ncl an^ weather darken your skin?,. ^^          v^Ms i^jy roughen and coarsen it. Thousands ofi ^^       ^ beautiful women keep their skin soft,". ^          smooth and light with Genuine Black and White Peroxidei ^WJMHHjk Cream. This fragrant, snow-white cream protects and beau-j ^TTjBm jg^^^^B^^^, t'^'es- Holds face powder on hours longer, and contains just) /~~3        \ ^ c^e "8~^ amount of peroxide to keep your skin creamy (ii^^Si^ ^BBtBL k"'1" anc' ^8nt- ^nc^ ^e Dest Part about it is, Black and r^SliiiiiSsP^l ^^ffl^m White Peroxide Cream, like the other two Black and ^^         White Beauty Creams is economically priced at 25c inj H^~B t^le jar and it s the best cream money can buy. Use BfijMSlM ibis Cream for Clear, 8_K_ ^~=^ n w w .li i al Blemish-free Beauty MM ^B "reserve Your Youthful Chirn Genuine Black and White iB_S_i /S^Sjk W itH iH IS  CoN C X C 8 III Cleansing Cream goes deep            4 into the pores, where soap J3S$~SBf ~^__  $iSy Genuine Black and White Cold Cream smooths and water will not reach. JPggf Nj^feaS^ wrinkles. Nourishes tissue* strengthen. Removes ail dirt and ASwKp it*- c grime which cause JSm/ muscles. Keeps your skin young, soft, and beautiful. Big Jar, 25c. bumps and big pores. JBnmWtujBST Keeps your skin             ^___-_^^^__^_____~Ma clear, -frcc. ^T K c*" ''Ci ^JtsSSBSGr -ou cannot Sct Genuine Black and White products from your ^               dealer, send us his name and address, together with retail prices of ^^ products desired and we will sec that you arc promptly supplied through ^^ your dealer, alt charges prepaid. Address Black and White Company, ChicagoJ BEBB^^^n^BSB ^P fl 6HT ~.^8^S ^^b ntk _H D I Bn HH ^^_bS9G_9HhBEhIHHhHIIII_IIII @Ik_-___________*_Sb-SS__________________i '^</t>
  </si>
  <si>
    <t>                                           COLLECTION FOR CARTER M. E. PLAN                 Tonight Bap't Union Will Honor Pastor of Friendship                 COLLECTION S U N.                 Till! All:il)t:i Ui'.pUst  MinistiTs'l Uiiiun willi Dr. D. D. Crawford as! principal speaker tonight' will do' honor to Dr,_..E. R_-Cnrt..i^_53! years pas:ur"of  Friendship Iiipliiit . which is - his golden  this w.-ek.                 Dr. Crawford Is scheduled lo speak tonight on "Dr. E. K. Curler n?; ?j. Pastor ;im! a Citizen." The evening s Kcrmon will bo preached by Rev. I... A. Pinkst.ui. libidos Rev. C. D. Hubert, who will net as mus'.er of een .  persons who an- lo appc:ir on tho program include Rev. C. II. Pickett. R.v. Ralph \V. Riley. Rev. J. R:iy. mond Henderson, Rev. A. P. Perry ami Miss Evelyn Roberts. Beulnh Uapilxt chinch choir h:is been chosen lo render the musk  Ihe evening. While the Baptist swine into their respects' to the ? pastor of Friendship, the Ministreial Union of i In- Methodist. Colored Molhodisi. African Melhodlsi and Rush Memorial  .'d .s lo the effort :it :i meeting held this week. Kndorscmi'nt of the Methodis! (Ii'numinailons. was roused lo action at the meeting when Rev. A. M. Gnodwin. pastor of Franklin Meniurlal'A. M. E. Zion church declared thai "tin. ,~ of Dr. Carter has  very  to the youth andi old of this      and nation. Con-'  as he has been with every movement (or ihe past f Ct.v years in Hi,, city ift Atlania. and that beyond the boundary lim?s of his immediate denomination, when matters were of tne racial type. Dr. Carter has worked as . few in. n in our millon." A plan was adopted where each minister of ihe Union was l'~ lake an offering Tii his church Sunday which will bo added lo the  not the alliance on thc nicht designated for Mtehodism. April One of the special features in connection with ll c several .s to be Kiven by- the Union of these  s is (I'inl ni the choir of Central. Went Mitchell. Butlor St.. Warren Chnpcl. Fort Street. Areil nowen and the J!j"e Memorial Connrcp-it  and Franklin Mcninrlnl will combine ..and furnish nius-i.'. The .no-\l;ors will discuss Dr. Carter's Hf'- :'ifd work ^"d v.-hal it means to hove n" nettled pastorale pi;       nn ih  svs'-n</t>
  </si>
  <si>
    <t>                                           The Atlanta Baptist Ministers Union with Dr. D. D. Crawford as principal speaker tonight will do honor to Dr. E. R. Carter, for 53-years pastor of the Friendship Baptist church, which is celebrating, his golden anniversary this week.</t>
  </si>
  <si>
    <t>                                           DEACON JONES                 By L P. Reyooidi                 Tho Pastor road: "I go -io pare a place for you Brother a'* Boll replied: D If ho was vory.jrf, particular about that place beings^ prepared for HIM, for , . pastor s prepared place, wass  jail. yU-f'-'MS</t>
  </si>
  <si>
    <t>                                           Perhaps no other living individual of European extraction has obtained to a more enviable reputation as a promoter of the welfare of the Negroes of South Africa continent just referred to in 1929, refers in his Report, published by the Carnegie Corporation of New...</t>
  </si>
  <si>
    <t>                                           Bailey's Bailey's Royal Theatre "SI'1 Theatre Com. Sun. Midnitc Coni. Sun. Midnilc also Mon. Tues. also Mon. Tues"^SQUAD" "PUBLIC ENEMY" with Noah Bccry Jamci Clancy and and Leo Carrillo Jc.-xii Harlow Thrills- Romance! It's Real!!!</t>
  </si>
  <si>
    <t>                                           ews?-*-- UNDEIt  MANACJEiVlKNT Everything- for Your Amusement! Watch The Daily World For Opening Date! y Important Notice To Clubs! On and after SATURDAY. MAY 7. 1  32. no club notices will lie published in the Atlanta Daily World, FllEK, unless the  is a regular subscriber ;co the World, with paid up subscription for :5 months. months or a year. The . must be taken out in (he name of the CLUIi, not any individual subscriber.</t>
  </si>
  <si>
    <t>                                           Jazz Losftig Out, Says Scribe in Baltimore                 BALTIMORE. Md., Apr. C. (ANP) Musical modernism thill utilizes the anvil, the cowbell and the locomotive   the effect of realism is on the way out, : to John .1. Daly, white,  in The Evening Sun. He quotes the directors of                 (he symphony to tno  mat. music oC a greater  ymp] value is coming       its own and continues.: Popular tasto is at the turning point. It has swung around again. The  Bottom, the Charleston and tlie  arc to bo supplanted by the minuet, the gavotte and the old-fashioned skirt , the light fantastic of another age. In a day when Jazz is burning itself out, the survey of  c masters shows that music of a higher soul content is rapidly forging ahead. Believe it or not more people are going to church, where they learn to appreciate the noble tones of the organ. Once having heard Gounod's anthem, "Unfold, Ye Portals." they have little taste on a Monday morn ng for "Is That Ihe Human Thing to Do-?" Or, drinking in the glories of Mozart, as expressed in any one motet, they care even less for "Tiger Rag," "She Didn't Say Yes' or "Minnie the Moodier." Mr. Daly concludes with the statement that love songs in the future w ll be love souks in the true sense, and "The Washboard Blues" left to linger where they belong in the laundry.</t>
  </si>
  <si>
    <t>                                           BALTIMORE. Md., Apr. 6. -- (ANP)-- Musical modernism that utilizes the anvil, the cowbell and the locomotive whistle to give the effect of realism is on the way out, according to John J. Daly, white, writing in The Evening Sun. He quotes the directors of...</t>
  </si>
  <si>
    <t>                                           WASHINGTON, April 11--(ANP)--The American Red Cross had approved applications for government wheat to be fround into flour to feed 3,698,000 persons, up to the close of business Saturday, it was announced Thursday.</t>
  </si>
  <si>
    <t>                                           '^M^ BHI^ ONLY NEGRO DAILY NEWSPAPER IN THE WORLD OiSflMiliiln^i ''Iff 8 Entered .- roller  t tho pott office at Atlant.,   .. under the  ct of March 3, 1879. '~...~.f^^M VOLUME 5. 53 ATLANTA, G A-. , APRIL 6, 19.12 PRICE FIVE 51^^~</t>
  </si>
  <si>
    <t>                                           PILGRIM BAPTIST CHURCH ^- Near Waiker     on Stonewall St.  if"~!?5 L SUBJECTS W^~F1'' 11 A. M., THINGS TO COME ^^^Qjhi 7:45 P. M., HOME RUN KING .. nil REV^ g^ RALpH WILS0N Pastor 5fS:,:R. WILSON</t>
  </si>
  <si>
    <t>                                           DENY SCOTTSBORO BOYS REHEARING                 supreme! COURT                 A Stay of Executio^ Will Be Asked by $ Boys' Counsel                     TO DIE MAY 13?-;                 CHATTANOOGA, Tcnn., April II."' Special)- Denied n. ? by, the Alabama State Supreme court .} m the case of the seven boys con-;,  at Scottaboro for the alleged;: rape of two white Kirln a year ago, ,5 Attorney George W. Chomleo an-.; nounced today he would attempt to",                 got a stay of execution and will f hasten the carrying of the caso-.to the United States Supremo court, which Is the last resort unless Gov; .V ernor Miller Intervenes and saves them from the chair. Montgomery. Ala.. April 11.- No relief from their decision to uphold.? the death sentences of seven ScotW-Jj boro boys, rendered March 24, wtw;J; Civen here Saturday by the Stated Supreme court. The boys are un-;~ dor sentence to die May 13, for the; i alleged tape of two white- Rlrls.\:' hoboes noar Paint Rock,, -Ala.''March 25. 1031. After the supreme court last month by a slx-to-ono decision of-Vi firmed the death verdict of seven of the eight, the International Lab-'1; or Dufense. a. communist - V tlon, Wed a motion for a. rehearing. Tt was this motion that waa denied-'* S.-.turday, without the formality .of y; a written opinion. The applications, for, a rehear.         the evidence were fll-v j ed by George Chamloe. Chattanooga"-; (Tenn.~ attorney, who announced., then that if denied, an effort would'-;/ be made to take the. case' before jj the United States supreme court. UnleBR attorneys an; successful ln':."r Setting the case before the United States supreme court, only Gover-'V nor B. M. Miller can savo them:; from the electric chair. i The boys under death sentence:' arc: Ozle Powell. 17, and Charlie:, Weems. 21. erf Atlanta; Andy Wright.;' 17. nnd Heywood Patterson. 17, ot-' Chattanooga: Olen Montgomery, 17." Monroe, Ga.: Willie Hobertson',''17;';' and Clarence Norri.f, 18. Columbus, v Georgia. ~}~' During the trials early last AprD. the International Ijibor Defense, New York, telegraphed Judge A. -J.'. Hawklno. presiding, and Governor Miller, demanding that the "legal' lynching" be stopped and a change of  be granted. Since the sentences were , Governor Miller nnd the Alabama supreme .court h.-ive received numerous  in their behalf and In several instances the pleas \for ihe lads  thi-pats of violence if they were not Immediately released. ;_,{</t>
  </si>
  <si>
    <t>                                           CHATTANOOGA, Tenn., April 11.()--Denled a rehearing by the Alabama State Supreme court in the case of the seven boys convicted at Scottsboro for the alleged rape of two white girls a year ago, Attorney George W. Chamlee announced today he would attempt to...</t>
  </si>
  <si>
    <t>                                           Funeral Notices and Obituaries Ailc Your Funeral Director To Have Them Published On The  PAGE Of The Atlanta "World1! Onlr '      Daily" Daily World</t>
  </si>
  <si>
    <t>                                           Signs seem to be multiplying that the Atlanta Daily World is progressing along many lines other than business, for conclusive evidence was presented Wednesday evening when members of the only Negro Daily cast aside their business interests and turned their thoughts to the charms of a pleasant southern spring evening made especially for care free entertainers and relaxation in order to reap the fullness of the evening at Miss Lemma Smith's residence...</t>
  </si>
  <si>
    <t>http://search.proquest.com/docview/490386401/</t>
  </si>
  <si>
    <t>                                           According to a radiogram broadcast in California here, the Alabama Supreme Court decided that the "Scottsboro Defendants" had a fair trial last April,--altho the trial court and the whole of the little town was at the time in the grip of a mob of ten thousand men.</t>
  </si>
  <si>
    <t>                                           Interesting sidelights on the business world will be given tonight, when at 8 o'clock, Albon L. Holsy, president of the National Colored Merchants Association Stores, Inc., New York City, and general secretary of the National Negro Business league, will deliver...</t>
  </si>
  <si>
    <t>                                           Clark Gable and Joan Crawford, Hollywood's greatest lovers, are doing a big job together in "POSSESSED," You will love this picture! Never, have two stars been so wonderfully acclaimed! If you've ever liked Clark Gable--if you've ever liked Joan Crawford, you're...</t>
  </si>
  <si>
    <t>                                           ^    I T OlV I ^j L BMiaHpl</t>
  </si>
  <si>
    <t>                                           Have the Skin All Men Love You can t K'~  nature  nd it is men s nature to love a light, clear, soft skin. Of all known methods of clearing the complexion of ruinous, unnatural impurities, blackhead*, pimples, freckles and other . Nadlnohi Cream is the simplest, quickest and most satisfactory  apply this* white fragrant i ream at -r- no massaging, no rubbing. N'adlnola quickly  fresh, youthful Iteauty to your akin; restoring a soft textured, smooth, radiant, flawless complexion; cloying up large, ugly  and leaving the skin Ivory-white, lovely. Don't risk your face. neck, .irms and hands to  bleaching creams, ointments or lotions, but bo sure to use real Xndinolu Bleaching Cream with Hit DOUBLE ACTING qualities found In no other product. Get a big 50c jar of Nadlnola Bleaching Cream at any toilet counter:  using it . and tomorrow you will flee a hint of t he wonderful results to expect. Money-back guarantee In every package.  BLEACH 1!SG CREAM MAnnfartwfJ by National Toilrt Cc.t rant. T/nn.</t>
  </si>
  <si>
    <t>                                           Jail Man for Passing Gum Coupon for Money                 COUPON WAS PAID FOR" PURCHASE                 Hold Griffin Brown to Jury For Cheating                 'BILL' WAS FOLDED                 Charged with cheating and swindling, Griffin Brown, address un- known, was bound over to the Fulton county grand jury Monday  by Judge Calloway In Recorder's court after it is alleged he passed off a chewing gun. coupon for a dollar bill.                 He Is being held under $50 bond. Charges against Brown wero mado by J. W. Fleming, white, of 256 Spring street, a produce peddler; S who declared that he never noticed' the spurious currency until he-,:-; checked up Saturday night. Fleming, an aged man, who  that his eyesight was not:.: so good, told the court how Brown had folded the coupon in such a manner as to leave a "l"'face .up.': ;TMsr" "-l onet jTV!i3--;i66^ that on United States currency: He w-aid he did not take time to open v the coupon-bill at hat time, butwas positive in  Brown as the man who had given it to him. Brown denied having been near Fair and Woodward streets, where'.'.' the swindle s alleged to have taken place, when Brown passed the bogus currency for some oranges. Ho said that he was employed at a restaurant on Whitehall street and had not left his working place dur- ing the day. The spurious currency when folded in the way which Fleming  Brown  it to him, had all the appearences of one of the old large one dollar bilis.</t>
  </si>
  <si>
    <t>                                           Charged with cheating and swindling, Griffin Brown, address unknown, was bound over to the Fulton county grand jury Monday afternoon by Judge Calloway in Recorder's court after it is alleged he passed off a chewing gun coupon for a dollar bill.</t>
  </si>
  <si>
    <t>                                           i "tit;.  JaM Entered u   matter  peat  at AtUnta. Ca^  the act of March 3. 1879. "  , NUiMhER fil ATLANTA.  A., FRIDAY. APRIL 15, 1932 1  FIVE</t>
  </si>
  <si>
    <t>                                           E Pi TOR tA.L' ~.BaigUMaj</t>
  </si>
  <si>
    <t>                                           Undertaker Holds Body for $500; Court Steps in                 DETROIT, Apr. 10.- E. MMaton, undertaker, Friday wan given 24 hours in which to i(ot rid of    * body of Robert G timer which lit* wui ; Lccauiv a $500 coffin hnd not been paid for. Legal ; And the  of health declared the body of Gilm er u nut suit ct* and           Iti, burial or removal to thu county morgue. The man died on       18. Due to the .,tJ of  work^rn insurance  have lap ted leavins; the family of deceased person* without funds to cover burial co*U.</t>
  </si>
  <si>
    <t>                                           JIT^^^LI^~5B^Y00N'TiWEAKEN^ B^JaclT^tev                 "THE MAIN THmCWMAIff STREET^ By I^FsVan Zdtm                 BILLY S UNCLE                 SN0; y?,v:. r By CY HUNGERFORb                 DOINGS [QEiTaE^ANLppNS^Mother should not serin* that sort of 'a thin* '^ ""^MSEsT^</t>
  </si>
  <si>
    <t>                                           (Uft] J. DELUX ELKIN. JR., handsome little son of Mr. and Mrs. J Delux Elkin of 965 Clack Place Memphis.</t>
  </si>
  <si>
    <t>                                           Pantomimes for the Children- $ theatre                 By Gertrude l  ."VIcBrouii j i For 'i ne Associated Nejjru Prsss) I                 Pantomime, thy language of action, i:i universal; and therefore, one of the oldest  (it  theatre. There haw- always been  conceptions of  art .  \ ThroiiRU its long history, '-we :lnd that th.-' ancient Greeks,  Italians, the Fivnch and the    -~                 made their various contributions. Tiie pantomime  very little attention in America until recent years; and oven now, the pantomime consists chiefly ot the interpretative dance; although, we have been favored with a IVw line presentations in its highest form in the legitimate theatre. ."Pierre." "Tli.- Prodigal" and "The Bengar on Horseback" are outstanding examples. Pantomime is silent drama, so far as speech is concerned. Pantomime has been defined us "Theatrical performance played in the language of action." In the pantomime. one* registers with  expressions and bodily action all the visible movements by which human emotions and thoughts mv revealed. Acting proper includes not only all facial expressions end bodily movements, but also all vocal utterances. Since- "acting proper*' includes speech and song, and  does not. one might ask "Why haw the pantomime? Why hive silent drama by those wh.) can speak? Ic not speech more, effective than those incomplete dumb shows? The perfect                 pantomime is complete, it is effective in "that it is vital and suf. within itself; it needs no woi-cU to loll tlie story. I grant Hint tin- ' is limited in many respects: there are many plays in which situations and ideas do not lend to the- pantomime. There are many -instances -where words are necessary to convey the thought: but for plays within the field, the pantomime is most .    -  requires such clear thinking, and accurate action, that in many cases, the mimes, the living, moving . speak to the eyes a more powerful  than that of words. Nothing exemplifies this more clearly than the simple pantomimes of many oi Jhe spirituals. Althcuch we do not hear the rhythm of tin- words blending with the melody of the song. Cur emotions niv stirred as we' watch the mimes  soulfully the haunting music of the slave songs. During '.Wgro History Week, there were a number of pageants given in which the pantomime was very effective. "T h e Life oi Phyllis Wheatley" and "The Life of Booker Washington" were particularly well                  Marmontel says: "The pantomime is even more impassioned than eloquence, and no speech can equal its warmth and force." The pantomime Is action vitalized with feeling, and although, there  technical .es forms when the difficulties are eliminated. "The Technique of Pantomime" is s fascinating study, and of great assistance in perfecting dramatic art. In "Thp Art of Pantomime." Chanes Aubert says "The best way to perfect  art work is to play pantomimes: no longer according to the individual fancy, as has bean the custom; but under a system governed by certain iaws- and nothing t h ,e improvement gained. This is the first benefit of pantomime." With small children, it would be unwise .to dwell too much on technicalities. Let the children play the game while they .unconsciously absorb certain definite rules. The main point is to I inspire the iiTTle actors to think' through what they arc doing. As they develop, words will have a I particular meaning to them: words vy.ill symbolize pictures and states of being. Further development will enable the actors to use       words. as the artist uses his  will paint vividly their t. and emotions. This shows  that the pantomime enable ths actors to make hot best use of the various members of the bodv to express externally the monta"l activities, and at the same time, develops expressive speech. Pantomime  the body, and cultivates the speech.' Tn short, it develops poise and freedom in  on. Suppos3: I had been searching for my dog. and finally, giving up in despair. I hear my deg bark. How would you know of my happiness? What would I do? Or. Imagine that you are a little boy. and your father surprised you with a bicycle on your ninth birthday. How would you show Uiat you are pleased? Would you "~it st U and say "Fariier. I am h-nn?" What would you do? How  you pantomime. "Come in." "I'm glod to see you." or "Goodb"-." to a friend? Through these primary actions we can lead the " into pantomiming simple  and stores. Practically nil. -MMron. even after they are a' bit -'H-anced: enjoy "Little Bov Blue." "Jack. Be -Nimble." "Old King '"i o." "L:ttle Mist Muffett." and "The Rabbit ond the Fox." After 'he     -~s are told, have the chilren retell them: then if possible play the records .for them. Th" music never falls to stimulate action. (Music is always an important  in pantomime.) Practically, in every case, there is spontaneous interpretative act:on. When this is accomplished, it is easy to lead the y. actors Into the more .complex stories of "Little Red." Riding "Hood." 'The Throe Bears.1' "Cinderella" and "Hansel and Gretel:" Many of "The African Myths" by Dr. Carter G. Woodson, when dramatized in a simple form, are excellent material for pantomimes. The players f tho Children's Theater .'of "The Southeast House. Washington. D. C. have presented many of the -African myths in the client and spoken drama. The story .of "The' RiVaJ Brothers" and "The Jealously 'of" the Blind Man" are among .the favorites. IW.-iny of the .Greek and Rpman myths' arc also popular- the junior group delights in "Pandora." "Cupid and -Psyche/' "Alcemaeon and the Necklace." "Apollo" and "Daphne." Storlo' like "Why the Chimes n;mg,"'*^ie ?~ied Piper of Hamlin" and the "Dickens" stories are; alwavs greeted enthusiastically. These Dantomimes not only offer excellent entertainment, thev aiso 'aid in per.' dramatic nrt i through the development ot a Kreater  to  the necessity of  and expressing the thoughts which words i convoy.</t>
  </si>
  <si>
    <t>                                           Pantomime, the language of action, la universal; and therefore, one of the oldest arts of the theatre. There have always been many conceptions of the art of pantomime. Through its long history, we find that the ancient Greeks, the Italians, the French and the...</t>
  </si>
  <si>
    <t>                                           Up From Georgia With My Banjo By Thomas Jefferson Flanagan SONG OF THE KR1CK"'";~ SIDE Dreamin' where the \y-:y; lr.aps its raided heavy load, En ws re a le.'  if we ' 'em in the road; Its swept us from the ' to the breadline dump En the devil hangs aroun' us but we re beatin' him roun' the stump. Folks played the hard time fiddle 'till they got it out tune, But the brown is on the berry en the melon reddens soon En yonder where the weaklings stage a hungry beg We chuckle out "Boy Howdy" come along. let s shake a leg. Tight times ain't fur always; when you re sinkin" down. Tellthe crowd you re dancin" en that is one go-roun"; En if they see the devil about you in a jump, Jes say it s exercise for you to whip him roun" the stump. An' so we re i  ' to thu bloomin' bitter en' They faint en' fall armin" us en our ranks are gittin' thin: We're long ways from whin', our .troubles all ..we hoard, En the ol' wagon s rockin' but we hoi' her in the road.</t>
  </si>
  <si>
    <t>                                           Peacemaker Cut By Man Who Runs From Police                 Atli- tu act as  in a fight In front of M2 Decutur sti eet about 4:30 Friday afternoon canned Troy Ferguson to n-  cut wounds Ferguson was taken to the Grady hospital wlu-r^ he toid Patrolman Wiley  he didn't see the person iti the crowd who did the shooting. Patrolman H. T. Waters, who was on a passing street car. leaped 10 the ground and gave chase to the attacker who sped away  ly In the direction ot . Freed of Shooting at Woman Charge Charged with  nt Mrs. Vlruini:i. SpenciT. of 69 Hilliard street on February 8, Tom Smith was found not guilty by n jury In Judge .Tamos R. Hutcheson's court Friday Witnesses in thi- cane were Amanda Smith, of. 472 Auburn avenue, and Joanctto Perry of 426 Edgewood. .</t>
  </si>
  <si>
    <t>                                           f^t-- pi /f''^^f^^~k. This Coupon and I ssA^^^^^^^^^ Will Purchase One ~^r^V4$^^WF\ of The3e Fla'hin  %%-^if^^^^^^m^r True Love Token' Argentina Gem Rings Solitaire, Wedding, Dinr.o" or Gentlemen's Rings! J i Olono so - nnd         Qtl Sale Sdtlir day I that you will wear them  side by side with your genuine   /~c/7/tv i onss. Real Argentina stones- IVlOnaay, 1 UesaO} I i set In graceful mountings- wido I selection of styles for ladies and n j Sreedcd . Their everlasting Mail Orders  t I beauty is creating a :-. You. Add luc ana STREET FLOOR R'"g     ?! 1 M. High Cq, I I I n49 Hears of  Underseninq-         "! S  MW,,m;      ..~        I.HUI Hi   ^~BS^gB!  -- j*7YVVTyVVTV7                ALABAMA 3 I State Teachers COLLEGE I We congratulate the Atlanta World, 5; not only for becoming the only Negro daily newspaper., but also for the increas- 1 ed number of capacities and opportuni- I ties offered our people in its publication and maintenance. I The State Teachers College offers an 1 excellent faculty and four B. S. curricula 5 I in Education along with the Junior Col- lege courses. Laboratory Schools from Nursery to Senior High School are main- $ z tained. I 1 $ Persons registered at Alabama State i t for the Summer Quarter (June 6- Aug. 13) 3 I will have the incidental opportunity to at- tend the annual meeting of the N.A.T.C.S. i I which convenes at Montgomery. i -~i 'I t[ j I FOR INFORM A TION ADDRESS I President H. Council! Trenhoim i \t Box 755 MONTGOMERY, ALABAMA 1] t V</t>
  </si>
  <si>
    <t>                                           Entered -clasa matter at tha       at       , Ga., UD dor tho act of March 3, 1879, _rr*-*- _~:f VCHmr/r-fi.TMmM-Kr. ATLANTA UA, SUNDAY,  10, 1932^ PRICK  ^</t>
  </si>
  <si>
    <t>                                           Held their meeting Sunday afternoon at the home of Mr. and Mrs. Willie Menefee as the president was absent business was transacted briefly. The club will hold their next meeting Sunday afternoon at the home of Miss Edna McClair, 879 Greensferry...</t>
  </si>
  <si>
    <t>                                           Bare Hand Toreador Is Dead                 ARKANSAS CITY. Kan., April 10- Bill Picket, sixty-five years Did, the only man in thn world who could "bulldog"  with hi? teeth, di*d at his home on the Miller Brothers 101 Ranch south Df here at midnight yesterday. Picket, n  Naero. attained                 world-wide fame by his stunt of throwing a steer, riding beside the . s back and  hurling himself to the ground, his  imbedded in the nose of the steer, which would b? overthrown. Flve"~     -and dollars In sold and t li gate receipts, which amounted to S48 000 for the (lay. brought fame to Picket In tho bull light arena at Mexico City ?   ? years ago. Pickot was traveling with the 101 Hanch wild west show, then In charge of Colonel Joseph C. Miller, one of. the owners of the ranch. The show had toured Europe and America with great ?       and tri"d a short seay in Mexico. Business was not Rood and Miller cast about for nn advertising . He posted $1,000 that Picket could throw a bull in tho arena as quickly as any toreador could dispose of it with a sword. The Mexicans laughed, but their own newspapers took up the matter with derision. Tho Mexicans finally  S5.00C and the gate receipts that Picket could not tiny in the arena unarmed fifteen minutes with the bull of their choice. All ' was searched for the fiercest animal that could b e found, and they brought In a big black bull from the mountains. So sure were the Mexicans that Continued on Paste 2, Col. 4                 Bare Hand Continued from Page One Picket would be killed that they had- a coffin and a burial squad at one side of the arena. Excitement was at fever heat. Using one of the show ponies. Picket jumped 10   of the bull, sank hi* tooth Into thj animal s nose and . it In seven minutes. Then lie .sat on its head, -.i! in the arena  minutes In all.      Mexicans went wild. Side bets with Hie show employees had been made, and Picket was  from the  by a soldier guard at the request of President Porfirio Diaz, a spectator who feared a brawl if the American remained. Ho guaranteed that the prize money would be paid to Picket, and this was done. The N!'gro invested In securities and dieci a comparatively rich man.</t>
  </si>
  <si>
    <t>                                           ARKANSAS CITY, Kan., April 10--Bill Picket, sixty-five years old, the only man in the world who could "bulldog" steers with his teeth, died at his home on the Miller Brothers 101 Ranch south of here at midnight yesterday. Picket, a giant Negro, attained...</t>
  </si>
  <si>
    <t>                                           Mrs. J. C.: There are many possible causes for your child's persistent cough. It may be due to a chest condition, from large or diseased tonsils, adenoids, certain foods, a nasal defect, etc. A complete history should be taken and a physical...</t>
  </si>
  <si>
    <t>                                           Nothing so blots out a woman's charm as an unplesant or disagreeable breath. This dire misfortune, which so quickly places even the most beautiful and smartly-groomed woman outside the pale, is fortunately preventable.</t>
  </si>
  <si>
    <t>                                           'Marvelous Values' You'll Say! Actual Reproductions of SIO and SI 5 Models- at the Sensational Price of Sill SIZES 14 38 to 52 -All Silk Materials Plain and Printed Grepes -Plain and Printed Chiffons Plain and Hrinl Combinations Models for Every Occasion. Ench frock deserving of the name "Miracle Value"! You'll  that NEVER have you  more gorgeous styles, materials and colors at anywhere i near this breath-taking price 1 j We can t begin to tell you all the thrilling details we only want that you see them for yourself SATURDAYl high s BASEMENT</t>
  </si>
  <si>
    <t>                                           Mother Annie Glenn, 376 Lyons Avenue, N. E., who has been ill for sometime is improving at this writing. We wish for her a speedy recovery.</t>
  </si>
  <si>
    <t>                                           Pure Lard 5y2c Tender Steak, 10y2c Pork Chops 2c Cheese -l^Ac Salt Bacon -4y2c Spare Ribs 6y2c Picnic Hams 7J/2C</t>
  </si>
  <si>
    <t>                                           BLet Me Cure You! DON'T DELAY! CALL AT ONCE! f.T T"V h!!" 5~*! CVR1NG        hero in Atlanta thousands of Uiem! N. matter what j-onr trouble     matter how  -Mrd!.T.. may be. I urce you to call and me at    . Trrntment    very reasonable in  ml. No                 or  operation). All di treated with mj pure nature - t. results In ever*     . BIALE OH FEMALE CALL OR WRITE DH. T. Y. YOUNG WITH THE ORIENTAL  CO. i.n t v  .  and herbal compound  v.noV.\r.~ I32 .Ass.'rT.8"17 DUr^.\ nun"  . g.</t>
  </si>
  <si>
    <t>                                           tL^~Tv A WGE FOR WOMEN/    ?~l A,       MITCHELL. HILL, EDITOR- HttlPL^:</t>
  </si>
  <si>
    <t>                                           Langston Hughes and his two assistants, Messrs J. R. Derry and J. W. Lee passed through the Gate City Thursday morning enroute to Prairie View, Texas, where Mr. Hughes is to render another lecture recital. From Texas the party will motor on out to cities in...</t>
  </si>
  <si>
    <t>                                           The Auxiliary Board met at the home of Mrs. Calhoun, 640 Larkin St. with the president presiding, and brief business discussions. The president and members were very much pleased with the report of the finance report. The meeting adjourned to meet the next time at...</t>
  </si>
  <si>
    <t>                                           Put on Probation For Interrupting Church Worship                 Claiming that lie did not  another man with whom he had been fighting into Turner Monumental A. M. E. church, Sunday , April 17, Will Hayes got a break when he appeared before .Tudtfo Woods in the Municipal court Wednesday and was given a suspended sentence of six months. According to Hays, a fight started in an automobile near the church building. His opponent, who took to h!s heels, ran into the church for refuge while he followed only as far as the steps of the church. The board of steward?, through their representative, admitted that Hays did not enter the building- so the charges of disturbing the public worship were treated by placing the mnn on probat on.</t>
  </si>
  <si>
    <t>                                           Peggy is decidedly plump, -- "pleasingly plump", her many friends call her, who love her fondly for her sunny smile and endearing personality, although, truth to tell, they did it just to please her. Who could remember just how "plump" Peggy was when one...</t>
  </si>
  <si>
    <t>                                           MR. AND MHS. Alford of Atlanta celebrated the seventh anniversary of their                  Xy- Photo by Hood, Atlanta.                 ONE OF NATURES BEAUTY SPOTS. This tiny brooklet winds its picturesque way in and out of the grounds of the Lincoln Golf and                 Country Club, Atlanta. Staff photo, by MacKay. i                 THE DEACONS- BOARD of the Central Bliptist Church Savannah, Ga., Rev. J. H. Edward, pastor.                 Photo by Thoman                 MEMBERS of the Shaw University (Raleigh, N. C) Debating Team and their Morehouse hosts on a tour ol Atlanta's colored business section. Left to right: F. N. Marahbum and N. A. Harrison, Morebouse; 'William Pickett, James Woodson, Charles Bay and Prot T. Thomas Fortune Fletcher, all. of Shaw. Prof. Fletcher Is r*t  'Rnfftinh  at Shaw.                 i Photo'by Keiiy,~AUama.'                 , the charming young daughter of Mr. and Mrs. Brady                 Cooper, Atlanta- -Photo by Kelly, Atlanta.                 REV. G. J. HUBERT, pastor ot the Metropolitan Baptist Church,                 Columbus, Go. -Photo by Kelly, Atlanta                 MRS- CHARLES H. WILLIAMS of Augusta Go., widow of the late Rev. C. K. Williams, founder of the Pnexim Llfn Insurance Comnnnv."                 Photo by Thomu, Augusta.                 MISS WILLIE MAE NATHAN, a student at State Teachers' College, Montgomery, Ala.</t>
  </si>
  <si>
    <t>                                           :^EK3EXi*K9 W** WT^ 1 tt rf^~ ai w /8^ W CTfSJl'^.i!!!</t>
  </si>
  <si>
    <t>                                           ri ark UNIVERSITY Offers Unusual Oppo  for Education of Negro Youth Courses leading to the Degrees of BACHELOR OF ARTS BACHELOR OF SCIENCE ALSO Vr.: TRAINING COURSE FOR TEACHERS music x v PHYSICAL EDUCATION .fff Clark University is a member of the Association of Col- leges for Negro Youth and has a high rating with The AssociaV^i tion of Colleges and Secondary Schools of the Southern States./.-1' WE AIM LAUD THE ATLANTA WORLD FOR THE- ^. THE COURAGE TO LAUNCH A DAILY. IT ^iv.'IS A SIGNIFICANT EFFORT IN NEGRO JOURNALISM ;,.,$~~ Clark University M. S. Davage,Pr0^</t>
  </si>
  <si>
    <t>                                           I STREAMS IN THE DESERT "All  things nrc against me"  Gen. 42:30) -All tilings woi-k together fnr good to  that love God." When God wants to ; more power into your life, Ite brings more . H- is generating spiritual force by hard . Some do not like ii and try to run away from the pressure, instead of getting the power :,nd using it t... rise ,- the painful causes.  BROTHERS "The Institution with a Soul" Ma. 2567- Ja 8Q72 492 Larkin St., S. W., Atlanta, Ca.</t>
  </si>
  <si>
    <t>                                           Dr.~    .Kahn SWELLING REDUCED And Short Breathing relieved when caused by unnatural collection of water in abdomen, feet and leg** *nd when pressure above anklet leaves a dent. Trial package FREE. COLLUM  COMPANY. D#pt.36D. Atlanta. Ga. \V)it worry About   ff^cfi ! I      . CM Q*k- RcullSTminc FEMINE3E- 1 Liqitf-IWtt    .tt Vacd by doctora. Mom  I I loot      *. Pkuaaf, tttt, po  ur I I . Suiiftction   USS. I I Pun II COD. SwcUlr CcmpooniM (or Vmr I I Otat^rta     .  FoMtr Fm with I ^~?~to. PETONE CO.         5~.       Mo. J</t>
  </si>
  <si>
    <t>                                           BAILEY S Royai Theatre COM. SUN. 1TE ALSO MON. TUES. 'Sporting Blood' with CLARK GABLE, ERNEST TORRENCE  EVANS, LEW CODY JOHN LARKIN. I and EUGENE JACKSON</t>
  </si>
  <si>
    <t>                                           TUESDAY, MAY 24, 1932 THE ATLANTA  WOULD, ATLANTA. GA. PAGeIFIVE;^</t>
  </si>
  <si>
    <t>                                           A. BUSY THOROUGHFARE is Decatur street, Atlanta. (1) Looking east on the famous street, the tower of the  textile looms In the foreground.  2)        'g rising skyline can be seen in the view                 looking wot. -Staff photo by Mackay.</t>
  </si>
  <si>
    <t>                                           The Atlanta Daily World  ONLY .NEGRO DAILY IN THE WOULD -'^j Classified Advertising Ratesi DAILY SUNDAY 14c :i line He u lino Consecutive insertions DtUly  Sunday. -o ^j lie :t Ituc Seven times ...lUc a,      Thirty times or mure 8c a Him? Flvv       of  length ar* counted mn w Ilnr. Thr minimum     ihe price of two Hm*. ADS TAKEN N OVER TELE. P1 ara  from          In the Irlrphvnv vr  ily  tin  elm me. lit  far thf#  the  U  to      day following InMtrtluu. On all BklvrrlUlnir wnt by mall            (he order. ERRORS If may  Im     . The AtUnl* Daily World in     )          fur only one                     . Tlir  U . fur HuliMnjuriit Innertlon*.       nut If 7 i(*ly if mvy  It . All                 MUST    made in  al thr World   r by Irttrr. Trlriihune                    NOT . CLOSING Advrrtincnifnti* in The Atlanta  World hIU he  up to 10: AM. for      Sunday       until 1*. M. Snlurdky. The  urr  daily         Sunday until y M. fur     *    f patron.-.. ATLANTA DAILY WORLD WANT ADS . . JUST CALI, Walnut 115'J And Ask l ur Ad Taker</t>
  </si>
  <si>
    <t>                                           On Wednesday night there was a beautiful party given by Mr. Foster Cook at his attractive home, at 7 Ceach St., N.W., honoring his wife, Mrs. Maggie Cook. The home was elaborately decorated with cut plants and garlands. Whist was played during the entire evening...</t>
  </si>
  <si>
    <t>                                           D^pep..$.~^</t>
  </si>
  <si>
    <t>                                           ~"~0 they harass you- by day and keep you awake at night? Don't neglect them. They'll ruin your charm and beauty, alienate your friend*,, interfere with your success. When you re nervous, take Dr. Miles* Nervine. It's the prescription of a successful Nerve Specialist, put up in convenient form. Dr. Miles' Nervine is now made in two forms Liquid and Effervescent Tablet. Both have the same soothing effect on tha nerves. $1.00 at your drug store'1</t>
  </si>
  <si>
    <t>                                           REV. A. E. ADAMS, writing in the Pittsburgh Courier under the caption of the "Light House" takes Rev. J. Raymond Henderson to task and indicts the Reverend for preaching modernistic views. Below are excerpts from the Courier:</t>
  </si>
  <si>
    <t>                                           Funeral Notices I                 - The funeral of. Mr. Dnvic Senrs  be announced laU i David T. Howard Co.                 -- The remains i f Mi Allen Robinsnn mv held fur 1 1 l. "f relatives. David T Howard Co. CROOK Tim funeral of Mrs. I.  . ~.ie Crook will be hold Saturday :n 2 .r l-lo k from Ebenraei- B:ip ll::l . Ri'V. Klnii will of . Interment In P'-uth Vli-v . David T. Howard Co. JACKSON- Tik: funeral of Mrs I.i-'/.v .Jackson was held Saturday  :it 11 n  . 1h.. chapel. David T. Howard X Co. - The ri-IenelH and  livi-,: cf Mr. and Mrs. C, I  Mr. and Mrs. Ri'b"iv:' Low. Mr. mul Mrs.  13ry :itu. Mr. and Mrs.         Bryant Mrs. l. Hudson. Miss Denirlcr    . Mr. Will Brvsmi. Mr.Cl:i'-:i Hudinnn and family :   k.  to  ihe fune-al f:. TiirH. Mnlllc Dryiini this (Saturday!  ut 8 o clock nt nur crimp"!. Rev. N. T. Walker will Mfflcl'-te. Interment. Chlpley, Ga Ivey Brothori". . SKAFtS Friends and relatives ol Mr. David Sons. Miss Nancy S'-aiv. Mr. Pleas Butler. Miss Plcaslc Lo" BuiNt. Mrs. Carrie nut er. Mr. Kddio Ford. Mrs.  Fold and Mrs. Cora Bird.~onu and family am  to the  of Mr. David   ':ir* th s ) afternoon at 2:T( i. 'clock from tli*' ro.-'ld''nc'\ 75 Ytinue Slri'Ct. N. E. Hov. n. I. Wilson will officiate. Interment j South Vli-w ci-. David T. Howard Company. JaCKSON The  of Mr,", i l." .Incksiiii was hold Saturday morning at 11 o clock from Ihe  l. Intormom. was in Ch'- Hill cemetery. David T. Howard and Company. CROOK Tlv funeral of Mrs. j Lir/.ie Cro..l; was held Saturday  ii at 2 o clock f om Ebrnc2cr Baptist Church. Rev. Klne ... Interment wiin South View c.-. DavliI    T. Howard and Company.                 -- The  ncs n* Mr AIL it  ar- held     the Iwiitii.n of relatives. D: T. Howard and Company. SI.ATON- Mrs. l.uta Slalon  Kiss.d :~    in I it ( year. Her  l will be   !is" this aft Tnoon at 2 p. m.,  our chapel. '!T"'-nl. Clfslnut Hill cem-lery. Iliinloy Company. - Mrs. Emma I'. Mitchell    -ed away in Millvdgcville, Georgia recently. Her funeral will   - announced upon compl-il tn of . Munlcy O.. WALKER Funeral -s for Mr. Frank Walker will be observed today at 2:00 p. m.. from Piney Grove Baptist Church (BueklR-nd". Interment, in the churchyard. Hanlcy CompDny. - The Amoral of Master IToraci- Armsiear was held last nisht from Plney Clove Baptist Church. Burial today at Stnckbridfie. Cenrgia. The ^e will li avt; at 1) a. m.. from rvb '. rear 359 Woodward Avenue. Ilanh-y Company. I1AGENS- Friends  relatives of Mr*. Elibie ll:i(!~'iis 230 Randdclph Street art; -d to attend h'-r  ral  at 1 p. m.. fi-i-in Ot:r .'l. Interment. L'ticoln Momoiial . Hanlcy Company. CnK. Miss Msrie 'Cri'ddilk- pns.sed away in Pittsbugh, Pa. The funeral will be .d  the . of remains. Hanloy Company. LEWIS Tin- remains of Mi:-* Annie Pearl Lewis of 177 Randeau Alley aiv In our parlors      :iu; compli-lion tif ;. Hartley Company. .Vl'-'H( The remains of Mrs. Mary Merrills. ..f 270 Fort St.. N. K.. will b.. senj t!ii-~ (Sunday) . to Kiti'niton, Cleornia. for  and . Hanlcy Company. JOHNSON- The  and relatives   f Mr. Ed Johnson are Invited to attend his funeral today (Sunday) at 2 p. m. from Mt. Zion Baptist Church. Smyrna. Ge1 i Interment in r lie church yarn. Ilnnlr-y Company of Marietta. GREEN The funeral services of Mr. P. J. Rrcn will be conducted  (Sunday) at 2:30 p. m., from Zion Baptist Church. Interment Grcslmm cemetery. Hanley Ci-mpany. nf Marietta.</t>
  </si>
  <si>
    <t>                                           SEARS--The funeral of Mr. David Sears will be announced later David T. Howard &amp; Co.</t>
  </si>
  <si>
    <t>                                           IT IS ALWAYS fair weather In Florida especially when Miss Katherlne Baker displays that sunny smile. Miss Baker is the daughter of Mr. and Mrs. J. W. Baker, 748 W. Church Street, Jacksonville,                 Fla. -Photo by Wecnu, Jacksonville, Fla.</t>
  </si>
  <si>
    <t>                                           I AM SMILING at you! Mint Gladys Franklin. 778 EL McLemore                 Street, Memphis.- -Photo by Coleman, Memphis.</t>
  </si>
  <si>
    <t>                                           b  Id  Cleaaa Up- 'Paint Up WITH Crystal Brand Paste Paint While OnlyWeight 21 Pounds to Ihe Gallon 1 gallons Crystal Paste Paint... $10-40 i) gallons Pure Linseed Oil in New Cans S 5.00 .Makes !l .ir.illo.ns or excellent Painl for $15.40"' Paint ami Olass Since 1880 MAIN STORK, li  ST., N. \V. 9 Br: Slorcj in Cl'calcr Atlanta Ono      You You'll never know how ^oo^^^-a*^/^ a cigar can be ^^H .  ;i!'~ "I. Lewis Cigar Mfjf. Co., Newark, N. J.. Mdkern" ~~;~*$ ...~~.~:-..-J-A^~JS;</t>
  </si>
  <si>
    <t>                                           A FftOE FOR WOMEN I   "ffp V ^V1^"^ BEULAH MITCHELL HILL/ EDITOR. K t(Lf P; t^f^</t>
  </si>
  <si>
    <t>                                           USHER BOATfD of the First African Baptist Church, Savannah, Go. Rev. J. Alfred Wllnon is                 tor. -Photo by Thomas</t>
  </si>
  <si>
    <t>                                           (1~)fl  PER $ BENEFIT IC DAY for full information *- SOUTHERN FIDELITY SURETY CODurham. North Carolina</t>
  </si>
  <si>
    <t>                                           ZEMO RELIEVES  BURNING ECZEMA Soothing, cooling ZEMO brings prompt relief to itching, burning skin; even in severe cases relief comes as      as ZEMO touches the tor- j lured skin. Eczema, Ringworm, Rashes, Pimples, Dandruff and other annoying skin or scalp troubles generally yield to this soothing, antiseptic lotion. ZEMO is sale and dependable. AU Druggists. 35c, 60c. S1.00. Extra Strength ZEMO beat for chronic cases- $1.25. GET ATLANTA WORLD VOTES YOUR CHURCH MAY WIN A CASH PRIZE! GOLDEN EAGLE STORES</t>
  </si>
  <si>
    <t>                                           NAtlantans. like no other Negroes anywhere not served Bf"^% r 9 H The Daily World is proud of its ability 'to give real scr- ^L .'-'v^H-^ l,v ihis daily newspaper, need not. wait to find out what BJJf H OtOOlt, warn vice to our readers' lmd believe you are proud to have the Ara A ^i? ^^%% A M^^^* other members of the race here and elsewhere .ire . BT^L wTI B^i Wt only NeRro daily published anywhere in the world. Work- M A ^jk \^'M;M%      ^k- In vour daily World, the news may be found when it hap- 9 ^8k H lL_Ji RUB   in hand, are there any heights which we cannot-  ^ tf^H  wii^ S V TT pens- not a week or more later. H B ? iF Vk. V Y *f*.Vv JPp I -r- ..-.:.:::.x,A::i{xM.</t>
  </si>
  <si>
    <t>                                           Don't you think I am plenty old enough to get married and have a home of my own? I am 17 and in my junior year at high school. I am in love with a boy 19 and we are crazy to get married but my people object. They say that I will ruin my life by marrying so...</t>
  </si>
  <si>
    <t>                                           5- AUfb ACCESSORIES BUY FROM GOtDEN EAGLE STORES GET VOTES FOR YOtitii CHURCH"</t>
  </si>
  <si>
    <t>                                           The Atlanta Daily World THE ONLY NEGRO DAILY IN THE WORLD Classified Advertising Rates. DAILY SUNDAY 14c it line Ho a line ConsccuUvo Insertions Dally and Sunday. Three times lla a line Seven time* lOo a lint Thirty times or more 80 a lino       nf   ara counted a* a line. Tin minimum  la tha  two . ADS TAKEN OVER TELEPnONE  r* accepted from * Hated In      or  directory  charsa. In  fa*  courtner tha  la ~*         to remit the day following InMrtion. On all ;  bf mail canh mail  tha      * All DiKOntlnoancea MUST ka aia4a In  at the f7orld  or 07 l*    . TelrDhona      A NOT . ERRORS If anr erro- U made,     Atlanta Difly World in  fnr only ftnc Incnrrrct InMrilon. Tht            In  for                      . Th*    IrameHUlelr 1/  nr     CLOSING AilvertlMmtnta'In'The Atlanu Oallr for tht Bondar World  9 P. M. World will be  op to . Satordar. Tilt  ara open   Hnnqnr  9 P. M. for tha . nf patrana. ATLANTA DAILY i WORLD WANT ADS BRING .  CALL Walnut 1459 And Aak For Ad Taker</t>
  </si>
  <si>
    <t>                                           TODAY! Thrills and action Baloro in Uiln  of an  who flo* ln(o hot bed of revolution- and toy In lora with the  s !    .' fi Stoamnaagtcbai Ml L U P E VELEZ ~~~'IEO CARklltp 1 a^l^E^N OOUOtjkl 1 (5~^         BARBliU ^~s= '        "77- S</t>
  </si>
  <si>
    <t>                                           YOUR ^~p4 ;-j i yours! ^i^^^^Br l;1 You have probably never consider ed the vivid fact  the ATLANTA DAILY WORLD is the only newspaper printed with a n eye i toward you-your feelings, likes, dislikes, convictions. N other "~~~I ^publication under the sun is so interested in the various realms of interests and pursuits common to you, This alone justifies the amazing strides that your newspaper has taken. It has faith in you; the conviction that i' "I you will continue to acclaim it now, as in the past, f J I          J We will print the news copiously and strive to g^L.pPg^Pw8H  T"  our claim- It is yours; serves you- your OP ^^m'^j^m 0   y Dailv Atlanta World-^The only Negro Daily.  S^^l^~^L^gJ^ jlj^ L' A l-LJ-*-^-'1 f A ^'^4^~j t- ===- :,;.i.VfeKs?"^</t>
  </si>
  <si>
    <t>                                           Card of Thanks                 We wish to thank our many friends for ill" beautiful flower!", cars, and  expressions of kind-' ness -hov.-n us during the Illness  :~t thc rt.-nlh of pvr brother; Mr. Bunion Woods. Special thanks 10 Rov. G. F. Moses. MRS. .7. If. VEAL and FAMILYi:'</t>
  </si>
  <si>
    <t>                                           C" f W Since it is the first duty of a newspaper to con- flL V' So when it happens, look for it first in The ^^^t ''~~'-~$$~ I M B vey all the information on " of interest     #% f Daily World if it s worth writing about. No need M  r\j-'-mj-\Jm*iriC H ^fc^V% I/Jf'/J che majority of its readers, TheAtlanta Daily World I \l "S B 1 to wait a week .until it s dusty history and B ^m W 1 jf     -^W*mJk W M B B M. tt Jf M W* B fr\ lets nothing of importance pass  here or else- Jf W WMJ ^fc everybody has heard about it through conversation Wj ~%^~ g -^CJaT^lS*;! I ^"^~.w.^b^** where. w ^i^ ^r^^ read it NOW! j.^aan^</t>
  </si>
  <si>
    <t>                                           #TYfA ' FOR WOMEN I   2     3 BEULAH MITCHELL HILL EDITOR- t^i f t</t>
  </si>
  <si>
    <t>                                           GRANT SCHOOL BASKETBALL TEAM, City Champions, Memphis.                 Photo by Jones-Purdy</t>
  </si>
  <si>
    <t>                                           HOLD CHILD HEALTH DAY                  Consider Physical, Spiritual Needs Says Fosdick                 KEYNOTE GIVEN                 That the spiritual needs of children together with Uiu means of building character should be emphasized in  with child health is the opinion expressed by the Rev. Harry Emerson Fusdlek, D. D.. of New York City. "Today, on National Child Health Day we.                 would do well to consider one phase of child life which recent events have brought  10 our attention," says Dr. Fosdick. "There are In this country, wo arc told by those who are studying Hie problem, 'midget' organizations of children six and  yi-ars old who are receiving their first training for a life of crime, and there are 'junior' organization of boys in their 'teens who are already part way through their apD- for a criminal career. How much more evidence of this sort will the' nation need before It takes more  its  lity for  children that which Is good and Continued on Page 2, Col. 3                 Hold Child i t. t /Continued from Page One) healthful In other than physical realms?" Citizens the country ever are agreed on the necessity of  children the best' physical care. It is time now' that they agreed on helping children to build character. A sense of responsibility to neighbors and to society, on the part of the grown man or woman and an appreciation of that which is just, are qualities which result from years of training. They have their beginning in early childhood in the way the small boy or girl is  to act in dally relationships with other members of the family and with playmates. 'v In referring to the keynote for National Child Health Day. a s stated by the American Child Health Association and the State and Provincial Health Authorities of North America- "Support Your Community Child Health Program: It Protects Your Home"- Dr. Fosdick" concludes: "On May Day every community, through it-- responsible citizens, should dedicate  to the support of all those elements in its social service program which strengthen character in children." "Hygeia," the magazine of the American Medical Association, prints the following advices for National Child Health Day, t which we ask to call your attention: First, Walter S. Gifford. director of the President's organization on Unemployment relief, comments: Public machinery directed t the protection of childhood, such as public health, welfare agencies, educational systems, should be the last to be affected by measures of economy. And second. National Child Health organization, offer the following keynote: To focus the spirit of this year which is a  of unselfishness, of sharing, and^ of responsibility toward one s neighbor on the needs of children in' order that: F. chiM may bo sheltered in its own  and shn'-e '.~ familv life durine -932.        mav have the            In each ds"''s   1932. T'nrii  rmv have 0"      -v nr"""it of clean and safe j^iiv ;.i mi? Tnrh ^VnM  hn"~ nl^riK' rt ci,~. sleeD. r?st and reT?~      '~~t In 1       - Ko ^^t\     ,,.Un i.Mll l^-.o</t>
  </si>
  <si>
    <t>                                           That the spiritual needs of children together with the means of building character should be emphasized in connection with child health is the opinion expressed by the Rev. Harry Emerson Fosdick, D. D., of New York City. "Today, on National Child Health Day we...</t>
  </si>
  <si>
    <t>                                           110 Ate Indicted for Numbers                 DIGIT TRIALS TO START APR. 20 i 39 More Indictments Voted by Jury Wednesday DRIVE CONTINUES                 Tliirlv nine  bills returned at a special me.ting uf      KnH-m  i!r:iiid jury Wedn.-sday  1  r persons indicted I n connection with lottery .schemes to   100. The indictments wen- the result ot .. gained In a wies of raids staged by Special Investigator* A. E. Uiiki-r, M. L. Baker and1 S. D. Vanillin. Information  tho grand jury  by the  peci:il in-. -H pointed out that profits from, the lottery averaged $50,000 pur- \-and--that more than. 2D0U ' were employed us salesmen, collectors and checkers In several instances persona arc  two Indictments. After being arrested and freed on bond, m.my went right back to operating the 'numbers' ,  revealed j Majority of trie  re- turned at III*. Wednesday session of, Iho grand jury named persons who just began ; "numbers' -Inc.- the first drive against the lottery was started. El'uhl uf I he defendants recently arrested in '.he drive, and who. were unable V* furnish bond, are! scheduled lo go on trial b-fore' Jttdge Jo.seph Hutchinson in  Superior ~-ourt on April 20. All of tho.'iu listed on the calendar an: being held in til.- Fulton  in  of $3,000 bond. Telegrams Barred in Afabama . Alii.. Apr. 7. Should malingers of telegraph companies here deliver any more coercive messages lo the State Supreme court Attorney General Thomas 12. Knight Jr., hus formally  they will lu contempt citations. Th's move is taken to be u dij reel .blow at the Communists here and abroad who have sent in thousands of telegrams protesting: tho i original Seoltsboro sentences and the failure of the state s highest I tribunal to change seven of them. Although this case was not direct1 Iv mentioned in the message sent to the managers, he indicated it was the one he had in mind. "l rai. all of the  V Attorney General Knight "aid in his letter, "contain  iil. , scandalous - cus. obscene matter. I "I       the :on that the dc-  of such messa^'s to any court constitutes :i contempt of the highest character. These  \vcre sent for the pur-%       of obstructing the due administration (if justice The letter dosed with the statement, that, if  more telegrams of  1  wore .l to thn Supreme court. "1 shall I    -l tint it 'p my  forthwith to file information to cite you. for I'ontempt of court."</t>
  </si>
  <si>
    <t>                                           TIM  S LUCK Long Live the Kin^ By Lym Young                 TELLING TOMMY" .J.. fly Piztk                 BILLY S UNCLE                 THEM DAYS ARE GONE FOREVER                 ^^AT.LIF^^YOT_D0NT^EAKEN3 Bf J^       ?                 SyOxarlSMMmS</t>
  </si>
  <si>
    <t>                                           Dead Child Found in Sewer                 Mystery still surrounds the finding of tne partially clothed body ot a very young infant, whose age is estimated at irom a week to twu months, found about 3:30 in the morning by David Morton, 654 Bankhend Ave., employe of the city :.iry  as he w:~.s ^ out a sewer on Humphry St. Mr. Morion had reached the sewage  near 578 B. South Humphrey and had inade some progress with hls work when he was surprised to see the tiny body make its appearance. The coroner was notified and the body turned over: to David T. Howard for burial. According to attendants at the David T. Howard funeral home, the child could not have been more than two months old at the most while general conditions seemed to i Indicate that it was scarcely more i than a week old. Other  seemed to point out th0 fact 1 that the infant was unwanted by its parent or parents. The body tha abandoned  had evidently been ia the sewer l?iss than week when it was found.</t>
  </si>
  <si>
    <t>                                           MONROE, La., April 7 -- On March 24th the Pittsburgh Crawfords pulled up in Monroe, La., their first stop on the exhibition tour. The most impressive thing about Monroe is Desiard Street, which is a continuation of the highway, and runs straight...</t>
  </si>
  <si>
    <t>                                           I '}:.      ^m^-~S^~ L      ____J^- '"Mi \.v.^L^ ^J^__J"- -!^~l JL-^* "  ^ TLJ</t>
  </si>
  <si>
    <t>                                           GOOD MORNING, everybody! Feeling lots better this time. Lots of spicy news too. Just got back from Sunset Casino, at the time of this column. Marion Hamilton and his boys made their orchestral debut and were promising indeed. "Just Friends," "You Don't Know What You're Doin'" and a number of other popular hits were punctuation marks of the occasion. Miss Alva Beatrice Maxey, well known local belle and a popular Talladega coed, and Misses Pope and Katie Kelly, and a few other charming visitors whose names were not...</t>
  </si>
  <si>
    <t>                                           When the Pittsburgh Crawfords walk out on the field at Rickwood Park. Monday, April 25, the baseball fans will see a rare combination of youth with experience. To begin with the manager himself is the most colorful first basman in the game. H's record for over ten...</t>
  </si>
  <si>
    <t>                                           THE GOLF BUGS are slowly increasing in numbers, we observe.</t>
  </si>
  <si>
    <t>                                           The final round of the Seventh Annual Interfraternal Basketball Championships gets underway at Sunset Casino tomorrow night at 7:30 o'clock. Kappa Alpha Psi meets Phi Beta Sigma and Alpha Phi Alpha and Omega Psi Phi match wits in their annual feud.</t>
  </si>
  <si>
    <t>                                           ONLY NEGRO DAILY N*?EK IN THE WORLD KaUni  at tttt port of [ice mt Atlanta, Ga., under Ih. art of March 3. 1879 PUBLISHED DA1LV EXCEPT SATURDAY. AT 210 .N AVE.. N. E. TELEPHONES: WAInut H5S and 1460 MEMBER or THE ASSOCIATED     3   THB WOULD  aw  for   mtt Into           . W. A. SCOTT Editor and Publlahrr Plank MarahaU       Manailng Edil.r SUI1SCRIPT1ON RATES Ona Y.ar,  9.S0: 6 Monlln. 11.00: 3       .  i.5O; Wt.lily. 20c.</t>
  </si>
  <si>
    <t>                                           FIRE DAMAGES HOME Tlie       of Mrs. Elizabeth Ilnnford. 99G Smith street, SW, was slightly damaged by a fire that brok.* uut Sbout seven o clock Friday morning. A few hours earlier, tin- residence of J. H. Harper. 790 Hardy avenue was practically ruined by flares that gutted the building.</t>
  </si>
  <si>
    <t>                                           ONLY NEGRO DAIL.V NEWSPAPtR IN THE  .MEMBER OF THE ASSOCIATED NEGRO PRESS W. A. SCOTT. Editor  nd Publi.L.r Frank Manbtll D.vii Managing Editor PUBLISHED DAILY AT 210 *N AVENUE, N. E. TELEPHONES: WALNUT 145=9 and 3460 1HE WORLD assumes no responsibility for unsolicited manuscript sent Into the office. SUBSCRIPTION RATES One Year, $i.!~0; 6 Months, Sa.OO; 3 Months, $2 5n; Weekly iOt</t>
  </si>
  <si>
    <t>                                           FAIR WeHnf.SDAT  and Thundny:  warm. Lowrxt . pa l 24 , 02: ^^l, 7R: . 70. Mrtcornlaci't. Wmlhcr Burenn. C. F. vim Hermann,</t>
  </si>
  <si>
    <t>                                           Husband and Wife                 $~   $fe- Organizes charity  and leaves our dirty dishes m i/the. Sink.- G. S. W.</t>
  </si>
  <si>
    <t>                                           _The Worst Is Yet To Come</t>
  </si>
  <si>
    <t>                                           Funeral Notices and Obituaries     Your Funeral Director To Have Them Published On The FRONT PAGE Of The Atlanta Wvorla". Only NeRro Daily" Daily World</t>
  </si>
  <si>
    <t>                                           MRS. E. W. ALEXANDER and His. T. N. Watson of MemDhis.                 Photo by Cloud. Memphis.</t>
  </si>
  <si>
    <t>                                           GOOD Mahogany Piano $69.00 Terms, $1.00 Cash Balance $1 Weekly 271 Marietta Street</t>
  </si>
  <si>
    <t>                                           Pinkston Eulogizes Dr. Carter in Sermon                 One of the most powerful sermons delivered dui- the celebration of the Fiftieth Anniversary of 13r. E. R. Carter, . Friendship Baptist Church was delivered by Rev. L. A. Pinkston. president of the Atlnnta Baptist Ministers Un:on, and pastor of Beulah                 tist Church, on Friday  theme , Human Character and Its Sure Foundation. His text was taken from Matt. 7:24-2:;. The Message In the text we have a  nml impressive picture of two classes of people of whom the world 's full. I am calling your attention  to the Son of Wisdom, who in  a character founded upon a rock. The "Rock of Acres", to the end that it may survive the wreck of matter and the crush of worlds. Hii;h on a rock this builder marked his plans; and scanned Irs deep foundation. He knew that wide, wasting storms  arise and to be secure founded his  upon a solid base. The work is commenced; the workmen are instructed to make haste slowly, for this  must stand the wreck of time. AH men are builders, born with certain tendencies tendencies that are the natural results of a  nature, tendencies susceptible of development and cultivation but to properly cultivate them is a Pfe work: it commences with the  of the cradle and                 ends at the  is a beautiful metaphor which shows that God's purpose is for man to he complete, a whole and not a part. This message  not bricks hut house. Life :s a whole with a definite moral character for which we are responsible. Of course the house is built un by slow degrees, brick upon brick course by course, day by  iay, and moment by moment. It is slow work, but certain work, i "The fifty years of labor of Dr. E. It. Carter as the pastor of this j:re;vt church say to us tonight- That we should take heed how we build. L'ttle things count. Small Continued on Pace 2, Col. 2                 Dr. Carter Continued fnm Page :1 bricks make a iai'^e house." Thouclit is but a power formative in nil its activities, reason a constructive force, and  on a creative facility; not only the unseen and invisible 'endow- ments, but the outer physical an- i  are formed and fitted j for intelligent end creative action. In fact th?  r:at Master Builder lias placed at  disposal those  and  j which are needed in ; a useful character. The Buildinc of  is slow because it takes hold of the eternities- eternity  f the past and 'the  ty of 'he future But the destruction of character i.~ the work of a moment. Character is human  in its host form. It is moral r.rder individualized. Men of char-  arc not only the conscience] of society hut :n everV trell rov-  state they are its best mo-  , for it i? moral qualities in the main that rule the world. The habits we form, the company we keen, the customs I  us. all tend to fix tlio  of ninn. perfect and symmetrical or imperfect nnd                 regular. We pause to do honor  to the character of a man that  the admiration of Atlanta. Georcia, America and even the greater part of the world. The model of which is (riven in the life and death of Jesus Christ. Our deeds make the house that the text speaks of and we must, live in it. Our deeds may seem transient, yot they. abide.. In memory (Son Remember). We  live in the house, we bu:ld- abide in habit. Habits that limit or determine what we can be and do in the future. Dr. Carter hasn't built a little shop, nor a pleasure house-^-Neither has ho built a prison house whero the souls of men are- incarcerated and tied by the chains-of sin. But this man has built a temple 11 stately mansion. The text says when this mnn had built- his house upon the rock It stood. A life of obedience to Christ is stable. Every life which is not built, upon Christ i3 the perfection of folly. For, fifty years this l!fe has been attacked on all sides- The rain, the wind -the flood. But it  tood Other foundations can no man lay than that    laid. Let Christ-: be the foundation of our thought and deed. His word should be absolute truth the satisfy nir and perfect revelation of God to our hearts. In him are the treasures of wisdom and knowledge. This house stood it fell not for it was built upon a rock. Millions in  have rested upon this         ;on and have never been . Upon it God's saints haVe built their hopes. Abel stood upon it and found acceptance with God. Abraham beheld it by faith and was made the heir of the riches of div:ne ETacc. Jacob caught and wrestled with it  the silent watches of the nicht until was kissed by the moraine  of a new day. Daniel stood upon its foundation  the darkness and dancer of a lions den: prophets, apostle, martyrs  nd saints have suns its virtues from the flr.mes of persecution      from the  of death. Men have tried other foundations and failed Loeic. PhMosophy. science. infidelity, scepticism  to many sorrow and despair; But the foundation upon which the l fe of Dr. Carter h built will stand and it fell not</t>
  </si>
  <si>
    <t>                                           One of the most powerful sermons delivered during the celebration of the Fiftieth Anniversary of Dr. E. R. Carter, pastor, Friendship Baptist Church was delivered by Rev. L. A. Pinkston, president of the Atlanta Baptist Ministers Union, and pastor of Beulah...</t>
  </si>
  <si>
    <t>                                           BLOODHOUNDS    SLUGGING THIll                 FITZGERALD, Ga. April J254-  i Tracked to his hilling place .two t;v miles cast of here by bloodhounds, Saturday after he had beaten     '~ robbed Jake. How^t. also colored.:; night watchman fuT the Fitzgerald Oil Mill, Dolphus Jackson is being    held In the jail here awaiting grand jury action. I; Mr. Howard, who was knocked, ;-i; unconscious by his assailant, rc-'~ gained consciousness shortly after- ;;i wards and  the superintend dent of the Mill. Roy Adams. Mr.*. 3 Adams, with other officials of tho company wont to Co'fee county to yr obtain the bloodhounds. It re-':~ quired only a few moments for the v dogs to pick up the "hot" trail and'^ apprehend the guilty man. :ft  IS PAROLED I .'Iv COLUMBIA. S. C. April 25- (ANP) Governor Blackwood.^' Wednesday paroled during ^ behavior the life  which "4 Jesse Wood  after he was?:" convict of poisoning his  S Wood always claimed that he was^-i1 suspicious of his wife fearing '.4 she would  him, and that,-5 on* day at meal time, when her back was turned he exi- cups -~f coffee with her. She  W from the poisoning. 'P.                 DEACON JONES ^J^tiaM By L P. Reynolds :v.r:    ^ The brother woke Brother', -Butts up at midnight to tell him   NOT SLEEP because I h63 owed him ten  and  not pay him Brothor Bell'jflld* what In the H did ho  up for, now D if 41</t>
  </si>
  <si>
    <t>                                           In Mem or i am                 Gonp but not . Iicv. A. V. ]? .died May 1st, 1921). Mrs. Bessie Belle.</t>
  </si>
  <si>
    <t>                                           FUNERAL f PER.  100 BENEFIT IC DAY -for full Information *- SOUTHERN FIDELITY SURETY CO. Durham. Worth Cw***!*1^</t>
  </si>
  <si>
    <t>                                           World Advertisers! Want Your Trade* ;.jj</t>
  </si>
  <si>
    <t>                                           The Builders' Bible Class of the Sunday School met as usual Sunday morning with the large attendance of 36. The lesson was taught by Sister Eliga. Alexander Mrs. Emma Phillips was reported still stick.</t>
  </si>
  <si>
    <t>                                           7 BOYS" CASE NOW IN HANDS OF U.S.                 DEATH WILL                 U. S. Supreme1 Court to Criye Decision Next^                 N U PR IS IN G S                 WASHINGTON, D. C, May 24- With extraordinary precautions  taki-n     safeguard ..members ol tin' Unltec1 States Supremi;  from   -ys for Yho ' young wn  to die Tor an 'alleged :        upon two while* girls on a                 :   ' train .Scottsboro, Ala. In the .spring of 1931; filed on appeal for a review before the highest judicial body In Hie country, Monday. t The petition, presented at -the latest  moment, will bo given  at this term as Attorney Gfnrrul Knight of Alabama  for permission In submit a statement of Iho  of that Htotc to the granting of a now  l or thi; seven youths by Friday. Tlmt m"ans that the court will announce its decision to review, or not review this internationally famous case, when It convenes Mny 31 for Us final opinion day of Uio  term. Had Attorney .General .        not. pursued_.-- ...US would  been  for the United States Supreme court to  action on the- appeal at Uils- torm uf court. In that event, the younK men would haw been executed on June 24 us scheduled unions they were able to  a stay of  in some other manner as the next date, upon which an appeal could be submitted to the court will be sometime in October. Close observers of the case were looking for a possible recurrence of tho  making Sacco-V. . These two men wev; executed 111 Massachusetts  iho nummer of 1927 when iiH of the justice of the high tribunal refused tn grant n stay. It was believed that the attorneys fer the boys Intended to lot the last day for the filing of petitions (,'0 by and resort to the hope that Jusilre Curdiizu, recently elevated to tho bench, would grant n stuy of execution, thereby ; them       time tu present an appeal. Justi.n Cardoziu recognized as one of the Continued on      2. Col. 4                 7 Boys' Case (Continued from raffe 1) literal judicial lights of the country, was formerly a member ul tue New Yoik  tribunal. In the event that Ihc review of the ci\se is denied, mo boys are automatically doomed to die Jane 24 In the electric chair at Kilby prison. Two ot their companions have been given new trials, oue a 14 year old lad, being  his following the. original trial at Scottsboro when, because of his extreme youth, a jury could nut agree to give him the death  as demanded by Uip state. The second, also Extremely youthful, was found to be under ace when the Alabama Supreme court reviewed the      recently upon a petition for lawyer? fov a new trial. His attorneys are now agitating for his removal wiih the other seven  t" the Jefferson County jail ,-u Birmingham where 'trie other lad is now awaking his ncw . If the  Is granted, it will act as a stay of execution in it-.lf and the t-ntii c case will be considered upon Its various merits  the United States Supreme curt' meets again in October. No unto- ward ur unusual  of      .-ncel marked the i!      state officials In Alabiunn and tlio.se -r up in the federal government have received thi-    -ninR loiters. Telegraph companies in Alabama have been warned mil lo deliver any more threatening letters to lily governor or other officials nf that stat*    to suffer sever..- .".</t>
  </si>
  <si>
    <t>                                           WASHINGTON, D. C., May 24-- With extraordinary precautions being taken to safeguard members of the United States Supreme court from threatened violence, attorneys for the seven young men condemned to die for an alleged assault upon two white girls on a...</t>
  </si>
  <si>
    <t>                                           The field work of a very important survey of certain Negro colleges and Secondary schools has just been completed. The assembling of materiel and writing up of tho final report remain to be done.</t>
  </si>
  <si>
    <t>                                           Funeral Notices and Obituaries Aik Your Funernl Director To Have Them Published On The FRONT PAGE Of The Atlanta Daily World "World'i Only Negro Daily"</t>
  </si>
  <si>
    <t>                                           . GJ. Walker's WONDERFUL J^*******^ HAIR        ^% V J ^4 i "MmC C7]. Walker came from the great working classof people. She knew th it toils and hardships; of the sweat and grime and drudgery of life; of how little ti ic v and attention they had to give to their hair and scalp. Therefore, when she  d a wonderful formula, she made it double strength so that the first application  i be far reaching in its effectiveness. J\~me. C.J. Walker's 1 WONDERFUL HAIR GROWER grows and beautifies the . At the same time, its rich penetrating secret oils gl deep into the roots of the hair supplying the necessary scalp food and giving toni quality and beauty to the hair. Thirty years on the market, and yet, in spite of the depression, hundreds thousands of boxes are going out to women everywhere. Is your bah short, brittle, thin or falling out?, Does it lack life? Do you bare itching scalp? If so, write for iMme. C.J. Walker's WONDERFUL HAIR GROWER THE MME. C. J. WALKER MANUFACTURING CO., INC. WALKER BUILDING INDIANAPOLIS, IND.</t>
  </si>
  <si>
    <t>                                           TO CONVERT U.S.'/                 Shri Sudguru Mchcr Baba,  "Miracle Mun" who has not spoken for :: yours, in keeping with a vov.- he  le, is shown as he arrived M N'ev York, where he will bei;in         ;n to "break up A. :.." The Baba hails Ar^  Persia where he is .".,-. jd vhe "CoJ Man" to his ~!iti-:;i!fc:. He cor..s by u-.c-a;.s of Hip. a!~)}  hu 18 .</t>
  </si>
  <si>
    <t>                                           Barring inclement weather the Morehouse baseball team will be seen in action tomorrow afternoon on the Maroon athletic field at ... o'clock. The Forbesmen are scheduled to cross bats against the fiery semi-pro nine, College Park.</t>
  </si>
  <si>
    <t>                                           ATLANTA OPENED its "32 baseball Mason last week when the Chicago Memorial Giants met the Black Crackcn in a. three-game series. Atlanta won  opener 5-4; Chicago the second and third.                 -Staff photos by MaOujr.</t>
  </si>
  <si>
    <t>                                           Do YouRead EVERY World?</t>
  </si>
  <si>
    <t>                                           ZETA PIII BETA furnished the occasion fur Atlanta Society last week end, and the Roof Garden was the site. The sorors on the committee of arrangements were Ssusie M. Cunningham, president; Sadye Watson, secretary; Agnes Smith, designs, S. Grace Bradley, refresments; Julia Belle Fountain, music; and Venetia E. Nichols, business manager. Other sorors co-operating on the program in one capacity or another were Alice D. Carey, Annie M. Idlette, Beatrice Williams, Kate M. Troupe, Lois D. Bonner, Louise V. Benin...</t>
  </si>
  <si>
    <t>                                           WINNER FOR WEEK TO                 Churches Are Urged to Turn in Votes EarlyWednesday                 100 IN PACKAGE                 Who'll win this week in the bic $7no Clovcrle.'ir church contest?                 Tomorrow, (Wednesday), is the lime th.it all-important question will be settled -In the 11th week of the big contest. After tomorrow nigh.*. it will bo decided whether your church or some of the others struggling in the Atlanta Daily World, contest will receive Sunday $15 or I $10 cash for turning in the. most, votes for the week. Contest managers nre urged to report tomorrow beginning at one o clock in the  to save . for themselves and The Daily World contest manager. Reporting late In the afternoon, as has been the custom, causes the counting to go up into late hours of the night. The huge- totals turned -in recently by the:^-'Church"e3'-h ave"pi*nc-**  swamped The Daily' World and have resulted in great Inconvenience to those churches who had to wait late until earlier-corners had their  checked. Also the votes are- to be turned in to The Dally World in bunches of 100 similar tickets, which means that 100 tickets Of 6c vote denomination, or 100 tickets of 10  denomination, etc, are to be banded together. It is anticipated this will save considerable time -as in the past in many instances it has been necessary to go through the entire group anil sort out similar tickets. Contestants are reminded of the Double Vote Week which starts this coming Sunday and ends the following Saturday. At this time  ono cont spent will gather two votes! instead oi" one. It is predicted this will arouse even greater enthusiasm and Interest among the churches. It is extremely . as churches know by now. This contest calls for nothing more than buying from advertisers on the contest page and saving all the evidences of purchase. In this way churches have received cash prizes for 10 weeks and will do so for five       more, when the grand prizes of $200. $100 and $75 cash will be awarded.</t>
  </si>
  <si>
    <t>                                           Who'll win this week in the big $750 Cloverleaf church contest?</t>
  </si>
  <si>
    <t>                                           'Chute Jumper, Flyer, Drops Off in Atlanta                 By CUFF MACKAY                 "I think no more of diving from an airplane 3000 feet high than I do  plunging into a swimming1 pool" was the answer made Thursday by Ed. F. Smith, nationally known parachute jumper and . to :i query by a World reporter as to just how it felt to jump out into space from a speeding airship.                 Smith, who is employed  the Irwm Air Chute Company, of Huffalo, N. Y., to demonstrate their parachutes;, dropped off in Atlanta for a few hours visit enroute from Flor'da to. his home in Cincinnati. "I heard that there was to be a jiu alr show here and I thought I                 enter my ship to carry away some of tlio trophies." he  toli World representatives . Smith   prominence as nn airman two vears a?o w th his sensational - on Pago 5, Col. 2                 Chute Jumper (Continued from P. One) ln:r  at Hit National Air Races held in Detroit. It was at that time he attracted the attention ol' representatives of the    .vin Air Chute company, who  him to demonstrate their products. His -; defiance of all Lhe laws of  was repeated 'ast summer ;il the National Air Ibices hold in CImcuko, when! he won several trophies. "When 1 first jumped out of a plane was when I was really              ". Smith  admitted. "I was ahout :i thousand feet in the air  ii the pilot told me to Krt out on the . Jlv lees wore  together so. I could  stand. l"'inally 1 made up my mind I was coiner to do it. "1 stretched out my ,  out of the rear cockpit and ascended a precarious position on the  of the plane which was traveling about 75 miles per hour. 1  for the con! and nave a  and at the same time jumped ". "I went down for the first 50 feet so fast I was afraid the naraL l.ute was broken and wouldn't open. How  1 was to finally fool the I uir on my shoulders, whirl! told me that the  had unfolded. 'The rush of the wind deafened me. The propellor of the plane came very near ; me mid  KUiii I  1 was breathing my l:\st. I cot control of myself and f.ained enouch nerve to look down. People below looked like so many ants   the streets. "Lucky  there was pot a : wind that dav and I made it .*iife l.-'- I vowed then never lo no up . But within the next h(*ur 1 was  another try. That's the way with this  business, it KCts in vour blood.</t>
  </si>
  <si>
    <t>                                           "I think no more of diving from an airplane 3000 feet high than I do about plunging into a swimming pool" was the answer made Thursday by Ed. F. Smith, nationally known parachute jumper and aviator, to a query by a World reporter as to just how it felt to jump out into space from a speeding airship.</t>
  </si>
  <si>
    <t>                                           THE YOUNG WOMEN S CHRISTMAS SAVING CLUB celebrated its ninth anniversary with a brilliant dance given at the Savoy Club-                 rooms recently.- Photo by Hood. Atlanta.</t>
  </si>
  <si>
    <t>                                           Deliver Sunday Paper Saturday Afternoon                 Efrortiw this wci k-, llie Sunfl'iv (~ of Tim Atlanta Dally World will be  lo .ill homes in Allarin Satin-clay evening in-. of Sunday .                 This will automatically  The World the Hist Sunduy paper, delivered In Atlanta. Tills will be tried for four weeks, subject to the approval or disapproval of subscribers registered by the end of  period. If World        :; prefer their paper delivered Sunday morning,  four weeks It will be. changed back tn the .il schedule. But If the majority or thp readers pr.-fer a Sunday paper delivered io their homes Saturdav ;. this will be permanent with Tlio Sunday World. Delivery of the Sunday paper on                 Saturday will .not interfere with iho news content of the publication. It will be.' entirely complete with the "Brown Sheot" nnd all other features it ordinarily contains. Before, ..the Bulldog Edition of The Sunday World lias been on sale Saturday; afternoon. However, there has' been vory little news "breaking" between its publication and the home-del  City Edi-! tion. Consequently, a change will, not moan the quality or freshness of news ..will bo pj ected. On the other. hand, readers may look over the complete Sunday World Saturday, evening It they so desire. If It is. also rend Sunday It means a more thorough and  on page 2, column 5                 Deliver Sunday (Continued from Pace One)  perusal of its contents than heretofore probable with a paper delivered Sunday morning when most Albanians are thinking mainly church and Sunday school. In Sunday's World, incidentally. Is the opening installment of that great serial story "Embers of Love." which will be run every day on  to the gripping and  end. .Each reader is invited, at some  during this four week trial period. 10 write in and tell whether they want The Sunday World delivered Sunday morning or Saturdav evening. Bui. remember. It starta this week-end. Look for your Sunday World, complete with all its . delivered to your door Saturday afternoon or evening. It will r.ot be delivered Sunday mor.nin.8.</t>
  </si>
  <si>
    <t>                                           Effective this week-end, the Sunday edition of The Atlanta Daily World will be delivered to all homes in Atlanta Saturday evening instead of Sunday morning.</t>
  </si>
  <si>
    <t>                                           TUSCALOOSA, Ala., April 7--The American Red Cross assisted by Civic Welfare league, Ex-Soldiers club, Women's Federated clubs and Ministerial Alliance is doing its best to relieve the sufferers of the recent storm which hit Northport last week. New homes...</t>
  </si>
  <si>
    <t>                                           COMMERCIAL CLASS of Booker WaaVn*Um His* School. Memphis, Miss Dora Tood is in charge.                 Photo by Jonea-Pnrdy.</t>
  </si>
  <si>
    <t>                                           REV. A. L. THOMAS, popular pastor of Glenn Street Baptist                 Church. Atlanta. -Photo by Kelly, Atlanta.</t>
  </si>
  <si>
    <t>                                           CARS DAMAGED IN                 Robert Brandon. 13 A'Cnpitol avenue, wa3 locked up on charges of reckless driv ns  the automobile  he was driving crushed into a cut- driven by W. .1. Murphy at the corner of Glenn and Ira streets early Wednesday morning. His case has been set for today. According to Officer? Wingate V and Hardy, Brandon wns Koine north on Ira street about 5:25 that morn tig when he ran into the Murphy automobile which was traveling; west on Glenn street. Both cars were badly damaged and had to be towed to the garage. Mr. Murphy was taken to the Grady where he was treated but later dismissed. Officers wanting him for further question- V!. ing, were unable to locate him after ho left the hospital.                 DEACON JONE3 8t T P Reynold* "^i The Brother thought ho could get "by" with the  whon ho/ mid: "I AM FREE OK SIN" Tho ;5 judge said: "You mny bo li co ot sin. but D If you are '.jj be free of this SIX MONTIia'.'U'-.ji</t>
  </si>
  <si>
    <t>                                           Kappas Present Guide Right Program Tonite                 "Kiluculion anil Modern Life," will   : the subject of the speech of I'roC G. Lewis Chandler of the I21:s1i department at Morehuusc  tonight at 8:1.1 when members oi" the Knnna Alnha Psi f^  their public mass ; in  w!rl1 Vi.                 Guide Right Week at the I'Tst Congregational church. l.his movement, which lias had as its purpose the encouraging of Inch school boys to find the occupation, vocation, or field endeavor, for which they are best suited, rather  tlie urging of all of them to attend college. ;s national in scope, ami has been carried out ill all parts of the country throughout the past week. Friday, a croup of four speakers. T S Ledbetter. K. D. Days. A. Ii. Henderson, and S. Johnson, made speeches before the boys at Booker T. Washington. Clark university, and Atlanta University Laboratory high schools and the David T. Howard Juiror  school, to  the fraternity s theory of vocational guidance and                 its connection with  education. Saturday , members of the Atlanta alumni chapter, and other Kappa men in Atlanta and  r nearby towns jo;nod with the Jlorehouse  chapter in  the Eleventh Ann:il Founders Day of Pi chapter  t the Elks Hall. The local  chapter was founded April 30. 1921. The program in full for tonight, which will be under the direction of H. F. Molls is as follows: Ortran Selcct'on. Graham Jackson: Kappa Alpha Psi National Anthem; invocation, Rev. \V. J. Faulkner, pastor of the church; piano solo, Miss Roseland Dixon; welcome address. T. S. Ledbetter.  of Pi chapter; History of the "Guide Right" Movement, Dr. X. L. Ncal.  of the Southeastern Province; introduction of speaker. Prof. E. A. Jones, Morehouse; Guide Rijrht address. "Education and Modern Life," ProC G. Lewis Chandler: Neirro National Anthem: benediction.</t>
  </si>
  <si>
    <t>                                           "Education and Modern Life," will be the subject of the speech of Prof. G. Lewis Chandler of the English department at Morehouse college, tonight at 8:15 when members of the Kappa Alpha Psi fraternity stage their public mass meeting in connection with...</t>
  </si>
  <si>
    <t>                                           Have the Skin All Men Love You can t go against nature and It Is men s nature to love a light, clear, soft skin. Of all known methods of clearing the complexion of ruinous, unnatural , blackheads, pimples, freckles and other blotches, Nadinota Cream la the simplest, quickest and most satisfactory Just apply this white fragrant cream at bedtime no massaging, no rubbing. Nadlnola quickly brings fresh, youthful beauty to your skin; restoring a soft textured, smooth, radiant, flawless complexion; closing up large, ugly pores and leaving the skin Ivory-white, lovely. Don't risk your face, neck, arms and hands to cheap bleaching creams, ointments or lotions, but be aure to use real Kadlnola Bleaching Cream with Its DOUBLE ACTING qualities found In no other product. Get a bis 50c Jar of Nadlnola Bleaching Cream at any toilet counter: begin using It tonight, and tomorrow you will see a hint of the wonderful results to 'expect. Money-back guarantee In every package.  BLEACHING CREAM Ma*     *rti by / Toilet Co., Paris, Ttnn.</t>
  </si>
  <si>
    <t>                                           fts-~        a  FOR WO/*~    II ^ 1_B_  ^ BEULAH MITCHELL HILLy EDITOR- K ti/ I^C^J,</t>
  </si>
  <si>
    <t>                                           AIDING THH UNEMPLOYMENT SITUATION- More than one hundred Race wage-earners or Atlanta were given employment when construction began on Atlanta's new United States postoffice. Negroes are being used in both skilled and unskilled nm!                      -Staff photo by Mackay.""</t>
  </si>
  <si>
    <t>                                           AN AMATEUR, says Mr. Webster, is "one who practices an art not as a livlihood or a profession, but for the love of it."</t>
  </si>
  <si>
    <t>                                           Boys' Week Starts As Lads Visit World Plant                 Boys are holding the spotlight in lhc Atlanta schools this week as National Boys week is being observed. Monday afternoon, a group of Atlanta university Laboratory Elementary and High school students under the direction of Profs. J. H. Jenkins and E. J. Hooper                 of the Atlanta university faculty, visited the Atlanta Daily World Publishing house where they witnessed the printing of the National edition of the Atlanta Daily World. The various steps in printing the paper were explained as the boys went through the plant. This trip, one of a series to be conducted throughout the week, during which time a. number of industries of various types will be visited, also included an inspection of the Atlanta Constitution offices. Sunday morning, students, especially members of Troop 90, Boy Scouts, ,- tlic First CongreRational church where the Rev. W. H. Faulkner preached la. special sermon, "The Young Christian Worker." Besides the first hand information to be gleaned about various industries, special programs will be held during the assembly periods. AmonR those visiting the World pland were Raymond Davis, William Westmoreland. Phillip Davis, Lamar Cure, William Faulkner, Frank Mitchell. Charles Green Lee, Oswald Thornton, and Androw Sander*.</t>
  </si>
  <si>
    <t>                                           Boys are holding the spotlight in the Atlanta schools this week as National Boys week is being observed. Monday afternoon, a group of Atlanta university Laboratory Elementary and High school students under the direction of Profs. J. H. Jenkins and E. J. Hooper...</t>
  </si>
  <si>
    <t>                                           ' ^efc Me Cure You!     ^BbSBK5 IMINT DKI.AY! CAM. AT !                M ''""'!               'M*T$*^.  ran)B$I  ot:r iU**ii c  [~~r,  you to emit Rut] ure me nt oner. ?Uyi^^        TmlBmi  rrr ri-.ru., In tori. /*a!fli3i2 S^^^ "n^pt (Main! with my pure nature herb* with   ^8^*     .K OR"l".t; CAM. OK WHITE  .DR. T. Y. YOUNG / BfS^ WITH THK OltlKNTAI.  CO. TTTrOtMi. ni SI-MB IIEItllS AND IIKItllAL COMI           "~'h A tu"   "T 1       of Hie Human B.*~r cO@B CAMPBELL COAL I TODAY S CASH PRtCCS TON BUFFALO (Furnace EJW) $5.50  (Round) $5.75- (Block) $6.00 BLACK COMET (ROUND) S6.00- (Block) $6.25 RED STAR (EgB)  6.25- (Block) $6.50  COKE $7.25 We  bait!, nt  100  eMb- SI.QO CAMPBELL COAL 00. JA. 5000 240 MAHOnTA. N. W.</t>
  </si>
  <si>
    <t>                                           2 With Weapons Held Under $200                 Two men charged with currying concealed weapons were bound over to City Criminal Court under S200 bonds Monday by Judge A. W. Calloway in Recorder's court. Charley Wilson was round to be in possession of a 22 calibre- pistol. John JenninS-v arrested at the corner of Buchanan and Currys streets, i                 according to police readied for his gun when they appro;. Jenning* denied that lie was attempting to fire on the officers but was merely attempting to  the gun away before police found it on his person. He  that hc  taken the gun in pawn from  man.                 'Round World Trip' Was Greatest Ever                 It was one of the greatest ''around' the world" trips that Atlanta has ever witnessed. That was the con. senus of opinion of more than 400 people, who boarded 62 automobiles in front ot tne Hanley company Monday night for a swift police escorted journey to Ft. McPherson. There, .'ill were the guests at the home of S. E. Gore. Jr. The trip was sponsored by the White Rose club of Big Bethel church. the Augusta Savings club of the American Woodmen, ant] the Hanley Em-: ' Jolly Bunch. Two motorcycle officers, the sirens of their machines wide open, cleared traffic for the long string                 "oC cars. Stop lights for once had r.o terrors tor motorists. Street cars stood back to let the motorcade by. and all along the streets, porches of both white ami colored families were adorned with people who came out to marvel and wonder. But the real marvel was that none or  whu made the journey woi e lost in the return trip,../uul no mishaps, us blown out tires, lack of gas .held up the p;.                 All That GUtters Isn't Gold: Then What fe Paper? One thing; let me tell you honey, All  crinkles isn't money! E.N.D. The delivery boy wh,o works for Acfcims cafe. 19 Forsyth street, went to the basement of the Union station this morning to deliver a lunch. He found no one there. The white man who met him and whom he had given change for a five dollar bill, minus, of course the price of the lunch a few moments before, told him to take it to the basement But he found no one there. Puzzled, the young man returned to the cafe nnd received quite a I shock when. Jimmie Botrus, mana-j ger of the lunchroom, called him back to the cash register. The five dollar bill that he had placed in his pocket was nothing other than a cigar coupon. The  Is described as being about five feet, eight, wearing a blue suit and gray cap. LUNCHROOM IS ROBBED Burglars entered t h lunchroom and grocery store of M. E. Samples, 515 Robblns street, sometimes early Monday morning and stole a. large quantity of tobacco, cigarettes, canned goods and other foodstuffs. Officers Sewell and, Sexton made an investigation.</t>
  </si>
  <si>
    <t>                                           WILLIAM ALFRED DAUGHERTY, of Lake Forest, IU., is greatly missed by Atlanta musk lovers for Wb unusual ability as a violinist Hr. Dangherty is a 1931 graduate of Morris Brown.                 Photo by nelly, Atlanta.</t>
  </si>
  <si>
    <t>                                           Punish the Killers!! MM ^fl^ wanton slaying of C. L. ^H tI 1M ^'- veteran and well known Mf^m JBP educator, makes the '13rd Negro ff H f^BL who this year has been wantonly 4^^JBb m H killed. May the police bend every *^^^BP B^^B effort to find his slayer and then H ^Q0^ let the courts Punish the Killer!! i i</t>
  </si>
  <si>
    <t>                                           "TELLING TOMMY"                 'By Pirn</t>
  </si>
  <si>
    <t>                                           MEMPHIS, Tenn., April 11. -- The third all star colored card at the Lyceum Club will he staged April 9 with Promoter Van Day managing affairs. The main go bout will be between Herbert Price and Reed. scheduled to go the ten round route.</t>
  </si>
  <si>
    <t>                                           NEW PASTOR                 KKV. MICHAEL I.-K KING Ktv. Kiiik is thi- 1 y .ailed  10 Hi- F.bi ii-wr I5;        Cliurcll, .-ucci-i-cli:,,; 1)!,. I;,!.. Ui A i U.          . II.. 1;; ,,f SylviM bry:.ni Inaitut- :,   MwellOUtiu CulIcK--.</t>
  </si>
  <si>
    <t>                                           JACKSON, Miss., Apr. 1.--(ANP)--One of the strange stories that "Ripley has missed is that of Millard Burwell, a boy with "a beautiful voice" whom most of the influential white people in Mississippi Governor, Mike Connor on down, have got...</t>
  </si>
  <si>
    <t>                                           Wild West Shooting Settled                 Charged with shooting at Fulton 78 Horton street. N. E. February 29. Ernest Roebuck was given a 12 months term by a jury in Judge Humphries court Monday morning after a short deliberation. According to witnesses Mr.,Custer. wns sitting on his front. porch with his children when Roebuck; and another mnn got into an argument that ended In Roebuck, who was armed with a shotgun and his  who was wielding a wild pistol, exchanging some 8 or 10 shots with no one getting hit. Mr. Custer objected to the  and begged the combatants to censo firing as he was afraid that one of  youngsters would be hit. Roebuck, became  at the request and slated that he would "just as soon shoot one as another. Mr. Custer was slightly wounded by a few of tho shots in the charge fired at him by Roebuck t0 em-~  his remarks. I LAY PLANS FOR NATIONAL ASSOCIATION OF MUSICIANS . Tenn.. Apr. 12- (ANP) Final plans are being made for the entertaining ot the National Music Association. Mr. W. D. S. Bradley, chairman of local branch, was granted a leave of absence for a week with pay donated by Superintendent Harry Clark, white, in appreciation to complete plans.</t>
  </si>
  <si>
    <t>                                           indigestion I sick at your stomach DONT expect to enjoy eating, or to escape sour stomach, heartburn, gas colics, or a flick. feeling at your stomach, when' your bowels fall to move regu-i larly. Take Thedford's Blade-, Draughi to clear up  and re-, ^ lleve -; s ! Potion. A $88HHfi to feeling fol-'     $iGk Ur"1 lts natural, ^  ^f^Wfflk cleansing action.' ~^~~^   ^6? **I have      ^J^ra^? Black-Draught for v^^^^^^^^A ft ' tlm0*   1#   $r%f*Z$r::'-wt 'nat thr** years m^^B^^^^^ hava     . I     SrBnWj. for Inalgwtloo. ^P^^~^1^^ . I hav*  wli$        //Jf Pains and a tight        $~*        Draught  a^K^SW/ this. It la alao K%??l$a%6Sal Kood /or           tho dull, tired.  OUt feeling (from constipation) and head* ache." Ludoua Dickw,       , N. C You ought try this . Get a pack-  ago at the IBKttijH *A Vi\A 0 drug store, ^^^^WP0 wS4 I today. Only I ll '7'\6 Tfj 1 1 cent a dose.                  [~(]~~~~~~~~~~(         ^    ]^~~~^</t>
  </si>
  <si>
    <t>                                           NEWYORK, May ,31.--And address to the nation, drafted and adopted by the 23rd Annual conference of the National., Association for the Advancement of Colored People in Washington, was made public today in full, together with the names of the...</t>
  </si>
  <si>
    <t>                                           Let Me Cure You! DON'T DECAY! CAM. AT ONCKt For 23 * I have ht+n CUTUNfi      *  hn*     mutter what /our      )~ Is* no mailer how ~*      .~e may br. I ur*e          rait and ttm me at No *!  or  Apfratlom. All 41; n?      with mj purr nature  with   OR*VFRMaV.R CALL OR WR1TK, DR. T. Y. YOUNG WITT!  ORIENTAL  CO. T.,,,,,, CniNESF. HERBS AND HERBAL COMPOUND '.l.".       n.rh A Co" '~r E*~7 ni...~~ of Ui. Hojncin Bodr H"h ,.12 Edpw.n.1    . Wt 2IM All.nU.C. SpfcUllnt      - I A. M. to P. M. 2.1    . In Atlanta Join the vast Radio Audience of the  listen to the big air favorites keep abreast the 2j$ times buy a Radio! $f See the Radio on  Yates and Milton's Drug Store It*     combination Radio, Clock and.;Book;,Ra:     and is your for $40 cash- or $5</t>
  </si>
  <si>
    <t>                                           DON'T TRY TO CROWD too much into your crania with grad time going on, gentle fans, but by all means strike down in your calendar Thursday night, which is singular for its promise of the sizzling Cotton Revue Bull and the Graham Jackson music fest on the Glee Club program at the City Auditorium. The Cotton Revue Ball, given on cabaret style with Neal Montgomery playing, will be a Sunset Casino feature which is certain to pack 'em in, while it will be difficult choosing with the previously mentioned card slated for the...</t>
  </si>
  <si>
    <t>                                           "Dr. Jekyll and Mr. Hyde" Is "The Stuff Dreams Are Made Of"; at '81' Theatre                 Robert l. Stevenson dreamed Dr. Jfkyll and Mr. Hyde,"  is considered today "no of the  mystery thrillers of II lime. This   f:ici was brought Id HkIii in i*~*s4*iii*ch into the spirit uf i he mory at the Paramount stud- los whore I'redric: March filmed the  dual- i-    . InvestlKntion  that Sn/vr-nHon had been seeking ji story in which to embody his theory of the duality of mien s . Mrs. Stevenson, lxM-self described the . 'In  small  M of one mornin^." *he said, "1 wan  .by i:\ ii-s of horror from Louis Thinking he had a , I                 cd him. Ho said angrily, 'Why did you wake ma up? I was dreaming a        boxi/y Kile-.' I had  him aL ihc lii si        (i fn; .scene." Within a year  the - 1 (ion of (lie       . Hi** story was  d for Richard M:   (iL-ld, \     fir.st produced it in Ijonton in 18H7. Now "Dr. Jckyll and Mr. Hyde" is lhc.         . ai Bailey's Ml Uu'uuv fur 2 days. First  tonight, then Mond:~y :md Tuesd;iy.</t>
  </si>
  <si>
    <t>                                           Pushing two runs across the pan in their half of the eighth here yesterday by slamming G. Mitchell for two of their singles in that inning, coupled with a free pass and two miscues, the Atlanta Crackers nosed out Montgomory-3-2 in the opening game of a three tilt series. The...</t>
  </si>
  <si>
    <t>                                           i fek n Atlantans, like no other Negroes anywhere not served Mf-M^ H ft The Daily World is proud of its ability to give real scr- A ^M 5^. B _iT%. "PL A -W ^m 1 v this i ne"sP^     need not wait to find out what H B BLm,. -BL vice to our readers, and believe you are proud to have the   8k ' '^f 8 ^%fl Said \/8   %Z  -Ti w uIl     : here andl elsewhere are .   f 9 ^% WTM IT only Negro daily published anywhere in the world. Work- iT% ^k A ^Ji '\~~$$ B Yt ^3 ln vour rta"y w^     thc "ews may be found when it hap- 1\ ~%JB I ing hand in hand, are there any  which we cannot #O% 'WW O'^P "r [2--~- :':'":"'::"''\..tf^</t>
  </si>
  <si>
    <t>                                           This writer, having the very highest respect for all ministers, wishes to mention the extremely noticeable broadness on the part of one, without censuring any of the others.</t>
  </si>
  <si>
    <t>                                           In tennis circles throughout the entire South, much interest is being centered on the fifth Annual tournament of the Florida Tennis Association, which will be held on the courts of Bethune-Cookman College, Daytona Beach, beginning Monday, July 11th, and continuing through Saturday, July 16th. This is an Anniversary tournament, for the Florida Tennis Association will celebrate its fifth birthday in that, beautiful little city an the Halifax where its very first tournament was held. The Association has grown marvelously since its organization in...</t>
  </si>
  <si>
    <t>                                           #?    [ A PAGE FOR W /toft F K/ II ^"Mit ^l,lj;B s I ;,r^^vJ  M^    H.^^ogr *m L recipes ;s</t>
  </si>
  <si>
    <t>                                           'Above is the order for the $lu,      ut credit on the Kquitablt: Trust' Company, which J. Allen Smith of Lhc Equitable Coach Company, the franchise of which the Ilofstadtcr Committee is investigating, purchase.' far Mayor James J. Walker (inset), of New York, and which, it is .t ?    for Walker's trip to Europe in the Summer of 1027. Mayor Wall'-;win be asked to explain this and other things when he appears before tli?i Committee. The lower document is one of the cheeks the Mayor  in Rome  his European tour.</t>
  </si>
  <si>
    <t>                                           There is no doubt that a woman's hands, soft and well-cared for, are most alluring and heart-catching to the person who adores beauty. For woman's hands are beautiful and it is only when neglect and lack of care roughen the texture of the skin and make the knuckles swollen...</t>
  </si>
  <si>
    <t>                                           I 1'    "'~..v s **V^ Open To The Negro Churches Of Atlanta Only Three More Weeks Now + Don't Wait! Buy from the Merchants and Businesses Advertising on this page and Kelp Your Church in its effort to I share in the substantial Cash Prizes being; awarded on the basis of buying and the payment of bills. 1 Rules as**! Regulations     f^?,enter '~.nna xt any time         benefit of mutual benefit in that it provides you an Whatever constitutes the evidence of the  weeks of the contest... No cost or red tape opportunity to help your church without extra cost to tion will be shown in each advertisement .'.If it        f h  the contest Simply you. ou wiU continue 1 - the best possible should be a cash register receipt and it shows that you FntWo?T k "TV                    7 Price.- ind the best qualit.- merchandise for your BDCnt     for instance, the receipt, sales P#sls5ill SISlsis ^a=-~?   the whole conation be solidly supports the con- 17 WoHd^ ?     or chuS com- LEAF" thcy    in ""*% The mm- v, u mittee the - of such purchase And watch     each cent spent in T1,S -~k whose names appear on this page, future is.-. Atlanta World for announcements Simply start saving your evidences of purchase ^~c ^^n-^ -u, Ita        are  as to wh-r :  .- / of purchase or receipted now today Anticipate the entry of your church  .. s s na?le imPlies' the bills nv. vd. In some cases it will be the cash At the close of the campaign ?375-00 in grand \JiK LEAF is designed to be of Mutual register -v-: others it may be a coupon tal prizes will be awarded. I -soap Reatf Eviry Afiveipft  Caref tally [shoe repairs                /itt         fZ \   f^ rCD EC Phis Ad Good for .         ' VJ \}%. \J ^CK8 tO Uny Shoe Repair Work or: Octacon Cleanser Octaeon Powder "c Lo"o5 ?."vo1"P,~h"I""r' Hat Cleaning. ISS^1 '11 h ^QuERS STORES. Off 6T YOU               ^M  S; ^^H TooolK Aii OpportuBijty to Help I Vj ^Tw ^r; H X^ CUST0M SH0E i AUTO TIRES lt^ho%S^^i^aS!^Zv^s^        i^ffi ^^fflS^^^^^^^ -TZ^sZ^lor' ~^T^^i^i^^  ^^^"^^^T^~***"^"^"*^T^""^~^""" Cn U  If!  on (None Nailed) AmSoTiLK THE ATLANTA WORLD S CLOVERLEAF   i^^T^^j A Pr"P^5OTtl P^i 3"i'      groceries your meats produce everything in KoRers Stores' complete stocks mid UE- .             ,           * ^~vv^v//       CLOVERLEAF CHURCH CONTEST COUPONS YOU arc entitled to one vote for every cent Tires, Tubes and Batteries you spend with ROGERS stores. I i  i 1'here s otic in your neighborhood When you buy the following items from  ;".-/r5ES you cot a I AlTTPI^ Irt gg T?g I One Dollar does the wort DOUBLE VOTE VALUE the  COUPONS which nre good- vote {or each cents the item cost* IT**  rf lwo you and one vole for each cent up to thb maximum, retail  of the^package carton or  cap: I .g-  I.1LY FLOUR for ~-vory  7011 spend for While      aiid vnt* tbe  CLEANSER CANi r^rli  I1 3  "IO  *oa Krt     !   "l on  nd when you      the While K"1"1   r tln-. UU1UUU LlUglV M  k nn h R  CAKES E.~ry  r.PPcr I. co.i.1 for  Itcmcm. I ,7 bcr that when you huy Cnrrol Cuke* from K.   -ts you ^ct     * i:. Dm.. T^Via^ I  CoU"~" ^ou buy White Ltly in all k.xcs. onu voto for      cent you i.pend for them plu. what you Oily 1  I company OCTAGON SOAP Alao OCTAGON SOAP  .     get for tho  when you      '.hem. I 711 Marl.tts St. Ma. 3126 OCTAGON CLEANSER And PALMOLIVE SOAP BANDS Save DOMINO SUGAR When you buy DOMINO SUfiAIt from Roc- J\e\V Hi P.ttr, St. Ma. 3383 and vote the OCTAGON SOAP WRAPPER alter you have clipped thf       'in       .or , "".I"" RT "If" 228 P. SL WA. OUT coupon out of It The wrapper with the coupon removed I.  orth Ilv.      nck "Tr""1 '"% "U ROaERS COUPONS and when you r XIUirOAT 1?^ 108 W. Crt. S,. DK.  , De.  Jl vote You don't h.ve .0 cut the  out unless you want to  w"J?dT "h,           DOMINO  "Kt yCu" %iC i ^tit, V KULti 1 VOTE OUR RECEIPTS S*"~     0 S0            Tch U ioo-I for rive  VOTE VALUE. I GET A BIG ONE! I I DRUGS I CLASSIFIED EAST P0INT I FLOUR I } f CHEVROLET CO. BUY  REUinQ 7Z.  n.l  your. Church BUY DON'T forget the drugs and sundries ^ otes for -Aisothree grand prizes w F1  ?I ST-SL DRUG STORE WhenvSuUse Buy That Used. Car J. Allen Smith to be awarded at the 13188  ..n. stor. wlth n,., ,. THF ah Mau*. mi Pr.   Two Convmlcnt StorM MII,IiS AMOS, rh. C. Mannoor lilt HILHlilA Whether If. a New Or or Vnti White LllV -AIM_ Asllbr at Hunter St., S. W. , V IMnni l\ V"   wilh"'  'h c nl TflUtO XJ11J 1st Prize $200          .  nd Soft Drink. Phones: M.in 6122-6123 3 WORLD Vou Spent.With., TJl],,,.- One -Vote -For -Your -Church -With C late Sodil Cfl. rr AUOIPIPn A Tic FflCf Pfllllt' JciOUr t, z-rr. ETcry Ccnt You Spend with u. N w CLASSIFIED ADS CaSl  T7 r rn Flour ?2" T j- sr^,LToN L,,h;rJ:.l;r ^ Chevrolet Company Sack  ood for Votes for your 2rd Pme 75 PWeW^MoT E c.h ^i^r   .Ipu, ATLANTA WORLD EAST PO.NT i "7F.    .,S.W. MiL4,.4~^ r..      CLASSIFIED. ADS. ALSO MARIETTA SPRING EAT SUGAR RADIO RADIO CIRCULATldiTj CAkES^, I 3      .gB R Huy BUf For Every New Subscriber ALL CARROLL CAKE ^8?ead ion RCA Vicfrola  .,rTl -and save the wrapper, for  5V   ~"B   " C'"""Chi wt""v" C'"~H Cske.      jw\m\BmBllmBT Styles pr;,e. Subscription 1.000 Vote. 1)OU''ht  tei for your church! Also the WB Off SSSbBPV M B WFM" To Moet Your Purse 6        BUT *raps Irom: Mjf Subscription 300 Votes WIikh  T r     tTQ .1 Your Taste To M i Triian ^.MnnuLtL. ^AliLj Htfi i Months .ought from ROGERS STORES Bam by Wholewheat QlRtft fl R T T^ 5            ....!._250 Votes double Toto value- Bread SUGAR And Enjoy the Best ,n Radio Reception Ore        JM vo,e for ev.r, P.nny yOu Bamby Tea Rolls And Help Your Church          Wlh E"h R" C A" V'~" ^'"^sc^^^ ^^^C^'c^^ Everr Domino Cnrtoon From The FollowinR Stores  1U Then you vote the wrapper Bamby Junior Loaf ^"V^Z w S2*. Thfi  Jl 'nii "7 """"V010 Bambv Sliro^l T nnf 1    . fo, E.cy cTt You       to RHODES-WOOD MUTUAL 8 11c  uo for your church.   Loaf Domino Surnr-SlmrTy Vote the Il.~ FURNITURE CO.  T m* mi, ...I V A;M" IB A -I* Atlanta Baking. Co. '^SfT si=s Daily World Carroll Cakes; mmm^mmmm "Swettcn n TVlth Domino" 28S         gt- N- E- 41S Marietta- n. w. And h.ip Your, church KRE AT^       f A^RITE</t>
  </si>
  <si>
    <t>                                           HOLLYWOOD Calif., April 27.-- At 12th and Central avenue, where for years male extras have gathered to await the magic summons to the studios, both sidewalks are crowded with man and women these days. They have been anxiously awaiting the call from Fox...</t>
  </si>
  <si>
    <t>                                           Know Your Futon Your 1932 Forecartand Guide Free Trial Reading. Send Birthdaie tad 2 Stamp*. Aitro AdTiu. Bo, 1832,         ..Norlti Carolina.</t>
  </si>
  <si>
    <t>                                           GEORGIA wig-AW 1 C/* ALL THIS.WCKKt I *^*w Ortatnt  t IlkMte   THE CROWD ROARS ^rr-TMC^ with      OAOXyT Jf" Cash Prizes!; -ARE OFFERED EACH WEEK TO CHURCHES. SHOWING THE LARGEST TOTAL OF TICKETS. Ask for Them When You BUV AT- VRogers</t>
  </si>
  <si>
    <t>                                           SANG 21 TIMES IN N. C.                 GREENSBORO N. C- The College Choir, Ben- net College for Women, under the direction of Miss Marylou Jackson, recently" filled 21 engagements in the state of North Carolina. They                 ed Sunday, May 22, at the Vesper' services 6f North J Carolina college for Women, probably the largest single institution for white women in. .the South. The choir s program is varied: both classical and folk music arc listed in its r repertoire^</t>
  </si>
  <si>
    <t>                                           High and Fly Sends Many To Stockade                 Fines $12 or twenty days in the stockade were meted out to six men arrested by Detectives J. A. Preston and S. C. Tuck Saturday at 269 Green street. Eight were originally caught in the Green street raid, but two failed to appear in court. The men, police say were  In gambling wnen they entered. Asked by Judge J. L. Cone of Recorder's court, what they were playing, all responded nothing Finally nn aged man stepped forward and volunteered thut the game was called "rise and fly." I "Well," replied Judge Cone, "rise $12 or fly to the ." I Nonepaid" fines.</t>
  </si>
  <si>
    <t>                                           In the new Atlanta University library which is to be dedicated on Saturday afternoon, April 30. provision has been made for many years in the future and for the development at Atlanta of a large and diversified university center. In the stack rooms of the new...</t>
  </si>
  <si>
    <t>                                           lip From Georgia With My Banjo By Thomas Jefferson Flanagan THE PROFILE OF DAY The bluebell charms' the sky tint that morning (jives the day The lily sips the ermine from the cream that crowns its gray, The roses lock the sunset that flames the golden west And the violet grasps the purple that curls the river s breast. The sifting stars' dust glistens upon the apple tree And the wide magnolias are moon enough for me And by their lights I wander along my  gay Where my flowers mirror the profile of the day.</t>
  </si>
  <si>
    <t>                                           She: "Why, darling, your complexion is-'as smooth as mine now... '~nd blackheads like you used to' have." Ho: "Well, smarty, why shouldn't it be? I used the same Epidermis Stagnosis treatment you used Palmer's 'Skin-Success' Ointment Works like a charm, doesn't it? And costs only 25 cents I i</t>
  </si>
  <si>
    <t>                                           +- Child Asleep on Track Narrowly Escapes Death from Locomotive                 CHILD. FIVE INJURED BY TIN Kiddie Was Asleep on Track Near Whitehall NOW IN GRADY Only the sharp eyes of Clinton Shelds, fireman on a yard engine on the Centra] of Georgia railroad  saved the life of five-year old George Wiley of rear 71 Whitehall street. The child was lying sleeping on the tracks when Shields happened to see lrm just as the engine was backing some box tars down the rails. He warned the engineer just in time to stop the train from crushing out the child s life. At Grady hospital it was d  the boy was suffering from a broken thigh and an injured heel of his left foot. He was admitted to the children s ward for treatment. Telling a World reporter just how it happened. Young Wiley,sa;d his mother had sent him to the store and childlike he stopped to play along the way. However, he chose to play on one of the box cars standing in the Central of Georgia yards near the General Electric warehouse. He got tired and fell asleep, one leg stretched across the track, I when Shields, chanced to look from the window of his engine and saw the youth. At the hosp:tnl Saturday, doctors say he was "resting easy."                 SEVEN KILLED IN  There was a noticeable decrease in automobile accidents for the month of March. 1932, according to  tabulated at police headquarters, Saturday morning. During tills* period 199 accidents occurred. Eight persons were injured and seven killed. According to Officer C. J. Shillings, these figures are about 75 per cent under the</t>
  </si>
  <si>
    <t>                                           The Builders Bible Class of Beulah Baptist Church held its regular business meeting Sunday afternoon at the home of Mrs. Eliza Watts. 217 Linden St., N. E. A large attendance was present with many visitors. Mr. R. L. Herndon was with us and we always...</t>
  </si>
  <si>
    <t>                                           SWELLING REDUCED And Short Breathing relieved when  by unnatural collection of water in , feat and legi. and when  above anklet  a dent. Trial package FREE. COLLUM MEDICINE COMPANY. Oept.sgo, Atlanta. Ga.</t>
  </si>
  <si>
    <t>                                           CLOVluJAF Cjjjj CONTEf g Open To The Negro Churches Of Atlanta Only Four More Weeks Now + Don't Wait! I Buy from the Merchants and Businesses Advertising on this page and Help Your Church in its effort to I share in the substantial Cash Prizes being awarded on the basis of buying and the payment of bills. Rules and Regul^ Any church may enter and at any time during benefit of mutual benefit in that it provides you an Whatever constitutes the evidence of the transac* the fifteen weeks of the contest No cost or red tape opportunity to help your church without extra cost to lion will bo shown in each advertisement If it attached to any church entering; the contest Simply you. "iou will continue t' " the best possible should be a cash register receipt and it shows that you write the contest manager or telephone your entry prices nnd the best Qualit. merchandise for your SDcnt 3.?  for instance, the receipt,' sales church tr^S.maf,be^e by  he pastor in behalf of his mon- when you bi* from  merchants. f. ctc. will be an evidence of the church, or by the chief officer of any important sub- 1 _u will be accredited with one vote for your ,ilW1 t. v      5 for vour church" division of the church Only one sub-division of any chun .r each  you spend with these advertis- fact $"* y0U are CntlUcf ,tO 32 V SJS? church may. enter, however, and it is advisable that crs, or pay on ,' provided you vote with the I1fv?l4?ons ~~?~~'~} b-v }"/  1 thp^ GLOVWi he whole congregation be solidly supporting the con- Atlanta World, through your church or  com- LEAF they Wl11 bc '     1 in            f  ne     mittee the -.- of such purchase And watch for each cent spent ine merchants whose names appear on thi3 page, future is. 1 Atlanta World for announcements Simply start saving your evidences of purchase in cooperation with the Atlanta World, are making as to  n--- : of purchase or receipted now today Anticipate the entry of your church ~'PTSrvfn?SaiSrn pos?ib!e As its name implies, the bills nv. vtl. In some cases .it will be the cash At the close of the campaign ?375-00 in grand  LEAP' is designed to be of mutual register t others it may .be. a coupon tal prizes will be awarded.</t>
  </si>
  <si>
    <t>                                           ' Let Me Cure You! ^^Spwfir DONT DELAY I CALL AT ONCE! 3 fc.          -i For 23  I have been CURING people right here 4 ^ffi^~KlffiS in AJlnnta- thousand* of them I I.* i^t^HHp* No matter what  trouble in. no matter how 1*110111 "-mT^^'FhC^ct four dint* pc mar be, I  you to call and *tt me at once. :~i1^BmES Treat  I4 very  in cost. 4 ~~\"*'to:8iff'    *~ d"         or-  *. AH dl- *^Wp^5888ir^fC*sr* *'ral*d     my pure nature herba with astounding I 5^KSHw^miJ!Le or Tdule call or write C^S^ DR. T. Y. YOUNG Ih^  THE ORIENTAL HEltO CO 4  -TT-  HERDS AND HEnBAI- COMPOUND 4 UIU T. V. . A Curr for Ercrr Dliran of Ihc Human Uodj 4 t amona Ilrr*' 1J2 Eiltewood Ati. WA, 2189 Atlanta, Ga. 4 Surciallit ITourm- 7 A, II, In 9 P. M. 4  23 Tn. In AtlanU 4</t>
  </si>
  <si>
    <t>                                           BAILEY S "81" THEATRE WEDNESD A Y- Tl I  V- FRIDAY Oscar Michoaux's All Talking Super I'roduclion "VEILED ARISTOCRATS" WITH' AN, ALL STAU;COLORED.CAST</t>
  </si>
  <si>
    <t>                                           Atlanta university, whoso  was formally  on Saturday afternoon, has become th possessor of a uniquely valuable collection of documents and other items bearing on the life of Thomas Clarkson. noted English abolitionist whose activities durine the                 18th century were  in the outlawing of Negro slavery. The collection has been brought to Atlanta throught the  of Dr. Anson Phelps Stokes, canon of the Washington. D. C. cathedral, and the Phelps-Stokes Fund which made an appropriation to Atlanta university for its purchase. President John Hope announced yesterday announced the dedicatory  of the collection, consisting of sixteen items. While Thomas Clarkson 's not as well-known in America as some of his successors in the anti-slavery movement, he is regarded by historians as one of the prime movers in the effort to abolish slavery Continued on Page 2, Col. 1                 A. U. Library Continued from     * One j from the;heart,.and the man who t interested Wilberf prce and the other. Enclish leaders in the cause of abolition. 'According to Profossor Klingberc of the University of 7 California, author of "Ant:-Slav"~ory Movement in England," Clarkson has rece:ved much less than his share of credit for his services in this movement. Chief items in the collection are Glarkson's essay on slavery, written in Latin in his own hand, and a copy of the same, apparently in his own hand, with the following endorsement: "A complete copy of the Latin essay on the S. trade which coined .the first prize at Cnmbridire in about 1785, and which afterwards accomplished the abolition of it." Enclosing the=e items is a folder with the statement in Clarkson's handwriting in which ho says that the essay "may be sa d to have been the cause of all that has been done on the subject (i. e. abolition of slavery) throughout the world." Other items include an 182G edition oT to Now Testament with a  by Thorns Clarkson, J 'an anti-slavery medal with bas  of Clarkson, a Wcdcewood anti- medal, journals and .letters, and considerable other material bearing on his life.</t>
  </si>
  <si>
    <t>                                           Atlanta university, whose new library was formally dedicated on Saturday afternoon, has become th possessor of a uniquely valuable collection of documents and other items bearing on the life of Thomas Clarkson, noted English abolitionist whose activities during the...</t>
  </si>
  <si>
    <t>                                           AMES BEGIN CLEVELAND                 1,600 Delegates and Alternates Answer First Roll Call                 PARKS PRESIDES                 .LAND, Ohio,   .y 3.- The -ninth .sr^sion of the 1 general conference of the A. M. E church convened in the Woodland Avenue Center hero Monday. Bishop H. Blanton Parks, D.D., Cali-j fornia, senior bishop, presided over the sessions. I                 Tlie quadrennial sermon was do- I  by Bishop W. T. Vernon of the  Episcopal district. The consecration of the holy communion Bishop J. A. Gregg. S. L. Green, R. A. Grant. G. B. Young, M. Davis celebrants. Eight thousand visitors makes tho church parley unwieldy to wholesome legislation it was said by church leaders. Dr. R. S. Jenkins, of Texas, was re-elected' secretary? and Drs;- W: Boyd Lawrence, of Savannah, Ga.; J. C. Beckett of Philadelphia, and A. Wayman Ward, of Chicago, assistant secretaries, Marshals were named and confirmed by the body. All committees were announced and corrected. A resolution that tho f laymen have equal representation on the Episcopal committee was defeated. A program of welcome was observed Monday night as follows: Continued on Pace 2, Col. 2                 A. M. E.'s Continued from page three Bishop W. H. Heard, D.D., presided. Welcome on behalf of church,  Dr. D. Walker, pastor: welcome on behalf of the city. Mayor Ray T. Miller: welcome on behalf of the Ihlrd Episcopal district. Rev. R. H. Bumry: welcome on behalf of the Interdenominational Union, Bishop C. S. Phillips, C. M. E. church: welcome on behalf of citizens. W. E. Davis, civil service commissioner: -welcome on behalf of the state of Ohio. Governor George C. White: response to the .Govcnor. Bishop J. A. Gregg. Kansas City. Kan.: response to the mayor. Attorney F. B. R?.-. IndianaDolis. Ind.: response to other addresses of welcome Rev. W. H. Thomas. Washing- -ton.</t>
  </si>
  <si>
    <t>                                           CLEVELAND, Ohio, May 3.--The twenty-ninth session of the general conference of the A. M. E church convened in the Woodland Avenue Center here Monday, Bishop H. Blanton Parks, D.D., California, senior bishop, presided over the sessions.</t>
  </si>
  <si>
    <t>                                           Held its regular meeting at the home of Rev. and Mrs. E. M. Giles. Business was briefly carried out. Two members are reported sick and we are asking all members to visit our sick. A delicious menu was served. Next meeting will be at home of Mrs. Annie Sumpter on...</t>
  </si>
  <si>
    <t>                                           PiS2tai e i to Ft ial ^EEiii</t>
  </si>
  <si>
    <t>                                           1 _J ONLY NEGRO DAILY NEWSPAPER IN "mE WORLD I Jj M H B Hri     1</t>
  </si>
  <si>
    <t>                                           Attacked Taxi Driver; Bound to Grand Jury                 Namid un one of three men who on Thursday night attacked William Hixon, a taxi . with knives. John McKlnney, Monday was bound over to the Fulton grand Jury under $1000 bond by Judge Cone In Recorder's court. McKlnney. it Is said will probably be Indicted on a charge of assault with intent to murder. Two other men  by Hixon as his assailant whom ho knows I                 as "E!m6" and "Buck" were.;f: released under $200 bond to ap-j';       in Recorder's court on Aprils 27. Hixon  ot 30 B Electnlc;; ;. :".i According to Hixon's testimony,;;, when he sought to collect his tare* from Ltlliu Black she called  three men who ^ to boat.,: him up. Hixon admitted that, hc^ :iad been "Soina" with the Bluck",;.  Tor two years and that thcy/jj ^ad bL i-n angry at each other; at:; :hu time of th.' attack, which- .oc-.: : at 3-M Hills . the,  oC Ruth KiiiR. Mihs       ;, sister. II took doctors In the emergency^.' : of Grady hospital more than; :our hours to stitch up several deep  wounds and laci- in',. :Iixon's mouth and back, whli li     received at the hands of the                  IN WALKS INTO M01 Knocked down when he stepped backwards into the pathway of an automobile about 8:30 Monday; morning as lie was crossing the j intersection of Bedford Place and I Forrest avenue. Burl Parrlsh. 194 Cain street wa.s taken to the Grady I hospital in a very serious condition. I According to Mrs. Carlos H. Mason. 1189 Ponco de Leon avenue, the mnn. who works at 288 Forrest avenue, was crossing .the street diagonally whi-n she approached the intersection. She cut her car over to the right as far as possible but Hie man. instead f going forwards, stepped backwards directly In front of the automobile. Investigating officers wore told by Dr. E. L. Rice and Mr. Weather- wax of the Grady hospital that, the man was drunk and reeked strongly of liquor. He wiis so badly I bruised about the head that lie was admitted to the hospital.. It Is  believed that his skull is fractured, i                 Son in Law Goesf After Shooting f Wife's Dad i The rent argument between Will;; Smith, 3G1 Tot" sired N. W.. andj. his son-in-law. Jackson Jones, Sun-si day, which terminated in the shoot-yj ing of the older man In  arms, remains unsettled as Uif orma\ r tion comes from th? police depart- ment that Mr. Jones has not. been arrested. According to Information fur- J nished the police ;nt. thn j; two men. who live in the samo house, got Into a fuss "8:3Dv. Sunday morning about the puy- ment of the rent. Mrs. Smith. and;;; Mrs, Jones were unable to mop the :j shooting of their husband :antt father as they looked helplessly; on.-'v The wounded man wns treated by$ a  physician. The younger .}'. man escaped  after' the Incident. ."'%:'V.                 DEAcorrJONEs ^      By X. P. Reynolds '?'*~~$~ Tha Pnator : "THE        TY  WHEN NO .;MA^f-3i ." Bro. Bell  n)d:f.Vlt:S that in the ense tho    S start to RUNNING ^ov/ '%(:. 'S^M</t>
  </si>
  <si>
    <t>                                           u^^^^^U. OPEN H3T; "      a/m.; Drimitlo I If/ i TlmnJPrbott! l --TTlf''- f FIVE SfAfil' 1 B^tJ^T:!!  IiA'.       )lii3iBi.-'Jt?!8U' .~i'.'jk:^!</t>
  </si>
  <si>
    <t>                                           The drastic action of the African Methodist Episcopal church, in General Conference assembled at Cleveland is apoch making. The hope of the Negro for self leadership was long centered in this great religious enterprise. This denomination was founded by men...</t>
  </si>
  <si>
    <t>                                           FAIR AND SLIGHTLY cooler . Highest, tempera! urc.  21 hours. "8; lowest. 64: , 71. C. F. von HERRMANN Meteorologist, Weather Bureau</t>
  </si>
  <si>
    <t>                                           'Hell Divers' BigFeature a 1 1 h e Empire Theatre                 "Hell Divers." mighty romance of aviation in the navy, with Wallace Beery and Clark Cable co-starred and a supporting enst which includes such prominent players as Conrad Nasel. Dorothy Jor.lan. Marjoric Ramb'-au and Mnrio Prevoyt. will  UirilU for all on                 Monday      Tuesday when it will be the feature screen  at tlie Empire Theatn-. cnrn-r i Georgia Avenue and Crew Street. One s-hs  hurl themselvs downward, two miles in Jc^s than half a minute. There ar-~ hundred? of plan s in the air. divins through   in formation. Tlier- are  crashes, a  r.scuc. salvos tired from great battleships, and amid this is a romance with tho lure ol the tropics, with love. sacrifice, struggle and duty. Manaeer Alpha Fowler did well to brine tack this sterling talkie to open up a week wnr.Oerful        faro at     popular community theatre. The screen ver.-ion nf "Private Lives." No.;l Coward's smart  which delighted Manhattan  during the past theatrical season, wil! open at the Empire for tWD days showing on Wednesday and Thursday. Morma Shearer and RGtwrt Montg' ' are the stars, with  roles b"ins filled by Rc^inaM   -nny. Una Mcrkol. Jean H"rsh"lt and Georse Davis. This ' f.'trco. which d**pend* -t as much for     humor on its irr. :uA as its riotous a'-tion.  tlie complications  arise \vh"n a            couple x.ake an jth"i" try at marriage with tosh partner^ nnd find .~ =harin^ adjoining suites on their second honeymoons. Its a  don't mi-s it. Hi^h adventure of the blood:ingling. Imagination-stirring type .s pr.s-.ni'.ed in "Suii-ide Fleet." Friday'.s scr-cu feature. The picture " S a great romantic  story, excitement performances by an outstanding cast, and cn- tin- U. S. Navy. The ca-'. inclu.scs. Bill Boyd. Robert Armslrong. James Gleason. Ginger Ro^.-rs and Harry Bannister. The usual Friday mtc "Amateur Nite"  will lake plac-* at 8 p. m. Saturday's Ircat will   - that ace ro-, -rar. Ken Maynard I "Suiv-et Trail."</t>
  </si>
  <si>
    <t>                                           "Hell Divers," mighty romance of aviation in the navy, with Wallace Beery and Clark Gable co-starred and a supporting cast which includes such prominent players as Conrad Nagel. Dorothy Jordan. Marjorie Rambeau and Mark Prevost, will provide thrills for all on...</t>
  </si>
  <si>
    <t>                                           DETROIT, Mich., May 3.--Five straight wins, which, in a nutshell, tells its own story as Syd Pollock's Cubans primed themselves for their debut in the East-West League, opening with Cum Posey's Detroit Wolvorinca commencing Saturday afternoon in Detroit, with two...</t>
  </si>
  <si>
    <t>                                           Ill REFUSES HEW HOOKUP WITH HAITI                 Present Treaty Not to Be Touched Until 1936                 NOTE REVEALED                 WASHINGTON. April 26- (ANP) Haitians may twist and squirm all they please, but the United Statos is not going to        into any arrangement with them whereby the obligations of thu treaty made in 1915 will be abrogated before I 1936. I                 This much was made known this week in a note, communicated, from the American state department April 6 to the American minister In Haiti, Dana G. Munro. a  state department attache, wlio in turn communicated the notu to the Haitian foreign minister, Abel Lcger. Haiti had desired the United States to enter into negotiations to loosen the  which Is maintained by the United States on Haitian finances, but the Amer- ican secretary of state blandly In- 1  the Haitian foreign minister1 that the United States. will be very1 happy to enter Into such        'l93B'""":~lHe' treaty limit has expired. Or course, the American representation Dgnorcs ihe fact that the extension of the 1915  from 1926 to 1936 was never  by the Haitians. In Haitian law. no: treaty between that country and I the United Staesnow exists. Haiti recognizes the treaty of 1915 at this time merely because she is forced to. Last Dccembor. Foreign Minister Lcger had written the United States state department a note which was Interpreted as a move for the virual scraping of the 1915 treaty, which the Haitians do not recognize as carrying beyond 1926. by establishing at once a  agency to "protect" bondholders, but presumably under less rigid conditions than now obtain. The state department sensed in this suggestion a Haitian desire to rid the republic of American supervision of its budget. The Haitian note took exception to the attitude of the State Department in reference to the 1915 treaty and to the financial control which has been set up. It was prompted, it explained, by the assertion of President Hoover in his message to Congress In December Bhat American financial control would be maintained in Haiti during the life of the bonds. Treaty Clauses Stressed i The American reply answered these points, discussing the treaty of I 1915, its extension until 1936 by the additional act of 1917, and the pro- tocol of 1919 by which it was agreed to negotiate an arrangement i to protect the bondholders after the expiration of the treaty. It also discussed the thirty-year loan of 1932. This authorized $40,000,000 but only $23,500,000 was issued, and of that sum there Is now outstanding" about $14,000,000. The treaty of 1915. the reply said, provided for the collection and application of Haitian revenues, whereas the protocol provided for the collection and. allocation after the expiration of the treaty. "In brief, the note said, "a situa- tion is envisaged after the expiration of the treaty where there may be no official known as the general receiver and that the officer who may act In his stead, in place collecting, receiving and applying the revenues, as does the Gennrnl Receiver under Article 11, shall have control of the collection and  of the revenues. "In view of these apparent distinctions concerning the arrangement which now prevails and that which is contemplated after the expiration of the treaty, the government of the United States is prepared to make a further agreement covering the exact .situation which Continued on Page 5, Col. 5                 U. S. Refuses I (Continued from Paero One) should then prevail in that respect. Would Consider New Proposal 1 "Nevertheless, it is desired to point out that protocol  control by the officer nominated by. the President of the United States of the collection anil allocation oJ the revenues, and in the light, of thai provision and of the purpose of its Insertion as it is evident that the Government of the United States Is entitled to In- sist upon such arrangements as in I the- reasonable view of the United States will assure Hie carrying out of that purpose." In presenting those views. Mi*. Munroe said that the American Government "does not  to j continue the. existing regime longi cr than maybe found necessary toj ward third parties and that it Is prepared to examine in a friendly spirit any proposals for an equitable refunding operation which the I Haitian Government may be in a I position to submit to it." The note constitutes a further chapter in  that have been conducted! by Mi-. Munro for a year and a half, looking to a  of Ajncrican supervision In Haiti. Arrangements have been completed whereby the functions of government have been largely returned to the native officials except for tlie presence of a battalion of Marines and the  control. It is hoped to withdraw the Marines before the expiration of the treaty and to reduce the financial control, but not to the point that I proper safeguards for American I bondholders might ho '.. How far any modification can I.-' arranged will be a matter of ne; . Foreign Minister Leg?r in his note of December 22. 1931. ref od to "a whole series of abusive '. of the treaty of 191 by the United SL-ites and cor ided that the treaty does not pro- le for American financial control .Hiring the life of the loan, that r treaty was extended In 1917 In I'isrcgnrd of its -own terms, was r ver. -properly ratified, and. that ;.io loan is                 K" solely by the protocol of 1010 and the loan contract T' f-ach of  points t he American communication took vigorous .</t>
  </si>
  <si>
    <t>                                           WASHINGTON, April 26--(ANP) --Haitians may twist and squirm all they please, but the United States is not going to enter into any arrangement with them whereby the obligations of the treaty made in 1915 will be abrogated before 1936.</t>
  </si>
  <si>
    <t>                                           1 Funeral Notices                 - Mr. Turn Jumna panned way April 20, 1UX!. Funurul  Intur. IliiueutirunkH Co.                 PEAKS- Mr. Charlie t ear.i passed I away April 28, IU32. Funeral  announced later. HauUalji'iiuku Si Cu. NELSON- Mr. Ben Nelaon. ofs4Ul Frnsler Si.. paused away in his residence April 2U. 1932. Funeral announcement* Jaler. Pollard Hancock.  Thc .l services of Mrs. Susit. Sharp will bn huld Sund.-iy at II o  at the Mt. Carinel Baptist church. Me IDon", Ca. 'fli.-  will leave I the funeral  at n. in. Iv.'y Bi os BONNKIl- The remains (~r Mr. Clint"ii Uuiim-r will be taken In Kalrbiini. Ga. Sunday ; I'm-  ,'in(~  tiK in Hill Funeral -. GOODWILL- friends and relatives of Mrs. Huby Goudwill and family, lira. Edgar Bryant. Mrs. Willie Martin of CovinKlon. Ga., and Mr. Luwe Goudwill and family are invited to attend the funeral of Lawrenc-e Goodwill tli:.( Sunclay  ai 1:00 o clock from i he Pr.. Baptist . Hev. Hubert ,'. Interment Suuth View. Ivey Bros., . 1- Mr. Arthur Henry, ..f :~st Chauel St., pa.ised April 28. funeral to be announced later. Ivey Bros., morticians. Continued on Pnue Z, Col. 7                 Funeral Notices (Continued from Poga 1. Col. COLBERT The funeral or Mr. William Colbert will be held today at 2o o clock from the . David T. Howard and company. JONES The -remains of Mrs. Marin Tatnm Jones will bo carried to Washington, Georgia for funeral anil Interment. David T. How- ard and company. I i [ALL- Mr. Mark Hall of 1132 West Avenuo passed away recently. His funeral will bo  up on completion of arrangements. Hanley Company. HILL Funeral obsequies for Mrs. Fannie Hill of 209 Inman Avenue, N. E., will be  today' in Anni.iUm. Alabama from Mt. Zion Baptist Church at 2:00 p. m. She Is -~ by two sons Messrs. Richard R. Johnson and Cater R. Hill. Hanley Comopany. JOHNSON Friends and relatives of Mr. George Johnyon of 2(i Tanner St.. S. E.. are Invited 10 attend his funeral Sunday (       at 2:30 p. m from Pine Grove Baptist Church. Rev. Sims officiating. Interment. South View Cemetery. Haulcy Cumaany, - Mr. W. T. Adeihold of 440 Lindsay Street, passed Hway recently Hiy funeral will will be announced upon completion of arrangements. Hanley Co ROGERS Funeral services       . Hatlie Rogers of 70 Haynw Street, will be announced upon completion of arrangements. Hanley Co. STEPHENS- Mr.      Stephens posed aw:iy  at a Wail .., Fune^pl ,          * announced later Hanley Co. WALKER- Th* i (.-mat 'ma oi ,s:r. Hiirvoy Walker of 430 Chamberlain St, S. E.. were sent to Greensboro, Georgia, this morning for funeral and Interment Hanley Co. SLATON Funeral serives lor Mr. Will Slaton of 67 Hojrue St.. N. K., will be held () Sunday at :!:00 P. M. from 'St. PhMlip A. M. E- church. Interment, Lincoln Memorial Cemetery. Iianley Company. CLAY The remains of Mrs. Corn Clay of the rear of 377 Ililliard St., are in our parlors pending completion of arrangements. Hnnley Company. PAYNE- Mr. Ed. Payne passed away recently at a local sanitarium. Funeral arrangements- announced later. Hanley Co.</t>
  </si>
  <si>
    <t>                                           JAMES--Mr. Tom James passed away April 29, 1932. Funeral announced later. Haugabrooks &amp; Co.</t>
  </si>
  <si>
    <t>                                           NOTICE!! Owing to the successful response shown to our advertisement in last Sunday's WORLD, we are going to extend to, the READERS of the Atlanta World another Two Days to participate in this GREAT SALE. MONDAY ~.d TUESDAY You can trade in your cU Furniture the" LAST two days of Big May Furniture Sale at unheard, of prices. You need no money down, ONLY to those who answer      . Radios, RsfriEerators, Living Room Furniture, Bed* Springs, Mattresses, Day     , Coal Rangers, Oil Ranges, Kitchen Cabinet!, Porch Swinge, Porch Rockers, Breakfast Room Tables and ChaTrs. Eaiiet of terms. If you need Furniture why wait I Buy now. No cash needed. Trado in your old goods at unheard of prices. I* You MUST save and bri ig this ad with you. AsK for or phone MR. CUTTER fw appointment, WA. 7811.  BROS.] 229-231 Peachtree    H VALUABLE COUPON. K This Coupon nnd fifty cents cash entitles the holder u jj to one box of Ford's Hair Grower, n shampoo, press and hot oil treatment at the residence of Mrs. Mattie A. Ford. 388 Cain St, N. K., Atlanta, GcorRia. M H THIS OFFER EXPIRES JULY 1, 1932 X Brine lh'~ Coupon with you. Hours 8 a.'m. to 10 p. m. M For Appointments Call WALnut 5342 P. E. Johnson Summer School TO BE HELD AT 894 DRUMMOND ST.,' S,W. t It will NOT be at the Y.M.C.A. this summer We Have Larger and 'Belter Housing Accommodations OFFICIAL RECOGNITION GIVEN BY ^fr THE SUPT. OF SCHOOLS Sessions Begin      4tK For Further Information )         2031 i</t>
  </si>
  <si>
    <t>                                           NAtlantans, like no other Negroes anywhere not served K*^~ H B ^he Daily World is proud of its ability co give real scr- iA ~^-l^ by this daily newspaper, need not wait to find out what M ^9 3 ,flL vice to our readers, and believe you arc proud to have the  p^^ ^'* d^^k ^k A B f* other members of the race here and elsewhere arc doing;. tg^~i 9 /^^b WtU IS on'-v ^ daily published anywhere in the world. Work- M_^A A ff ^i^W ST ^    ^% In  our  World- the news/may be found when it hap- g      lira ing hand in hand, are there any heights         e cannot SkmOBk VSfVr OWi^^ia^/rk %B^ V V ^m pens- not a week or more later. H B ^^S H H S reach? V V, ^Sf^W^fi^</t>
  </si>
  <si>
    <t>                                           After an illness of several weeks, the Rev. J. M. Gates well known pastor and evangelist, is out on the job again. Rev. Gates, chairman of the New Hope association's financial drive, is asking every worker to do their best. The program follows:</t>
  </si>
  <si>
    <t>                                           "A year ago jd^^^k. **mI she was not WISSmi 49 pretty at all... fi^^L^- In ...but now A^ ..AW ^i^^^JK how Beautiful she is!" What a difference a person*! - SPECIAL 50c OFFER xion make* In her social Wei A year send 50c for two  of aco this woman              . HJ-Ja Skin U*ht.    Cm*. and sad worrying always about her .-j _iti _i?_ #_rr d.rk .~Hr. mud*-  Mftta Sc^ S'^Sf S"-4   ." would do it  ay  ood. Tbm           of Dra,^  ,w lit  power, of HIJm 8kln LIcbtra. oor other   huff .~ *S? *~    .Id.. Yoop   moit j}"~11?    *k'~ I"1"1*     71 oI Pricdou  Ukt c.m .  "^K '  2'iJ*i' of It. Ju.t            Uk - petal of  roM It  to HIJ^ r^t D  .  to compliment AtlAntB   . her. write her out. remark to emch other boat her   and charm. AGENTS WANTED the dtr*.       matrona. wanted, men or women. 6 nd Hi-J. Skin LUrhtener Creme  work war application  lane  with roar ikin. too whiten It. cah . valuble free live it cream-like . and the rich. Prizo delicate  of . Blake   and popular .tart  now [fy If joor  cannot .apply too.  MMfVOf JI1C. all invitations and write a... for the Ken- f\ ego nine HIJa product.. HiJaSkln Lllbten- r. u.  er Crane: HiJ. Quinine Hair Droainx: ATLANTA. GEORGIA HMa VaiUihinii Cream: Hija Beautr Soap- HiJa Cold Cream: Hl-lu Face ^-^!~^i Powder: Bi-Ja Talcum Powder: HI-J. ^%   Perfume. Price 26c each at roar drug- ~^HBIiafip^ Cist, or sent postpaid direct from us on ^HnM receipt of price.</t>
  </si>
  <si>
    <t>                                           The Daily World is published especially for you</t>
  </si>
  <si>
    <t>                                           "BLESSINGS ON THEE, LITTLE MAN"- Harry Savmders Murphy. Jr., winsome young son of Mr. and Mm. H. S. Muruhv. Atlanta. Ga.                 -Photo by Kelly, Atlanta. I</t>
  </si>
  <si>
    <t>                                           6be: "Why, darling, your complexion is as smooth as mine now... Ik) pimples and blackheads like you used to have." Ho: "Well, smarty, why shouldn't it be? I used the same Epidermis I Etagnosis treatment you used Palmer's 'Skin-Success' Ointment.  like a charm, doesn't it? And costs only 25 cents I" ^:_x.~.~..^-w.~..w i^^^x^ F    !( OUIIQay :l: ^0^f?^% Chicken Dinner % w e i- eai) in til e offer of good. well x prepared- food at modest prices our i special five course. dinner with drink x and dessert is unequaled at 25 cents x $ anywhere.   : Eat with Us and Save Money "%~~ Join the Crowds that Eat at THE ECONOMY DELICATESSEN j fy 233 Auburn Avc, Hcrndon Bldjr. Hunter at Ashby</t>
  </si>
  <si>
    <t>                                           Fortune Telling AGENT for Luck and Love Charms. Spiritual and Psychic Work. 4 Questions Answered and 4-page horoscope for $1 until April 30th. DR. H.  "The Hindu Wonder Man" Rt. 6. Bessemer, Ala.</t>
  </si>
  <si>
    <t>                                           Young and beautiful Lily Lou Lansing aspires to an operatic career, but her moderate circumstances necessitate that she go to business and study music evenings. Wealthy Ken Sargent, whom Lily Loa lovers, becomes angry when she insists upon practicing instead of...</t>
  </si>
  <si>
    <t>                                           2 SCHOOLS ADD CHURCH DESTROYED BIRMINGHAM. Aln.. Apr. 10 Aroused by ihe disastrous fire that swept and razed the Twenty Third Street Baptist church, one of the largest and most beautiful of the new religious edifices of the city. Thursday the state fire war1 den s office at Montgomery sent \V. D. Cruze to investigate rumors that someone was seen fleeing from one of the structures before the fire. This, the  serious blaze wi;hin n week was by far the most costly all. Sunday night, the recently completed Roscdalc Junior High School was practically wrecked when a fire of an undetermined origin broke out in the building. The schoolhouse. rated as the pride of the Jefferson county school system, was one of the best equipped in the district. School sessions were not halted in the least, however as the pupils were moved to the old school building was also set on fire and completely destroyed. Coming as they did, those three acts, evidently the work of firebugs, lias caused a thorough investigation to be Instigated by state officials. Residents of the section arc extremely indignant over the loss of their fine school building ar.d .the destruction of i he old one.</t>
  </si>
  <si>
    <t>                                           ----'^ Mothers Day SPECIAL! ^ffi^^^ ^ur -Al"nua' ^ s Day Special. f ?f^^S 3 Photos for Price of 2 I W^'WWi is now on- COME AND SEE US 3 Kpl KELLY S STUDIO j y IMA. t 4</t>
  </si>
  <si>
    <t>                                           BUSY WEEK FOR LOCAL SCHOOLS                 Commencement services for Morehouse and Spelman colleges. Atlanta Clark and Morris Brown universities and Tor Booker 1 Washington high school will bo held this week.                 i Tuesday will mark the closing exercises for Clark university when Dean Goodrich C. Whlte of Emory university will deliver the commencement address to 37 candidates for degrees in Crogman chapel. The Rev. Howard Thurman, religious advisor to Morehouse and Spelman colleges will be the speaker nt the. Morehouse commencement services which will be held Tuesday at 3 p. m. in Sale Hall. Morehouse campus. Wednesday, Juno 1, will see the closing exercises for three Atlanta schools of higher education and one elementary school. Atlanta university will confer degrees on nineteen In Its sixty third commencement e^ which will be held Wednesday at 3 p. m. in Ware Memorial chapel. This marks the last time that Atlanta university will Issuo bachelor of arts degrees since becoming a graduate chool. Spolman college will confer degrees on 37 at exercises held in Sister's chapel on Wednesday,1 June 1 with Arthur Davis, president ot the Jeanes and Slater funds as speaker. Tho Processional begins at 10:30 A. M. ..Dr. J. E. Hillmtin, of the North  Carolina department of education will deliver the commencement ad.'dress tb graduates of Morris- Brown university at commencement exercises to bo held Wednesday H). 10 o clock at Big Bethel A..M.E. Church. One hundred and thirty seven students of David T. Howard school will be awarded certificates indicating that they havo qualified for  school work Wednesday June 1. when the group will form a processional from the school to Big Continued on Page 5, Col. 1                 Busy Week (Continued from Page I) Bethel church. Tho services will  at 4 o clock p. m. Thursday. June 2. 18 senior nurses the Grady Municipal Hnspllnl Niirse Training School will be aw.-  at services which will b,,  in Big Bethel A. M. E. clr ,-h :u 8 p. m. Concluding 'the week of comment  , the Alluntu School or ^;ci:il Work and tlic Baokcr T. Washington high school will  their closing exercises on Friday, June 3. Celebrating Its 12th anniversary. Hie Atlanta School of Social Work will hold'. exercises for 12 graduates- in Sister's chapel Spelman -.. J. Prentice Murphy, .ve secretary of lho                 ron s bureau of Pliilck- ami director of the Scybun . will bc the speaker. Ira J. Hnrrolson. president of the Atlanta school board will .K- the commencement  to 18J Ri'iiduatCH of the Bonki-i- T. Washington high- school, Friday night a; the City Auditorium. Tlu. services will begin ul 8:30 p. tn.</t>
  </si>
  <si>
    <t>                                           Commencement services for Morehouse and Spelman colleges. Atlanta Clark and Morris Brown universities and for Booker T Washington high school will be held this week.</t>
  </si>
  <si>
    <t>                                           In pen of the sketches included in "Yeah Man" at the Park Lane Theatre last night, a colored fellow In a long coat clutching n pocketbook, ran nut on the stage and darted into a cabin.</t>
  </si>
  <si>
    <t>                                           U. S. Judge Kills Vote Attempt                 COLUMBIA, S. C, May 3.- Federal Judge J. Lyles Glenn dismissed a petition filed tn his court at Rock Hill, S. C, by a committee of seven leading race citizens of Columbia on last Friday. A previous attempt had been made in the state court, but was dismissed by Judge W. H. Townscnd. Both decisions have so far balked the attempt of qualified Negro voters to vote in the city primaries, which will be held on May 3. The ordered the striking out of Negroes' names appearing in the Democratic club books. The grounds on  Tnoir rating were justified was a party rule specifying that Negroes must have voted the Democratic ticket continuously sinco 1876 In order to be a party member. Judge Glenn also held that a court of equity would have no jurisdiction in the case. Atty. N. J. Frederic who represented the colored citizens In this case, has not made known what other stea will be taken, but Is steadfast in his opinion that now is the time to fight. Those composing the committee and contended  -constitutional righs are. denied them are: Dr. R. W. Kanoo, E. A. Adams, D. H. Sims, Dr. W. D. Chappclle, C. E. Stephens. W H. Harvey and J. A. Stewart. Neighbors Chat Very Pleasantly Together Until"Neighbor, Neighbor, how aro you?" "Getting well, hope you nrc too, Next time let us rave and cuss 'Twill be better than this fuss!" E. N. D. While Wilbur Glass, 449 Glenn street, S. W., lies in his bed at the Grady hospital .awaiting the time that his broken leg will be sufficiently hailed in order that he might be released, his next door neighbor. Will Crockett. 451 Glenn streets, sits in his cell at the city lockup nursing a. badly bruised head. Sunday morning, Neighbor Crockett paid Neighbor Glass a visit. It was about twelve o clock and I hey had things to talk over. The discussion became both  and violent. During the parley, which was anything but peaceful. Neighbor Crockett was hit over the head with a crowbar  Neighbor Glass suffered a broken leg. Officers Pope and Pittman arrested Neighbor Crockett and locked him up after he had received medical attention. Neighbor Glass was taken to lhe hospital where he will hav0 to remain until he gets well. Then, the two must face charges of disorderly conduct. If more serious charges are not preferred.</t>
  </si>
  <si>
    <t>                                           WORLD POET- Thomas Jefferson Flanagan, who for several years has contributed daily verse to the Macon Telegraph joins the Dally World stall Hls column "Up From Georgia With My Banjo" has received considerable comment.                 Siatt- photo by Mackay</t>
  </si>
  <si>
    <t>                                           1     NO 1 ILL Brown Skin Belles If you arc good looking iind brown skin (any shade of brown from high    African brown) you arc eligible for one of the many prizes to be given in the Brown; Skin Beauty Contest to be held soon. Sponsored by the Dermis Cum College of Beauty Culture. If interested fill out the following coupon and mail to MISS MABEL HALL, Contest Manager, Dris-Kura Mfg. Co, 179 Tainall Street, S. W. COUPON ADDRESS NAME</t>
  </si>
  <si>
    <t>                                           WOULDNT YOU LIKE TO TEACH THIS STUDENT? Mlsa Cassle Rice, a student at Booker T. Washington High School. Mnmnhio                 -Photo by Coleman, Memphis</t>
  </si>
  <si>
    <t>                                           TrawrP1^ with your kidneys ^VVsN. and bladder INSIST  /C*\ GENUINE Ny^*\~~~~   GOLD MEDAL HAARLEM OIL</t>
  </si>
  <si>
    <t>                                           PRESENT m EDUCATION                 Although modern education demands speed, specialization, and practicability. Prof. G. Lewis Chandler of the English, department of Morehouse college pointed out Sunday night that it does not mean that wo should' not be sympathetic, refuse to  ourselves to                 ations around us, or become Ia7y and let others do our work. A large and appreciative audience was present Sunday night at the First Congregational church as members ol tho Kappa Alpha Psi fraternity presented their annual Guide Right program concluding a week of activities in which the organi7ntion sought to impress the value of choosing one s life work to tho youths in the high schools of the city. The program opened with an organ selection by Graham W. Jackson, followed by the impressive old German tune that is tho basis for the fraternity s n.-itional hymn. The latter was played as the members stood. Following an Invocation by Rev. W. J. Faulkner, pastor of tho church. "Mis* Roscland and Dixon presented a piano solo. T. W. Lcdbettcr, head of the undergraduate chapter, gave a short address of welcome, after which Dr. X. L. Neal, Continual! on Paes 2. Col. 4                 Present Day (Continued from Pace One) Polcmarch of the Southeastern pro.vince, spoke briefly and interest-, ingly of the Guide Right movement.1 A violin solo by D. S. Days preceded the introduction of the speaker by Prof. E. A. Jones, also of the Morehouse college faculty. Prof. Chandler, is a Phi Beta Kappa from i  college (Mass.), having taken his preparatory work at An-' dover Academy. He is working on* his            at Harvard university from which- institution' he was awarded his A. M. degree. Taking as his subject, "Education; andi Modern Life," the  re-,' viewed the remarkable changes of the Twontieth Century and  the fact that changes arc made in every century but that those of the present time are greater and more startling. He showed how education was keeping pace with the present trend towards speed, specialization and materialism. North Carolina, with its 100 per cent promotion came in for a share of criticism as a number of students so elevated and graduated are not really prepared. Other institutions are turning students out too rapidly. Highly specialized education -and practical training were defended by Prof. Chandler who stated that certain outstanding authori-! ties have bewailed the efforts to' make education fit the times. i Thc modern tendency to Co to the extremes is deplorable." the  said in ^presenting his person:il. .views.'- Speed specialization,1 and materialism are atl right if1 ny c- too far. What we need' I is a more proportionate and ' rical balance in order -that the probable evils might  great. "Three' great', counter balancing factors include the. proper development 'of' the thinking" processes ln; order that we might grasp facts and' adjust ourselves: to the situations of life: the arousing of a deeper sense; of 'feeling and sympathy one for the other to replace our present cold heartedness and make ourselves appreciative of the commonplace things of life: and a -willingness to. do Si  so many of us arc so       that we sit down and let others do; the work." With these three stabilizers, we should be able to contribute much worthwhile to our own lives' and the lives of others. .That is what' our Guide Right, movement is trying to impress upon the youth of the country and those who are carried away by the extreme? of  life, will :bo. swept . like much rubbish into the incinerator of time and be forgotten by the world.</t>
  </si>
  <si>
    <t>                                           Although modern education demands speed, specialization, and practicability, Prof. G. Lewis Chandler of the English department of Morehouse college pointed out Sunday night that it does not mean that we should not be sympathetic, refuse to adjust ourselves to...</t>
  </si>
  <si>
    <t>                                           WORKMAN IS SLOGGED BY THUGS?                 On Way to Work at New Postoffice Wednesday Nite                 five children!                 Clad In      heavy rubber boots and waterproofed overalls in which lie has been working night after night in one of those deep, mucky wells that will eventually be filled with concrete and steel to form tin- foundation of Atlanta'* new . Sam Akies. 478 North                 street was found  around mi all fours nt the Southern railroad  near Mariettta about four blocks from hi* home    - 1 nesday  at 11:50. A member of the  crowd thai gathered around the  man. i- him :ind notified his \ylf(. who came on  scene  a few seconds before the Hanli'V ambulance arrived. According Ui Mr*. Akl"s. who accompanied husband to the hospital, he awoke about noon and told hw that ho  that he had! been robbed. She slated thai he j had left  only in time to start work on the 11:30 night  shift and that she was In      when word of the  came. I Mr. Akle.i. who walks tho long! distance to work every night was unable to tell just how he came to be Injured but (he gist of his incoherent statements between his groans was that four mwi had jumped on him as he was crossing Ihi- railroad tracks and hit him with .1 brick and piece of railroad st. el. A deep gosh was cut in his '" between the i've  while his upper lip was lorn practically Continued on Pnge 2, Co1, 2                 Workman Continued from Page One otf by a terrific b!bw from some sharp edged object. Tho ir. workman, -il greatly concerned  ivcr ihe welfare of his five ". the eldest of  's onb' tcn J'Ofirs of age, and of  instructions. that  cvl-j dently d'.'Stini'd to b i  tcd to follow workers In "the well" at ihe new, building sito. OJfieer Wiley who let) tWd iiiv*s'.ign:i-~ii was un' able' to.  any"  - tion concerning tbo' -iit from the r.i:m who^o  syca-d to. wander . ..to ill- :-S\  subjects t  \va i\ lit* remembered for a few lir inf sn.nn-l . Afloi- he '. b.'Cn g".     -n al . a  th-it : much time, an X-ray   :...'"i:'.  :i was made and the  'j.*dvi"t-:l  to stay in bed  i k"ni quiet when it was dcl- u Hut. hj had NuXffred nu ir. in-j        or fractures   f    : .</t>
  </si>
  <si>
    <t>                                           Clad in the heavy rubber boots and waterproofed overalls in which lie has been working night after night in one of those deep mucky wells that will eventually be filled with concrete and steel to form the foundation of Atlanta's new postoffice, Sam Akies 478 North...</t>
  </si>
  <si>
    <t>                                           J IF YOU WANT Money, Love, Easy life  TODAY. Send no money. I guarantee to giro you a i start in Me. i M. WILLIAMS Ml Bergen Ave, Dept. B     CITY, N. J. C 38 WANTED- To sell . thm to*Blo  that straightens tUe hair ".permanently without tlie use ol  or "~ combs. You can t fall to make big  *a*y every ;  this and other  . Only n limit Ml  of .'.s rill t*  in tach .. \Tri'-B r.   lor lull particular! wu^iai cV.ljp.'.'.oa. Mtrihall Research lac, '1703 TtUrd-^v. Sortb,           , Ala. AND - of the otter * tbat cro nt X*m n-K of  (~*flns  *oca  to Us ~* Loallntr    "*t. l lar.ton n C C cr I!la-k Cap^ults wli;      :fily .5 quick K-. J:o sc-o-.li'.r.e to tba:   of Mm  trict. 1ift*     with    *.icq up at . JKUltie i!ie . Durlas     W j-oars of list*  ain'.* law pa'.ncl          '.Vliy dn re r enj        5 (~t  tov! l.octo f'-r iD f           'cil label on tl^ rc-Io^ oa-1 lie lure you re ^ tlic best. At yout  or fcom! COc f^r t'^l fK. PLANTEN SON, INC. -93 Henry St., Brooklyn, N. Y. V Trade Mirk Bei. C. S. Tat. Off.</t>
  </si>
  <si>
    <t>                                           Rogers Stores Have Exclusive Rights for Food Votes No Cloverleaf Tickets for food purchases will be accepted in the 15 week Church Contest of The Atlanta Daily World unless they are given by Rogers stores. The Rogers stores have exclusive right to food sales for contest votes. Pastors and contest managers are urged 'to inform ,r workers that contest tickets obtained for food purchases from any-other than Rogers stores will be dishonored by The Atlanta Daily World.</t>
  </si>
  <si>
    <t>                                           r ^K^^ V*    whiten .nnd JLjflrCG 'J^^^jfl^' 1 I r ^ Because of,.its exclusive ^d^!$y double-strength, feature, this jBP^   ^ lover of your. skin where coloring -^j^A J0T us           creams, and clears up ^ff^^jf^- Lumps and mole  in ^r -l) time. ^gj^^CU^r  this cream is double- /(~~^     ,. it s /wice as effective [^Sr^^Mr^ in d therefore twice ns ceo- .^^. Large  jar 50c. \^~$$ag^^ Tor-, best results, uso J^vi W^' Mack and White Skin j^^\^r . (25c) before   ^~^S0^ ^9  this won- :    \JP^ '4*h your 'druggist -or"  bleach- \   }4r toilet goods counter for; j* ng cream. ^Pw^ ':'V ^^P^ BLACKEEVymTE sjg^BLEflCmfiG CREAM</t>
  </si>
  <si>
    <t>                                           Greenwood School Principal                 -MEMPHIS, Tenn.. May 31 -for many years a teacher in the city school system. Prof. Neville is principal of (Jrecnwood school from which 96 eighth grade pupils will j* this week. He has an excellent record as an educator.                 PROF. E. J. NEVILLE</t>
  </si>
  <si>
    <t>                                           LOOK WHO IS HERE! KPIBPil Old Reliable! At Old Stand P%fo^^^~ We Wish To Express Our Appreciation To Our Old Customers! WE STILL HANDLE THE BEST PAINTS, STAINS,, VARNISH AND WAX ""r 12 #t Phono f S^A. H. Cooledgc Brp. j^</t>
  </si>
  <si>
    <t>                                           HOLLYWOOD, Cal., May 31.-- Hollywood's underground ticker vibrates with the report that Charles Laughton, the English character actor, is due to become an important new screen personality, the enthusiasm at Paramount is guarded but sincere. Apparently, they...</t>
  </si>
  <si>
    <t>                                           World Advertisers1 Want Your Trade</t>
  </si>
  <si>
    <t>                                           GREEN  NOW IM FRISCO                 By Mcrcralps Gilbert r I SAN FRANCISCO. Calif..... May 27.- (Associated Ncjro Press)' "The Green Pastures" company arrived! in San Francisco Monday morning. May 1G. from Portland, Oregon-.' Tlio Company left Portland shortly after midnight on /their  train, and on Sunday- passed through "6mo of the west s; most I wonderful and picturesque scenes. At three o clock Sunday ^'afternoon the train stopped for.'-'ien minutes nt thi beautiful Ssiijst.i Springs. The entire Company  tho refreshing '.   '-.-r.'-.!and many pictures were taken of .\ Group?. Tho dny v.'.  and sunny and the Company ?left the train at various  the \v.iy. *.y tThe sh'-w  I Monday-Knight at the Columbia, here, to a. . On Thursday at 12 o clock;' . l^ichard B. Harrison (!)$~~~) Mr. George Randol. Mb^Jibll Hunter, and t!i" Whlspi-i-in.f.'nio.     Burtlvi W.-. Miss K^Wyn Burwcll and Miss Viola Mjc/~S{is. were" the guests of the KiugTOls Business Men's club for . tho swanky Fairmont ,        tho most elaborate hotels    3an Francisco when Mr. Bcnjamthjfc\     -U the show s  , introduced the  the cast.                 BAD IKE.. .J- BY L P.EEVNpUJS A burnt child "Jtsa^.thc fire. From the action .of .sonic Grown-ups they haven't seen iho Virc.</t>
  </si>
  <si>
    <t>                                           WELL, GENTLE FANS, here's the Monday after a rainy Sabbath night, and all is well on this station. Yesterday gave you a medley of events. In the afternoon you were tendered the kodak party In South Atlanta, with rehearsal for the Faculty concert, going on simultaneously; the William D. Long concert at the First Congregational church; the Leon Perry Wright concert at: Big Bethel church; and at night, the Bryce Holcombe lecture, the patrons of which occasion will appear further below in this column. Many also passed...</t>
  </si>
  <si>
    <t>                                           PLACE BOY. UNDER;                  WASHINGTON, May 30- (ANP) Lloyd Wilson. 17  old. whs placed under a $10,000 bond und j ACld fur the fiction of the grand Miry Tucsduy'  he was - ne d In Police court on a robbery charge</t>
  </si>
  <si>
    <t>                                           The Boy Scoutts of America. In connection with the Atlanta University-Morehouse-Spelman Summer school, is offering during the week of June 13 to June 20, a one-week course in Scoutmastership.</t>
  </si>
  <si>
    <t>                                           I^^^^^^Vj^^^^^^^^^B^^^^^flR^^^^^^^^^^^^^^Hjr *S; Va3HflK9^^a^5^9 Make yours Mack, lustrous in 15 KjBS^IBk y^ minutes this quick French way  S^'TgSwBlk Zaa I Of  men fall for the gooo      m ^MHH looking women with  black most beautiful  black you BJ H hair. It'a a sign of the youth, pep and ever  tw. BJ H vitality men axe looking for. If you Try thia  French method that wm H let your hair get streaked with gray more than 100,000 women are using. ^1 and turn red from hot irons, you can t Watch it make your hair 'beautiful. H .Thegiriwith then watch the men fall Jor you! B b^iful iet black hair win.  vW *~~Z2gg*~~~X%Z j i u bair a beautiful black or get a bottle B B But don't worry if your hair is  t jour  store H M -Youcanraalceitayouth- ^ M ful  black again in 16 minutes ^^^^^H H in yourown room. All you have to do m^B%J  f M. ^gjf si  SJmI^bmm I is get a bottle of Godefroy'a Larieute                          French Hair Coloring and put it on        7Mi'.T.Co.;~i70HwSt.,St.      .Mo.j  I your hair. Itaeaay. There is only         *          )  ize  LftriaoMi H ono liquid to apply. No stickiness or   Colorfnc. I wut to make mrk-irj -^H odor. In 16 minut*a your hair is the                        . i         .is(          I or post         ) ^^/^Mmr^tS^^KM j j</t>
  </si>
  <si>
    <t>                                           Met at the home of Mrs. Fannie Brooks. on Lena St., April 10th. The regular devotional exercises were carried out. Business was briefly transacted. An entertainment was planned for the near future. Mrs. Otis Fortson was with us. 'A delicious menu was...</t>
  </si>
  <si>
    <t>                                           DEATH SUMMONS GREAT EDUCATOR. The late Mrs. Cora P. Taylor for 21 years principal of Mananaa Street School. Memphis                 Who pasted away Monday.- Photo I by Hooks, Memphis. I</t>
  </si>
  <si>
    <t>                                           OVER Ft SHOOTING                 Prank Lindscy of 907 Dempster was bound to ihe Fulton county grand jury Friday  5500 bond and it Is expected will be Indicted' on a charge of shooting at another..; His hearing occurred before Judge Cnlloway In Recorder's court. According to Llndscy, a man named Jesse Slack, who was cleared of a disorderly conduct charge in police court, camp to his house with a gun. and threatened his life/, He admitted shooting at Slack, but said he didi so only in self-defence. The differences between the two were said to have occurred over tho rent on tho house In which Llndscy lives.                 DEACON JONES ~~:.~$ By J. P. Roynoida ,-R -~.~~~%. The Pastor said: "Ask nnd'-ltS, shall be given'', but Brothnr Bollr says. 'TAKE AND YOU SHALti. have.-., ;.;:~~;$~</t>
  </si>
  <si>
    <t>                                           'MISS SHAW                 MISS M. E. GRIFFIN As. Shaw University closet today Miss Griffin completes her year nt "Miss Shaw", n popularity title she won last fall tn a campaign to       funds for the Y. W. C. A. Next year a new "     Show" -will be elected.</t>
  </si>
  <si>
    <t>                                           ~_j \                 HIS POLICIES AMOUNTED TO 51501]                 Find Gasoline Cans, Oil Soaked Sofas in Blaze                 HELD FOR ARSON                 BULLETIN                 Solomon Perry was hound over to the grand jury today in bonds of S3000 charged wilh    fire to his home nt 564 Tatnail street in order to collect $4,500 Insurance.                 After evidence has been presented before Judge Cone in Recorder's court by the Atlanta, fire department nnd city police. In an effort to prove that Solomon Perry, of 564 Tatnall street, .nnd a barber at the Herndon Bhap, hud set his home on fire to collect $4500 Instinincc. it is expected that lie will be bound; over to 'the Fulton country grand jury on a charge of arson. Tlie trial was continued from Monday session of court to u special session at 10 o clock Tucsdny morning. Perry's home was almost -toly destroyed by a (Ire "f unknown origin, which broke out on the second floor shortly before 2 a. m. April '20. Charges of arson were Alcd =alter')t-wus: he carried n S2.50O policy on his1 furniture nnd a $2000 policy on his residence. According to Chief Clark of the Atlanta Fire Department, who personally directed the  of the early morning blaze, when he first got to the Tatnall street address the house was a blazing furnace. All doors wore locked and after forcing his way in, he testified, he  the odor of gasoline fumes, and noted that the mattress in the bedrooms had been torn in to small b!   and scattered about the room. Two gallon  of gasoline were discovered, hid in u black bag on the back porch, according to OffiContinued on Pago 2, Col. Z                 Hold Barber (Continued .from PnRe One) cor Endicott. who introduced the bag and tho gasoline as evidence against Perry. Along with the  were two cushions from ;a sofa -taken Xrom Perry's home at the time of the lire,' and. which  with the odor of gasoline. .On direct .examination W. J. Winburn. operator of a         "st3tion at the corner of Mitchell and Mangum streets, testified how he had sold Perry two gallon cans of gasoline on- Sunday. April 24. He identified the cans introduced In court as those he had filled, and the black bag as thc one in which Perry ha. concealed the gasoline. Perry ,was represented, by Attorneys Bantkey and Millen.</t>
  </si>
  <si>
    <t>                                           Solomon Perry was bound over to the grand jury today in bonds of $3000 charged with setting fire to his home tit 564 Tatnall street in order to collect $4,500 insurance.</t>
  </si>
  <si>
    <t>                                           THE STEWARDS' BOARD of Bethel A. M. E. Church, Augusta. Ga. Rev. J. H. Hall. Dastor.                 Photo by Thomas</t>
  </si>
  <si>
    <t>                                           Had Shotgun on Techwood; Given Finel                 Roving "around the corner of Techwood drive and Neely street with a shotgun in his hand, cost Horuce Shoemaker, $27 or the choice of 30 days in the stockade, when he was haled before Judge A. W. Calloway in Recorder's court Monday. Shoemaker testified that his life had been threatened. He was bound over to the City Criminal Court oC Atlama under $200 bonds. Stabbing Revealed As Woman Tosses Powder on Self Fearing that she was  stabbed, friends of Mis. Annie Sims. 1078 Quarry street, called an Ivey Bros, ambulance about 9:30 Monday night and had the woman rushed to thc Grady hospital. When she arrived at the hospital, she was practically covered from head to foot with powder, one side of her hair being almost as white as snow. Questioning revealed that Mrs. Sims had been ..tabbed by another woman whose only known name was Rosii. Lee about five o clock Monday evening. No one  aware of tho fact that she had been stabbed with the ice pick until sometime later in the evening when a small amount of blood was noticed and she started to acting queerly. An examination showed that she wss only slightly wounded in her left nrm by the ice pick stab. It is believed  the pain or a frantic attempt lo stop the sudden flow of blood was the reason for her dashing the powder madly all over herself. She was dismissed alter her small wound was treated. Crash Scoots Dog and Boss Towards Jail Both Fate Ogletree, 490 Magnolia Btreet and     fine German police dog madc an unexpected visit to the Atlanta police station Monday evening: Ogletree to be booked on charges of driving while intoxicated and being drunk while thc animal was detained pending the appearance of someone to cave for him as he could not remain in the car  was towed to the Spider garage. Radio Patrolmen Evans and ChewninR were going north on Tabernacle street when Ogletree, approached from the opposite direction. Officer Evans was driving at the time. He stated that lie pulled over to the curb to let the other car pass but that the Ogletree car struck the police car, damaging the left running board and both the front and rear fenders. Oglctree's car was only  damaged In the collision. The officers remained on the scene until other policemen came to help them remove the prisoner and his dog. AFRICAN EXHIBIT AT W. VA. STATE INSTITUTE. \V. Va., May 31- Charles E. Mitchell, United States Minister to Liberia, has made it possible for West Virginia State college to see Africa through an exhibit of curious African life now on display. It includes ceremo-nial robes and drums, African handcraft and reptile skins peculiar to this country.</t>
  </si>
  <si>
    <t>                                           FAIR AND WARMER Tuesday; Wednesday Increasing cloudiness. Lowest temperature, pnsl 24 hours, 28; . 74; average, GO. C. F.: von' Herrmann, Metcoroloelst, Wc'ntbcr Bureau.</t>
  </si>
  <si>
    <t>                                           The Memphis Red Sox made their intial appearance of the season before the home town fans here Sunday by taking a 4-2 contest from the Cuban House of David, their East-West League rivals. Four new additions to the club also made their debuts before...</t>
  </si>
  <si>
    <t>                                           TWO KINDS OF RABIES KNOWN                 Veterinarian Tells of Dangers from 'Black Tongue'                 BOTH ARE FATAL                 Tlint there nre two        of rabies Hint mny bo transferred from clog* to human . both equally , was  to an Atlanta World representative by Dr. H. G. Carncs, ono of thc   accepted by th0 city health                  to Inoculate dogs In the city wldo campaign to  Atlanta safe from * dreaded disease. "Of course, dogs are generally known to have tlio common or true form of hydrophobia." Dr. Carries pointed out. "thin is  seen when the dog runs wild, bit-. Ing everything In M* path, saliva and slobber coming from lilt mouth us he exhibit* a very nervous nnd vicious condition. The other form, which Is known as black tongue to the layman, Ik dumb rabies, affecting the motor nerves and exhibiting the   to th,, other type. The first Bymptoms visible nr0 the   out of tho mouth nnd  be retracted from this .' Tlie mouth W always open .Juxindi.or  the lower jaw              ond if you  it up, und close the mouth, It will drop back to the name position.* Within a few days, the  of the dog becomes inst nnd Inborcd. Tlie larynx practically  the space that  flic oxygen to the lungs. There !m n noticeable  In the dogs walk, he cannot rise  the ground nnd his bark Is  weak. Generally, the dog dli-s on (ho third or fourth day from this ." The chief  in this form  f Table* is  It is an contagious as the other' type. The dumb disease Is safer in  It mny bo leas  transferred to  bc!ni;~ and other,  rapidly ns the sick creature ix  tn bile. However, it Is  us most people know  about it and usually the owner of the pet. or other   , I may attempt to- help the  by rubbing or examining the black tongue, peeling the dug.  It. or  out it s mouth. Herein lies the  for, if there Is n  on the person'*      , he will  Invite the germs into IiIk system. It in highly possible, that, within nine to  days, tho  ( or  will havo it s fatal effect on the person. Already, the city health department ix strictly enforcing the laws i governing the licensing of . 'Encli dog  first be Inoculated by n recognized voter. Inurlim before the  Is secured from the city' Continued on Pace 6, Col. 2                 Two Kinds (Continued From Page 1) clerk. The cost of this is one dollar, which, wiih the new license fee of n likt,~ ;i mount, will make the new total license  the same  license lag price of one; dollar. Person*  * or having dogs on their premises an' subject to the new rules. Keeping dogs within the confines of Hie house or yard will not relieve thc person on whose promises the animals art found from tin; cash fine  or stockade sentence that, may be Imposed for failure to have one s  inoculated and licensed! Dr. J. P. Kennedy, city health officer, slutes that the law will be strictly enforced this year to thc Ictlcr. Added impetus to thc drive h.is boon brought .- by the news of the  of Allon Spivey son of Dr. and Mrs. Lndd M. Spivey, president of Southern college. Lake land, Florida Monday. Young Spivey  after an illness of about a month. Another chil.l was  I he same day thc lad passed on and now all dogs in Lakeland aru being  for 60 days. Commencccment exercises were postponed out of respect to thc president s family. Thc accepted list of veterinarians who are recognized by the city and state for the administration of anti-rabies vaccine to dogs is as follows: Dr. J. C. Wright, 1030 Marietta street, N. W.. Dr. J. E. Sevcrin, 1039 Marietta street N W., Dr. J. Lee Hopping, 1035 Marietta street, N. W., Dr. C. C. Rife, 420 Edtjewood avenue, N. E., Dr.' R. F. Thomas, 86 Cain street N W.. Dr. F. C. Meisner. 1035 Marictia street, N. W., Dr. Will Carne* 135 Marietta Street. N. W and Dr S". J. Ilayfleld, 346 Clifton  N E.</t>
  </si>
  <si>
    <t>                                           That there are two kinds of rabies that may be transferred from dogs to human beings, both equally dangerous, was explained to an Atlanta World representative by Dr. H. G. Carnes, one of the veterinary physicians accepted by the city health department...</t>
  </si>
  <si>
    <t>                                           POSTAL EMPLOYE HAS  CALL                 Hubert Buchanan, 138 Vine St., S. \V. special delivery carrier for the Atlanta  f ice, .had a clone call late Frday night when the motorcycle that he was riding skidded under the rear richt  of an automobile driven by Mrs. W. F. Brawley, 5-12 South Candler street, Decatur. The accident occurred at the corner of Piedmont avenue and Tenth street. The  fender of the car was   while both the rider and the motorcycle escaped w th onlv a few scratches. Officers W. C. Nix and F. L. Tippen made no arrests as the crash was appa- rently unavoidable. Morehouse Alumni to Hold Meet on Tuesday President P. M. Davis of the National Morehouse Alumni association has announced that the Morehouse alumni will meet Tuesday moming at 10:00 A. M. in Sale Hall chapel. Mr. Davis wishes to impress the alumni with the  of this meeting and states that"due to tiie fact that President. Archer is completing his first year as president of Morthouse ColloRe. every Morehouse alumus should be present to show his loyalty to the school and its president.</t>
  </si>
  <si>
    <t>                                           h f ^H ^Bff v J^k m B   1 B^a^-'^^B 18 hv  iB ^T ^b w b I m ^hv Hi*' Hfl ^H I El  uBr l^n MH ^BF v ^Bff v^l H9B^ BJ Dl i BM H^l. Bfl s ii..-. -i .1. s t i. -V if^'t ,.r:--' ;u' Open To The Negro Churches Of Atlanta And Suburbs* Only 7 Weeks More To Co + Start Now + Don't Wait! I Buy from the Merchants and Businesses Advertising on this page and Help Your Church in its effort to 8 I share in the substantial Cash Prizes being awarded on the basis of buying and the payment of bills. 1 Itiales  RegialafioBas Any church may enter and at any time during benefit of mutual benefit in that it provides you an Whatever constitutes the evidence of the  fifteen weeks of the contest No cost or red tape opportunity to help your church without extra cost to tion will be shown in each advertisement .I1 If it  to any church entering the contest Simply you. You will continue to receive the best possible should be a cash register receipt and it shows that you rite the contest manager., .or telephone your entry prices and the best quality merchandise for your  32 for-  the  ;sales Entries may be made by the pastor in behalf of his money when you buy from -these merchants.       c? iOr,. mst^m' tno re - saf lurch, or by the chief officer of any important sub- You will be accredited with one vote for your slip sales ticket etc. wil be an evidence of the  of the church Only one sub-division of any church for each penny you spend with these advertis- fact that you are  to J2 votes for vour church lurch may enter, however, and it is advisable that ers, or pay on account, provided you vote with the If coupons are issued by any of the "CLOVERle whole congregation be solidly supporting the con- Atlanta World, through your church or church com- LEAF" they will be issued in the ratio of one vote J mittee the evidences of such purchase And watch for each cent spent The merchants whose names appear on this page, future issues of the Atlanta World for announcements Simply start saving your evidences of purchase i cooperation with the Atlanta World, are making as to when these evidences of purchase or receipted now today Anticipate the entry of your church "t/w^dt'^I j As lts name ' *e bills may be voted. In some cases it will be the cash At the close of the campaign  375.00 in grand -*J v^Ki.- is designed to be of mutual register receipt In others it may be a coupon tal prizes will be awarded.  I IfesidL Eyea?y Advertisement Csi^  repairs] JBB GROCFRiFV "B^THe^T Octacon .Clran-Hcr Octnson I*~~d*r ^      '.'.^S'MJaMiP^l a^ well Octacoti Sonp Wraypfru      C^^tA/," ^-TkSvhL^ 5-' ."~ ROeEBS STORES Offer You la u "i jT ^^p^"T. An Opportunity to Help         "i "    cSSI*oTr?*^ AUTc  I If you are interested in helping your church share ~~^g^f^^^jj^^^i]^^^^ Phone   . 4268 in the substantial cash prizes to be given to y^j^Sfcyj^BljflglBBlP ^'^^^g Lnd'ioV1 C1   "Mir .~0dorle"-) j Churches 111 (Scwcd"on) or Vulcanized  THE ATLftHTfi WORLD S CLOVERLEAF  G0P3TEST ~^Sg^" A  (?Q Buy your groceries your meats produce everything in Rogers Stores' complete stocks nnd DIC- rv^VyuoviiiiJiJ MAND your CLOVERLEAF CHURCH CONTEST COUPONS YOU are entitled to one vote for every cent Tires, Tubes and Batteries you  Pend with ROGERS . I rht-re s one in your neighborhood When you buy the following items from ROGERS STORES you n i AU S OM^SIf.ES I One Dollar does the wort DOUBLE VOTE VALUE tho ROGERS COUPONS which are good for one vote (or each cents the item costs I JMa*"^h- J rf ^wo you nnd one vote for each cent up to the maximum, re13'' value of the package Or carton or  cap: i ^P, I1ITP. I.II.Y ri.OUIt for overy penny you  for White v"t'"1 Snvi- nn.l vnt* llic  CI.EANKKIl CAN* ~.~rl, l- r JIO IP Flo"r ~:i-t vo'~ coupon anil when you vote the White      for five .. U"1 i-~~6"' Sjck, t t vole vall to      j It CAItItpi.1,  Ev.ry .tow I. r.~~l for vote, ,t,:m,.m.   ,.~r T"! '4 bT that whi-ii you  Carrolt Cakee from R(    'M you koL /(o/~'rH Uoiilioin  I  ronin-mv Coupons W, buy Wh.to Lily In all .i.M.      cncl,  y0~, for llw w,,aL ""J , l-'*l"y " SOAf Alao OCTAGON SOAT  .     s,.t f.jr the wrapper*  you vole ihem. -]kT 741     .    St.   . 3V2C. OCTAGON CLIilAN'SKlt And fAt.MOI.lVP. SOAP BANDS Saw HOMING SUCAIt Whin you  DOMINO SUGAR from ll"K- IN 6\V ias Prior, SI. Ma. 3383  nd vol.- the  SOAI- WRAl'I'ER utu-r you have  1U, i- In       or curium, i you K.-t one vole for wu-h ci-ut --S Prnrhlrce SU WA. 0147  .ml of it The wrapper will, the coupon removed iS worth fiv.    ! '^k f '-'t"n "tOl.r.RS  OSS nn.l when yi.u  AT 17T1 W. Cr" S,.   ...r De. ~,T. vote, V,,u d.,,,-1 have lo tl,  out y.,u want to ^T SL'i"^ W b3S,S'o' Su'TA,'t 'P^T^S ^"VV a \Mt,\  1 Saw the  SOAI1 I'OWDElt       in .I for five .K VOTE VALUE. vote our ui- i*~ I krom  j  1 L   Zl i^^JFiE^i CI^AVT1O. +- i "nil IT.-lp Your Church Only Eight more weeks lo ~"v TT AMOS  t?nn a, BUY go. GlH  and '.c. DRUGS AND SUNDRIES HfflUO )OT\  AIsoThc Contest Manager is in  KtniKK of RRilft ^JlfiRF When You Use Buy That Used Car J. Allen Smith the of Hcc every Wednesday YatfiS M  hen You Use r from 5 P. M. to 8 P. M. No  W#O.     BfiBILW.H. "Ti.e store wiih R-~r service- TUC ATI AU7A m ,w ,,^^/jl ~~~/IV         -S accepted after S Two Convenient Store, M.I.ES 0. . 1*. Hh fl I LANTA 'ylT^oVo^X^^^T VVlUte Lilly O'clock. -AJ.1O- Ashby at Hunter St., S. W. W V Mill RI II Yoi, Swn.l With PIp-wp ,...H     .     ;V...m Sanawichei and Soft Drinks Phonos: Main. 6122-6123  BfUnLU Flour li^fX SrSes^e' ^Tce--^U^fh  f t CLASSIFIED ADS Mst ROIHt. rr .r. A,..- smith Flour "t,^ ,   - Rood aM^tL* a^Te  L'~T One Tou Spl.r Cont ;          'Gonlpaiiy. Sack Rood for Votes for your (.'..ods arc purchased rrom Adv.-r- pi vj ,'ini ati anta ii/^o.    t\').i ^V,-i5!"' Church   ..n..this. CIiivit- Phono Wa. 1401 Voto Our Ca.h Renter     ;~~   ATLANTA WORLD EAST POINT leaf Cluircli Contest V;igc. '67 Fair St.. S. W. Ma. 4114 Isuy From    nnd Help Y,mr Church CLASSIFIED ADS ALSO MARIETTA SPRING EAT I SUGAR I RADIO RADIO CIRCULATION j"~ CABLES;  Btiy BUY For Every New Subscriber ALL CARRpLfCAKE" Bi?ead RCA Victrola V0Taira0UR ^^M^ "M*   U^.^^r*%. T Ivll VIO  Have n definite vote ; for your -and save the wrapper, for ^~faf tiff iff B -V One Year church wherever C.'.      .r. Kin/ StvU. n Subscription 1,000 Votes bouc'"' I 'Otc. for your church! Also the WBbBBBKbMM'1 t  I .0 ,BB \     *, T- M,., v 6 Months BUT from: g/^M      Pu"~ Subscription 300 Vole. When CARROLL CAKES Taste To M"" 3 Month.   ("in ROGERS STORES Bambv Wholewheat Oilf^ A D subscription _.25O Votes you Ret a double voto value Uri;:i(]  And Enjoy the Best in Radio Heception One Month Jne vote -for every penny you v One Vote With Each Cent You Spend for R. C. A Victor Radio. Sub.cription 80 Vote. ^"J for Carroll Cakes il ~[  .'~ Bam by Tea Rolls And Help Your Church ".ctor     .   SUBSCRIBE to you in        Coupon.. lp Every nomino Cartoon From The Following Store. Then you vote the 1 Bamby Junior Loaf ^^Z Zt %U       ?t ^V^ Bambv Sliced I oaf 1     f.r E.,r, ~*~i You      c RHODES- MUTUAL 8 "WW V=ur church. Atlanta Baking co  ZZfs?^- SS^" Pr-=~  - Oaily World Carroll; Gakes  yu. DEMAND  SUGAR furniture co. peerless furniture v* 3 "-"!t rv HmmJVJMH.1  "Sweden It with Domino" 288 Decatur St., N. E. 415 Marietta N W And Help Your Church VRE ATLANTA S FAVORITE</t>
  </si>
  <si>
    <t>                                           Despite the threatening rains earlier in the day ,more than six thousand fans ventured out to Legion Field ,Tuesday afternoon to witness the city's first all 'colored track meet.</t>
  </si>
  <si>
    <t>                                           '$~~?' 2 NOW! 15 OPEN D     Atlanta M 1M ^T Showing J A-M.  i- of      I 'Ml Drdtnftl I Itt Si NANCY CARROLL Hi  I tn Paramount.'* IB H "WAYWARD" /I \Witll It RICHARD ARLEN^</t>
  </si>
  <si>
    <t>                                           On a Swank North Atlantic Liner j CLOTHES MEET THEIR SEVEREST TEST! j I :Wwffi/- T  im kind wfi/~~' "          of  youni? New -^^^^V^S' ^  ^ By S. SCHWOB,           a loading *J Prc*. oj The Schwob Co. automobile manu-  made n stale- ment to Ihc effect that two years ago lie would Iiavc said il was impossible for him to produce such a fine new model al his new price. Thai impressed me. Il was* literally true of my own business. For 20 years, I have been making fine clothes. But never before has this company offered tho Amcri- can public the unusual values mentioned here al our ,'}., astonishingly low prices. The problem of making better ~"~~1 suits at a lower price has been a difficult one. But the lo examine the display of Spring and Summer suits in Sis     wW A JiiP our stores. The Spring suits are tailored in Park W T* Avenue styles especially for the South. Weal for Spring, I^M i^^^^^^^K Summer and early Fall wear. The Summer suits in- ^^P S-CHWo^^^^ dude linens, tropical worsteds, and nobby sport coats ^11111111 ^^^P J with inverted pleats, patch pockets, and belled backs. "^ IlllligJlH.' TS^^C. By all means sec this display before you buy a suit. I It is without question the smartest in the South! ^W^^^^^^^^^^^^^^^^^^^^^^ ^ KcaJy-lo-Wcar S14.95 $17.93 f" PRICES: Tnilorcd-lo-Ordcr S 18.50 $22.50 v Linens- S9.95 Tropical Worsteds S11.9S V Srori Coal S9.73- Trousers  3.50 "k "The Schwob Co. -;i 91 Peachtree, N. E. 177 Mitchell, S. W. %   Stores In Nc;r-by Citletl Athsni Maeon Savannah West Polnl LiQrani* VtMoila "    8 CotonlW Albany .-^B</t>
  </si>
  <si>
    <t>                                           WILL BURY FILL  TUESDAY                 Funeral services will be held at one o clock tomorrow afternoon at the home of Mrs. Annie Walker, D62 Michigan avenue, for her son. Jefferson Walker, 26, who died at tho Grady hospital late Saturday afternoon as the result of scalp lacerations sustained  he is said to have tumbled an?, fell .-it the Chenault Barbecue stand on Ashby street last Wednesday. A  resulting from the scalp wound is listed as thc causo of his death. Hs wns employed as a chauffeur. Burial will be at Southview cemetery - Henley itri charge.</t>
  </si>
  <si>
    <t>                                           ROSA CLARK, Alabama State Teachers College, great girl sprinter, winning the 50 yard dash in 6.4 seconds, breaking the American college record for women.</t>
  </si>
  <si>
    <t>                                           TIM TYLER S LUCK A Dose of His Own" Medicine By Lym Young</t>
  </si>
  <si>
    <t>                                           When we discussed other diseases such as whooping cough, diphtheria and typhoid fever, for example, we learned that we now have at our disposal a special form of treatment based upon the use of a vaccine or a serum which is injected into the child for the...</t>
  </si>
  <si>
    <t>                                           I BAILEY S I Theatre I mon- tues. With H SUE CAROL M  TOOMEY</t>
  </si>
  <si>
    <t>                                           WORLD ADDS HOST OF BIG FEATURE!                 SERIAL M CART00M5                 New Features Include Pictures, Interesting; Reading Matter                 BEGIN AT^ONCE                 In keeping with Tha AUanta,       World's policy of giving 1U readers the. but reading matter and features to be found anywhere, a contract has been made with the: King Feature's Syndicate. Inc., largest agency of Its kind In the world,,nerving dally papers everywhere;                 for several of lta best featured' I Among those purchased and lo be run dally the The World arc: TIM  S , a comic strip by Lym Young, which hn.i met International approval. It is 'included In today s issue. TELLING , an educational cartoon strip by Plm, designed to furnish Information to young and old alike likewise in today s paper; FLAPPER FILOSOPirr, an epl\ grammatic cartoon of the modern girl, to be featured on the woman s page, also in today s paper; SPORTS CARTOON, to appear daily on the sport page and  v/lth world figures In sport which starts tomorrow; NEWS CARTOON, dealing with national and international events, also appearing in today s paper; BEAUTY CHATS, an illustrated daily feature dear to every woman s heart, dealing with the problems of good appearance: CHILD HEALTH, a dally article on the care of children, of interest to every mother; SERIAL STORY, ."Ambers of Love which begins Sunday and will appear each day, a love talo so gripping nobody who reads tho. first chapter will care to miss a single installment: HOLLYWOOD LETTER, a column appearing daily on the doing* of the film industry; NEWS PICTtJRES. which will! Concern thc moat important hap-.  here and in other countries,1 None of these sensational and-' compelling features will be found     any other Negro newspaper in the' country and In no dally in this vt-, . The World has gone to tho expense of obtaining this matter because of. the desire to give all readers thn" best it is possible to buy. It is believed everyone of these new feat-" ures will be found enjoyable  absolutely essential to some  of every family.</t>
  </si>
  <si>
    <t>                                           In keeping with The Atlanta Dally World's policy of giving its readers the best reading matter and features to be found anywhere, a contract has been made with the King Feature's Syndicate, Inc., largest agency of its kind in the world, serving daily papers everywhere...</t>
  </si>
  <si>
    <t>                                           IftVBR 8O YEARS or jll EFFECTIVE USE I M Bladder and I HI Btdmey Trouble II ;This Ad Good for 10c onj  Any Shoe Repair Work or3 'Hat Cleaning. 3 ^CUSTOM SHOE i REBUILDERS 1 V J:Ha* Cleanina (       ) 4 Ladle.' Men'  Sole. Sewed            !xed on (None Nailed)^ 11 Edaew0011 al 5 Polnl1 L I,. 4268 Downtown Delivery</t>
  </si>
  <si>
    <t>                                           MISS LULA PORTER, one oJ Chicago's greatest athletes, holder of records from Hyde Park High School in hockey, basket-ball tennis, track and volley-ball; nationally rated by the National Tennis Association. Chcago citv champion in tennis on clay courts, and for two seasons national lawn tennis</t>
  </si>
  <si>
    <t>                                           Recent events have brought, most emphatically, the attention of all Americans on the terrible, deplorable and most disgusting condition of the spreading growth of criminal tendencies on the part of its populace, with no seeming check or restraint in sight,except in individual...</t>
  </si>
  <si>
    <t>                                           Hoodoo Fails to Work on Cops; Witch Doctor Jailed                 VAT.DOSTA, Ga.. Api-. 13.- Inability of James Crumley, who has a local reputation as a witch doctor, tn work his  on Patrolman John Rogers has resulted In tho hoodoo man being lodged in jail where so fur stone walls and steel curs have been victorious over                 black art. And this is how Crumley got in bad: The witch doctor had offered to \isc his  both pro and con In the murder  of B. Stafford, charr.cd with killing Willie Duncnn February 28. For a cash consideration, ho assured Stafford's friend.i the nian would RO free. Also for a i\ish consideration, he assured Duncan's friends he would work his charms that Stafford would get :hc  chair When Crumley wan arrested, ho                 'shook in their  a handsomely carved walking cane which rattled ominously. They put Crumley and canc In J1"1- They als0 took " other walking sticks, eloquently carved with human figures, fish, birds Mid beasts, as well as other objects, nnd studded with brilliants and pieces of mirrors. In the station house, they were pi ed with other confiscated Roods. Officers sny that In their daily routine of work they often come in contact with such men  who wield n great power among Negroes. Turpentine camp operators dread thc visits of such men to their camps. Superstitious workers the operators say. arc easily swayed by the words of such witch doctor*, and men like Crumley arc barred from most camps In the turpentine belt.</t>
  </si>
  <si>
    <t>                                           VALDOSTA, Ga., Apr. 13.--Inability of James Crumley, who has a local reputation as a witch doctor, to work his charms on Patrolman John Rogers has resulted in the hoodoo man being lodged in jail where so far stone walls and steel cars have been victorious over...</t>
  </si>
  <si>
    <t>                                           After a week or two at the Ritz they moved to a large apartment in the Boulevard Housman, out near "The Arch of Triumph." Here Lily Lou had a small room of her own, and the use of the piano when , Nablman was not using it, which was not often.</t>
  </si>
  <si>
    <t>                                           That men admire pretty girls goes without saying. They like to drag around a pretty creature who wears the sassy clothes, looks nobby. "That's a swell baby I saw you dancing with last night," the boy's boy friends say Naturally. Why not? Isn't he attractive to...</t>
  </si>
  <si>
    <t>                                           Wednesday, April fi, 1932 THE ATLANTA DAILY WORLD, ATLANTA, GEORGIA FagITfIvE</t>
  </si>
  <si>
    <t>                                           MBiM^^i^J ONLY NEGRO DAILY NEWSPAPER, IN THE WORLD I     2^</t>
  </si>
  <si>
    <t>                                           WESTBROOKS HEAD COLORADO  COMMISION                 D2NVER. Colo.. Apr. 1_(     Al i rc Lvni meeting of the Denver Interracial Commission. Dr. J. H. P- Wostbroofc was named as chairman. Due to ill-health and the  nature of his duties in connection with nn  law practice. \V. W. Grant. Jr.. who has served for more than eight years :is  of tho commission, was forced to tender his resignation.</t>
  </si>
  <si>
    <t>                                           ^afw 1 a mat for, women r. f^i?p' ^ff^l-tJ i-~,^ 1 1  MITCHELL HILLy EDITOR- J HLtlPt,^^</t>
  </si>
  <si>
    <t>                                           MONTGOMERY, Ala. May 29-- Tail applications arc being received daily and final details are bang arranged for the opening of the Alabama State Teachers College Summer Schools at Montgomery- Birmingham-Mobile on Monday, lune 6. The first day will be...</t>
  </si>
  <si>
    <t>                                           NO WEEK OF MIRTH in the history of this collim (some two years) ever excelled the past social span of six days. Rcalmites of this breezy, sizzling Gate City colony fairly reeked in joy, and gayety, and effervescence, and epicureanism. And the Joymen wore king of them all...scorching up things with a red-hot capital-letter, heart palpitator on Monday night at Tiger's Villa, that romantic Spanish ... out Simpson Road, that set the whole populace to "popping off" its mouth in unrestrained superlatives. "It was truly the greatest of all Joymen...</t>
  </si>
  <si>
    <t>                                           ST. LOUIS, Mo., April 7-- (ANP)--Ross J. Smith, instructor of printing at Vashon High school is defendant in a suit filed in Circuit court last week by his wife. Mrs. Maude B. Smith, former school teacher of 4122 Cooke avenue, who asks for an absolute...</t>
  </si>
  <si>
    <t>                                           Atlanta Uhiw Closes Year Wednesday                 Nineteen student* will be . ed the bachelor of arts degree: from Atlanta university this year at the annual commencement exercises  which will be held tn Ware chapel, 'Wednesday, June V at 2:30 p. m. They are: Robert Edward Banks, Thomaa' Taft Blake. Fredrkk Vfctor Brooks. ArUrar M. Ira Holnea. Cleeator Wnilaa Jannlnci, Theodora Syhrcitu Ledlwtter. HawthorM Edward Lm, GUnTflla Alfrtd Loexett. Fraaefi baac Loaa; i Fred Dnulau Habx, Marian Raran Maxrek. Sanud Naal. Erwla Bdwla Omul. Hortimtr Hanaan Kobluon, Qar. land Vemon Stewart. Jokn Brlmttr Rtrvrart, Amton Andenon Thoraal,        Edwin Tlomaa. Jflaa Ntll!~ Ltwb . i',(V DroNT STEAL PUR8E Curtla Leslle and Emmett'Wltcher were treed of charges :oC snatching a purse from Miss Margaret Lewis,' 640 McGruder ,. by a Fulton county grand .jury* Thursday. The two   ro alleged to havo grabbed the young woman s pocketbook the night1 'of April 23. .V..</t>
  </si>
  <si>
    <t>                                           Recent events have brought, most emphatically the attention of all Americans on the terrible, deplorable and most disgusting condition of the spreading growth of criminal tendencies on the part of its populace, with no seeming check or restraint in sight, except in individual...</t>
  </si>
  <si>
    <t>                                           Cash Carry Meat Market 312 WEST HUNTER ST. PURE r(J LARD, Lb. SIDE ftC BACON Lb PICNIC HAMS, Lb. OC SPARE RIBS.Lb. EGGS 1O1/C CHEESE, Lb. A* /2 BUTTER, OftC Lb- ^_i Harry Collins 68 ALABAMA ST. JA. S241 At Pryor Pure CP LARD DL Pork ny SAUSAGE /2C Round 1^1/p Steak ---Ld/2t ?{ecf 7V9C ROAST /l^ STEW  MEAT W/Z*' Fresh Dressed I Hens, Lb. tf^c</t>
  </si>
  <si>
    <t>                                           R  FIRST ANNUAL ATLANTA UNIVERSITY ALUMNI DANCE FRIDAY NIGHT, APRIL 1st, 1932 ODD FELLOW ROOF GARDEN Admission: $1 per Couple; .50 Single A. U. Graduates. Former Students and Their Friends Expected</t>
  </si>
  <si>
    <t>                                           Both had been going around for the past few weeks, so starry... and radiant that her friends had exclaimed at her breath taking loveliness. Beth, that quiet little mouse of a person! At last the secret was out. Beth was engaged to Harvey and the wedding was to take place...</t>
  </si>
  <si>
    <t>                                           Funeral Notices                 EVANS- Mre. KntIO Mac Evan*, nf 1(51 Fulton, passed nway April 18. 1032. Funol'al announced later. Pollard Hancock. BELL The funeral of Mr. Cl. Bell will      at Ihc People's Funcrol Home chapel. Gtil West Fair St.. tomorrow (Thursday) afternoon. April 21. ID32. SMITH Friends and  of Mr. and Mrs. Fletcher Smith. Mrs. Mattie I.~?neo and family. Mr .and MrK. John Smith Mr. and Mrs. Will Smith and family.  nd Mr.  nd Mm. Loiinlc BrouRhton and family, arc invited to attend the funeral of Mr. Flctclx-r Smith. Thursday, April 21. 1SW2. at 2 o clock, from our chapel. Interment South View . Ivry Bros., morticians.</t>
  </si>
  <si>
    <t>                                           Do You Read EVERY World?</t>
  </si>
  <si>
    <t>                                           Closing of the Douglass National bank in Chicago should not give the professional vultures within the Negro race any cause to carry an unusual amount of carrion on weaknesses of Negro Business.</t>
  </si>
  <si>
    <t>                                           LL D. GIVEN PREXY By TUSKEGEE                 1st Honorary Degree Ever Conferred by Alabama School                 HAMPTON S HEAD,                 I TUSKEGEE INSTITUTE. Ala.. .May 31.- )- Inspiring, passages of history were penned  Thursday afternoon as President H. i R. Moton conferred upon Presiticnt I Arthur Howe, of Hampton Institute ihc  degree of Doctnr or Law* the  honorary                  ever given oy TusKegee, upon thai  while man  r to get a degree from Tuskegee. "I am proud," said Dr. Howe in  the  conferred upon  by Dr. Moton in the afternoon i. exercises held in Log:ui HiJl, during which dlp!   :is wt-re awarded to college high school, junior college, trades school and nursing school graduates, "to become an alumnus of Tuskegee Institute. "Let us, my friends, when lust seen by- our fellows, be going up. Let us always be seen going up. Like the Englishman seeking to  the crest of Mount Everest who was going up when they last saw him, we should always, Ibe bound upward." President Howe ia the son-in-law of the late Gen. Samuel C. Armstrong, founder of Hampton, who sent Booker T. Washington to Alabama to found Tuskegee Institute. Hampton, also . Dr. Moton to Tuskcgee. and the ties  the two schools were still further strengthened today by the awarding of the honorary degree on this distinguished educator, a brilliant schular ami former Yale football star. Dr. Howe came here Thursday morning from Hampton to be present for the presentation of the degree from Tuskegee Institute. He I loft Thursday night to resume his duties at Hampton. Commenting further during his speech Dr. Howe urged his new fellow : to resolve, with him, "not to waste my life, but try to be useful." His theme, like that or :ill the speakers and the theme of i In-  program, was service 1 tn God and to mankind. :i combination of the inspiring and the practical. To the inspiration of the speakers was added the inspiring singing of tho choir and chorus, which presented "Lost in Tho I\'ight." "Soon Ah Will Be Done wld de Troubles of de Worl." Renewing their pledge of Simplicity." sincerity -and service to God and mankind." George W. Henderson, of the class of 1922. Dr. Carvers class, -thanked .that famous scientist for again renewing their i inspiration as they gathered here in reunion for commencement. Henderson also presented to Dr. Moton. on behalf of the class, a S250 check for purchase of four paintings to be hung in the library."</t>
  </si>
  <si>
    <t>                                           TUSKEGEE INSTITUTE, Ala., May 31--(Special)-- sages of history were penned here Thursday afternoon as President R. R. Moton conferred upon President Arthur Howe, of Hampton Institute the honorary degree of Doctor of Laws the first honorary degree...</t>
  </si>
  <si>
    <t>                                           AMOS DRUG STORE PHONES: i Ashbyat Ma-6122 J A Member of Both Clover Leaf I M fi123 ^n(* "e i)inK      ' Contests Hunter St. Muy Floats Us aed Help Terns* Church QUICK I  Bottles COMBINATION S9c DUlUCb And CJonerous Vial of A FEW OF OUR I     Cn(v Perfume m _S COLA-COLA free Everyday .25c. 25c BLACK DRAUGHT 19c        BUTTER ?/ i "5c Tuxodo Hair Dressing 19c 35c CiBn SALVE T.W s" of i V"! 2 "^'T^ 33c 25c 6    LIQUID 23e SWEEf MILK ^     ,8r fiST 2." 1.25 SSS TONIC 99c ^-^^f^J^ KcV^ SdrD^S.,    1.25  Me pt. 25c! 4   . 13c iOc NAmNOLA Me:  THIS WEEK All Dyes 10c Pkg. TA^ LYSOL 23c 60c Swamp Root 43c  I 35c Djcr Kiss Talcum 15c  R1 Oft Wntprhnrv 2nc ColPltc Talcum 19c *i.uu  ,-c ,0VC.Mc Talcun, 19c Compound ii C I v ;oc Culcx Nail I'oltsh or Kotcx 215c i CIGARS Scl 3!)c For a limited Time any prescription bought from us will be refilled for lA the first p rice charged, Mall Orders Gavesi F^oia^pl;            OPEN DAILY 7 A.M. UNTIL 10 P.M. SATURDAY AND SUNDAY OPEN TILL 11 P. M. f AMOS DRUG STORE I i :;;:?~ft</t>
  </si>
  <si>
    <t>                                           TONIGHT BRINGS ACTION in this ole social realm--and plenty of it! At the City Auditorium the Washington High School folk, paced by Mrs. Essie M. Groves and Graham W. Jackson will do things amazing with voice and instrument; at the Savoy Ball Room the Atlanta Fisk Club will sizzle things up a bit for other realmites; and at Sunset Casino the much ballyhooed Cotton Revue Ball will give the "swanks" and "swells" something to do and say. The Cotton Revue idea is cabaret style, characterized by entertainment by clever...</t>
  </si>
  <si>
    <t>                                           Victory Life Co. Stockholders Meet Today; May '~^~j Capital Stock in Half; Will Decide Eastern P:~$~~^                 1 WILL NOT QUIT' SAYS                  Victory Life Future in East Will Be Decided Today                 CALL IN PROXIES]                 CHICAGO, April 20.- CANP)- The future of the Victory Life Insurance company In New York will be decided .                 Whether the company, which was recently restricted In this state and New Jersey under pressure, will be permitted to re-enter here and solicit now business after the present internal strife has abated will be d                  when the Vict r y L i f r stock holder? meet in Chicago at 3 o clock this afternoon to vote on a pro posed  of the charter so that its capital stock, may be re"3ucc"d' from" 5200,00 to $100,000. If the capital stock of the                 surance company is reduced us proposed the insurance corporation will not be able to re-enter New York state for the stringent Insurance laws of this state will not permit a company to  here unless its capital stock is at least $150,000. Declaring that the resolution which will be voted on at the special .stockholders' meeting today in this city is a deliberate move on the part ot. Anthony Overton, president of the Victory Life, to keep the insurance company out of New York and thereby defeat the efforts of the eastern investors to oust him from his position, the local stockholders, led by Dr. P. M. H. Savory, declare that they control enough proxies to defeat the measure. It will be  for Overton to control 4001 out of a possible 1 8.000 votes in order to carry the resolution. The eastern  its claim to control 3 310 votes outI right. j In a letter In which ho solicits the proxies of the stockholders. Overton states that the reduction of the capital stock is necessitated because of the economic and Indusi rial depression which has caused temporary depreciation In the value of securities held by the company. The converting of the remaining $190,000 Into a. surplus will  the corporation to meet any contingent liabilities, the letter concludes. Today's Battle of tho Proxies will be the latest skirmish In the fight of James E. Stamps and Charles A. Shaw, recently ousted manager of agencies and secretary of Victory Life, to remove Overton from the presidency of the company on Continued on Page 2, Col. 1                 ANTHONY OVERTON I                 Overton {Continued from Vane One} charges  mismanagement nf the corporation s affairs. The  officials are backed in the fight by the New York and New Jersey stockholders. Facinc this Eastern group Thursday  New York In one ot the most turbulent Investor's meetings in the history of the company. Overton was defeated In his efforts to win them to his side when the New York1 and Key/ Jersey  adopted a motion statins their objection to the   withdrawal of the company from the .two stales and asking. the resignation of Overton as president of Victory Life. Supported by  motion, the New York.1 Brooklyn and New Jersey offices jof the company will continue to remain open for the receipt of premiums .despite the official withdrawal it the corporation from .the- . It was  yesterday by Dr. Savory that these offices would remain open indefinitely. The  Hill, read in New York, staled; tna6,Jf w/DUld. have been possible "fbr 'trife insurance company to have rid  of all th0 bank  tock..bub. contended that Overton would not permit the sale of it. The'  M  declared that hi sought to keep1 trie ban'.stock oh the compan$*a  sa that the 'Victory would Vhavc t" protect the stock if the bank e--~  financial difficulties. Atty. Hill's letter... which -l with a request for Its  ton. also charged that Overton \v:is InRlstinR upon' thr-'-of S13.001 a. year  Chicago Bee. hi.-~ own paper, tot. work, which Dr,' Powell charged Jater. was secured for S31 when Mr. ShnV "took ''charge of the company, 'Eko'rtltan't rent and  salaries Averealso'cHarged u- 1 gainst Oycrtonln the letters.</t>
  </si>
  <si>
    <t>                                           CHICAGO, April 20.--(ANP)--The future of the Victory Life Insurance company in New York will be decided today.</t>
  </si>
  <si>
    <t>                                           Diamonds V^\\l ]}jJM^.  s Here's a bargain for you just when you arc warning it most Weddings and Graduations are coming. Your jeweler is-. ready to serve you. J. L HOLLOWAY 172 AU15 AVENUE .~~YTyTyyyyVYyrYTVYTrTYfTTV*VTTTVYTTyVTVVTYTVTTT'JrV4 I Creamy Sodas and I 0^) Sundaes: ^^pOh So Good! AMOS DRUG STORE i Hunter at Ashby f We Deliver- Call Main 6122</t>
  </si>
  <si>
    <t>                                           Do You Read EVERY World? Mention The Daily World to your merchant</t>
  </si>
  <si>
    <t>                                           Tffif TYLER S LUCK Cream of the Crop By Lym Ypi^ig</t>
  </si>
  <si>
    <t>                                           As Mr. Reynolds is attending the Undertakers' Convention in Savannah, he gave me an opportunity to say a word through his column. I am not so well adapted to this, means of giving my thoughts to the public, being a man of the pulpit, but I hope you will...</t>
  </si>
  <si>
    <t>                                           Isle Cabinet, Resigns; Get 1 5 Successors                 WASHINGTON. Mny 31- (ANP) President Stonio Vincent of thu Republic: nt Haiti has accepted the resignation ot the six members ot his cabinet as of May 17, the United Siatis Department announced this week It was stated here that the realms for the resignation were entirely uf a domestic nuture anil had nothing to  lo with treaty rights between the United States and Haiti which have recently keen tile  of a sharp exchang'.- of notes between the two governments. Mr. Abol Letter, former  of foreign , has appointed the following new cabinet at the request of President Vincent: Abel N. Leger, foreign affairs; Ellie Lescot, secretary of the department uf justice and ot Ihe interior; Clovis Kernlzan, secretary of finance; J. A. Raphael, secretary of the department of public works and commerce and Paul Saluimmi  ot , labor and  Social Work School Gets $3000 Grant In  e of tht- very sue-,  work done by Hie Atlanta School ot Social Work, through it s Child Welfare Department, the] Children's Fuml ot Michigan, of! which Senator James Couzen is tlic. founder, through itx Executive Vice President nml Sccri'tnry, Wllll:im J. Norton, has extended a grant 6i $3,000 to tlio school tor the academic year of 1332-33. The Atlanta School of Social Work is Hie only Institution oms.liv of Michigan  by . Children's Fund. This grant was first made lo the school by the Fund, l;\st     \ tor one year only, ami Us renewal la taken as keen- appreciation fur     type of work- this di  of the School is doing.</t>
  </si>
  <si>
    <t>                                           2EI BELIEVES ITCH BURNING EC/EMA Soothing, cooling ZEMO  prompt relief to Itching,  j skin; even in severe cases relief conns i as      as ZEMO touches the lor- tured Bkin. Eczema, Ringworm, Bashes, Pimples, Dandruff and other  skin or scalp troubles generally yield to this soothing,  lotion. ZEMO is sate ::nd dependable. All Druggists. RT.c, COc, $1.00. Extra Strength ZEMO best for chronic cases- $125,</t>
  </si>
  <si>
    <t>                                           Tabulating gardening reports, Miss Marguerite C. Anderw, white, director of county schools, reveals that Negro children of the county schools have raised 813-4 acres of food-stuff, Douglas school, a Negro industrial center, has in and around its territory a total of 682...</t>
  </si>
  <si>
    <t>                                           All Birminghram is going air-minded. Due to the increasing demands on the part of the Negro citizens of Birmingham, plans have already gotten underway for the organization of an aviation club's among both the fairer sex and the gross sex. The aviation class is...</t>
  </si>
  <si>
    <t>                                           Arrest Three More -            A P Store                 Throe more persons are In jai!, ono of them 14 year old Joe Henderson who is being held at the  detention home, as the aftermath of an attempted robbery of the A and P store at 472 Mitchell street early Saturday  Abnoy Strozier, who was locked up on suspicion by Officers J. W. Ector and L. Askew, who picked him up rear the scene of ihc crime shortly afterward?,  inclined 10 talk and named Ihe others. Officers S. T.,. and E. C. Robcrsnn arrested the  throe men. According to Information, Strozlcr     admitted his part, in the burglary attempt and is said to be wWin/t tn name C. M. .Tohnson a*:  with him at tho time and also as Iho one who i  a shot at ihc officers. Marion Mnpp is also being held for . CONFESSES POSTAL BURGw T,ARV LITTLE ROCK. Ark.. April 20.- ) Arrested as a  in the  of n house hero recently. Charlen Cole. M21 W. Ninth . is reported by police to have confessed that he is the man who broke Into the Pulaski Heights  of lhc post office on Murrh 23 ;md stole, In  to a larse number- of  stamps, 000 pennies.</t>
  </si>
  <si>
    <t>                                           Sincere affection and tender memories were entwined in the floral display and other, exquisite details of the Bridge Luncheon given on Monday by Mrs. Walter R. Chivers in honor of her life-long friend, Mrs. M. G. McCall of Birmingham, Alabama.</t>
  </si>
  <si>
    <t>                                           SATURDAY AFTERNOON will bring into the Gate City the strong Talladega Faculty volley ball team, led by Couch W. H. Kindle, Coach Gordon Kitchen is also an important cog in the combination of the invaders. The visiting horde will mix things with the Butler Street Y. M. C. A. Business Men's Class at the "Y" at 4 o'clock. The game, previously slated for the evening, was shifted to the afternoon to permit the teachers to see the finals of the Seventh Annual Inter-fraternal Basketball Games here.</t>
  </si>
  <si>
    <t>                                           I Double Votes Will Be Given in I I FOR ONE WEEK "':i I WHEN YOU BUY- I I Drugs, Groceries, Meats, R. C. A. I I Vicfrolas, Automobiles, Automo- I I bile Accessories or Anything I I from Any Advertiser in     I Cloverleaf Contest Cv I Don 't Fail to Get Double Votes!! i M I List of Places That Give Cloverleaf Tickets: ff East Point Chevrolet Co. Rogers Piire'Food Stores! ^Jl f Golden Eagle Co.        Milton Drug Store3,-   B Rhodes Wood Furniture Co. Amos Drug Store. ijf h Perdue Furniture Co. Sutton Custom Shoe 7 Swi 1 Mutual Furniture Co. Rebuilders. :-^'WmM C Peerless Furniture Co. Vine City Market. ~~:-:-^i$$mm</t>
  </si>
  <si>
    <t>                                           MISS L. MAE KEARSE, popular reporter for the World In Newnan, A Ga. Is.</t>
  </si>
  <si>
    <t>                                           (^Surest Quickest EasiesF\ j^ ; to get RID- 'of    : P^^^^sifl^ Here is a world famous com\^4^=s=ii^if^s!v!s bination skin treatment used I     0             and White Ointment and Bi?~   ^~^-^~HJj Skin Soap not only brings ^^^^^''^1 ^OU *'SIu' so^   - skin S^Jgggggp^li but it drives away ugly; Hj^IPner S*i!^aS bumps, mole discolorations,         cqM^H  irritations and other blemishes like magic. The 50c package of Black ^_^___^^^_,^B^^^.^^^^ md White Ointment con- j^HHHfawWj^          ^ffl[^   tains three times as much BB^TMffijI^y^^yr^m^^^^M as the 30c size. Large bar H^CT^^^^mLj^^H^Hj Black and White Skin Soap                 3 TPtMi"^B m 25c. Highest quality at low (M*B*MBm3l^^          3H economical prices that save           4^^l^J^(*Q^H you money. Try them today.                       If Vour Skin Requires a Mild, Easy, Soothing Treatment p Use Genuine Black ami While Slut IVhitcncr. Thousands': Vy people with sensitive skins  it delightful to use and', -'M; most effective in whitening and clearing lift the skin in an '"C'i. easy, natural manner. Large can 2$'ei-'"M--'- V.;::'; */$</t>
  </si>
  <si>
    <t>                                           MtZion, Rice Memorial Win This WeeM                 WIB HAS TOTAL IF 42,117                 Other Churches Show Big Gains in Vote Totals for Week                 CONTEST WARMERi                 Howdy Folks! This week'.-; lucky winner of the first prize of Sly for the third week in the 15 week $750 Cloverleaf Church contest I sponsored by the Atianta Daily World is the Jit. Zion 2nd Baptist church, 281 P:edmont avenue. N. E.,  by the Rev. ,1. T.                 with Mrs. Viola Sanford con- test manager. Mt. Zion certainly I is  her own because she 1 won by a very  score last j , and every time she win?, her score sets  and . jTh:s  turned in 12,117  Wednesday, 5,751 more thun last week. Winner of the second  of S10 (roes to Rice Memorial Presbyterian church. 932 Coleman St.,  by the Rev. G. W. Gideon, with .Mrs. Bessie Berry, contest - Rice Memorial won second prize during the very first week of the contest, received an honorable mention last week, and Ptased a come-back th s week by turning in 35.075 votes.  the S15 and $10 cash prizes will be awarded at the Sunday services of both  fact that Rice Memorial Presbyterian church and Sit. Zion Second Baptist church are in the money again doesn't mean that any of the 3S other churches who havo applied can t win. Just  ret busy and hustle up some votes. Make our advert sers know that all of you really are interested. Don't  discouraged it you are left at the post two or three times. Just keep trying and you ll win. Over -10 churches are in the race now  ii means that the first and . prizes are no cinch now, even though the contest is young yet; We have 12 weeks more to eo and plenty certainly can be done in that tme. Be sure to turn in each and every evidence of purchase to your contest manager. Any church, no matter how  or how small it may be. can win one of the two prizes in this contest. Honorable mention goes to Glenn Street Baptist church. Glenn and Continued on Page S. Col. 5                 Winner (Continued from Pape One) Smith streets,  by the Rev. A. L. Thomas. Mrs. J. T. Brooks, contest ; St. Luke ^ church. 189 Newman street, pastored by ihe^Rev. J. W. Dunlap, M. Lackley. contest manager; Big Bethel A. M. E. church, AuburK avenue and Butler street.  by the Rev. B. G. Dawson. Sirs. A. L. Mathems. contest manager. Please     in mind the fact that the merchants and businesses \ ads appear on the Clove!     Conlost Page have manifested an unusual interest in making this campaign possible and their interest warrants the unstinted support of the Atlanta Negro churches and their memberships and friends. They aro offering you quality goods at reasonable prices and :it tli0 same time are making possible  awards that will assist the church In carrying on its work for the betterment of mankind. They  their appeal  your patronage directly through your own newspaper and then Rive you n l)onus for your support. Besides; affording an incentive to :    business for the participating moi-i chants, the campaign offers an op-~  to secure substantial assistance to the various churches i.:i-~  lh0 contest.</t>
  </si>
  <si>
    <t>                                           Howdy Folks! This week's lucky winner of the first prize of $15 for the third week in the 15 week $750 Cloverleaf Church contest sponsored by the Atlanta Daily World is the Mt. Zion 2nd Baptist church, 281 Piedmont avenue. N. E., pastored by the Rev. J. T...</t>
  </si>
  <si>
    <t>                                           May2V32aS.N.S. ^OtOMBVUtt ^ 1 'I  3*=~ Section II of -by Negroes I Atlanta Daily World, Birmingham World and Memphis World</t>
  </si>
  <si>
    <t>                                           One beautiful summer's day, as the writer was enroute from Gary,Indiana, to the great city of Chicago, he heard a very charming young lady ask another lady who was seated by her, "Mary where would you like to be buried" Mary, in answer to the question said, "I would like to be buried yonder, under those weeping willows, where could always hear the sweet singing of the bids."</t>
  </si>
  <si>
    <t>                                           CONGRATULATES .0 N L Y NEGRO DAILY- James A. "Billboard" Jackson,- United States business expert, a recent Atianta visitor, congratulates W. A. Scott owner and publisher of the WORLD on the world s only Negro daily, while T. J. Ferguson,  of the Pioneer Savings                 association 'observes.- Staff photo by Mackay.</t>
  </si>
  <si>
    <t>                                           Kash and Ka**y 91 Hunter- 162 Hunter S*2 Hunter St.. S. W. BOILING BACON D SUGAR CURED S7 PICNIC HAiMS BEST GRABE 57 SIDE BACON MJjLL  To? CHEESE 13  TRTCTpTRESH-~7oi; NOTio"PAIL ?PC ?URE LARD OD</t>
  </si>
  <si>
    <t>                                           MRS. ALICE TILLER, popular young Atlantan, has chosen the far away  tate .of Colorado in which to spend her coming vacation. Aldona is the town In which she will visit relatives and friends.                 -Photo by Poole, Atlanta</t>
  </si>
  <si>
    <t>                                           *                                              * Let Me Cure You! DON V DELAY! CALL AT ONCE! For 23  I hare hem CURING people right      In Atlanta- -i of them! No matter whit your trouble In, nn matter how  4 vour  mar br. I uree you to catl and me at once, m Tr** 1%   In cna1. No d*n(   *uii  or  opera t (Ann. AH     -4 * (rented with my pore        with Mtoundinj; 4  In every rue. a IM.LB OR  CALL OR WRITE t DR. T. Y. YOUNG WITH  ORIENTAL HERB CO or. T T . CniNESB HERBS AND HEnilAI. COMPOUND ^?i7. -"'"Hnwed At,. WA, J18J All.nl.. G..Y^..*..'    "-7 a. m. p. u.</t>
  </si>
  <si>
    <t>                                           MRS. A. D. , the recent bride Mr. A. D. Gray, Alumni Director of Talladega College. Mrs. Gray was formerly Miss Edna Brown beautiful Instructress at St. Mark's School, Birmingham.</t>
  </si>
  <si>
    <t>                                           MAURICE HUNTER, artist s model, who has posed for characters illustrating stories in Hearst's International and Cosmopolitan Magazine 'and who was the' subject of a long article in the Literary Digest not lone ago. Mr. Hunter                 lives in New York City. Photo by Gray, New York City.</t>
  </si>
  <si>
    <t>                                           This Ad Good for 10c on^ 'Any Shoe Repair Work or* Hat Cleaning. CUSTOM SHOE  3 Hat Cleanine  ^Ladies' 3c Mrn't Soles Sewed or4 Vulcanized on (None Nailed)^ 11 Edffowoad at S Point. i ^Ta. 4268 Downtown Delivery4</t>
  </si>
  <si>
    <t>                                           CLARK GRADS HEAR EX- PROF                 Baccalaureate Seririon I Impresses Students i Who Will Finish                 DOYLE SPEAKER                 Reverend Bertram W. Doylo, delivering the annual .baccalaureate  for the  classes of Clork university in Cro(     chapel Sunday. Rave a sterling message to a spellbound audience. The  w:is         almont to .                 The occasion was brought to a formal opening when led by the cap and gowned   faculty members of the university, the seniors staged the processional. Immediately u  Reverend A. A. Baxter led the hymn, "Lord, God. Wo Worship Thee." The scripture was read by the Rev. F. H. Clapp, president of Giimmon Theological seminary. Invocation was then made by Rev. D. H. Stanton, secretary of American Bible society, this city. A musical number. "I Waited for the Lord followed with Misses Thelma Waters and Jessie Wright as soloists. The announcements of tho day wero made by Dean James P. Brnwlcy.'of Clurk university, after which another hymn was raised. "All Hail the Power of Jesus' Name'." Dr. M. S. Davage, president of .Clark, introduced the speaker is both' a' minister and Professor of Sociology, who Is at present on the Fink faculty, having served in the same capacity previously on the Clark faculty. Taking tho rostrum for the sermon of the . Rev. Mr. Doyle elected to use passages of the Biblical chapter Esther for his text material. Seldom has one heard a more frank, forceful, and convincing sermon, based upon Old Testament subject matter. But this material was  to such a point by the erudite speaker that truth after truth concerning the economic, social arid spiritual condition of our present world was driven home to the spellbound audience. He tended to disillusion whatever youths wero of the feeling that they were 'something' already. He' flayed the dishonest, cheating kind: removed .ill the rosecolored hue from the world to be entered by. Ihc current body of seniors: and fairly challenged thc group to. solve our economic, social and religious Frankenstein. lUie  number was "Inflnmmntus" by thc chorus with Miss F. Peaks ns  The Clark university commencement exercises will be staged tomorrow morning at 10 o clock in Crogman Chapel. Thc commencement address \will be delivered by Dem Gooilrich C. While, of Emory university. Sixty-four senior college and 'senior normal students are slated to get their diplomas and degrees!</t>
  </si>
  <si>
    <t>                                           Reverend Bertram Doyle, delivering the annual baccalaureate sermon for the senior classes of Clark university in Crogman chapel Sunday, gave a sterling message to a spellbound audience. The chalep was filled almost to capacity.</t>
  </si>
  <si>
    <t>                                           An unidentified white man driving a Buick licensed with Tennessee tag 318361 raised considcrable havoe with a number of automobiles when he went on a hit and run rampage early this morning, finally ;jumping out of his car and making his escape...</t>
  </si>
  <si>
    <t>                                           Agnes was a charming little black-haired beauty with sparkling eyes and a clear olive complexion that was most attractive. She was always well-dressed and perfectly groomed, without attracting any particular attention by reason of her clothes. But "circumstances...</t>
  </si>
  <si>
    <t>                                           ^WeSSct^ 't h e         ^KfflW^ true          .   f  Give it-.      ONE WEEK S SHOW. WOUK WANT^'AODlSPliAYS-</t>
  </si>
  <si>
    <t>                                           At a meeting held at the hoem of Mr. and Mrs. Ernest Alexander 231 West 139th street on Thursday evening, the organization of a citizen's committee in raise funds for the Crisis Magazine was completed and detailed plans for a large benefit were made.</t>
  </si>
  <si>
    <t>                                           In view of the fact that a considerable number of out-of-town players are expected to participate in the fifth annual tournament of the Florida Tennis Association, which will be held on the courts of Bethune-Cookman college, Daytona Beach beginning Monday, July                 Slashing a hit at a needed spot, time and again during hard-fought pitching duel here Saturday afternoon on Morehouse campus, the Pullman Hurricanes, led by Oscar Watts and James A. Douglas, chalked up their fourth consecutive success--a screaming...</t>
  </si>
  <si>
    <t>                                           Science Club Exhibit of Morehouse Begins                 To:l:iy at two p. m. the exhibition of the Science and Mathematics club ot Morchouso is scheduled to Login. It will continue on through Tuesday with hours from two to six and from seven to  p. m. This is the second annual exhibition.</t>
  </si>
  <si>
    <t>                                           Your Sunday Services: The Daily World invites every Atlanta church to send into this office a list of services and texts scheduled for this coming Sunday's services. They will be published, free of charge, in the Church Edition which appears ever}' Saturday. i' The Atlanta Daily World</t>
  </si>
  <si>
    <t>                                           BUDDING MINIS TE R S Graduating class of Gammon\ Theological Seminary, Atlanta, heard Dr. H. H. Proctor of New York City, as its commencement speaker Dr. F. C. Clapp. president of tHe , can be seen fourth from  left on the front row y</t>
  </si>
  <si>
    <t>                                           Wife Changes Mind After Hubby Jailed                 Drunk anil disorderly, Johnny Oglelrce, who waa arrested according to his police, on complaint of his wife, was  $7 only on the  charge, after his wife foiled to prosecute him before Judge AW. Callowny In Recorder's court Monday. Twn other women witnesses, testified how Oglctree had pulled a. gun on his wlfc and had beaten her in the side at their Orange street residence. The pah- told the court that they had been  14 years. He was arrested n Sunday night... TWO PURSES SNATCHED Two purse snatchings were reported to police Monday night. One of two men is said to have grabbed a  containing $2.50 of Miss Rebecca Cohen, 037 Crew struct. In front or her home about 8 o clock. A youngster, described as being very young and very slouchy, slipped out of the alley between Harris and Baker streets on Peachtree last night and .snatched the purse or Miss Louise Hughes. 131 Forrest avenue. $12.85 in money and some valuable papers wero loot.</t>
  </si>
  <si>
    <t>                                           DEAF-DUMB STUDENTS                  State Pupils Come to Atlanta on Way Home                 MET BY ALUMNI                 By E. N. DAVIS                 One of the happiest, yet saddest, meu in the state of Georgia about ten o clock Saturday night was D. J. Gordon. At that time, j Mr. Gordon watched the Central i of Georgia null out from the ter-  station bearing the last of the 55  under his                 vision to their homes in Savannah. .Ever since the special train arrived at the terminal station from Cave Springs at 3 1:-15, the large wait ng room of the station was the scene of one continual reunion as laree numbers of former students and graduates residing in Atlanta and vicinity came down to exchange "finger" conversations  with those pup ls now attending their alma mater. The Georgia school is well known for its work among the handicapped children. Mr. Gordon's father, the late F. M. Gordon, founded the institution to aid the deaf and dumb children of the state, some 50 years ago. S!nce that time, the state has taken an active part in the support of the school, finacially and otherwise, for a number of years but the past year has been the first that the school has been under the direct supervision of the state board. Princ'pal Gordon was enthusiastic in his praise for the co-operat:on given him by Governor Russell and" other state officials. Mrs. Gordon, widow of the founder, of the school ended her 38th year of service at the conclusion of the past term. She ;s the matron while her son, D. J. Gordon, succeeded his father as. head of the institution. "The pupils come to us as young as six years." the veteran educator stated Saturday, as he Tiad "one of the younger students go through a rapid fire spelling drill, "we have a regulat on twelve year course, covering all of the academic subjects such as history, Knglish, literature, art, mathematics, and the like, with emphasis being placed on current events. Five pupils graduated th s year and the class play, given May 18, was very interesting." As Mr. Gordon talked, it was difficult to realize that the happy youngsters were unable to talk. They kept nodding and smiling at one another as thev kept up a constant stream of their finger conversation or replied to the questions of many visitors and  well wishers. It seemed as though all of the  of many visitors lay I the deaf and dumb people in At- lanta were present to greet them. Tjut the principal expla ned that by stating that many graduates j liad been sent out by the school in the past fifty years while still others had failed to return and complete their course for one reason or another. An  member of the re-, union group was Miss Carre Patrick, of Carrollton, Ga., a former Continued on Pan 2. Col. 4                 Deaf-Dumb y *y: v y Continued from Fam One toucher at the Georgia State school. Miss Patrick who has bean teaching at the Deaf and Dumb school  Springs. South Carolina for the post four years ami whose school has just closed made a special trip to Atlanta to  her former pupils. Mr. Gordon.'s s ster. Mrs. Rosa G. Thompson, wife of Dr H. E. Thompson, former Newnan. Go.' physician, who is now practicing in     !ot, Mich., was another visitor. Mrs. Thompson left at      'cht for Spartanburg. S. C. where she will visit for several days prior to her return to Atlanta and Cave Springs where she will get her mother to take to Detroit with her for the summer. She also attended the closing exercises. Several alumni of the school are numbered among the eight teachers of the institution. Among those who came to Atlanta to help their principal nee that the  were placed on the proper trains fo ranch their  were Alvin  and Miss Susie Harriron.      Harrison, whose home Ja 'n Bnrncsvillc. On., Graduated from the school in 1 02-1. She is now teaching primary . Mr. Bottomus. a resident of Snvnnnah.' completed his studies in 1925. At tho present lime lie !s  of hoys. Both nre deaf and dumb. The  na! was  assisted liv another teacher. MiRa Lou/onn Jnckron. Mr. Gordon !~= proud the fact thut. within his many years of  the  return of his pupils, he has failed to have any serious trouble. The 1932-33 school term frill start October 1.</t>
  </si>
  <si>
    <t>                                           One of the happiest, yet saddest, men in the state of Georgia about ten o'clock Saturday night was D. J. Gordon. At that time, Mr. Gordon watched the Central of Georgia pull out from the terminal station bearing the last of the 55 children under his...</t>
  </si>
  <si>
    <t>                                           f0R YEARS WOMEN WE DEPENDED ON  OLD HEALTH TONIC  Good old Mother Nature has al- maker.. you feel like a . ways been kind' to her daughters. qi.,4 Tokinn C D TmtT Not only does she create them to be  ^   'OfaY loved- and-.- cherished.', but /she also Don't delay. Health is all - a- means of  a"1- Ask your  for the big their charms of health, energy and dollar, bottle of- SUoscph's G.F.r. their vitality, against the demands w'~ch ho sells on.'an absoluto : today s modem society. cy-back Ruarantee. You'll start Driniic Polmf *n LUaaL feeling- better with the first' dose DfUIgS  lO.WeaK every day from then on you ll Rlill UOWn 'Women marvel at the strength', vitality and StJoseph's G.F.P. is Nature's abundant energy, this man-clous own tonic. It is composed of roots  .B[vcs Toilay ask your and herbs which for more than a    * St.Joseph's G.F.P. century have been" recognized as r^C-*^"' being: extremely beneficial in the Sf* m JTft (Ctf**il Vl*fi relief of women B ills;. -This fine old "-r*JT "^SS J^I'." faithful  Nature's way of re- i^^t "V^B W*Wl Stdrinc strength, energy and pep to m' *BS Sm W tired bodies. It- invigorates -and ^9 dk"~     tones up the entire system which J//je ^OftWlf? ^c7  *C</t>
  </si>
  <si>
    <t>                                           Smart Fashions fof Smart Women TWO-TONED TRIM PATTERN NO. 275 Simplified illustrated instructions for cutting :mil sewing are included  c:ich pattern. They  complete directions for making these dresses. The Kvo-t.in.d strip0 Is used in 275 to emphasize the  line. This very new form of trim is exceptionally smart. In this particular frock the Mrtpo molds the form of the blouse, and adds a, slender appearance t0 ihe kimona sleeves. Thra belt at thc.  waist-line accentuates the snug fit of the hips. Two  at the  lead Into a skirt flare. Altogether the effect is slenderizing and chic. Equally good-looking in velvet, crepe or wool. Designed in sizes 34. 3C. 38. 40. 42. 44, 46 and 48. Size 40 requires i% yards of 36inch fabric or 414 yards of 30-Inch fabric. To fiet a pattern oi this model send FIFTEEN CENTS (15c) in coins. Please write very plainly your^ NAIME .'AND ADDRESS STYLE' NUMBER and SIZE of. each pattern ordered. Our new fashion magazine with color supplement and Paris style news is now available at ten cents when  with a pattern and fifteen cents when ordered separately. PATTERN DEPARTMENT Southern Newspaper Syndicate 210 AUBURN AVE.. N. E ATLANTA, GA.</t>
  </si>
  <si>
    <t>                                           TEMPLE No. 16 Nobles of the Mystic Shrine, Birmingham, Ala. N. J. Watts Potentate, center; S. M. Martin, Chief Rabfcan, right; Perry Pitts, assistant Rabban. left. The annual parade will be held Sunday, June 5, from the Maaonic TemDle Building. Full details In next Sunday's                 World. -Photo by Cloud, Blrmlngnam.</t>
  </si>
  <si>
    <t>                                           ^ NEGRO /uL**           IN THE WORLD MEMBER OF THE ASSOCIATED NEGRO PRESS W. A. SCOTT Editor and Publisher Frank Mar.h.ll Davii Managing Editor PUBLISHED DAILY AT 210 AUBURN AVENUE. N. E. TELEPHONES: WALNUT J4F9 and 1460 THE WORLD assumes no responsibility for unsolicited manuscript sent Into the office.  TION RATES One Year, $9.60; C Months. Sn.OO; 3 Months, $2.5"; Weekly 20o I</t>
  </si>
  <si>
    <t>                                           Daily World advertisers  your- trade</t>
  </si>
  <si>
    <t>                                           ^   \T7lI^~iF7YOV''Wi T.WEAKEnZ Bv .tack RabSit</t>
  </si>
  <si>
    <t>                                           cj^5  by looking ty in l.heir mirrors. If vpu ant to see the BLOOM OF BEAUTY in  cheeks, use these three scientific Black and White beauty, creams the finest you can buy, and the most economical, too! J and White Peroxide Cream. Prci vents coarsening, roughening and large pores. Refines and lightens the skin. Large jar Black and White Peroxide Cream, only. 25c Cream. Penetrates instantly to rid pores of dirt, grime, impurities* Prevents pimples, bumps, other blemishes. Makes skin clear and y radiant Large can Black and White Cleansing. Cream, 25c, Look youthful ^fe^^^t^ by keeping     ,, A^S}lm skin young with ra$[^p^;''.{ Genuine Black. -X%$Bj!J3mVN$) and White       '.X!^^^~' \i Cream. Restores precious' oils tot skin,  wrinkles. Big jac Black and .White Cold Crcam,25c, Sfcnuvnz  BEAUTY CREAMS i Free to Alji it you  ul ft  i to Make   ry     of            or community,      Keal over ino        .      ^ Ti/r  lna * ~(ij  JVlOney.-  n mn . ^ift ul* .  .;!      )',;THpl*!~ 1          '      DrwHt Inr -~nrt 349 . fine /.'- .1 ''     .     .          .1.Wtll/'kn4infS vory popular.  tra (   .  X aRed. Hr**!ion:'tO f1!*^^?5 .'-^n , to.^nn'-.thM^ nhi^t tit pnp^r with nnm*  iti1(lr*         ot unco lo. JO., lnn.,      (^j^^</t>
  </si>
  <si>
    <t>                                           7r i I Double Votes Will Be Given in I 3 I WHEN YOU BUY- Drugs, Groceries, Meats, R. C A. I Vict.'rolas, 'Aufomobiles/ Autorno- j bile Accessories or Anything from Any Advertiser in the I 5 Cloverleaf Contest Don *t Fail to Get Double Votes!! I List @i Pieces That Give Clover leaf Tickets: 1 r East Point Chevrolet Co. Rogers Pure Food Stores 1 Gcldon Eagle Co. Yates Milton Drug Stores i Rhodes Wood Furniture Co. Amos Drug Store. I Perdue Furniture Co. Sutton Custom Shoe 1 Mutual Furniture Co. Rebuilders. Peerless Furniture Co. J Vine City Market. 1</t>
  </si>
  <si>
    <t>                                           Digesting the reactions from many dailies of repute one perceives quite a deal of commotion going the rounds in the form of stiff opposition to the current tax proposal before congress. Since there are many of us who will never be affected by the tax on income, because of our seamy income, many take the position that it should be of little concern to the masses. The wretched poor are already ladened with tax right at the door. The poor farmer is called...</t>
  </si>
  <si>
    <t>                                           AUDITORIUM T^ay WASHINGTON HI GLEE CLUB GRAHAM JACKSON SEMINOLE SYNCOPATORS ORGAN RECITAL Jazz Orchestra BENEFIT EXTRA CURRICULA ACTIVITIES 25c 50c 75c $1.00 .Reserved Seats Now  n Salc YATES MILTON PHARMACY, 'm^ In Vour Cltr lo Do Good for Ihe Habile I Rogers w, d^ n HAH TUN H^ll i stores  i^rb^^'ToVi.~wl .,v.-         : How  1 VlM HANDLE ATLANTA WORLD Ll*     '.TVu'^ CLOVERLEAF CONTEST madam  r^fcl TICKETS GET YOURS ' Om\uT *i" ".WJ \M WHEN YOU BUY AND HELP VuffS,.^^  BLfLP YOUR CHURCH WINS: A *      ;     . *.~i!U DD17C for        nd CoUrwl CASH PRIZE. 8PECIAL READINGS- 50c    -f I i How.1! Mill     . AllanU. Gftf I OUT TlCK*~tC' MlrirtU Howrll Mill C.r- SKani \J*tl I  I IV.IVC.la. IImim from Subo.rd Stop</t>
  </si>
  <si>
    <t>                                           BHiBlffl^^^H ONLY NEGRO DAILY:- NEWSPAPER IN THE V/ORLD -:r;' M^^^il?!^ 1</t>
  </si>
  <si>
    <t>                                           Read Everv Issue f The World</t>
  </si>
  <si>
    <t>                                           Patronize World Advertisers wherever possible Ci</t>
  </si>
  <si>
    <t>                                           COMMENCEMENT SCHEDULE Atlanta University, Wednosday, June .1, Ware Chapel, 2i30 p.m. AtlanU School of Social Work, Friday, Juno 3, Sitter's Chapel. 8 p. m. Clark University. Tueiday. May 31, Crograan chapel, 10 a. m. D. T. Howard, Wednesday, June I, Big Bethel' church. 4 p. m. Cr'ady Hospital Nurses, Thursday, June 2, Big- Bethel, 8 p. ra. Morehouse college, Tueaday, May 31. Sale Hall, 3 p. m. Morris Brown university, Wednesday, June 1, Bis; Bethel 10 aim. Spelman college, Wednetday. June 1, 10i30 a. m. Washington High school, Friday, June 3, City Auditorium, 8 m. William. Businesi College, Tuesday, May 31, college chapel, 8</t>
  </si>
  <si>
    <t>                                           TTTTTTTTTTTTyTTTTTTTTTTTVTTTTTTTTTTTTTT*-.j '.{^fa^i Let Me Cure You! 1 ^jff^     DON'T DELAY! CALL AT ON CE! F^K^^OHeHv For 23 * have CURING people right here j Wi^Mil^' In Atlanta thousand* of them! J f     ^KqSWf " what your trouble Id, no matter how  J ^jP-'^ Treatment Is very reasonable in cost. }'-;^^^gj^CT^         treated with mj pure nature herbs  a^;      5SS CALL OR  5 t mmm DR- x. y. young 2 ^^  ^Sffl       THE ORIENTAL HERB CO Btwwwra; nr ly   a.su  compound On. T. V. .O. A Curf ior Erfr7         of tht Hum.n Body      - ]32 Kdicwood    . WA. 2189       .   .           Houra- 7 A. SI. to 9 P. H. j 23 Yri. In AtlinU  Ai-AAi. 1 i .' STREAMS IN THE DESERT 1 Motes drew near unto the thick darkness  God was H (Ex. 2-.Z1) fl It is Jehovah's* triumph car in this jg He  to thee o er the wide abyss 8j It is the  in. which he wraps his form; t3 .For He doth gird Him with the flashing storm. [S .It is the veil in which He hides the light P Of His fair Face too dazzling for thy sight God. cometh in that cloud". (Verses continued) g "Hast thou a ?" 8 IVEY BROS. MORTICIANS    "The-. Institution With a Soul" M Ambulance Service G Phones MA.. 2507-^8875 492 Larkin St.. S. W., Atlanta, Ga. i</t>
  </si>
  <si>
    <t>                                           Mention The Daily World to your merchant</t>
  </si>
  <si>
    <t>                                           DRAKE Funeral services for Mrs. Edna Drake will bu held Luday (Sunday) ut 1 1'. M. 1'rom Macedonia Baptist  (Monroe, Georgia.) Intcrmenti in church yard. Hanley Co.                 JONES Mr. James Jones passed away recently at a local -~ . Funeral arrangements announced later. Hunley Co.  The remains of Mrs. Kiln. Cade of 2.'U 'Huustun Street. N. E., were shipped this morning to Washington, Georgia for funeral and interment. Haidey Co. - The remains of Mrs. Mary Sherman of .'(07 Orange street are in our parlors           c  on "of- arrangements. Uanley Co.  Rev. James Calhoun (if :!16 East Ellis Street, departed this life recently. His funeral will be announced upon completion of . Hanley Co. ANSI.EY Funeral services for Mr. William Ansley will be observed today at 12:1(0 P. M.. from Montgomery Baptist church; near CovinKton, Georiria. Interment in church yard. The cortege will leave from the residence. 99 Butler St.. S. E., at 9 A. M. Hanley Co. HARDY Miss Gertrude Hardy passed away at her residence. !~G Hnyncs St., S. W. Funeral  announced later. 'I  Co. WILLIAMS Funeral services for Mr. John Williams of Roswell, Georgia will be announced later. Hnnley Company. PERDUE Mrs. Naomi Perdue of     2 Sprinir street passed away recently. Her funeral will be announced upon completion of arrangements. Hanley Co.  Friends and relatives of Mr. Abe Bray of G04 Ezznrcl Street, S. E., arc invited to at- tend  funeral today at 2 P. M., from our chapel. Interment, Lincoln Memorial Cemetery. Hanley Company VAUGHN Mrs. Emma Vaughn' of Hielitower Road passed awav recently. Her. funeral will be announced upon completion of arrangements. Hanley Co. HEMPHILL Funeral  ces for Mr. Clint Hemphill of 3C9 Victoria Street, will be announced upon completion of . Hnnley Co.  Mr. John Gnrlicon passed away recently, at a local sanitarium. Funeral  announced later. Hanley Co. WALKER- Mr. Jefferson Wsilkov. of 902 Michigan Ave.. N. \V. passed away May 28, 1932. The funeral services are tn be announced later Hanley Co. OT.'VER Frlcnris nnd relatives of Mr and Mrs. T. W. Oliver, of Bon Hill. On.: Mr. nnd Mrs. Fret! Howard. Mr. and Mrs. C. E. Oliveami family nrc Invited  I he funeral of Mr. T. W. Oliver Sunday at 2 o clock at Carr Bethel A. M. E. church. Ben Hill. Ga. He was n member of Richnnl Allen lodge. No. 14. A. F. ami A. M. Interment In churchyard. Ivey Bros., morticians.</t>
  </si>
  <si>
    <t>                                           DRAKE--Funeral services for Mrs. Edna Drake will be held today (Sunday) at 1 P. M. from Macedonia Baptist church. (Monroe, Georgia.) Interment in church yard. Hanley Co.</t>
  </si>
  <si>
    <t>                                           A.MJS. Ministerial Union Endorses the Fountains                 A resolution of gratitude for the return of Bishop W. A. Fountain to the Sixth Episcopal district by the 2Bth A. M. E. quadrennial conference which met In Cleveland recently wns passed this week by (he Atlanta A. M. E. Ministers' union. This organization went on record as backing both Bishop Fountain and his son, W. A. Fountain. Jr.. president of Morris Brown, in their work and lauded both for their I  while In Georgia. This resolution was signed by Revs. S. A. Lalng. D. R. Tobbs. R. L. Smith and E. Hugh Warlcy, special committee on resolutions.</t>
  </si>
  <si>
    <t>                                           There are some people who say that God does not have a hand in the affairs of men. Still there are some who say there is no God. The mighty Napoleon thought that he was master of the world and thus he excluded God in his undertakings.</t>
  </si>
  <si>
    <t>                                           CUR THIEF FLEES; 1R HOLD SACK                 Four persons were detained by polio in an,  to discover! who wus driving tin- stolen automobile captured by Officers S. W. Roper and R. C. Tuggle at the corner of Fort and Houston street        ;W-.-          morning;: The i aulo patrolmen hud just received a call that the Ford sedan hiid been stolen when they spotted Iho machine coming up the street. The driver jumped out and ran while the quartet remaining in the automobile gave the names of Job Melvin, 5G0 Linden street. Miss Maggie Pearl Lee. 327 Merrill avenue. Miss Essie Price, 241 Vi Vernon place, and Robert Ward, 2491 Vtrnon place. Authorities  i thai they think they know the namu the driver. Neither Wants to Admit Shootfng: Both Jailed! "If you can t decide We'll take a ride And let you decide whether You did, he did Hr did, You did When you re 'In jail together!" E.N.D. Solomon turned over In his and- 1 ont grave last night and muttered, "Let them modern wise guys  it out." Then he started another long .-. Call Officers C. E. Floyd and W. G. Scott didn't Uike much lime deciding' what to do with John Barnctt, 443 Nelson street and Fred Kelly, 450 Stonewull street after Charlie Jackson, 37G Humphries street had been shot in the hip last night. Both of the. men were in an automobile together at 334 Kuhrt street when Jackson \v;is shot. Each accused thn other of doing the shooting. Unable to end the finger pointing, the officers bun.lled the pair into the car uml took thorn to tho station house to rest for a while deciding who  the shot. The wounded. man was dismissed from the hospital after receiving treatment.</t>
  </si>
  <si>
    <t>                                           College Refuses N. A. AC P. Tablet to John Brov/i                 SHOCK TO TRUSTEES                 Announcement Comes as Surprise to Delegates                 TO KEEP TABLET                 HARPERS FERRY. W. Va.. May 25 A sensation wits created lust Saturday when for the first time many of the hundreds of delegates to the N. A. A. C P. conference in Washington, D. C who hail journeyed to the Storer College campus here for the dedication of a                 tablet in honor of John Brown, I learned..that, th.^     _l'm;j- not to be or6H(ien5"bt the objection of tlie President ond Trustees of the college to tho -language of the  as written by Dr. W. E. B. DuBois The announcement camp at the i end of the meeting whore the story of th(j John Brown mid of 1859 and its significance was told by Oswald Garrison Villard. editor of the Na.- j twin, and J Max Barber, president of the John Brown Association. President Henry T. McDonald of Storei- College had made a speech of welcome to the delegates and immediately left the platform. The significance of hin leaving was not noticed at that time. At tlie conclusion of the speeches "f appreciation of John Brown, Charlotte Hawkins Brown, ihe pro- j siding officer .Introduced Dr. DuBois. \vho had been scheduled to speak on the '"Use of Force In Reform." With a quiet and deliberate tone the veteran editor of thc Crisis electrified his audience when at the outset of his remarks he said: "We came here today to dedicate a tablet in honor of John Brown. Because of events -we dirt not  this is . We are going to take thc tablet back to Washington with us. I am Horry.*' Thc  referred to were thc  of the President of Storcr Collegd. Henry T. McDonald, and the trustee board to  to the wording of thc tablet Dr. DuBois read the Inscription on the tablet. It was as follows: "Here Jolin Brown aimed at human slavery a blow that woke a guilty Nation.- With him fought "laves and sons of slave). Over his crucified corpse marched 200,000 black soldiers and 4,000,000 freed men singing John Brown's body lies a  ing In (he, grave, bat his soul I goes marching on." "When I wrote this, or rather when it was written, for It wrote itself." declared Dr. DuBois, "I did not think- that there remained any one who still defended slavery and thc lost cause. I did not think any Continued on Page 2. Col., 5                 College Refuses (Continued from Page 1) one would t;ike exception to the wending." lie pointed out that the current attempts of the Daughters or Confederation wciv to deify tlic "lost I cause" of the War of the Rebellion. I "Ii was to aim a blow at this lie. j th:n the phrase 'guilty Nation' wis . It makes no difference what the Daughters of the Confederation  say. you cannot, make a defense of -human slavery heroic. I  not say 'a guilty South! I said a  guilty Nation,, ami the nati"ti was guilty."' It was to this  that the of. ficials of Storer College took most exception, he explained. Dr. DuBois went on to point nut carefully  the  made In the inscription were historically accurate and correct. He explained Unit slaves and sons of slaves did take part in the famous raid, which ended in the War of tiie Rebellion and the final emancipation of slaves. Interpreting his  of the word, "crucified"  with John Brown, he stated that -the word must riot be taken to mean the destruction of innocent people. "If  were so." he declare*!, ''all of us at one lime or another would be crucified. John Brown took human lives. He took them in Kansas and, he took them here. He meant to take them. He meant to use  to wipe out an evil he could no lunger endure. He broke the law. And he meant to do it. And when his time came he was willing that the law should be executed against him. He was crucified because he was willing to give up his life lor a cause hc - to be right." "And over his crucified corpse marched 200.00 black soldiers. Black -Ts of the civil war iui longer march In our textbooks. I  if they march in the textbooks of Storer College, but over his crucified corpse  200.000 black soldiers did m;.reh. And without them, one great authority has said, the war could not haw  won. And that authority was Abraham Lincoln." "I am sorry the President, trustees and teachers of Storcr College did not have the  to have the tablet left here. Tills is my opinion. Now I shall read Hie fonn:il ex. pression of the board directors of the national association. It is more polite." The  iit of the national  declared that the tablet had been refused by the Storer College officials and that it would be taken back to New York and kept In the national association   "until such a time as public sentiment would make its erection at the John Brown Fort on the Storer College campus possible." Although when the import of Dr. DuBols' remarks became known, several Storer College teachers luft the  noisily, tin audience greeted bis' speech' and the "official st-itc-~.:                 mi nl with thunderous applause. At the suggestion or Dr. DuBois llie group sang *'John Brown's Body" with a feeling, perhaps never before expressed in the  Slorer College . As one delegate expressed it ".iv meeting will b(~  shot  prejudice which will bo hoard  tlie world." Jusi before the meeting closed. Miss Pearl- TiLtem,  of music at the college, and the woman who ruse 11 year ago at a meeting of the UiiUfihtcrs of the Confederation to defend tho memory of. John Brown, made a  Mil not understood by .-Sho said:- *'U  be      that the  of Storcr College do not  sympathy." ThiH state. ment was taken by some as defense   f tin: trustees attitude toward thu matter. Later her remark was explained as  that the students and many of ihn teachers at the school were not in sympathy with the  which prevented the erection of the tablet, further indication of this was given when .--al nt' the leading students of the college hurriedly formed a committee to protest the attitude of the trustees. This group voluntarily enmc to Walter While, executive secretary of the association, and stated, that they intended to keep up the fight for the erection of the tablet  it was accomplished. Many of the delegates refused to I cat the dinner at Storcr because of the events which, transpired. Dr. DuBois and his party left immediately after, the meeting.</t>
  </si>
  <si>
    <t>                                           HARPERS FERRY, W. Va., May 25--A sensation was created last Saturday when for the first time many of the hundreds of delegates to the N. A. A. C P. conference in Washington, D. C., w h o had journeyed to the Storer College campus here for the dedication of a...</t>
  </si>
  <si>
    <t>                                           STAGE S LATEST SENSATION                 MISS ETTA MOTEN youthful actress whose brief but meteoric dramatic career has won her an enviable place upon the legitimate stage and whose  critics lo predict thai she will reach remarkable heights as a^ serious and an emotional player.</t>
  </si>
  <si>
    <t>                                           Hereto A Guardian Aiigel Does Much Heavy Duty                 AIns There Is No Way of Knowing Just Where Out Children Are Going!                 E. N. D. Eyes sparkling with the vigor of youth and happiness, glad thut their train ride was over and all set tor a night s adventure in the . they came up the steps of tho Terminal station, hi- carrying both of their bags while she strolled along carefree, light hearted, and radiantly happy. School was over for tho year an.l one of America's largest educational institutions had closed its doors for the term and the students were homeward bound. Behind the couple were other neatly dressed, chattering, students, all laden down with bags, books, and what not. Suddenly, a look f dismay spread over the attractive face of the young woman. She glanced this \v::y and that way. Bars here and bars there blocked their exit. The only way out w* between the two littie iron guarded passage ways on either side of which stood stern looking blue coated officials stationed there to see that none entered the sacred precincts of the station platforms without t!i"  denoting tho payment of. transportation. They blocked their passage not, but. on the other side of th0  Ing. kindly, but positively, stood the matron sent up by the school to see  each co-ed was properly started on her wny home after a stay over at the great transfer center!</t>
  </si>
  <si>
    <t>                                           MISS THELMA INGRAM, daughter of Mr*. Emily Ingram, 1512 Cleveland Street Jacksonville, Fla.                 Photo by Weems, Jacksonville, Flu.</t>
  </si>
  <si>
    <t>                                           SCENE AT GULFSIDE, FOUNDED BY BISHOP JONES                 Photo shows  at Waveland, Mist., .it recreational center and school known as "Gulfsidc''t which was founded by M. Bishop R. E. Jones, where the convention season was opened recently                 with a^ of the Y. M. C. A.' and Y. W.C. A. conference of the Southwest Region. Thirty five  were represented.</t>
  </si>
  <si>
    <t>                                           Lily Lou Lansing, young and pretty telephone operator, gives up her opportunity for an operatic career to marry wealthy Ken Sargent. Ken's parents had hoped their son would marry the socially prominent Peggy Sage and threaten to have the marriage annulled.</t>
  </si>
  <si>
    <t>                                           can a ;picture  be?,' j pi^bigl^^^iffe! fiji-Fs^' .-~.    .'.;  -~,: ;-.~..,.:;,%.'~~~,-'~.'!'~;! ^AVbig ;eis:  s love.'?.v".'.'-.':':i.'-'. GEORGIA THEATRfi</t>
  </si>
  <si>
    <t>                                           :~~.*     -~-"V    ~'J^_  NBQrVO DAILY NEWSPAPER. IN THE  'W.iA.-  Editor an4 PaMUWr tmO.ll+       Haimlni tailor V. SUBSCRIPTION RATES f 0       . tt.H "IMmKHIli 3 MwIIm.  2.50; Wnkly. 20e '~PUBLISHED DAIM- EXCEPT 8. AT 210 AUBURN AVE., N. E. TELEPHONES: WAInut H5   nd 1460 I'^auml u    t the pent   t AtlanU.   .. under thi  ct of M.rch 3. 1 7  :.'---':-i'i; MEMBER OP THE ASSOCIATED NECRO TRESS ,THE "WORLD  no ; for   imt Into    .     . ;V- AnvERTnsrNc representative W's-:,- W. B. 2IFF CO_ Chlcico. Nor York,     Anr.lf.</t>
  </si>
  <si>
    <t>                                           HOW SHOULD THE WELL DRESSED MAN appear? Aak Mr. Ira S. Bodden, shown above. He Is  manager of the BulXington Tailoring Company, 337 Beale avenue, Memphis.                 Photo by Hooka, Memphii.</t>
  </si>
  <si>
    <t>                                           V vTW TYLER S LUCK -?ff TKfe^ Guard .B$ ~{k^}^B^~                 C3L1.             TUE  GUIDE. TUI THREE LADS  TUSH. WARtUOR. , START OM  me.  TW1   "TO TUE MUBAMt .V      " WILL.  ID  THE /H  IDOL       , TM6:  DOCTOti                 "TELLING TOMMY" j _^f^5                 ITS A GREAT LIFE IF YOU DONT WEAKEN" Bf Jack" Rabbit]                 BILLY S                       '   'M x-J.i.' {'    '     .VfcR                 DOROTHY DARNIT JBy Charles MdVIanS;</t>
  </si>
  <si>
    <t>                                           ... and Mozelle Cannon. ... Street, boy. 14.</t>
  </si>
  <si>
    <t>                                           Morris Brown Gives Superb Musicale                 Hundreds of enthusiastic patrons were pleased with the Commencement Musicale, a presentation of Morris Brown college Wednesday evening in the college chapel. The concert which included the College orchestra, under the direction of E. A. Starling; the chorus under the direction of Professor Frederick Hall, director of Music at Morris Brown; the Male and Female Quartets and several soloists was one of the most appreciable offerings ever made by the school. f The musical opened with the orchestra offering an                 overture, "Princess of India," by Fillraorc: this was followed with two numbers by the chorus, "Sunrise" by Scitz and "The Rosary," by Ncvin; Willa Cleveland, soprano, cave n beautiful rend;tion of "Where My Caravan Has Rented," by Lohr; the male quartet  two numbers, "Sinjr Alonjy", and "Gypsy Sweetheart." by Herbert. Ozora Ren f roe, demonstrated an extraordinary coloratura soprano voice in her offering of "Robin, Sine Me a Sonu." by Spross. Climaxing. the  of the  was the octet and brass choir in their  of "Miserere", from the opera "II Trovatore" by Vordi, with F,llis Walton, tenor and Clara Cox, soprano, as soloists; later to be equalled by the chorus  and , in their offering of I Sextette from "Luc'a di Lammerfmoor" by Donizetti. Soloists on the program were J. M. Monicran. baritone,    )'a I Cox. , and Lou Ethel Brown, contralto.</t>
  </si>
  <si>
    <t>                                           I am a constant reader of your problems in the Daily World. I am 24 years old. My sweetheart is 27. We are engaged to be married in June.</t>
  </si>
  <si>
    <t>                                           FRANKENSTEIN, an ardent young scientist and his assistant, a devoted dwarf attach together a human body, the parts of which they have secretly collected from various sources. Frankenstein's consuming desire is to create human life through the use of various...</t>
  </si>
  <si>
    <t>                                           OFFICERS AND COACHES of the Memphis-Shelby Coonty-Wert Tennessee Basketball Association which sponsored its second annual basketball tourney recently at Church Park Auditorium, Coach Julian Bell, shown in rear, second from left end, saw h's Warriors of Booker Washington, Memphis,* down the flashy Woodstock Aggies, Lucy, Tenn., in the finals for the championship. The Woodstock Aggies are coached by Coach Roddy, shown in rear,                 second from right end. Photo by JonesPurdjr, Memphis.</t>
  </si>
  <si>
    <t>                                           MASTER ERNEST JACKSON, handsome young son' of Mr. and Mrs. Smith of Fremont St.~Nortolk, Va. (front row, center) with a group of his young friends who                 cred' to celebrate his recent birthday.- Photo by Paul A. Burton, Norfolk.</t>
  </si>
  <si>
    <t>                                           Set for Memorial Day Grind                 FRANK                  CUFF DURANT                 Two men who will seek fame and fortune in the 50C- automobile classic at the Inilianapulis Speedway on Memorial Dny ure Crank Brisko and Clilf Durant, who art spending every minute lulling their cars to cut the last ounce of power. Durant i:~ after the fame, and, as he is         a millionaire, Uic fortune  much.</t>
  </si>
  <si>
    <t>                                           TIM TYLER S LUCK His Hat's in theRing By Lym.Yo^ng                 THEM DAYS ARE GONE FOREVER (A INew Iiiiie Each Day                 'TELLING TOMMY"                 cby Pirn                 f?ITS A GREAT LIFE IF YOU DON-T WEAKEN"                 By jack Rabbit                 BILLY S UNCLE_                 v V KUTtt I DAJRlMT                 "(BJlCfi^'</t>
  </si>
  <si>
    <t>                                           Their Barqueln Rough Water                 Charging that . he married her in 1930 be did not inform her that) ha voa then legally attached to his first wife, Eluanor Post Hutton.! i $50,000,000 heiress and New York society beauty. !ias instituted !(BC*  Preston Sturgess, author and crea'.' c of the famous        !play "StrkUy Dishonorable." The couple is . :i above before the  in the marital lute. Stureest is now in Paris. I</t>
  </si>
  <si>
    <t>                                           Attacked Taximan; 3 Must Face Trial                 A man and two women must face trial on charges assault with intent to 'murder William Hixon. taxi driver, before Judge Moore, on Wednesday, June 8. The fourth in the group who was alleged to have VTTtacked Hixon on April 27. will be tried June 7 In the same court for li. of Hixon'x automobile while its owner was lying in a pool of his own blood at 344 Hills avenue where the attack occurred. Those indicted are John McKlnney, Lillian Black and Ruth King on assault charges and Burrell Dawson on the larceny of an automobile charge. According to Hixon's testimony in the committment trial, when he sought to collect his fare from LilHe Black, she called Hie two men who proceeded to beat him up. Hixon admitted that he hail been going with the Black woman for two years and that they hail been angry at each other at the time of the attack. Hixon lives ai 30 B Electric avenue. DROVE WHILE DRUNK Charged with operating an automobile while under the influence of liquor. Anthony Shepard, Wednesday, was bound over to City Criminal court under $200 bonds by Judge A. W. Calloway In Recorder's court.</t>
  </si>
  <si>
    <t>                                           NEW YORK.--(ANP)--According to notices in daily papers, arrangements have been completed for a revival of "Show Boat" Ziegfeld's best show. No definite date has been set for the reopening of the show which gave many colored actors and actresses employment...</t>
  </si>
  <si>
    <t>                                           JThis Ad Good for 10c on 3  Any Shoe Repair Work     'Hat Cleaning. J [ CUSTOM SHOE  I Hat Cleaning (Odorleti)        ' Men's Soles' Sewed or4 'Vulcanized on (None Nailed) J I J" II Edeewood at 5 Points la. 4268 Downtown Delivery* ?,1        'j</t>
  </si>
  <si>
    <t>                                           '32 SEASON SEESMIIHl FINISH i                 Number Includes A1T?I Schools, Colleges'^ hi'                  B. T. W. HAS X8 9                   There Is no depression hi youngpeople seeking education, If the figures for this year s commence-' menu of elementary, high schooland college graduates are to beu used as a guage. A total of 768 stur.; denu will be given certificates^ diplomas and degrees from Atlanta                 schools within the next ten days. Them young people have qualified in almost every line of endeavor. Atlanta colleges will i*V sue degrees to a total of 221 graduating students. Atlanta high schools, including 72 student* who ended their high school work in night schools') last week, will turn out a total of. 314 graduates, the largest number In the city s history. Y i David T. Howard Junior high school will give certificates to 137' young people Wednesday afternoon at Big Bethel A. M. E. church Indicating that they have completed the required course to begin high school work. Eighty-' one, will receive certificates as graduates of the sixth grade and will begin their Junior high school work next fall. Booker T. Washington high, school led the list with the largest number of graduates of any school, college or preparatory, with a total of 189 students receiving diplomas..: Atlanta university, laboratory, high school graduated.; 38 students this morning in Commencement exercises held at Ware' chapel, Atlanta university. Of the colleges, Morehouse led the list for havng the largest number of graduates with forty-eight. Morris Brown ended its 47th year with 40 candidates for degrees with dark university running a close second with 37 graduating students, and Spelman third with thirty-five. Williams Business coP lege and Atlanta university wilt graduate nineteen each while,. the' Atlanta school ot social work cele^ brating its 12th anniversary  graduate 12. students. Ten young ministers were given the bachelor of divinity degree from Gammon Theological Seminary last WedneVf day. Four students of the Turner' School of Religion will be award? ed English diplomas. --.}~: Spelman. Morehouse, Clark, Morris Brown and Booker J1. Washington will hold their baccalaureate services Sunday 'arid the following week will be  with commencement activities.</t>
  </si>
  <si>
    <t>                                           There is no depression in young people seeking education, if the figures for this year's commencements of elementary, high school and college graduates are to be used as a guage. A total of 768 students will be given certificates, diplomas and degrees from Atlanta...</t>
  </si>
  <si>
    <t>                                           Spend Your Vacation Profitably d k ATTEND THE I Atlanta University Morehouse-Spelman SUMMER SCHOOL with The Atlanta School of Social Work affiliated College Graduate School Professional Social Work Rural Institute Observation in Nursery School Scoutmastcrship Course JUNE 11 to JULY 22 Strong Experienced Faculty Wide Range of Courses in Education v*^ft9 Modern Equipped Buildings h*.' Beautiful and Healthful Location i f The  of sirens and the  of fire bolli too often an-  a tragedy a death. Always it announces a financial lost; waite There arc ao many  of making your home and buildings relatively safe from fire  the simplest ^ for preventing fires is the broom and the other clean-up tools that it suggests. Clean homes and buildings run little chance of fire and loss. There arc innumerable preventive measures you may take. BANKERS FIRE INSURANCE CO. Atlanta Representatives  ALEXANDER 250 AUBURN AVE N. E. . 4612</t>
  </si>
  <si>
    <t>                                           ITTY LEE SMITH: well Elety matron and member  Club, Columbia,</t>
  </si>
  <si>
    <t>                                           ~^^.V;?^-.. II BEUtAH' MITCHELL HILL, EDITOR! "~~:rH%^l.jgC^</t>
  </si>
  <si>
    <t>                                           \bull never know how good" .^VjS^v a cigar can be until vo.y^ji IJPffl     A i % 1 1 Mil iBnt^^8^^ "i' ii 1 1 ^i WaJmP^3^^ MORE HAVAfiA V^~^            MILD %^ "I. Lewis Cigar Mfg. Co:, Newark, N.vJ^Makers"</t>
  </si>
  <si>
    <t>                                           Assassin's Wife                 Mmt:. (, wife ul Ur. f aul Gourguloff, Russian assassin of President Paul Douraer of France, is shown as she was escorted into police headquarters  t Paris after her arrest in Monte Carlo. She was questioned concerning the activities of her husband who will shortly be brought to trial for the President's murder.</t>
  </si>
  <si>
    <t>                                           Bleach Your Skin To New Beauty No woman can win the complete admiration men unless her skin is light, clear and soft. Of all known methods of clearing the complexion of ruinous, unnatural Impurities, blackheads, pimples, freckles and other blotches. Nadinola Cream is the simplest, quickest and most satisfactory- Just apply this white fragrant cream at bedtime no massaging, no rubbing. Nadinola quickly brings fresh, youthful beauty to your skin; restoring a soft textured, smooth, radiant, flawless complexion closing up large, ugly pores and leaving the skin ivory-white, lovely. Don't risk your face, neck, arms and hands, to cheap bleaching creams, ointments or lotions, but be sure to use real Nadinola Bleaching Cream with its DOUBLE ACTING qualities found in no other product. Get a big 50c Jar of Nadinola Bleaching Cream at any toilet counter; begin using it tonight, and tomorrow you will see a hint of the wonderful results to expect. Money-back guarantee in every package.  BLEACHING CREAM Mm** iy l/atie*.l Tciltl Co.. Ptrii. 7   .</t>
  </si>
  <si>
    <t>                                           CARTHON WILLIAMS, representative of the World In Warrenton, Ga.</t>
  </si>
  <si>
    <t>                                           NEW YORK, May 26--For the second time since she arrived in New York to study piano theory at the New York School of Music and Arts last October on a Rosenwald scholarship, Miss Mildred Phillips Greenwood of Atlanta dined at the Waldorf-Astoria, the world's finest hotel, in the grand ballroom, last Saturday. Miss Greenwood was the guest of her cousin, Mrs. Dora Cole-Norman, a public school teacher on Staten Island, who attended a dinner given</t>
  </si>
  <si>
    <t>                                           -Photo by Hooks. Memphis.</t>
  </si>
  <si>
    <t>                                           1*'                 OFFERS JOBS TO IMP US BUT I                 Recent I. H. S. Grad Among: Many Lured By False Hopes                 NINE VICTIMIZED i                 BIRMINGHAM, Ala, May 2~-                 Caught, just as he had finished satisfying his lustful desires upon his latest vict m. Robert Smith..; Bessemer, Ala., !s in the local jail a with nine Birmingham and Besse- mer women and girls ready to press charges of rape ea nst him.'-                 The capture of tfce man was accompanied by Officers Murphee and Brown in true story book fa- shion. Accompanied by one of the victims of the man, they drove to a wooded, section near the Mountain Terrace section and parked their car. No sooner had they stopped their car and located the spot where 5the. attack, is allee e 3 to"havc occured than the worn-' an excitedly clutched the arm "of" one of the officers and exclaimed. "There he comes." Covered with Runs by the ;ves, Smith made no resistance. Questioning and investigation revealed the fact that h!s ninth victim was not far away. However, the captive attempted to act  although it was easy to discern that he was very '. The officers state that every victim of Smith's attack hue identified h;m and declares that he is the man  he crouches in his cell with a look of blankness and vigorously denies the accusations. It ;s rumored that he has -' ed a sentence for a similar offense before and has only been out jail since February. According to the arresting officers, he \v:#s locked up last October and kept in ja l in Bessemer until late in February,  freed at that time of rape charges. "One of the most atrocious crimes." the ;ve3 declared, "was  a  cirl who had just finished her studies at the_ Industrial High school. The v"per lured her into his net by  her that he had a job  $10 a week. He always used the same line on each vict:m. pretending that the was  a woman.-to work for his "white folks," and would lead each through the same woody section, assaulting them' as they neared the scene of their supposed new employment." The off cers continued by  some of his tactics. One method would be to walk in front of his intended victim as they were in their way to see her prospective  in a very rapid . Naturally, when he  her !f 'jie was v.- tao fast,  would reply in the affirmative. ThenVhe would toll her to walk, in front  nd set the pace. Shortly after she\ took the lead, he would seize her from behind, choke nor, and then, commence nis attack. 1 Another method employed  pretend th ot he saw a rabbit and  the woman whon sho looked for fho animal. A third proceedure used by Smith was to stop abruptly 'and point -towards a rather obstructed view In tho distance and ask jer if sho saw the Continued  w      2  Col. 8                 Jajl Rapist (Coiilinunl from Pagr 1) then he  i;et closer to  house. When told that she cl d not, and nsk her Lo look down hl.s   . The rust wils ; an he   his vict m into :i : oT . lie i:i  Lo  ] ono of hia  of ?1.5n. According: lo Of  Murphey nml Hrown, lie. admitted Lwo of the ~:asi S       IttiL declared Hint ho had made  with the women mid they, knew all the Limq ju.st what his  were! The detectives  forced to hurry their.prisoner  as the SouthsIUo residents were  indignant over the recent .</t>
  </si>
  <si>
    <t>                                           Caught, just as he had finished satisfying his lustful desires upon his latest victim. Robert Smith, Bessemer, Ala., is in the local jail with nine Birmingham and Bessemer women and girls ready to press charges of rape gainst him.</t>
  </si>
  <si>
    <t>                                           1 Double Votes Will Be Given in I I WHEN YOU BUY- I I Drugs, Groceries, Meats, R. C A. 1 I Vscfroias, Automobiles, Automo- I I bile Accessories or Anything I from Any Advertiser in the 1 I Cloverleaf Contest I 1 Don 't Fail to Get Double Votes!! I I List of Places That Give Clover leaf Tickets: 1 1 East Point Chevrolet Co. Rogers Pure Food Stores 1 1 Golden Eagle Co. Yates Milton Drug Stores % % Rhodes Wood Furniture Co. Amos Drug Store. % Perdue Furniture Co. Sutton Custom Shoe W f Mutual Furniture Co. Rebuilders. Peerless Furniture Co. Vine City Market. S</t>
  </si>
  <si>
    <t>                                           S\l!r^M3 V^^sS^yi THE  ~/i   !!5.'~J!arr /ia*     Manhmll       SUBSCRIPTION RATES f -On. Yt.r.  9.50 6 Honlltf. 55.00: 3 Month.. 5=.50= W.. iCc PUBLISHED DAILY AT 2 10 AI:M.'HN" AVE.. N. K. U. TELEPnONES: WAlnut 1*53 and 1 Ifio %: Bn,wa M ^.^-^.a a;    . A"""a' Cl- MEMBER OF  )  PRESS THE WORLD* S.    no ,~p.       1, for .l.d W.        lent Int.</t>
  </si>
  <si>
    <t>                                           SLUGGED FOR HOT K110KES                 Two men, caring apparently little or nothing for daylight, doubled on John Cliutman, 280 Rhodes street about 9 o clock Monday morning when they stopped him at the corner of Larkin and Chatman streets. "Got a cigarette?" asked one. "No," replied Chatman. "You're a liar," came the  as the two jumped on him. One of tho men hit him over the head with a broomstick while the other cut him on the left shoulder with a knife. Several stitches had to bo taken to close up the deep wound at the Grady hospital.</t>
  </si>
  <si>
    <t>                                           Fresh Green Vegetables TENDER GREEN r f Swap Beansf 3c SMALL YELLOW SQUASH lb. 3c No. 2 RED BLISS  3c FRESH TENDER BEETS bunch, 5c WELL-BLEACHED CELERY 8c CALIF. 'SUNkl'ST ORANGES T- 17c G L D E N R I P E B A N A N AS 3 13c ;c U WHITE OR YELLOW ONIONS 2 9c r? FAMOUS WELCH S- (LOWEST PRICE IN WELCH S HISTORY) 3 r a p e hs k e 2i 35c LIBBY S EVAPORATED y '^SliSC TALL CAN 2 SM.OAN6  q LIBBY S PURE Tomato Juice  T 7\c H LIBBY S HAPPY .VALE- FANCY Pink S a S m n 4 T-*T* 25c COUNTRY GENTLEMAfr VARIETY lb' by s C T si 2         2,5c LIBBY S Rosedale Peas 2 T-*~T 25c LIBBY S ROSEDALE PEARS OR SLICED Pineapple 2   -2cans 23c LIBBY S YELLOW CLING Peaciies' 13c -a*2 17c i 1 L*! B B Y S A P R I C T S sgf- 7V2c a,1 15c 19c I  S ..^.CHERRIES 8^ 10c MCV 15c %,' '19c I L?SSYfS FRU8T SALAD 20c      ' 17c     25    "435c RO.SEDA.LE yellow cling PEACHES "SaS* 15c  S PICKLED PEACHES *~5* 33c  S  PEARS 7%c        15c     19c  f?OSE DALE sliced PINEAPPLE c*~ 15c I' LIBBY S sliced PINEAPPLE     10c "Sn2 15c xo.314   17c -LIBBY S TIDBIT PINEAPPLE 2 %~ 15c j' LIBBY S' crushed PINEAPPLE 8c^ 7%c NcV 10c 12%c L I B B. Y S PREPARED MUSTARD 10c LIBBY S STUFFED OLIVES IS? 9c jg- 29c LIBBY S QUEEN OLIVES K5: 9c     17c  S RIPE OLIVES  Sfcff- 15c ^z 27c HAPPY VALE QUEEN OLIVES       19c  S SWEET RELISH Sff- 10c  S TOMATO SAUCE  ctg 7c LiBBY'S RED SALMON 25c CARROLL S FRESH HAWAIIAN ^ W-jr-T Pineapple CakeLfAYEHTzT-37c FREE PKG. OP BAKER S COCONUT- WITH Calumet ZSSSt 29c "IT SURE IS GOOD COFFEE' Canova Coffee lb^ 3lc FOR QUICK DISH-WASHING SUDS TRY Super Suds 3 ^.m^Sc OCTAGON CLEANSER 4 cans 15C U. S. GOVERNMENT INSPECTED MEATS v In Rogers Meat Markets VeaB Chuck Roast 15c Veal Stew SVSeat 10c Veal Chops 17c EMPIRE  WHOLE OR HALF IB. 121/ HAMS pound 10c JL DRESSED HENS 3 to lbs. lb 19c-. W H0FV3E-DRESS ED FRIERS lb. 28c M 1 PREi^fUM SLICED BACON  Td 23c 11 I SL9CED rindless. BACON u, i5#^:    I Beef Pot   $ast ISc. ii I '     SBidrt-Ribs 10fe: I*</t>
  </si>
  <si>
    <t>                                           Yesterday, you will remember, we left little Jimmie gazing admiringly at the manliest little sailor suit of white pique, with the short trousers that are in clear to the hearts of the older folk although they are anathema to the youngster himself. In fact, Jimmie's little...</t>
  </si>
  <si>
    <t>                                           In the first combined service sines the consoldiation of Morehouse and Spelman colleges and Atlanta university, the Rev. Reinhold Nelburh, associate professor of religion, Union Theological Seminary, and editor of the World Tomorrow, will deliver the baccalaureate sermon to...</t>
  </si>
  <si>
    <t>                                           -1      Section n of Atlanta Dally World, Btrtnlpgliam World and Memphis World</t>
  </si>
  <si>
    <t>                                           KEV.    H. KING, young minister of 1 Beach, Fla., U the ec Christian Informer gm ative of the Atlanta 9 formerly of Waycrosa.                 Palm M the  is                 Photo by Hicks, Beach, Fla.                 Palm</t>
  </si>
  <si>
    <t>                                           Cash' Prizes! -ARE OFFERED E A C H WEEK TO CHURCHES SHOWING THE LARGEST  OF TICKETS. Ask for Them When You BUY AT Rogers</t>
  </si>
  <si>
    <t>                                           Escaped Bomb                 Lieutenant- Colonel Walter Urys- dale, American Military Attache at Shanghai, must have a four-leaf clover, for he was present on the  stand during the Emperor's Day review at HonRkew Park. Colonel .Drysdale had just left the stand when the bomb was thrown that seriously injured live high Japanese officials, ;  the commanders of naval ami military operation* at .Shanghai.</t>
  </si>
  <si>
    <t>                                           STUDY SPELMAN S POWER PLANT.- More than fifty students of Booker T. Washington high school s science department under the direction of Neal Montgomery recently were visitors at the Spelman college power plant.                 Staff photo by Mackay</t>
  </si>
  <si>
    <t>                                           T. TYLER S* LUCK The Better Man By Lym Young</t>
  </si>
  <si>
    <t>                                           ADMISSION V*$ [A $ k\ An IH }. Starts p today 3 Days Only LAFF anil   LAWS u-ilh jim Ile'U  juu with       il sum SDNIEKyEII You'll agree that they re the funniest',' IS pair on the screen I    You'll roar at jj 11 LOUISE         ;~  v A "comedy chuck full Cf of romance, action and ;p thrills It's aU in fun! J RACING! As 'A Colvcr.nl ^._ i ~*^j Juno ClyJo ^J'. Frank Albertsoa'/;  Dd Crent Cutl *~!.~}' Jimmy Beers m\.  t tho  ""A   . under Har^</t>
  </si>
  <si>
    <t>                                           i A. C. Williams ^CONTRACTOR BUILDER* RENTS and LOANS *"Wc. remit rents the day we col-~ 'cct them and make arrange-^  for loans promptly* PHONE MA. 0194 70 C. ST.vS. W. I A J</t>
  </si>
  <si>
    <t>                                           TUSKEGEE, Apr. 6-- There is a saying around Tuskegee to the effect that when the time approaches for Founder's Day. Trustees', meeting and Annual Clinic, no matter how bad the weather has been it becomes beautiful over night in their honor--the sun...</t>
  </si>
  <si>
    <t>                                           s^ti L_ L-- ^Btfyf-^  CLOUDY1 Thursday  und Frliluy:  Friday afternoon. Lowest , past 24 hours, 6-1: , 80; average, 72. C. F. von Herrmann, Mctcoroloel.it, WeaUier Bureau.</t>
  </si>
  <si>
    <t>                                           It is reported that George S. Schuyler, editor and publicist, has recently declared war on the Colored Merchants Association of New York City. The reporter further states that the publisher will continue his attack.</t>
  </si>
  <si>
    <t>                                           FRIENDLY FIVE SPORTS Are correctly styled, comfortable and at the price of Five Dollars cannot be equalled in . Highest grade sole leather is now being used in FRIENDLY FIVES. Complete range of sizes and -widths. Come in to see these smart i patterns. MAIL ORDERS HANDLED PROMPTLY- GIVE STYLE,' I COLOR, SIZE AND WIDTH.  Only.^S55*^ Tan ~\ Sizes 3 to 15 AAAA to EEEE FRIENDLY FIVE Silk Socks- S Pairs $1-00 FRIENDLY FIVE 'SHOE STORE STIEN1NG COLLETTE 77. PEACHTREE ST. TyyyTyyyyyyyyyyyyyyyyyyyyyyyyyyyvyvyv/ ' Let Me Cure You! l2?f^^K DOfrT OEl-AYI CALL AT ONCE! WaWMMMBaH- F" M 7     I haro ben CURING   hm ?-WuM^CSttBBBu ^n AtlanU thousand* of Uiero! PllkWtSBBS NZ m u T      . Is. no m. Iiow  *     3  mar be, I     jou to call and me al once. i"                Trcalment      In     S '- if f"~   or            . All dl-       5%$l with mr pure nature - with            ^TrBriHwT 1 J  In evetT cane mlf^'^'YI  WALB 0   ^~~ALG CALL OR  :^-J^~ DR. T.Y. YOUNG "~JKBCVfiHal WITn- TMB- .-  CO 'oil tv . ??  and - compound JH TUrS"%~l. neur^T A. M. U P. II. J</t>
  </si>
  <si>
    <t>                                           'Wild' Man, Aged and Nude, Found Crazed                 CLARKSDALE, Miss., May 23. A "wild man." which turned out to be a demented Negro, who for days has terrorized people living in the region of the Joel Adams plantation, was captured by a sheriff's posse and placed in the Coahoma county jail at Clarksdale. The man, aged about Cl years and believed to bo Frank Wright, for some t me has been living in a thicket and was nude when . Te was suffering from hunger and exposure. Physicians said they bel:eved that he was  to death and it was possible that the mental condition was due to lack of food. VETERAN S BUREAU APPOINTS NEGRO DENTAL EXAfflNEU IK LOUISVILLE LOUISVILLE, Ky.. May 23.- (ANP) Dr. Turner Spillman. graduate, of Meburry Medical School (Dentul Department) was notified' by the local board of the U. S. Veteran's Bureau, that he had been appointed as Dental Examiner for the City of Louisville. Dr. Spillman is a young man. a. member of the A. M. E. church and the Alpha Phi Alpha fraternity. Believe Man Stole a Good Many Hens Attracted by the suspicious actions of a man at Glen Iris Drive and Forrest avenue about three o clock Sunday morning. Special Of-~  Cleveland picked up a man  the name of Felton Williams and turned him over to Officers Richards and Taylor. Wiliams, who was caught with two chickens in his possession. Is being held on charges of suspicion as many choice fowl have been mis. sing from a number of hen houses In that section recently.'                 Atrocities in Liberia Cause League Probe NEW YORK, May 23- (ANP) Forty-four villages burned and 159 men, women and children burned alive are the sum and substance of Liberia's response tu tho.-e natives who testified to the League of Nations commission thai the Llberiun government was fostering slavery and forced labor in the provinces. I The report on the destruction ofj villages and the burning of human beings was made to the League of nations in behalf of the United States. Brlti-t, and French governments an. I was confirmed by the Liberlan delegate to the League, according 10 an Associated Pres* story. The atrocities were committed against tribesmen on the Kru coast and resulted in the flight of 12,000 natives Into the forests. It was stated that the government military police under the direction of the aide to President Barclay set. fire io the villages because thv inhabitants  "recalcitrant." The League of Nations has a  commission which is studyIng the' LIberian problem witli about the sarrio success that the commission- Investigating the Slnu-Japanese question has had.</t>
  </si>
  <si>
    <t>                                           "THE SCALES WON T BALANCE" unless you know that this is Thomas E. Young, Memphis, who contributes articles every week for the Memphis World, Friday edition. Mr. Young has been in the postal service for more than  vears.                 -Photo by Hooks, Memphis</t>
  </si>
  <si>
    <t>                                           SWELLING REDUCED And short Breathing relieved when caused by ; collection of \v:iter in abdomen.' fett and leus, and when pressure.,  ankles leaves a dent. Trial * . COLLUM MEDICINE COMPANY Dept. 501, Atlanta, ;Ga. Bleach Your Skin To New Beauty No woman can win tho. complete admiration of men unless her skin la light, clear and soft Of all known methods of clearing: tho complexion ot ruinous, unnatural Impurities, blackheads, pimples,  and other blotches, Nadlnola Cream la tho simplest, quickest and most satisfactory- Juat apply this white fragrant cream at bedtime- no mas- v . no rubbing. N'udlnola quick- ly brings fresh, youthful beauty to your skin; restoring a soft textured. smooth, radiant, flawless complexion; closing up large, ugly pores and leaving tho skin -, . Don"t risk your face, neck, arms and hands to cheap bleaching creams, ointments or lotions, but bo sure to uso real N'adlnoln. Bleaching Cream with Its DOUBLE   found In no other product. Got a big BOe jar of Nadlnohv" Blenching Cream nt any toilet counter; begin using It tonight, and tomorrow you v will seo a hint, of tho wonderful re-...sults to . Money-back, guar-1':  In avory package. i  BLEACH IN(^?REAM0, Pant, Ttmn. 'S^. \-"  *~     *jg/.</t>
  </si>
  <si>
    <t>                                           MASTER  WELCHEL, son of Mr. and Mrs. H. W. Welchel, 91 E, High Street Ga'nesville, Ga.</t>
  </si>
  <si>
    <t>                                           FSour  24 59c SNAP BEANS 3 lbs. 10c PINEAPPLE  10c CIGARETTES T cSSE^s 1510 UlUniliU I I imV . PKG. I W 2            Phillips 6 for 25c I FRESH EGGS Doz. 15c HflP"     , peck  COFFEE ib. 19c i! POTTED MEAT  LT"~3for10c li BUTTER c^a 20c I; RICE PnLUEB0SEE 5 IbS. 156 i         MARISEgS WHITE BACON s-z- 6c PORK ROAST T, 10c PIG LIVER ib. 5r BROILERS Each 25e j  j g. caye-way M^rn ^r."7-;.;. LARD 49c RIGE,,:^,,, 3^e EGGSCl,,,:;;;hD,,7,. 12-ic Snap Beans a."3lc PET MILK 2ic FLOUR :;s 75c Small Sin-  l. I  2-1 1.1-. Atlanta 's Own I 5 i Municipal McMICISAEL B^S3US?Btct RYLEE S OLD STAND 1 Free Parking Lot PURE LARD Ib. 5c I 80 Booths Selling  Pure Ga. Farm BEEF ROAST 12^C j Products  LD R15* j J    .  wigg r. Kwi 4 2 I,,        ^7 Met U.rk,l. m^ CMMn, KdKtwood Arc. ml Dntitr ow d.,,,. A. H. to ~=3. r Streak o Lean 7ic 3 8 turd.;i, 7 A.M. to 11 P.M.   D. F.HAMILTON 1 -PUKI'AKKn CAN FOODS .K1) . QT. 35c J II1. JAM. (IT. JJc \y t- ]}.,ll.,r,l 110 i  .on ) ans.  v. iv. li.ui.iru iiu . n!   . flT. 40r COURThOUS  3 AND BEST   l J ON HV OWN I ROGERS SEA FOODS vegetables' 3 KRfSII CKOAKKItS. l.!l,  c 3 PKKilll MIM.I.KT3. l.ll Tc j FUKS1I CATFISH, l.ll 15c           TltDUT. l.ll. 17c HUNS Lit. ISc. KUCKS I.It. 25c J PEARSON TINSLEY SM.TH MARKET  VoUK J I Picnic Hami, Ib 10c COUNTRY-CURED MEATS Pork Cliops, Ib 10c HENS AND FRYERS Lamb Roatt, Ib tOc FRESH COUNTRY EGGS J Beof Roa.l, Ib 10c AND  4 ED Roflfl. Booth Home-Grown     . Country Cur-  r  IICuU      an,i Bacon: l , Errs ttA and Fresh Vegetables! J - country BACON ID 5c FRYERS lb- 28c i t UnUUIV IU- Ub Dremcil Free Wliile You J W Wait. All Sizes and Cnlors. A A A AAl A A A A A AAl^^fH^^T?^^^^*^******^^^</t>
  </si>
  <si>
    <t>                                           FOE YOU Join the vast Radio Audience of the earth listen to the big air favorites keep abreast the times buy a Radio! See the Radio on display at Yates and Milton's Drug Store It's a combination Radio, Clock and Book Rack, andis your for $40 cash- or $50 on terms.</t>
  </si>
  <si>
    <t>                                           ASSORTED                 GERMANY SPEAKS                 Germany,  rapidly from the operation performed by the Allies from X914-18, has ordered no interference with the Free City of Danzig and the territory of Memel. It seems that Poland and Lithuania, two European countries born from the World                 War, have designs on this territory. RELIEF IN THE HOUSE From now on     House of Representatives plans to act on national relief for the nation s impoverished millions, and will consider the 52.100,000,000 plan of Speaker Garner for -public benefit. THE SENATE: WET OR DRY? Soon U. S; Senators will answer the, question' of rc-submission oi the .prohibition issue to                 the nation. Both Wets and Drys in this body are Catherine forces. A decision by the Senate will clarify campaign issues next November. ROOSEVELT TO NORTH Gov. Franklin Delano Roosevelt of New York goes north tomorrow after spending his vacation in Georcia, with Warm Sprimts, his centre of operations. I SOCIALISTS ASK TEN BILLION Ten billion dollars are asked by tho Socialist party, convening in Milwaukee, for unemployment relief and public works. Repeal of the 18th amendment was also do-, manded. Norman Thomas, friendly to Ncrtocs, la  the  a nominee for President,</t>
  </si>
  <si>
    <t>                                           Germany, recovering rapidly from the operation performed by the Allies from 1914-18, has ordered no interference with the Free City of Danzig and the territory of Memel. It seems that Poland and Lithuania, two European countries born from the World...</t>
  </si>
  <si>
    <t>                                           The Daily World is published 'especially for you</t>
  </si>
  <si>
    <t>                                           WILBERFORCE, Ohio. May 28--The Wilberforce University track team won the second Midwestern relays when they piled up 52 points to win by a large margin over West Virginia State College. Alabama State Teachers' College and Kentucky State College. One thousand five hundred fans witnessed this meet.</t>
  </si>
  <si>
    <t>                                           In Memoriam                 In loving memory of' our dear husb.-tml and  who pawned a-, way two years ago .. Gone but memories fond nnd true. Still lingers on for you, Each ilay we long to hear your voice. Lung to hear your counsel and advice. But we know in this life 'twill ne er be. But we are hoping some day to join you And     will nil walk the heavenly way. Janie Hill (wife) Salona Wclborn, Thomas Hill Leallm Collins,Luvogor Hill, Charlie Hill. Walter Hill. Marie Jenkins, Edna Hill, Children. i</t>
  </si>
  <si>
    <t>                                           EDGAR R. CLARK, sophomore college student at Clark university. Atlanta, and a tenor soloist of rare ability.                 -Photo by Kelly, Atlanta.</t>
  </si>
  <si>
    <t>                                           Well here we are back again on the news sheets of the world. Beavers writing. Again we shall attempt to give you dear subscribers a brief summary of the happenings in and around the town after a months layoff.</t>
  </si>
  <si>
    <t>                                           SAFE BURGLARS TO PAGE TRIAL                 Lfge Jackson anil Ora Harris indicted on several charges of  by [lie Fulton grand jury will be jointly tried on Monday, Tune C. before Virilyn E. Moore In the first criminal division of Fulton superior court. Jackson who was returned from Chattanooga, by Detective J. .C. Simmons, with Jackson ;irc charged with having on the occasions carted the entire safe away from stores which they had broken Into.</t>
  </si>
  <si>
    <t>                                           U. S. Will Hear Seven Scottsboro Cases                 DEATH STAY WILL COME AS RESULT                 To Argue Case On! October Tenth In Washington                 NO DISTURBANCE                 WASHINGTON, D. .tune 1.- As a  anticipated uprising on the part of "Red" adherents faded away like the mist, the Unted States Supreme court made known its decin:on Tuesday to Riant a review of the case of the seven  now in Kilby prison at                 Montgomery, Ala., awaiting the '^nfc-"}.c-:-~.lc?th scn"  ' upon them for an alleged assault upon two   white (fir s      Scottsboro, Ala..  the  of 1031. This action by the nation s  tribunal, automatically stays the execution of.the lads which was set for June 21. No  oh was Riven by the Supreme court for its course as it set the date for the hearing of oral arguments in the case to determine whether, or not the facts Continued on Pa({B 2, Col. 4                 i Scottsboro Continued from Pane One i warrant the  aside of the I convictions. October 10' was decided as the time for these debates. There was. -'no." disturbance as fifty' extra" police, "were" added to the regular detail at the Capitol to prevent any 'unwarranted  on the part of " Communists about 400 6f whom assembled in front of. the court. Other guards were stationed in the rear buildings of 'the capitol to thwart the carrying' :' of any threats  federal "officers. Prominent officials of Alabama, including member s of the Supreme court of that state who failed to grant all of the boys a new trial at fhe t;nie that one of their number was given another chance in court, have been threatened with violence. The case has attracted considerable attention throughout the world, many foreign' nations sending protests' to American' leaders                 against the unwarranted execution of the youngsters who are alleged to have raped the two white girls on a train near Paint Rock, Ala. At the trial, held at Sc0tt5bo.ro, Ala.v each the boys' protested their innocence and stated that tbe reason that they did not .get .off of .the moving freight- train "with the others who dropped off to safely was because they knew that they had done no wrong. At the same time, it is reported, the two young women, who were* hoboing on the train at the same time of the alleged assault arid! rape, were unable to identify the lads as the ones guilty of the sup-.                 Attorneys' for the -International Labor Defense League, Commit-1  organization that. has taken1 such ah active interest in the case, contend that their clients were not' given time to prepare an adequate defense and were not given a square deal in the town, the court be nfj influenced by the intense feeling outside of, the courtroom. Precautions were' taken to prevent the lynching of the youths and the trial of the youngest, a M year old child, ended in a  as the jury could not agree to give h'm the extreme penalty demar.-icd by the state in account his youth. At present, he is in the Jefferson county. jail at Birmingham. Agitation is now Ymdei- to have the oth er youth who h.-.s been granted a new trial removed to Birnvnglmm also. The other seven, who have been granted another grip on their" lives, are in Death Row at Kilby prison</t>
  </si>
  <si>
    <t>                                           WASHINGTON, D.C., June 1.-- As a long anticipated uprising on the part of "Red" adherents faded away like the mist, the United States Supreme court made known its decision Tuesday to grant a review of the case of the seven youths now-in Kilby prison at...</t>
  </si>
  <si>
    <t>                                           Crady Crads to Hear Dr. T. H. Slater                 Dr. Thomas H. Slater will deliver the principal  tit the exercises of tlie Grady Municipal Training school for Colored Nurses. Thursday evening at eight o clock at the Big Beihel A. M. E. church according to an announcement by J. B. Franklin, superintendent or     Grady hospital. The program, over which S. C. Dobbs, chairman of the board     trustees, will preside, Is as follows: Processional, Miss E. F. Dyer; invocation. Rev. B. G. Dawson. Pi-stor Big Bethel: music; greetings from tlie city of Atlanta, J. Frank Beck, chairman hospital and charities committee: greetings from visiting staff. Dr. Charles Waiies, president, of staff; "Our Graduates. Past. Present, and Future." Kendall Wiesiger. trustee: r.. Dr. Thomas H. Slater; music; presentation of Pius, Miss Annie Bess Feeueck. superintendent of nurses; presentation of Class in Nursinij. Supt. Franklin: presentation of diplomas. Mr. Dobbs; and benediction. Dr. T. R. Kendall, chaplain Grady hospital. Miss S. M. Burney of the David T. Howard Junior High school faculty will be In charge of the music.</t>
  </si>
  <si>
    <t>                                           The Memphis Red Sox increased their winning streak to seven straight games when they won three in a row from the Nachville Elite Grants and knocked them from the top rung the of the Negro Seuthern League ... The Memphis club is now occupying the third position...</t>
  </si>
  <si>
    <t>                                           aec^r^::::~~'*=~^----^  MONDAY night and Tuesday, with' shcw crs. Lowest ti m. , past 24. hours, 62; highest, 74; , 08. C. F. vun Ilcrrmaiin,. ,V McteoroloRist, Wcatner Bureau.</t>
  </si>
  <si>
    <t>                                           GATE CITY SUMMER SCHOOL Butler Street Branch Y. M. C. A. SUBJECTS OF Junior and Senior High School TAUGHT BY EXPERIENCED AND QUALIFIED TEACHERS Individual Attention Small Classes From June 6th Through July 15th Six Weeks For Information Call Jackson 8663 V. PACKARD HOLLIDAY Director</t>
  </si>
  <si>
    <t>                                           PREACHER DIES FROM BURNS                 SUMTER. S. C. Apr. fi- CANP) Hell-fire had       Ihi- substance which I ho Rev. Robin Dnrftin ol I lit; Sanctified church here had s! preached about, with littie thought of t.lio     - closer at . Ho wns  Wnduc5dny morn-' InR when his house and church  burned down. The fire Is  to havo  whll.'    . Darnan mood in front of a fireplace and rubbed his body with gasoline.</t>
  </si>
  <si>
    <t>                                           FAIR WEDNESDAY; Thursday local . Lowest ton^ , past 24 hours, 60; .  76;'. 69.  V-', -C. 'F. "Van          , Mclcorolo^tet,, Weather Bureau.</t>
  </si>
  <si>
    <t>                                           STORE BURGLARS GET4-5YEARS                 Sensing thai a defense in their behalf would be a mere waste of time, G. B. Lockett and Albert Brooks entered pleas of guilty  their cues on robbery charges were called in the Superior court Thursday. The two, both of whom are 22 years of age. were given terms ot from four to five years In the state penitentiary. The pair was caught early Friday morning, May 6, by Officers C. P. Wright and C. G. Hughes as they were attempting to make away with a quantity of groceries from the Rogers store at 241 Fort street</t>
  </si>
  <si>
    <t>                                           BIGAMIST IS INDICTED TUESDAY                 Duped by Bennie Dukes, Reed street, who fooled them Into believing that he had secured his divorce, considerable embarrassment has bren caused to Mrs. Dukes, the former Miss Gertrude Bullanl, 28 Brighton road, and Rev. J. H. Wiggins. 224 Chestnut St. popular pastor                 of the West Mitchell street C. M. E. church, when it became known that the minister performed an illegal ceremony the Saturday before Easter. Dukes was indicted Tuesday by the grand jury for bigamy. According to Mrs. Wiggins, the intimation they had that Dukes had  to obtain his release from his t St ranged wife came when Mrs. Tinie Dukes cam.;    the parsonage to inquire as to whether or not the pastor had  the couple. The Rev. Wiggins replied in tin.- ; and she proceeded to have Duke.s . Tiie second Mrs. Dukes, who is a. well known and well liked member of the West Mitchell street church, taking an active part in religious and social affairs, was married at the home of her sister Saturday night. March 26. A big wedding purty was held, with a large number, including her widowed father who came up from his homo in Roylston, Ga., to witness the ceremonies, in attendance. A younger brother is residing with. Father Rogers. prominent Episcopalian clergyman. It is understood that Mr. Dukes and hi.s .' wife lived together about a year.</t>
  </si>
  <si>
    <t>                                           Duped by Bennie Dukes, Reed street, who fooled them into believing that he bad secured his divorce, considerable embarrassment has been caused to Mrs. Dukes, the former Miss Gertrude Bullard, 28 Brighton road, and Rev. J. H. Wiggins. 224 Chestnut St. popular pastor...</t>
  </si>
  <si>
    <t>                                           KNOCKED DOWN BY CAR                 John Heath, 051 Edgowood . who was  down by :in - mobile driven by Mrs. James Car-' nil;' in. '67 Atlanta avenue, is resting nicely at his home. Thu :  Tuesday afternoon as the elderly man was crossing MiU:h-j ell street. His injuries were slight ;md no arrest was .</t>
  </si>
  <si>
    <t>                                           Lily Lou Lansing, young and pretty telephone operator, gives up her opportunity, for an operatic career to marry wealthy Ken Sargent Ken's parents had hoped their son would marry the socially prominent Peggy sage and threaten to have the marriage annulled. How...</t>
  </si>
  <si>
    <t>                                           Church Edition t of The Atlanta Daily World appears Saturday for the first time and will appear each Saturday 'thereafter. Aside from furnishing news of Sunday services, it gives i a paper every day Allantans instead of six days a week and at no advance in prices. The Atlanta Daily World</t>
  </si>
  <si>
    <t>                                           In Ywr Cllr to D. Omoi fw tkt      MADAM  S3  BB^^I-Palmlit u4 Ctelrrajut ~~^^~~MTka la ,  4-HluriTn U. Icy. InulKMi. HC^Illff.         A Imihn Kinun 4         .~  . How IM  Stay</t>
  </si>
  <si>
    <t>                                           i Mention The Daily World to your merchant</t>
  </si>
  <si>
    <t>                                           Petite and winsome Miss Mattie Berry was hostess on Saturday afternoon at her residence on Chestnut Street to the members of the Aurora Club and two others guests.</t>
  </si>
  <si>
    <t>                                           TRYING TO KEEP ABREAST ABREAST off this social din running rampant in the wake of the ensuing vacation days is like trying to get blood out of the proverbial turn'p--hardly possible. The Secret Four Syndicate, the Unholy Three, the Flaming Stars, the Joymen, the Frogs, Our Gang, and the Royal Arcadians, and others, either have done so or will greet the social realm with sparkling numbers at the various dance sites of the city. Then too, there are the Cotton at the various dance sites of the city. Then too, there are the Cotton Revue Ball at Sunset tomorrow (Thursday) night; the Atlanta Fisk...</t>
  </si>
  <si>
    <t>                                           CLEARED                 PAUL ROBESON Who threatened to sue a New York daily newspaper for linking his name to that of the Hon. Nancy Cunard, English heiress, and won a, retraction i and correction. Rabeson said I he didn't need a patron, as the newspaper stated he had in Miss Cunard, as he get* $1,000 to sing ten minutes.</t>
  </si>
  <si>
    <t>                                           Met at the home of Mrs. Hattie Clayton, 170 Bailey St. A lovely afternoon was spent In sewing. One member was reported sick, Mrs. Flossie Hickmon 833 McDaniel St. Mrs. Johnson is still on the sick list. The president urges all members to visit the sick.</t>
  </si>
  <si>
    <t>                                           Up From Georgia With My Banjo By Thomas Jefferson Flanagan THE METHODIST (Dedicated to Bilhap Joseph Simeon Flipper of Florida.) JERUSALEM, field of Holy bliss, The heritage of the Methodist: Wesley from your tomb awake And see the clanging fetters break A thousand foes flee forth at this Firm faith of the Methodist. From the beaten campground sod, The tree-tent fields of our God, A thousand fold comes that old flame Kindled !n Jehovah's name And his blessings rich are kist On the fainting Methodist. bless the way our fathers sought, With their bleeding backs they bought The bannen that we proudly wave Where once the cabin ot the slave Held the!r forms, but ah its mist j Blinded not the Methodist. 1 While on Jordan's banks we wait From afar we see the gate Trembling wide, and crowned the throng Runs to meet our host with song Their golden harps^ ye travelers list: They welcome home the Methodist.</t>
  </si>
  <si>
    <t>                                           (inn funeral    per  BENEFIT lC DAY for full Information write SOUTHERN FIDELITY SURETY CODurhain. North Carolina Learn Beauty Culture At Home AIL   MandUnf ud Finftr Wavini Pracd Hair Our9 SCOTTS BEAUTY SCHOOL 4            Ave, DtfL R. 0, Chiago, DL</t>
  </si>
  <si>
    <t>                                           Mention The Daily World toc your merchant I</t>
  </si>
  <si>
    <t>                                           LITTLE MISS EDWINA TAYLOR, daughter of Mrs. J. L. Taylor of 692 Alston avenue, Memphis. She represented Florida Street School in the Press Scimitar spelling bee,                 April 29.- Photo by Joncs-Purdy.</t>
  </si>
  <si>
    <t>                                           Patronize World Advertisers wherever I possible</t>
  </si>
  <si>
    <t>                                           Sunday being an odd Sunday most or the church goers went visiting other churches and towns, although some kind of service was held with practically all of the churches.</t>
  </si>
  <si>
    <t>                                           Science Club AtMorehouse To Exhibit                 The second annual exhibition of the Science and Mathematics club, of Murehouse college will begin on Saturday. May 28, at 2 o clock p.m. and will continue through Tuesday. Hours are 2 to 6 p. m. and 7 to 0:30 p. m. Interesting experiments by the xiii lems will be given and exhibitions from leading manufacturing companies will be shown. The public is invited. Many Chickens Are Disappearing These Days A number oi chickens, roosters .Mill fryers, evidently became restless late TiifStlay night and early Wednesday morning as they were missing from their hen houses when their owners arose Wednesday. Among those reporting losses to 'he  were: Mrs. Ida S. Booker, .453 Connally street. Rhode Island hens ami two black hens: E. Goodwin. 1745 Rogers avenue. S.W., M liens. one rooster, and 16 fryers; H. G. Rogers. .100 Glenn Iris drive, C hens: Mrs. W. M. David. 33 Clifton street 3 Rhod.' Island hens and a liko number of brown leghorns; and R. M. Moon. Holtzcaw street,! some Rhode Island hens. Police officers found n sack containing three or the Rhode Island variety, one black hen, and two  hens, in a sack near the intersection of South Boulevard and tho Belt Line railroad. The live -iij were taken to the station to await th^ appearance of their owners.</t>
  </si>
  <si>
    <t>                                           After several weeks of feverish activity the Victor" ball for the contest department of the New York Age is being held this Saturday night at Rockland Palace. Luis Russell's orchestra and acts from Small's Paradise will be the cature attractions. Henry Allen....</t>
  </si>
  <si>
    <t>                                           I Bailey's Royal Theatre MON. TUES. WALLACE  CLARK  "HELL DIVERS" ACTION- THRILLS</t>
  </si>
  <si>
    <t>                                           i' EMPIRE j Ga. Avo. I Crew St. MA. 8130 j Miin.-TiK-s.: Lawrence Tibbult in j "Tin: Culinn Love Sonp" j D.in l Miss This! \V'cdllMll:iy-T! Ilnfbnra Stainvyck in i "MIGHT NURSE" Fri. en the Sc'reeu L:iff at Wliotlcr ami Woolsry in 'CAUGHT PLASTERED' -On Hie Stago 8 P. M. i "AMATEUR NITE" j Fun for All! ~""Sal7'~I5! the Klddion! KEN MAYNARD In 'THE 1  KID' g*  Timo STARTING MONDAY No Thrill Ever to Equal It WALLACE CLARK BERRY GABLE IN M-G-M'S "HeiS Divers" With Conrad NnRcl Dorothy Jordan A Yenr in the Milking Lau(*hs Love Action STARTING THURSDAY "FLYING HIGH" With Bert Lahr Charlotte Greenwood</t>
  </si>
  <si>
    <t>                                           -~   '.f- '~^^^^^^^^^^^^M^^^^^^^^^*^M ^mT^^ .y^^ '.'J. v ^^1^^ f^ )WfK'./:. ^ ~'ii i*-~-r-</t>
  </si>
  <si>
    <t>                                           Mrs. C. W. In cases of eczema, where It is necessary to omit or to limit food ingredients which are fattening, such as sugars a n d starches, it is to be expected that the-child will not gain the average amount of weight. If It is a matter of choice between getting rid of...</t>
  </si>
  <si>
    <t>                                           IEW VOTING LAW PASSED IN MISS.                 Legislation Rushed Through hy Solons After Texas Case                 LAW 'AIRTIGHT?'!                 JACKSON, Miss.. May 23 An (.~ to avoid duplication of the Texas case in Mississippi, In which the United supreme court recently ruled by a divided opinion that tho Democratic party In that state could not bar Negroes from voting In their primary elections, under                 the phraseology of the statute governing primaries, was made, in thi! House of Representative* of the State legislature. Representatives Walter Capers of Jackson and Albert Lake of Greenville, two young lawyers, introduced a bin, out of order, obtained unanimous consent for its immediate consideration, and the House adopted the bill in less than five minutes time sending it on immediately to the Senate, in which tin.' troubles are smoothed out. they believe. The change in the Mississippi primary election law stipulates that the state executive committee is the agency of the political party in question, and that the political party can adopt whatever rules it might,  and that these rules would be enforced through its state executive committee or whatever other agency it may select. The rule of the Democratic party in Mississippi i.h that no Negroes can participate In the primary. The bill, it was explained by Speaker Thomus L. Bailey, has been drafted to meet with the objections of the two authors that It met these and that eminent jurist* had agreed with the two authors that it met these and would assure the  of white supremacy In Mississippi.</t>
  </si>
  <si>
    <t>                                           JACKSON, Miss., May 23 -- An effort to avoid duplication of the Texas case in Mississippi, in which the United supreme court recently ruled by a divided opinion that the Democratic party in that state could not bar Negroes from voting in their primary elections, under...</t>
  </si>
  <si>
    <t>                                           Thirty-eight college seniors, 19 senior normals and 3 special students in music received their graduation diplomas yesterday' morning during the annual Clark' University Commencement . Exercises. Dean Goodrich C. White of Emory university deliverd the commencement</t>
  </si>
  <si>
    <t>                                           Argentina's Olympic Threat</t>
  </si>
  <si>
    <t>                                           FRIED CHICKEN DINNER with Dessert ami Drink 0^ ma ECONOMY ^U. DELICATESSEN Vw 233 Auburn Ave.</t>
  </si>
  <si>
    <t>                                           i$i ITEM JBt^     M a y set ^S^ScP^iJ the sincere     3MA  i nd ^^E^Bf^ true response JKctM f  Giro It just ONE WEEK S SHOW IN oOR WANT AD DISPLAYS- :,;   v-J#</t>
  </si>
  <si>
    <t>                                           I am a subscriber to the World. Please give me some advice. I am a girl of 18 years of age. I have been going with a young man two years my senior, for about several years. He has drifted from coming to see me. He hasn't been to see me in about three months...</t>
  </si>
  <si>
    <t>                                           Lily Lou Lansing, pretty, young telephone operator, lives with her married sister in moderate circumstances. She is torn between desire for an operatic career and love for wealthy Ken Sargent. Following a party at Ken's home, Lily Lou realizes they are unsuited socially and...</t>
  </si>
  <si>
    <t>                                           SHE DID IT ALONE                 Amelia Earhart Putnam now holds ' distinction 'of being tho first woman aviator to brave the perils of the mighty Atlantic alone and win. Forced down at Londonderry, Ireland, she took a train to London where she* now ii.</t>
  </si>
  <si>
    <t>                                           Evelyn Harries Williams, pretty 23 Year old wife of Gordie Williams, 26, was shot to death last Sunday afternoon by her husband as she sat in the parlor of her sister's home, 737 Montgomery street in Klondyke. The enraged husband emptied a revolver into...</t>
  </si>
  <si>
    <t>                                           A BARGAIN FOR YOU Join the vast Radio Audierjipe of the earth listen to the big air favorites  . .the times buy a Radio! t^-"' See the Radio ,on ^ vat.( Yates and Milton's Drug Store ^'it s^a . Radio, Clock and Eipok .^ck,, and is your for $40 cash- or '$50 on terms.</t>
  </si>
  <si>
    <t>                                           BIEaBa E DITORIIlL MW</t>
  </si>
  <si>
    <t>                                           DENTIST RAN MURDER FARM?                 5 HAVE DO QUEEIMii                  Think Killings Were for Insurance; To "i Exhume Bodies                 SEEK                  YAZOO CITY. Miss.. May 25- Evidence ,B !b a wholesale  pMt.bnd the existence of a "murder farm" near Yazoo Ciiy' In which flv/p nre believed to ' "been  in a diabolical plot of .t. dentist to collect several thousand dollars in insurance, ix  in-                 by District Attorney Hugh B. Gillespie following the  cjf the mutilated body of Norvllle Sanders, Memphis, youth and the confession of his slaying by Dr. Lawr.ence Packer, dentist. Distrie t Attorney Gillespie says he1 way. informed Dr. Packer has collected Insurance policies on four  during the past eighteen months,' all of whom are alleged to ha ye died suddenly,  Ihe .ms of ptomaine poisoning. T he bodies of these alleged  will probably be exhumed by Y.- county authorities and an  performed to ascertain if ti ney were poison victims. The Yazoo City dentist is being held in the Yazoo county jail for the murder of Sanders. I Sanders' body was found by police in a rumble seat of an automobile parked in front  f Packer's home. The discovery of thc body was made when It was noticed that blood was trickling down thc side of the automobile. Dr. Packer was arrested as a suspect and admitted that he killed Sanders as the outgrowth of an old grudge. Officers said they found Packer, his brother, and another man Spcnoer Howard, in thc dentist s home. The bedroom of the house, according to police, disclosed a .blood, soaked mattress. Sanders' head was badly crushed and his body severely cut and bruised. District Attorney Gillespie said that he was carefully investigating t li;e "strange" deaths of four others upon whose lives Dr. Packer collect, od Insurance folowing their " and suddenT* deaths. i-. A check of thc flics of thc bureau of vital statistics  that Dr. Packer's wife. Annie Qilinn Packer, died suddenly on April 10 of this year from "ptomaine ,'* just four days after the "sudden" death of his step-daughter. Frances Quinn, who died of the same malady. Trie circumstances surrounding the deaths of both the women are said to have been identical. Insurance policies in which Dr. Packer was the beneficiary,   on both victims. Relatives of Packer's wife and', daughter have Informed District Attorney Gillespie that the deaths., of these two "make four that" ho has collected Insurance on in tho last eighteen months." These informants are or thc opinion that Packer's wife and step-daughter did not come to their deaths by natural causes. A re-check of tho records of- the. bureau of vital statistics Is being made to ascertain the names of tho other two persons referred to by tho relatives of the deceased- worn, en. It is alleged that the other two victims -also died ''suddenly" and apparently from poisoning. The district attorney will confer with Yazoo county officers with re-';;' gard to exhuming the bodies of .-v Packer's wife and step-daughter for an autopsy to determine the  of death.</t>
  </si>
  <si>
    <t>                                           YAZOO CITY, Miss., May 25-- Evidence pointing to a wholesale slaughter pact and the existence of a "murder farm" near Yazoo City in which five are believed to hate been killed in a diabolical plot of a dentist to collect several thousand dollars in insurance, is being in...</t>
  </si>
  <si>
    <t>                                           CHICAGO. June 2--(ANP)-- "Rhapsody In Black" Lew Leslie's show closed at the Apollo thater here Saturday night, May 27, after two week run. The company left for New York where it is to have its routine cut down to a tabloid performance of one hour and fill...</t>
  </si>
  <si>
    <t>                                           me df- -liver: bile'4W8TK00? CALOMEL AadYcail Jump. Out. Bed ia I t5w Morning Raria* to    I B rom soar and  sad tbt. I  no*, feat  a lot V Mlta, j Bfaxnl w*  ,  C Uxativ* em^Or  e ehs- 1 fan sod  xp*ct them to  70a -  fr    4 buoyant and hill of  For tW caa t do tt_                  tod a man *nk doesn't rot at tto oik     reason [or your down-tnd-oat  1* roar Uw. It should poor, out tv*  ot liquid bH* Into your      . If this     Is not flowing freely, your tood Aoesn't      . It )uit d^ays La th* bowls. Om       op  stomach. You bin a , bad t*     and, your breath is tooL aUn often        out 1b . Your bead ebe*  cd 70a Iml dova and oUL Your          Is . tt  thoM rood, old r1;*S   PILLS to-set Uicm two Mmdf of  .flowin*,   *T  od nuki  M,**up.~nd-i9.*' TbcT. , , *  utr^cta, ^      It  tB-     bQa flow .       ask for Ursr dHU. AaIc f or Orter^ UtLU  PUH. Look GUm  Carta^ Uttla Llw     nd       Bcmt 1 I Tin li T-i inri n How One Woman i Lost471bs of Fat In 3 Months and !j Feels Years Younger 1 "I hare been  Kruschcn Sills lor nearly 3 month*. I have   one teaspoonful in warm water every . I then weighed 217 pound*.  as always  with pains Id my back and lover pirt of abdomen and tide*. "Now I am c^d" lo  ay I am a  woman, feel much ,   and my weight I* 170 pounds. I do not only feel belter bot I look belter, so aU my  say* "I shall never be Tillhoat Kroschtn Salts, will j. never   my dally deM. than clad to   II for the  toad that Is In II.** Mrs. S. A. Solomon. New Bern, N.C. T.S. Yod mar think I am - by   a lone letter bnt  1 frel so IndcbUd to. you for . out   salts that I  say .'* A bott:c of KiU'chcn Salts. tbat lasts 4 weeks cost but lev cents. When reducing  to diet vlU help cut ~!oTn pastry and fatty meats po light on potatoes, butter, cream and sugar- the Kruichcn way Is the safe way to lose fat. To  flit harmlessly and SMleJy, take .one halt teaspoon of Kruschen. Id a glass of ho: water every morning don't worry- it s the safe way to reduce. But be sixte for your health s sake that you.nsk for und get Kruscben Salts. Get them at nny drugstore in the world und If the results one battle brings do not : yc-u- do- not ; satisfy you- why  back..</t>
  </si>
  <si>
    <t>                                           THE SMILE THAT WINS. Mm Mildred Robinson, Memphis.                 -Photo by Hooks.</t>
  </si>
  <si>
    <t>                                           G. L WENTWORTH Successor To MILAM COMPANY Auto Bodies, Fenders Repaired Seat Covers and Top Wore G. L. WENTWORTH 17-19 Piedmont Ave., I EWAlnut 8970 Atlanta, Gn.</t>
  </si>
  <si>
    <t>                                           The Faithful Few were at their posts of duty. Our pastor preached two soul stirring sermons. His morning subject was "Christ Addresses the Thirsty." John 7:37-38. At night his subject was "The Christian's Race." I Cor. 9:24. Rev. B. J. Johnson will preach all this...</t>
  </si>
  <si>
    <t>                                           S^iATE MEWS                 Abbeville, S. C.                 Rv Grace Dawson                 Butler King was drowned on the 14th or July In Mr. Ed Richie's ash pond just outside tfce delimits. He took the cramps while swimming ana no one was present to aid him except a 6 year old brother. He was carried to the L A. Richie Funeral Home.</t>
  </si>
  <si>
    <t>                                           This afternoon at 4 o'clock on the Morehouse athletic field. Atlanta sports lovers will get both entertainment and amusement, for the Morehouse Faculty meets the Morehouse Seniors in a big baseball war scheduled in connection with recognition of the annual...</t>
  </si>
  <si>
    <t>                                           I A. C. Williams; ^CONTRACTOR BUILDER* RENTS and LOANS [We remit rents the dny we col- 4 ~'cct them and make arrange- 4 ments for loans promptly* RHONE MA. 0194 70 C. ST., S. W. 5 Rogers Stores HANDLE ATLANTA WORLD CLOVERLEAF CONTEST TICKETS GET YOURS WHEN YOU BUY AND HELP YOUR CHURCH WINS A CASH PRIZE. Get Your Tickets!</t>
  </si>
  <si>
    <t>                                           THE CROWD ROARS J with 8  r Cash Prizes! -ARE OFFERED EACH WEEK TO C H U, R C H E S SHOWING THE LARGEST TOTAL OF TICKETS." Ask for Them When You BUY AT Rogers</t>
  </si>
  <si>
    <t>                                           In rare cases, pouches under the eyes are an inheritance, passed along from one generation to another, the same as that annoying kind of hair that has a way of whitening prematurely. In ordinary cases the trouble can be traced pretty definitely to faulty...</t>
  </si>
  <si>
    <t>                                           Carolina Whites Horrified as Negro Democrats "                      EVERYTHING IS DONE TO BAR THEM                 Race Issue Comes to Fore as Negroes Vote as Demos                 FIGHT IS BITTER                 RALEIGH, N. C, June C- (AN P) The boiling point in the political situation in this city and Wake county was reached with tho Democratic primary last Saturtluv when hundreds of Ncgrnei ( anil voted as DcmocraLs. The registration and  ly cf                 Negro Democrats has created die ir.osl important political issue faced by North Carolina since Negroes were deprived in a wholesale manner of tho r citizenship more thun !IO years ago. By blasting their  into the Democratic party, trained Negro leaders arc demonstrating to. the horrified bib-and-tucker white polit;cans in this region that they have decided to follow the political advice of Congressman Oscar DePriest who has counselled Negroes in the South where the Democratic party is dominant to become a factor in the party wh ch has the power. White. Warned Bigoted whites, proud of their power and arrogant in their feeling of -nority, arc warning white   nd  officialdom that  they trick the       out of hH citizenship rights, he will, by becoming a  in the Democratic . become the BALANCE OF POWER. .So b:tter has the fight become that it. has breached;. the. stage of calling names back and f  across the fence of racial division, 'lhe most outstanding white political leaders in the Democrats party have let the Negroes know what has been in the back of their  all along by stooping to  the red flag of racial prejudice and intolerance. And, believe it or not, the Caroiina Tribune, local Negro paper, lias had the effrontery to level bitter shafts of criticism at the Hon. Josephus Daniels, editor of the News and Observer, former  of the navy. What  has this little Negro paper,     white alarm ;sts. scream; to even question a while man of the standing of the Hon. Josephus. Would Ou.t 3.000 The white race-haters and supporters of racial superiority bunk who are trying to discover  way to get the 3,000 Negro Democrats off the books are looking about mi every way to discover some other whites to lay the blame on for inducing the Negroes to become politically active. At the biggest political meeting held in the county recently,  wh te men were denounced for the registration of ineligible Negroes as Democrats. Those so denounced were Herbert G. Gulley, (secretary to Senator J;',W. Bailey. Commissioner of Public. Safety Carl Williamson and A: Burton Breece, a local lawyer. Most of the cr  was leveled at Breccc. It was charged that, like' the Crump and Church machine in .Memphis. Breece hnd tak bh trucks and combed the Negro, district for possible registrants. This was denied by Breoce and by Negroes themselves. Mr.'Breecc stated that the activity of.     -Negroes grew out of an educational campaign in. citizenship: i Adopt Restitution At the political meeting referred to above, a  on was adopted without a dissenting vote condemning the "indiscriminate registration of Negroes as' Democrats" and call:ng on the voters of the county and city to vote for "the men who stand against this sort of thing." And just listen to this choleric explosion in words: "These Negroes have not been placed on the books because they wish, to take a part.'in the Democrat'c party," declared "Johh'jW. Hinsdale, candidate for the stute . "They wero put there for Continued on     6. Col. B                 Whites Horrified (Continued from Page 1.) the purpose of aiding someone s political scheme, and all true Democrats should resent such a thing. " has said the increase is due to an educational program. I say that th s is untrue and point to the fact that no such condition exists in Durham, Greensboro, or any other city of the state. "I don't believe that Carl Williamson can deny that a Negro named Crump and a white man. both employes of his, aided and hauled Negroes to the polls for the purpose of reg: them in the interest of some candidate he is interested in. "He's An Enemy" "Any man who aided in getting these .Negroes on the books as Democrats is an enemy of the Democratic party and should be treated as such. It is our duty, as I see it. to go to the  on Saturday and vote for the men who will keep the Democratic party white." Referring to the attack on Hon. Daniels by the Carolina Times, Hinsdale.' upholder of "white supremacy" asserted: "It is a disgrace to the ont re state when a Negro paper openly c.cmes out with such language against such a man as Mr. Daniels. "We do object to this thrusting of hundreds upon hundreds of Negroes into the ranks of the Democratic party, where they don't belong and where they are not wanted. They were put there fur the purpose of giving' them the balance f pn\wr. and they w ll surely hold this balance unless s" is done. If it is  to 1. we will have Negro representatives in our county and slate conventions. "So far as I am . 1 don't want to go t c the senal" on the votes of   'll boys, washerwomen, bootblacks and maids." Challenge Voters As a result of speeches Ike the above, it was decided to sick all the registrars on the Negro voters to challenge their voter, in suite of the fact that a North Carolina registrar was convicted last year of c!:ng a Negro of his vote and in spite of the recent ruling of the United States Supreme 2ourt to the effect that agents of :he state can not deny Negroes the privilege of voting in the Democratic party. A campaign was mapped out to challenge all the Mecro ^eligible*, but nothing was said about the white ineligibles. The first five Negroes challenged made monkeys out of the registrars. They were four nurses and an interne from St. Agnes hospital. When the surly reg!  one of the nurses where she aver voted !n the Demrcratic . slip charmingly informed him: "In Pennsylvania." After satisfying the registrars us to their residence and their  ty to read, the group was         without being put to the writing test. Four Negro lawyers were on hand to protect the registrants Fred Carnage of this city and V. McCants Andrews, the old war horse, M. H. Thompson and C. JGates, nil of Durham. League Responsible Although the wh te - are accusing other whites and   of inciting thn Ner is to bo good citizens, the Negr- Voters League of this City,     250 members, takes full  for encourag ng registration in the Democrtic party. Dr. C. A. Dunston is president of tho                 lion and J. K. Strickland is secretary. In a public statement the league insists: "The Voter.-;' League of Raleigh, sneak ug for the qualified Negro electors of Wake county, wishes to have its position made clear to ihe ]~ of Wake county. "We deplore Hie advantage ;akon under the law pci milling Lhe challenge of qualified electors who are known to posses the  qualifications as voters. Many N'egroes of known eligibility ire subjected to unnecessary ami futile examination b y persons necking polit/cal advantage and hoping to inject the Negro issue as the traditional scarecrow in local politics. We arc not impressed by the s; of the challengers because they do not evince any desire to purge the registration books of ineligibles of both races; their only effort seems to bo directed against Negro voters and cit: in tho  of  citizenship rights. What would the white people of Wake county think of us ifwe challenged tho white  blns on the registration book of our city and county?"</t>
  </si>
  <si>
    <t>                                           RALEIGH, N. C., June 6--(ANP)--The boiling point in the political situation in this city and Wake county was reached with the Democratic primary last Saturday when hundreds of Negroes qualified and voted as Democrats. The registration and activity of...</t>
  </si>
  <si>
    <t>                                           I ';.:I '~{-~~ "-jZ-rS</t>
  </si>
  <si>
    <t>                                           10 Attend T.B. Clinic Jane Terrell Hospital                 MEMPHIS, Tenn., May 23. Five  and five children attended the tuberculosis clinic nt Jane Terrell Hospital, 698 Williams Street, Wednesday. Five patients wore examined for tuberculosis of the cheat. Attending physicians were Dr. C. M. Roulhac and Dr. A. L. Coppcdoge-. Dr. Oberschmidt. white, w.-xs unable to attend. One X-Ray examination was made . SUSPENDED TRUSTY S SENTENCE COLUMBIA. S. C. Ma.y 23- (ANP)- The Rev. John Wallace, convicted of  and sentenced to 16 months In the penitentiary, liad his sentence suspended Monday by Gov. Blackwood. Rev. Wallace had been made one of the prison trusties, assigned to scrub and clean the state house.</t>
  </si>
  <si>
    <t>                                           MISS MARGARET BANKS of Macon, Georgia is visiting her . Miss Ophelia Banks and her aunt, Mrs. E. S. Marshall of West Ave. Miss Banks is well known I among the younger set of the city.</t>
  </si>
  <si>
    <t>                                           Mention The Daily. World to your merchant</t>
  </si>
  <si>
    <t>                                           ,   % \~or]d advertisers want your trade</t>
  </si>
  <si>
    <t>                                           l-.GEORGIA.wHs?iw B 15C I Urat AtUnU Bkowlajl I open Kay Francis 11 "(Wan Wanted" A. M. 1 P</t>
  </si>
  <si>
    <t>                                           Sunday morning when most of the local colleges have their baccalaureate services for this year, Atlanta will see the pasing of many colorful athletes. Many of these familiar faces have been seen on... grid fields, basketball courts, baseball...</t>
  </si>
  <si>
    <t>                                           2EM0  ITCH1HG Bunmiffi eczema: Soothing. cooling ZEMO brings prompt relief to itching, burning 3dn; even in severe cases relief comes as nan ta ZEMO touches the tortured skin. JSczcma, Ringworm, Hashes, Pimples, Dandruff and other annoying akin or scalp troubles generally yield to this soothing, antiseptic lotion. ZEMO is safe and . Extra Strength ZEMO bat</t>
  </si>
  <si>
    <t>                                           Wise Shoppers Day! Thursday Only-Keg. $7.95,810 PJ^SKS- TO A ONE DAY ONLY PRINTS! SOLIDS! Misses' and Women's Sizes Be among  lucky -- they ll simply flv from their racks at such breath-taking savings! HIGH S SECOND FLOOR J.MHigh Co:</t>
  </si>
  <si>
    <t>                                           Sure I will be lucky on my trip to the Undertakers' Convention in Savannah this week. I furnish the ear and toy daub, Mr. Milton Powell (Cowhead) one of the Hanley Co., trusted? and valued? employes furnish the expenses. Cow-head says he is going to show the...</t>
  </si>
  <si>
    <t>                                           Tuesday afternoon on the Morehouse athletic field baseball fans of Atlanta will be given a rare treat when, after a tilt on the Ponce De Leon Park diamond on Monday, the first official pro game of the year will be played there. The proverbial old red hill will resound with thundersome din. The closing tilt again pairs the Chattanooga Black Lookouts and T. J. Fortson's Atlanta Black Crackers. Game time is slated for three bells.</t>
  </si>
  <si>
    <t>                                           Bah both) Al             /l\LL/ HSnRH   ^T- ONLY NEGRO DAILY NEWSPAPER IN THE WORLD ^SmJiS</t>
  </si>
  <si>
    <t>                                           TIM TYLER S LUCK This Looks Like Action By Lym Young                 "TELLING TOMMY'                 ByMy{                 HEM DAYS ARE GONE FOREVER                 (A New Tune Each Day                 BILLY S UNCLE                 ITS 'A GREAT LIFE IF YOU DON'T WEAKEN"                 Ey jack Rabbit                 DOROTHY 'DARN1T                 By Charles McMdnus),;</t>
  </si>
  <si>
    <t>                                           3 Foster Slayers' Hearing Delayed                 I'ostponnd for Uio third time in less than two weeks, hearing on tlie motion fur u new trial fur the three youths condemned to the death chair for the slaying of Detective Frank C. "Red" Foster, was again set off Saturday until Tuesday, May .'Jl. The hoys. A1u.su White, Richard Sims, and Richard Morris were sentenced to be electrocuted at Jlilledgeville on May 12, but a stav of execution granted by Judge K. E. Pomeroy of Pulton superior court, halted the execution. The hearing was postponed due to the fact that Judge Pomcry was out of the city attending the annual liar association. The third boy, Kiehard Morris, who was tried before Judge .1. R. Hutceshon of Douglasville, will get  for a new trial at the same time the other two hoys will. SMASHUP CAUSED BY STREET d An Oaklanc? sedan belonging to Ed Gordon. 151 Clarke  was b.-idly ( on Hie rear left side when street car number 004 hit it on Marietta street between Magnniia ant] Foundry streets shortly after eight o clock Saturday night. Mr. Gordon complained to Officer .7. F. Welchi'l thai the street car struck him from . causing him to run into an MUlomnbilo be  lo T. R Freeman. 437 Woodward street. S. W., that had been parked there. The left fender, back onit top of the Gordon machine  mined in the crash. Officer Welchel in  report staled that 1   understood that tlie motoi-miin denied lulling the  driven by Gordon but that witnesses told him that the .street car did run into the car, causing thc three way crash. As Hie street car was gono when lie arrived on the scene, all the officer could do was l!et the testimony ot the eyewitnesses and thc number of the street car.</t>
  </si>
  <si>
    <t>                                           As usual the other night Tom Holmes, the lawyer taking his usual glass of near beer at the Economy Delicatessen. He informs me he is going to add a sandwich this time. Yes, he asks the old scribe to have one and he accepts it. You know he would.</t>
  </si>
  <si>
    <t>                                           MINISTER DIES                 COLUMBIA. S. C, May 26_(AN ~-fhe Hov. J. F. p..,,,,, -(ct =''   .'i-~~len,!em of the Orangoburg district or the Mt.-u. -^  died Virginia Wcdn,.,*~y while he- wu. en route from  In Atldntic City     -Ti Sc.,vi6c. we* l.e.d in OrdnBuburu Prl,   . Rev. PaBe W0I formerly pasto,.  Wcsl(,.y M_ '-''"~~eh hero. Ho w,^ trustee of</t>
  </si>
  <si>
    <t>                                           Spend Your Vacation Profitably ATTEND THE Atlanta University Morehouse-Spelman i SUMMER SCHOOL f with -The Atlanta School of Social Work affiliated ^.College Graduate School Proressional Social Work Rural Institute Observation in Nursery School    Scoulmaslcrship Course % JUNE 11 to JULY 22 t Strong Experienced Faculty Wide Range of Courses in Education Modern Equipped Buildings Beautiful and Healthful Location</t>
  </si>
  <si>
    <t>                                           bad -licit                 BT -   .'RBi(                       He was such a loxy  D -.if ho would  ay OET/UPfi to      it tho  Mt down^Uil hii-uo: \</t>
  </si>
  <si>
    <t>                                           :ftS$f*   Ay- FOR WOMEN I F^~?fp ^X^M-XJ   ^ II BEULAH MITCHELL HiLl, EDITOR. Bi -CtjJ.-jK-ll;^^</t>
  </si>
  <si>
    <t>                                           SPONSORED N.A.A.C.P. MEET IN WASHINGTON                 Photo* shows some, of those who were* responsible for the  of (he N. A.. A.' C.' P.i;: mcet- :np In 'i1Vii.\i last week. Seated,  -to- right, first row] Clarence S.'.Biikor, De.in Kelly ..Miller, MrM, Louise E. Pinkctl, Charles A. Cornish, -.Samuel Matthews. Second row ,. John C. Bruce, who had  of bro.; Mrs. Martha. A. McAiloo. Mrs Emma F. G. Mcrritt, president of the 'District of Columbia Branch, Mrs. Julia West Hamilton, A. S.                 :Pinke(t, secretary of thc . Third row. standing. Miss Rachel A. Daley, Mrs. Milton Francis, Sirs. Isadora   -, Frank S. Reid. Jr.. Mrs. Susie R. Saundcrs. Miss Susie It. Quamlcr. and Stephen Madison. This group makes up thc team captains which raised 54.700 to financo the conference. National or. ficers expressed themselves as   pleased with thc smooth and effective working of the plans of thc local committee.</t>
  </si>
  <si>
    <t>                                           Patronize .World Advertisers wherever possible</t>
  </si>
  <si>
    <t>                                           Met with Mrs. Annie Hall on Electric avenue, Wednesday evening, Everyone reported a pleasant evening. A delicious menu was served. Next meeting will be with Mrs. Lowe on Huates street. All members are requested to present...</t>
  </si>
  <si>
    <t>                                           Being free (in thought) and unattached (by' propaganda organizations) with no axes to grind, there is a certain amount of pleasure in being able to comment on the activities of the week, the only handicap being in choosing a subject that will not only be timely when...</t>
  </si>
  <si>
    <t>                                           I have been reading your problems in the Daily World. I am asking you for some advice. I will be 18 years old next month. I am in love with a young man. I have been going with him about 7 months. He tells me that he loves me but he doesn't act like it.</t>
  </si>
  <si>
    <t>                                           ^fcDl^B^^^P^^^^^^^^^^^i^vj^^^^^^^^M^^^^BB^^KtB^M^B^Pn^B^^B^^^^^KaS^S^^^^y f x^ ^^^^^^HJ^^BBP^t^^1ft^^?y^f ^^^Xf^S^^^fwf^BS^KSfQtg^ ^Kl^^^^^^^^^^^^^^fl^^^D^^^^^^B r::::i'..ulv with Oi:n i:-e Black .ind Vy/^^^^^-."^."^r l)^~j^   \ Gulf av;nv 'I"' wrinkle; and lines  the     -~     r,- v\. i . :sf.ir i-:;i:  ;  dir: ;..1;d irr.p-.ir.::.:- :i.r. GlVC  OUr Skill the V\      rc-.tnr.cs  Oils** ni,(~. .li-Tr'f^ b':n"'; r:tl rhc .-.kin and keep.-- It tl^~y/ PROTECTION IT NEEDS ,~-f ~-!:;-;n:i:ii lovelier/ l  yo\:r  skir-. -.vith Genuine Dl.ick :ir.d While P.-i.-.-iJc ^f;~'ic! Oc.!:ii, ccn:     i:i.ii: .' nr.il/ f.rc.nn. Keep it ~:ifc fn.r: the coar-.cr.inR, :hc:;', cfi.- ic:'"~' T^ nt -5c". V-.'h c C'.lc.in'.inj t!c"!.-  -inp '.'.vnc^ ciu^cd   - wind, mi:i ,i:iJ wc.i thcr. Tim X Try it - nnc "rc.i"i I.in:c/ .-inline  ; lick.;c;:~ ,in;i refine* the skin m .in caw,   Wl11  1U1C'1W c.\n. u'.i-'/ 25c. manner,  on face powder  for hours.     fur the Inrcc jar Xconvincc you! yf of Ger.uir-.c Black and Whi:c Pcio. C;cai:M cc:)no:n:     ' priced at 2?c. c        L V, ~~'~~I "% ^V",* -i v -'-v^ X</t>
  </si>
  <si>
    <t>                                           TALLADEGA, Ala., May 25.-- On Sunday evening, May 22. the Department of Romance Languages of Talladega College presented a very unique program supervised by Clarence Harvey Mills., Ph. D., head of the department. The program consisted of six orations in French...</t>
  </si>
  <si>
    <t>                                           Do You Read Every World?</t>
  </si>
  <si>
    <t>                                           You Too Can Have Money ^h^^^^^ to help you Btt new  In life. No ease  hope. Stop WorryUi* I Write us tA.d*y. Information  M. WILLIAMS, 101 B* Av*.. JwfT City, Ntw St**T. (DtpL R.)</t>
  </si>
  <si>
    <t>                                           The care of the mouth is important in every prolonged illness affecting the child and especially so in pneumonia, when the fever is apt to be high and the general circulation and water intake quite low. It is advisable to have the patient rinse the mouth...</t>
  </si>
  <si>
    <t>                                           'LYNCHED?'                 BISHOP w! t. VERNON Of the 12th Episcopal District of the A. M. E. Church, who was found guilty of misappropriating $17,360 at the general conference in Cleveland last week and suspended for four years without salary. The Bish- I op cried Iilcc a baby and said he had been "lynched." He was one lime Registrar of the U. S. i Treasury. t</t>
  </si>
  <si>
    <t>                                           M LINCOLN THEATRE J 401 Mitchell Street M M SUNDAY , MONDAY TUESDAY H H FRANKENSTEIN^ h Jj 77ie ATorn -M^Ao ATac/e y4 Monster X with COLIN CLIVE. .JOHN 15, M  4 BORIS  and MAE CLARK M ALSO CHAPTER FOUR OF M 2 "THE LIGHTING WARRIOR" JJ Jj With George Brent and Rin-Tin-Tin</t>
  </si>
  <si>
    <t>                                           You'll never know : good ,^7-ri a  be .^ou^g^MB "I. Lewis Cigar Mfg. Co., Newark. N. J.. Makers"</t>
  </si>
  <si>
    <t>                                           Beginning Monday night July 11 we will have five nights of preaching services. Rev. Jewell will preach on Monday night. On Tuesday night Rev. H. E. Thornton will preach Rev. C. H. West will ... the pulpit Wednesday night with Rev. S. H. Rom preaching...</t>
  </si>
  <si>
    <t>                                           wsL ITEM (^jA the sincere ^^^gj^yi respect and ^         true response ^^n everyone Give it ju*t ONE WEEK S SHOW IN OUR WANT AD DISPLAYS-</t>
  </si>
  <si>
    <t>                                           A five day 'search for Gulive; Thomas, 39, of 332 Engle street after his wife reported to police headquarters that he had failed to return home from a mission prompted by a mysterious telephone call ended early Friday morning around eight o'clock when his dead body...</t>
  </si>
  <si>
    <t>                                           The 1932 baseball season will open up in Atlanta on Thursday. April 14. The Junior Chamber of Commerce, which is sponsoring the opening day drive for 20,000 attendance, is already on the job to help Atlanta win the attendance cup.</t>
  </si>
  <si>
    <t>                                           TIM TYLER S LUCK                 NOT ON SPEAKING ?                 By Lym VoiWir                 "TELLING TOMMY"                 fry Pirn                 DOROTHY DARN1.                 B\ Charles UcUanus                 WHY S                  THEM DAYS ARE GONE FOREVER                 (A New Tune Each Dav                 "its.a.great;life if you dont weaken"                 W..tanic.;.:</t>
  </si>
  <si>
    <t>                                           "Behind The Mask." a story of mystery and horror produced by Columbia Pictures and coming to Bailey's 81 Theatre on Sunday midnight features an interesting mechanical device, which plays an important part in unfolding the plot.</t>
  </si>
  <si>
    <t>                                           TnfmrnmVPBinrr^n</t>
  </si>
  <si>
    <t>                                           The Interurban Heights industrial High school of Fairfield plans extensive exercises for graduation. The exercises will begin Sunday, May 29th with the baccalaureate sermon at the First Baptist church, Fairfield. On Tuesday afternoon. May Slst the class day exercises...</t>
  </si>
  <si>
    <t>                                           Fune^Nfetices^                 LAVENDER- Mr. Will lavender, of 332 Cnstlcborry     -el. parsed   May 19, 1932. Funeral arrangements pending. Murdaiigh Brothers. MAYS- Mr. Edgnr Mays, of 253 East Baker street, passed aw:iy May 10, 1932. Funeral  pending. Murdaugh Bros. SCRUBBS- Mrs. Lizzie Scrubbs illed at I ho residence. 132 Brooks street. Dcciilur. Gil. Mny 1!). Funeral  later. Cox Brothers. HARRIS- Mr. William Malcomb Harris passed away at his late . 62 Jackson St. S.E.. Mny 19. 1932. The funeral  are to be announced later. Hartley Co.</t>
  </si>
  <si>
    <t>                                           Atlanta last year saw 106 of her Negro citizens slain while only 22 whites were homicide victims. In hard cold figures this means that although members of our race are approximately 34 per cent of the entire city population, Negro slayings were almost 83 per cent of the total for the Whole city.</t>
  </si>
  <si>
    <t>                                           The Thrill of Popularity I IP YOU want to feel the thrill of popularity to catch the - stance* at handsome mm, .to hear* their  compliment*, and be showered with their attention* do what thb girl ha* done Brlnit out the full  of your loveliness un the world s  hafr ' Ion, the wonderful* Hl-Ja- Quinine Hair Dressing, to Brew tha long, lustrous,  hair you have always wished for let Om r.      Ht*Ja Skin Llshteoer Creme   your ,- and      you a rich, clear,   oft at velvet and  m ~*tin. Remonber your beauty la          it means *; t* jam. Don't  It: srt thesa dainty.          Hl-Ji preparations now Hi-Ja Skin Ltehtencr  rone; Hi-Ja Quinine Hair Creasing Ht. Ja Ooeo*nut Shampoo:     Skin           Beauty Soap; HWa Vanishlnc       Hi-Ja Faca Powder; Hi-Ja TaJeum Powder; and Hl-Jtf Perfume*. All at your . 26 cents each, or peat poit* paid  from ua on receipt of price. Don't put thi* off      the special trial offer . and mail us your order today. Special 50c Offer Send BOe InnxdUUly to Hl.J.. Inc.. Dnt C, AUiqU,   -. for 2 package* or Hl-Ja Quinine Mail Drwcln? And yoa will  free one  of Hi-Ja Skin Liffht. enar Creine, or your  any of the other wonderful Kt-Ja prod, . AGENTS WANTED We want a reliable agent 1" your community to Introduce the famous HIJa Un. of      . Biz , valuable . Writ* ut about this. HIJa, Inc., Atlanta, Ga. Hi-Ja, Inc.       \</t>
  </si>
  <si>
    <t>                                           DIGIT TRIALS1 RESET FOR FRIDAY                 Six Enter Pleas and Are Fined; Given Sentences                 I NOLLE  1                 Trial of more than thirty on numbers  was postponed to next Friday when a special criminal division of Fulton superior court,  aver by Judge J. R. Hulcheson of DouglnHVllle, was busy all day Friday with u, trial held over frum Thursday. The trials were                 originally scheduled to be held before Judge E. E. Pomeroy. Six entering pleas ol guilty before Judge Howard, in a special court called in hlx office in the courthouse  each  $25 and F.ivon 12 months suspended sentence. Two , fined $25 were given 30 days to raise the money, by order u( (    court. If at the end of that period, on Jun0 20, the pair have not paid their fines, they will be          " Immediately begin (tic 12-month suspended sentence. Those who paid their S25 fines, all repr. by Atty. Joo Ewing, and who were formerly with the Home company, included the following: Maude Dlllard, Thomas Norman and Jack Kendie. Clayton Holmes of 109 Rock street, and Virgil Davis of 95 Bell street, were  30 days In which to pay. Holmes was arrested last Monday with Rurus Stanley, a pickup man, when the pair were caught in the act or checking up the day*s receipts. Stanley lion not been brought to trial. Indictment against Martin Thomas was nolle prossed by Judge Howard atter it was agreed that there wan not sufficient evidence to convict him. Sara Hughes and Arthur Noble were arrested on Wednesday on lottery charges and indicted by the grand jury Friday.</t>
  </si>
  <si>
    <t>                                           Trial of more than thirty on numbers counts was postponed to next Friday when a special criminal division of Fulton superior court, presided over by Judge J. R. Hutcheson of Douglasville, was busy all day Friday with a trial held over from Thursday. The trials were...</t>
  </si>
  <si>
    <t>                                           Hair occupies an increasingly more Black and White Hair Preparaimportant position in today s tions arc the best friends your world of style. That's why beauti- hair will ever have and,     ful women realize the full impor- cause of their economical prices, tance of giving it the proper care they are not a burden to your and treatment. These three fine . Try them today! it s Easy to Dress Your Hairjn the Smart Styie You Like Best v ~~^           6^S Use Genuine Black and White Hair Dressing and watch. Bf^^^^^^^J^ffl stubborn, coarse hair fall gently into place like magic and BfcvN^ ^JS become soft and silky. And it stays dressed, too, to keep         .r-ir^  ^5'~   vou         lovely and attractive. Ask youi; favorite ft] I Sf            ^^^mm white ;oc nAlR dressing V.      y V.-^-:: :-i\^: f ;r:\.-  ^-:*V..;?y$^?iib-ft.^ Don't have short, straggly hair and be robbed of one of Nature's choicest gifts. Grow long, luxuriant hair with Genuine Black and ^-^^SSKSESw White Hair Grower. Its nourishing ingredients stimu- /^^^k. n late hair glands and an /ffi.'TO'CMnlTE ik            abundance of liken ^ BLACK^WHITE 17^ ^^ss^ HAIR GROWER fat ft!*"" Don't Burn Y u H/a i^ or Dull I'fs    }i:    ' Take care of your hair by protecting it from  with hot      .     Black j, and White' Clossinc. That'*'1 what the Icadlns beaut/ v y/j^SSlHlff^S^s^ parlors everywhere use to give hair that brilliant lul',, #   6?^s trc and sheen that  t,^,,,W,""v5w,^l IS^^^^SSTOtlJA everyone thinks so cfC/lUU/WD 'V        -~.  ^ ' BLACK^WHITfife XSSsS==S^/ of. Black and White g% I A C^I t^^gfm</t>
  </si>
  <si>
    <t>                                           U1ftn FUNERAL  p PER I 51 UU BENEFIT I" DAY -lor full information write- I SOUTHERN FIDELITY SURETY CO. Durham, North Carolina I  s ^^^^~^H^^H How To Have Lighter Skin The great beauty .secret of famous actresses and other women who attract men is their light, clear, soft skin. Of all known methods of  the complexion of ruinous, unnatural impurities, blackheads, pimples, freckles nnd other blotches. Nadlnola Cream Is the simplest, quickest and most satisfactory Just apply this white fragrant cream at bedtime no massaging, no rubbing. Nadlnola quickly brings fresh, youthful beauty to your skin: restoring a soft textured, smooth, radiant, flawless complexion: closing up large, ugly pore** ami  the skin Ivory-white, lovely. Don't risk your face. neck, arms and hands to cheap bleaching creams, ointments or lotions, but be sure to use real Nadlnola Blenching Cream with Its DOUBLE ACTING qualities found in no other product. Get a big 50c Jar of N. Bleaching Cream at any toilet counter: begin using it tonight, anil tomorrow you will see a hint of the wonderful results to expect. Money-back guarantee In every package.  BLEACHING CREAM VtiKvla'JrfJ Ay .Xttioiat Toiltt Co.. :f rein. T/nn. Fortune Telling A-/ENT for Luck and Love Charms. Spiritual and Psychic Work. 4 Questions Answered and 4-page horoscope for $1. DR. H.  SU "The Hindu Wonder Man" Rt 6 Bessemer, Ala.</t>
  </si>
  <si>
    <t>                                           UP YOUR LIVES  CALOMEL ~*A %*T! Jean*     tl JW n ffc* Morning R*   ' tv    rm M    ud     tW tt- ~*rM  wk. Ott  m 1st  4 mh*. *VMt  b4          and full -Slno.    tW cut to K-      ool7      how* aad ft * BMTtomt      at      obm, Tb*   **oo (or rwr      *jv1-ocl  li toot Utw. It E^ pour out t*~  o/U^id     loto         . If thta Ul* k nd* florin; frt^. yw     ! ^MO C      *L It fa*  Id  Om        p      . Yen   *~ .  tuta  M too-         U foci              ^*           '~. Vo^r M^saa tod joa       *nO ou L Y ou/ l.i         thoM rood, cJd    )3 to ft ihm    Mond* erf trO*     ^x (rt^r ~[~d   -~)~~ rov M "up and ap." Thcr . .r.JrrI;jL ,        T*   *SU itp-cLi.       tC * to      LP.# Dow L-w^Jj           A for Utw . Aak for C**i u;0  U*~ PUIh. l^    br tba      Cirt-r1* Lii^a Uiv r=~ U* rmi Ubo-</t>
  </si>
  <si>
    <t>                                           (5    "c   It] Tufaf ~~*t*_       *t- Aik ft* i I zi rf ii k Aim rii* r i -m "^^-  r   How Modern Women Lose Pounds of M Swiftly- SaRlj Gain Physical Vigoi^- Youthfulnew -Jp Hero's the recipe that .     fkl sncl  Into blossom  H               every  . Every  take one half  ul of Kruschcn Salts In a glass of hot  before ^t--     out  and fatty mest-v-fro ugh* on Dotatoes, butter cream Bnd  -In 3 weeks get on the scale* and note how many pounds of fat      vanished Notice also that you have, c   In - your eyes sparkle you fce.l younger la body- keener Id mind. KRUSCHEN will  anf fat Deiron n  surprise. Get an 85c bottle of K-RUSCHKlC SALTS (lasts 4 weeks). If even      first bottle doesn't convince you  Is the easiest, safest and surest w*y to lose fnt If vou dem t feel superb  in health- flo gloriously energetic- \  11   vour   returned.^ IS8l9H^^wR^^^^^^Zfl^BSHa^B^SB^^^ft^ OVER 80 YEARS OF  1 ..                 . I H. PLANTEN SON, Inc. 93 Hciyry                . N.    MO. JO CO., PtrT II'. .12M COITAGt  AVK.. .n 1 -If   v.i ,-AH ^.:-~lC F.,M.n..d ^""^n"';;:V/omon Who ':lir Jnh dill Unit. Flmply  il i\   Want to       tr.r n Painty R..I Mon.y ^^rS'^ Mr.c rnw., f^ My i-..."        ',:~      .   !~. \Mk flout)]*'  n-.r -.'      nn *v*~ry ia!c     . mrn [In"  r.n  n    irn  i-;r:i;^. I"v*rT     ii . Kv-r-y Ii-mti*- Ii:    r^K'lHr y. Ml    -n:~ tc-. [m.-Vnc-i. .I.nt h^T 1'iti nii l prr.;i1~* h::v. Hp1'1 ~?     profit ^ f*r (11 trl'-t ^r*. inV fw' . TtflON k CO., Iro-~ Ptrln.     .</t>
  </si>
  <si>
    <t>                                           BILLY ELSTON, the son of Mr. and Mrs. W. E. Elston of Birmingham, who slipped away with his grandfather, Mr. W. C. Davis, and posed for this picture. Billy Jr. who Is 19 months old, was incorrectly  as the grandson of Mr. and Mrs. W. C. Davis, in the "brown sheet" of May 15.                 Photo by Cloud. Birmingham.</t>
  </si>
  <si>
    <t>                                           CHAMPAIGN, May 25--() -- Records were sent tumbling into the rubbish heap as the 38th annual Interscholastic Track Meet sponsored by the University of Illinois went into history as the greatest ever. Metcalfe's spirit wept but Pollard smiled.</t>
  </si>
  <si>
    <t>                                           Harlem's 2 Finest Cafes Padlocked                 NEW YORK. M:iy 18 Tho beautiful Sunset-Marlbniokc, the finest restaurant owned iind operated by colored people in tho United Stales,  cost $30,900 was padlocked by creditors for unsatisfied judgments last Thursday and was not re-opi-ncd until Saturday evening. It is reported it is now being operated for the  of  tors, and that tho former owners. Dumas Redmond. John Dudley and Arthur Crosby, are out of the picture. At the .same time the Marlbrooko was locked up at 2256 Seventh avenue, the old Sunset restaurant. In which the three owners got their start in 131st. street near Seventh avenue, in the Lafayette- theatre building, was also padlocked for benefit creditors. The young men lost both their places. Just about the time  Marl-  was being closed up. the Flamingo Grill, a gaudily decorated restaurant at 2352 Seventh avenue, which had been open about a year, was also padlocked by creditors. It had not re- on Monday.</t>
  </si>
  <si>
    <t>                                           BOMB DAMAGES 1SO                 CHICAGO. Apr. 6.- (ANPi- A I four-story structure at 2736 Ronsevelt road, occupied by colored , wns  by a bomb early Sunday morning.</t>
  </si>
  <si>
    <t>                                           i;;'::    1 Budwelser -~ TENNESSEE SToRES ADD TAX I FINEST PINK ALASKAN Salmon 3 ^11 cans 25ej A P TUB I Butter       21s  PRINT, Lb 2.!c B DIXIE PRINT, Lb ...20c 1 YELLOW LAUNDRY SOAP     ..-. g Purity Hut 10c A P PURE PERKERSON S Corn Heal 12-ib.Bag 15s SULTANA WISCONSIN ARGO-SLICED SPAGHETTI, Encore Cooked, Can 5c SPAGHETTI, Encore. :5 for 25c OLIVE OIL. Encore. 54 Pt. Can 19c OLD DUTCH CLEANSER. 3 Cans for 10c LIPTON S TEA. lb. Pkg -20c CORNED BEEF. Libby's Can 19c ROAST BEEF, Libhy's, Can 19c . MILK. Whitehmise. Tall Can 5c NECTAR TEA Three lb. Boxes 25~= POST TOASTIES, 3 Boxes 25c HOMINY GRITS. Jim Dandy, 3 Lb. Bag 7c GUEST IVORY SOAP. 6 Cakes 25c GINGER ALE, Yukon Club. Bottle 10c RAISIN ROLLS. Grandmothers, Doz 9c RED BEANS. SulUna, (i Cans 25c LIMA BEANS. Iona (i Cans 25c ARGO PEARS. No. 2 Can 10c SHELLED PECANS. Duerle.rs, Two 2 Oz. Cans ...25c SHELLED PECANS. Ducrlers 355 Oz. Can l!)c LUX S()AP FLAKES. 2 Pkjys. 10c LUX TOILET SOAP, :i Pkgs 10c RINSO. :t I'kcs 19c LIFEBUOY SOAP, 3 Cakes 19c UNEEDA BAKERS PREMIUM SODA #h S% jf" or CHAMPION    1-lh RftYP3 ^^IH^ BUTTER FLAKE l0- 5 ~**$%? CRACKERS STAR, OCTAGON, A P or GOLD DUST  POWDER 2"- 5c FREE: 2 Giant Bars     SOAP WITH THE PURCHASE, OF OXYDOL 3 Boxes 25c M FttKSH .     Nuco lb. UVfec Picnic Hams, Vfac I ,,   Roosters lb. 10y3c Spareribs, lb. 6V2c i* rouK ; i.amii I Sausage lb. 5V^c Roast lb. 9V-~c I Pure Lard, lb. 4V2c Oleo lb. SV^c</t>
  </si>
  <si>
    <t>                                           Tips That Hit Your 1932 AMrological Forecast and Monthly Guide with Lucky Days, etc. Lucky Number Dream Book Free. Send 10c and birthdate for sample Reading and particulars. ASTRO ADVICE Box 1832 Asheville, N. C, You Too Can Havo Money ^^^^^b^"^^^^^^^^ I guarantee to help you get a. new  In life. No caic beyond hope. Stop worryin* 1 Write us today. Information FREE. M. WILLIAMS, 001 Bertron Ave.. Jersey City, If, jr., (Dept. K.) GIRLS, WOMEN Make Extra Money Sewing at Hornet Send  for . Sewlnir Waya That Pay. (write) Doc. Gibson, Box 1832, Aihevlllc, N. C. Steady Employment, rood pay,  Uooka Biblea. Write- Wilton'i Book Exchange, Box 122, Eaat Akron. Ohio.</t>
  </si>
  <si>
    <t>                                           From Bethel, Jacob went to Padanaram to his mother's people. Here he served Laban, his uncle, for twenty years; fourteen years for his wives, Leah, and Rachel, and six years for certain wages. In his dealing with Laban he found his match.</t>
  </si>
  <si>
    <t>                                           Up From Georgia With My Banjo By Thomas Jefferson Flanagan THE (II)EK JIG HOORAY honey I . me , Gut ii romi' u  )wr:: An' hidin'   n  Mle.-'sin' on the. Iicker still1. Xo more. I sinu: "How dry I am", Hulliliiia to the lam o, Don't turn tin s ol' sinner loose Got to  my apple juice. Fiddler jes a-sawin' "\v;~y, Kn   have conic to stay En pretty j,rals. .i;oi. me a hui.c Ivu' ".rot i; :-(ii:n" a cider .iii.i:.</t>
  </si>
  <si>
    <t>                                           Jamison Is 2 n d Shotgun Victim In Family                 MEMPHIS. Tenn.. Mav 16.-                 The fatal shooting "of Will Jamison, 26, two weeks ago by Stanley Puryear. white, now being held under indictment on (three murder charges', sadly recalled to the memory of Mrs. Susie Jamison, aunt und closest relative of the '"dope" victim  in Memphis, that her                 husband w:is also slain with a shot- gun. 'Will was killed just like Dan, was." the woman remarked, almost I to the herself, as she glanced over Continued on Page 5, Co!. 1                 Continued from r%Re' One the .TiWnlsori'c'illll6ri"i.r the' Memphis \Vortd:Shc h ' rc  that a reporter wits ^landing near hor, near enough tb hear her undertone remark. unt.ir.Iic. asked, "who was Dan mid -how was he killed. Mrs. Jamison?" Shp  her head from i lm paper, surprised, but proceeded 16 answer, j that was fifteen .. ago, down at t Ma con.' .Miss," she" said. Ntill t/' tier undertone' voice. "He - mail liad ' joking'. D.in. I suppose;  the  . The man' got mail and '' li^lf-.hix head   IV  a shotgun." Will Jamison; who was' Dan's brothers . was shot to death in the back and -..chest by Stanley .. on May 2. His fervent protest of innocence, in the sensational ax  , while lying oh his ',  l in' a' charge of murder nnd* co  t1 indictment  the white man who claimed that Jamison broke into Ms .home  Killcd-bJ.s wife, and daughter.</t>
  </si>
  <si>
    <t>                                           The fatal shooting of Will Jamison, 26, two weeks ago by Stanley Puryear, white, now being held under indictment on three murder charges, sadly recalled to the memory of Mrs. Susie Jamison, aunt and closest relative of the "dope" victim living in Memphis, that her...</t>
  </si>
  <si>
    <t>                                           GET ATLANTA WORLD VOTES YOUR CHURCH MAY WIN A CASH PRIZE! GOLDEN EAGLE STORES</t>
  </si>
  <si>
    <t>                                           At the convention in Savannah, Georgia. Thursday attending the sessions of those men who lake care of the body on its last Journey to the final resting place. Yes, before I go any further "Jesse" Hanley was there, there could be no convention without him that is that the...</t>
  </si>
  <si>
    <t>                                           The case of Dr. H. O. Matthews, tennis-playing medic of the Tuskegee Veteran's Hospital, is interesting. Especially is this particular case interesting and amusing to the writer when he observes the recent national ratings released by J. Mercer Burrell, secretary of the American Tennis Association, and Laura V. Junior, chairman of the rating committee of that organization. .... and fails to find listed anywhere among the first twenty names the "John Hancock" of the said doctor. We feel that the A. T. A. owes it to...</t>
  </si>
  <si>
    <t>                                           Special services at the Mt. Zion First A. B. Church, of Cordele, Ga., started Wednesday, May 18th at 7:30 P. M., and will continue through Sunday, May 22, marking the joint celebration of the Golden Jubilee Aniversary of the Church and the 5th Anniversary...</t>
  </si>
  <si>
    <t>                                           Hit Daily     , .  IN'SHjK UOI K la  HIT witU CI)     ItouM. ^Mib. Sto,k E.^b^njo. IlorJ., Kltii.U, Mcilw. K.J.,,. Kir.. ir.J Namt?ii HI       , JOG W. 13JJ St.Ntw York (LITTLE) I Joseph F. Fielder Wiitchmakor :{7(l I'eters Street, S. W. Cor. iMoD.- St.</t>
  </si>
  <si>
    <t>                                           Ten Held                 CHATTANOOGA. Tcnn.. Apr. G The trial of fifteen Negro  white workers  for  lo hold a Scottsboro protest ! here on the night of Mnrch 31. look place April 2 before Judge FleminR. Tho defendants wore  with . I                 loitering, disorderly conduct and I blocking the street It was brought out In tnc testimony that thn meeting had no' started when two carloads of police, accompanied by Judge Fleming who presided at the trial, and Police Captain Perkins, surrounded the group I hat was just beginning    collect to ' to th? speakers. The police drew rifles and pistols on the crowd and herded fifteen of them into ono patrol wagon. Some workers ran from the scene and others whei were arriving late turned bad:. All the dcf"Ndants testified that there was no disorderly conduct, that the street on which the meeting was to be held was just a dirt road running across a street car truck and practically useless. for traffic. On the vagrancy charge. General George W. Chamlee. attorney for the defendants, pointed out that there would not be enough jail:and prisons to hold the unemployed of Chattanooga If all worker: who       no jobs were charged with vagrancy. i All charges were dismissed cx1 cept the charge of blocking tho . Sam Borcnsteln, Mr. and Mrs. Boynton. Perry Hill and Allon Wilson were dismissed. Jane Dillinn, W. H. Duncan. Richard Robinson. Holt. Htirslon. Slarr, Williams. Morrison and Tom and John Montfiomory were fined $50 each fur "blocking the street." They nrc appealing the decision m the County Court. Commenting on the. trial, Jane Dillion, Secretary of the Southern District of the International Labor Defense, said tnc following: "The charge of blocking Uv street is just an effort to slop tho fight of the International Labor Defense for the freedom of tho Continued on P.iro 2, Col. 1                 I Ten Held (Continued from Pace One) Bon Array or the American Lepior Jl- even the "American Fascist: g:en holding a meeting at the gUme place and time, no effort gould have been made to stor , even if their audience har  of thousands. We viril'           to maintain our right tc Bbnduct orderly meetings on ttv greets of Chattanooga. It "Much was made by. the  cri Who prosecuted us of the fact that C a white woman, was 'huddled' Sgether with a crowd of Negro?? *t this meeting. We were no more ^fuddled' than Negroes and ;  e 'huddled', together on the sour ^~nes,^Whcn the police arrested ur , piled all fifteen into one  wagon.- not ;it all  about upholding their Jim Crow  in this case. This attempt t(JTeep workers apart bv   issues of racial division will Upt keep them divided in       fight for the release of the Scottsmro boys, in their fight against (Be present unemployment and Jrage-: which is affecting all .workers alike "We were particularly Interested in  made by Judec          'on the distribution of radical JiteraUn-c-' when -    stated that, '/to -.his regret.* this literature  is"  permitted -W go through -the United States malls and therefore  selling or distributing., it cannot, bo. prosecuted."</t>
  </si>
  <si>
    <t>                                           CHATTANOOGA, Tenn., Apr. 6-- The trial of fifteen Negro and white workers arrested for attempting to hold a Scottsboro protest meeting here on the night of March 31, took place April 2 before Judge Fleming. The defendants were charged with vagrancy...</t>
  </si>
  <si>
    <t>                                           Blind Boy With Coat Before Robbing Him                 Richar.l Smith. 12 years old.  b..y for the Davis Pharmacy. 124 Davis street,  to police Sumlay night  hi- had been held up anil robbed of twu  shortly at ter  o clock by two boys. Acconlinfi to tlie youth. he was riding along on his bicycle neax Spencer and Davis streets when the pair of young bandits threw a coat over his face and took his money.</t>
  </si>
  <si>
    <t>                                           By their signs shall ye know, them!</t>
  </si>
  <si>
    <t>                                           I BOOSTING ATLANTA WORLD ADVERTISERS! Saturday at IYqu Will Find an Array of Values! High 's Low Prices Will Make it Possible for You to Buy All You Want! THE ATLANTA DAILY WORLD "THE OtiLY NEGRO DAILY NEWSPAPER IN THE WORLD"</t>
  </si>
  <si>
    <t>                                           Mrs. C. B.: I am sending you the diet list requested. In your diet scheduled as reported in your letter your are giving your child something almost every two hours, which is too often. She is entitled to a four-hour feeding schedule. Also, you arc giving meats at the</t>
  </si>
  <si>
    <t>                                           NEW YORK, May 15--Mass political action by Negroes in America has shown them "Increasingly emancipated from traditional party allegiance" says the report for 1931, just published by the National Association for the Advancement of Colored People, with head...</t>
  </si>
  <si>
    <t>                                           I j ~:s ;v. V % **j. T 50 'n Gold I i yO 'n Gold Open To The Negro Churches Of Atlanta Only Five More Weeks Now + Don't Wait! I Buy from the Merchants and Businesses Advertising on this page and Help Your Church in its effort to I share in the substantial Cash Prizes being awarded on the basis of buying and the payment of bills. I Rules and Regulafiosas Any church may enter and at any time during benefit of mutual benefit in that it provides you an Whatever constitutes the evidence of the  fifteen weeks of the contest No^ cost or red tape opportunity to help your church without extra cost to lion will be shown in each advertisement If it attached to any church entering the contest Simply you. Ton will continue - the best possible should be a cash register receipt and it shows that you write the contest manager or telephone your entry price and the best qualit\ merchandise for your spent 3   for instance, the receipt, sales Entries may ba made by the pastor in behalf of his mon- when you biv from  merchants. {. sa^s iic[.'ct elc will be an evidence of the church, or by the chief officer of any important sub- su will be accredited with one vote for your fC.'f 'kiwi to W votes for your church division of the church Only one sub-division of any      .r each Pen.:j you spend with these advertis- Xact that you aie entitled to 3 Notes lor     ^ church may enter, however, and it is advisable that ers, or pay on ' provided you vote with the ""T"8 ilr?11       ' by t^ _;5fo ot one v#L he whole congregation be solidly supporting the con- Atlanta World, through your church or church com- LEAF Uley wlU    1      "l UlC iat  f mittee the -.- of such purchase And watch     Cilch cent sPent The merchants whose names appear on this page, future is. c- Atlanta World for announcements Simply start saving  evidences of purchase in cooperation with the Atlanta World, are making as to whr-.-  of purchase or receipted now today Anticipate the entry of your church ..?.TSrvfITpaii''n possible As its name implies, the bills ir..i .d. In some cases it will be the cash At the close; of l!iu campaign ?375-00 in grand \ i^R LEAF" is designed to be of mutual register r-. ei* others it may be a coupon tal prizes will be awarded.</t>
  </si>
  <si>
    <t>                                           Among those who attended the State Baptist Sunday School convention at Americus were Misses Katherine Luton, Sopora Melton, Odessa Torrell, Erlene Brewer, Forest Pond. Prof. E. J. Kelley, Prof. R. M. Beavers, Mrs. Ioia G. Speights, Mrs. Jopia Thomas...</t>
  </si>
  <si>
    <t>                                           A Merchandising Triumph! Mead! Buy Now! Save! HIGH S AUGUST FURNITURE SALE Compare with Values Offered Elsewhere! Be Convinced that This is a GREAT Sale! The August Furniture Sale is the result of months of in- The newest and most authentic furniture styles have  planning- of a determined search of the country s ed into the store- the quality offerings of the country s outstanding markets for bargains that may never happen leading manufacturers -r- from Grand Rapids, Chicago a"nd again! other, leading markets.. Buy now- SAVE! CONVENIENT TERMS MAY BE ARRANGED! PURCHASES STORED FREE FOR FUTURE DELIVERY!</t>
  </si>
  <si>
    <t>                                           DEACON JONES                 By I. F. Reynolds                 The Judire told Brother Boll "HONESTY WAS THE BEST POLICY" Brother Bolt replied It  bo the best, but in his case IT WOULD MEAN SIX MONTHS."</t>
  </si>
  <si>
    <t>                                           v^^ggg^ci **et Me Cure You! 3 ^j^**"9$!fe$ DON'T DKI.AV! CAM. AT  ?~~5ar WSL   r   . I      I. r.ll .nd  r nc 1.1 once. 3 fi vS^Y ^ES9A  N very  in    .xt -4 ,ll}ffiS( ~(8S8     or " . All .11. 4 1 i '-J^^^^^ S""VLB  r VT""k cam. or  :  9SS- DR.T.Y. YOUNG 3 (SSSVBw'^WffllB WITH   TAI. HFRn Cl) M ^   HKitns ami .  T. V. YOUNG. Curr for Kvfry Dlnfs** of the Humnn  -4  Her* IM t"        Avc. WA 2  9 Atlanta, c.a Special.,! H.'.lr.~-7 A.    9 I'. M. 4 23 Vn, In Atlanta ..^AAAAAA.... ..~UllllllillHiUm.</t>
  </si>
  <si>
    <t>                                           To obtain an Astrologica reading write SYD SUNNY in care of the Birmingham World. Enclose 10 cents in coin to pay cost of mailing. Be sure tit enclose self-addressed envelops. For private answers enclose self-addressed, scan pea envelope and paper. Letters cannot</t>
  </si>
  <si>
    <t>                                           LEARN THE SECRET OF HOW TO Keep Young TO BE YOUNG YOU HAVE TO FEEL YOUNG A woman doesn't feel youthful when St. Joseph's G.F.P. li.u been bringing she lack, pep .ind energy! She doesn't 1 strength, energy and .,, to fed voting when she    tiri-d and list- women for more than h.ilf a century. .ill the time and want., to alway, i Containing root, and herb, of known i medicin.il merit, tin, fine tonic I,  down into the nearest     '^ R, ..,~lr 0 J     .-,blc M y women Keep Young by Keeping  fT^%^~"   -rfu[s!: Strong- Active RobUSt [Joseph's G.r.P. Your druggist sell, the I bit; dollar bottle on .in absolute Women who keep young arc women J; ^ck B,,aran.ee. Try it today, who FEEL young women who have abundant strength and energy to do ^Sf fl 1 fl Gf^T^t^*^ the things they want to do and enjoy ^J^J^^ M9 q_ them! If you arc not this kind of f  g^ TBS^ ^E^~ woman, you soon can (~e.r You c:in j ^^L^9 A^^^O ^K^^^B take a new lease on life because you ll     jr^T*,^     immediately feel like a new woman.': V hG iX) OMCtn  WITH A WRITTEN GUARANTEE B Its *            7- la kram,          , \rn, ,      Rj Wrcr.         .   . tot  H toK H  FEEE- WRITE OB CALL I ALEXANDER S PSYCHO AID, Inc. I MB. WKST ITTth STREET,  , N.Y. BR  t-    B THE ORIGINAL P. ~-^XA:sT)~1_t B</t>
  </si>
  <si>
    <t>                                           (LITTLE) Joseph F. Fielder Watchmaker 370 Peters Street, S. W. I Cor. McDaniel St. In Twr Cllr i, d,      for    Piibll. MADAM M   Ptlailat ui  MfWH       c in ,      '  "1 I'mnMrrlaKV,  flow  1*1 Ii-Hta     ton.-. H-T^.lUi anil all . of l'1*l*fc-l lire. MADAM WflARTON M J 1"* nn- 9    . f*w      HV 1  nt tMt A S * .occult - "   W will  yia hr am . ,,?,       READINGS- 80o u h-, Min'ltart.'AtUnli. On. frw' 8       Stop</t>
  </si>
  <si>
    <t>                                           'ii r; The Leading Colored Grocery Merchants Comprising Colored Me^ WILL ADVERTISE I Week-End Food I IN I The Atlanta Daily World Exclusively Beginning  f^"r *"ir ^TTTTTTTTrYTTTTTTTTTTTTTVTTTfrTVfyTmVTTTVTV7                       t BOOSTING ATLANTA WORLD ADVERTISERS! I %AUL S. ^AVL'St 1 Saturday: Sensational BARc AIMS! I Saul's Ad in Today's "World" is an Invitation to if "Come Back"' to Saul's Saturday! ATLANTA WORLD READERS WILL SURELY  j :l BE THERE! WON T YOU? "j  l THE ATLANTA DAILY W)     J I "THE ONLY NEGRO DAILY NEWSPAPER IN THE WORLD ..w .i^MJT+*~.   *i*. ~,.i..i*^-.'-~. i K l ..1AA1AAA1AA1AU11  1 1.1~.........*11AAA11A.</t>
  </si>
  <si>
    <t>                                           ^^b ^^^9 uU^^^^A ^Hl w^m H HS91B BS9 Bfl ^HIb^^ Bh ^^^K^h HI BQ ^^^S Bfi l^^^^^l ^^1 l^fl rs ^^^^^^B^~ B^BBI Bb ^B BB^^bI ^h* ^b^                 GIVE REPORT ON YEAR S WORK                 I Urgfe Steps He Taken i to Give Hospital Facilities                 ELEAZER SPEAKS                 j 1  .( Hope of Atlanta -sity, :,t ilia annual -  hi  of llu- Cominissiuii on InUTracial Cuuiicralinn was  ii pre. for a  s tenn N'uminjr ol"  i-s Thursday IlluUKllt till' Iwu. session llL lil :tt iht- Ittuler  Y. M. C. A tu                 a cio.se. ,,0.y?t:r "ff elected were J{. II. km;;, of Atlanta, regional executive of the Y. M. C. A., first vce president; Mrs. W. A. Newell,  f Grcensboiu. N. C.. social superintendent of the Woman's Missionary Council,  vice ; .1. S. Kennedy, vice president I irst National Uamc. treasurer; Kinily II. Clay, secretary; Or. Will W. Alexander, executive d . New names added to the Comniision's membership roll included "W. K. Hunks ol  View siai^ college. Texas: W. A. Booker. Little Rock. Ark.; J. S. Clark, Baton Rouge. l,n.; Mrs. Georue C. Clei , Louisville. Ky. Mrs. George Davis. Oramreburir. S. C. Mrs. Joseph Kriond, New Orleans, La.;    . CJeoixe K. Blaynes. New York City: Flenry A. Hunt. Fort Valley. (In.: M:ss Mairirie Simpson, Washington. D. C-: Mrs. C. II. Thorpe. Little Rock. Ark.: Miss Fminic C. Williams, New Orleans, La. Closinc its annual TnctHint* which for th... last iwo days Ji:is been in session at the Butler Street .Y. M. C- A., the Conunission on     *:il Ccipcraiion, lu-aded by Dr. Will W. Alexander as director. Thursday - adopted resolutions deploring tlie  death nf Mir*? .'ulie le D'-. a member Qf thf.1 Commission, wlio was  in  od in an ; cr:ish last Nowmber. Thi- resolution pn- by R. B. Eler/.(~r. educational director read as follows: "Whorois n nii mber of lhis Commissi"ii. Miss Julieitc Dcrricole.  critically injured Uisi Novenib'-r in an auto accident at Dalton. G.-, and in desperate need of hospital cure, was unable, because of her race, to receive it. though uu excellent .- hospital wus immediately ;tt  and  Wliur.    . this  .   the fact ih:il in mi^st of our .'S. outride thf lar^e cili-'s. no  fa.--H ure pro. **id"d Jov N'o-.; :,n(l none other mad,, available to them, however * their : therefore "He it Resolved: That this Commission earnestly invites thc  on Page 5, Col. 3                 Give Report (Continued from Page One) linn ot all fair minded people     widespread an tragic . and urges that lops   - taken iv.M- to meet it." The resolution was unanimously adopted by the assembled members of tho Commission. Other business which occupied the time "t the_ Commission during its final day s cession .Td.-iV included Hi., ra]~ort ot It1. 13. EU-azer. educational director ot the organization. According to Mr. Eleazer. the  road to racial adjustment in America is through th,. School room. "Southern educators generally are beginning to ! thai fact." he . "and definite steps to tin I end are taken in a great many institutions." "To this  the Interracial Commission is Riving .-ill possible support and cooperation and is in touch with  of public schools :wnd colleges which are pro. moling study atone those lines. "Fifty Thousand copies of "America's Tenth Man" one- ot the Commission's publications dealing with th,, racial situation have been studied in several hundred high schools, without, a single unfavorable- report. Mr. Elcazcr reported that another of the Commission's publications. "The Quest for Understanding" has been used this  as the basis of studying in fifty teacher  schools while a hundred other colleges .ire giving either specific or correlated courses in race relations. Tho purpose of these course*, it was slated, is not to provoke  or controversy, but to stimulate an intelligent approach to the mutual problems and obligations involved in the interracial situation. During the Dasl year, the director reported, this  of thP Commission's work has been  bv      "Conference oh Education and racial Adjustment." a large committee of well-known Southern educators headed bv Dr. Bruce R. Pavne. president of Poabody  e. and  in ils membership a number' of college  nnd stale  of education.</t>
  </si>
  <si>
    <t>                                           President John Hope of Atlanta university, at the annual election of officers of the Commission on Interracial Cooperation was chosen president for a year's term. Naming of officers Thursday brought the two-day session held at the Btuler street Y. M. C. A to...</t>
  </si>
  <si>
    <t>                                           Mrs. A. A. Theer is no harm in changing to the farm milk, providing you make sure that the farm is under state inspection and that the cows are tested and found free from tuberculosis. If there is any doubt as to the purity of the milk, bring it up to a boil...</t>
  </si>
  <si>
    <t>                                           Seek Relatives of Accident Victim Who Might Die                 Pitiable wcc      screams of an-~ -tush, coming from the lips of John Thomas, 148 Connally street, as the usu;d Jarge crowd visited the Grady Sunila.v-. Young Thomas, apparently without relatives. Is the victim i.r a .strange .accident that m;iy cost him ills life. The young man was riding his  west on Bryant street about 0:15 Saturday evening when he rode into a Foi-id Track driven by T. C. Bateman. 754 I.eo street, an employe of the Star Provisions company. Brought to the hospital by Biteman, lie was found to have a Ixidly luL- h(i:ul and fractured skull. K. H. Button. 565 Sidney street, and George Washington, an employe of the White Provisions Co.. i old Officer Wiley that Thomas was responsible for the accident. Mr. Bateman spent the  part or Sunday in an attempt to locate relatives of the injured youth,  another visit to the hospital for added information. Anyone knowing  of John Thomas should get in  with the authorities.</t>
  </si>
  <si>
    <t>                                           Syd Pollock's Cuban Stars. who are setting a fast pace in Mc East,. Wont League loop right now, have defeated every club In the circuit at least once,. despite the handicap of being strictly a road club and having no contend with the many adverse decisions by umpire, who...</t>
  </si>
  <si>
    <t>                                           Buy From .Worljjg^ Advertisers</t>
  </si>
  <si>
    <t>                                           Pastor Flees Wife; Divorce is Given Her                 PHILADELPHIA, Pa.. May 20.- Marion Dawley McCrorey, formerly Miss Marion Dawley. received her final decree in divorce from the Rev. Henry Lawrence McCrorey Monday, by a decree of Common Picas court.                 Philadelphia will remember the beautiful wedding that was solemnized in Central Presbyterian church on May 20, 1926. at which hundreds of well known Philadelphlans took part Rev. McCrorey had Just conic to Philadelphia to :~ct as pastor of the very old          ?l and well known Central PreMbyterian church. He met Miss Dawlcy, who was a member of that congregation. A year later there was born of this union a son, Henry Lawrence McCrorey,,  nL  thereafter Mrs. McCrorey charged her ] with extreme cruelty and neglect and falling to provide for his family In any manner whatsoever. Shortly after that Mr. McCrorey. became very lax in his church duties and the vestry board of the church, investigated the complaints or the wife and found that the husband has treated the wife cruelly and has failed to provide for her. At a further investigation of the church vestry, It was discovered that Rev. McCrorety was lax in every respect in his church duties and then, upon further investigation, he failed to ap- pear before the board and give an Continued on Page 5, Col. 8                 Pastor Flees j (Continui'd from Puffc 1)  of his treatment of his wife :"i'l child ami left the city without Riving any notice to anyone. The member* of tho church ami  wife wore very much Miirt'i'd at this action on his part. .Mrs. McCrorey  suit IhrouRh \'icr attorney. Raymond I'acc Alexander, in th^  of   3 1. Her molli'-r ami father nre Dr. ami Mrs. M. Leo of Cam-. . Now Jersey, Dr. Lee being a pi  phui- of Comdcn, N. J. Tho .Iy of the  was awarded to Mrs. McCrnrcy...</t>
  </si>
  <si>
    <t>                                           PHILADELPHIA, Pa., May 20.-- Marion Dawley McCrorey, formerly Miss Marion Dawley, received her final decree in divorce from the Rev. Henry Lawrence McCrorey Monday, by a decree of Common Pleas court.</t>
  </si>
  <si>
    <t>                                           gj Ballard's Obelisk 1 Sparc I       24 lbs. 7Sg j. lb. .joe 0 Pure Hoe Shoulder I LARD IB. g1-2,g PorkRoaSS lb.A3.1-2g I'.Boilmir' 7 Good Quality 1 MEAT LB. $1-2 B SCREEN DOORS $I.S5 j i^S-!37 vT Alabama St. WA. 2433-2434 g \CROSS THE STREET FROM_RICH S 8 TT PURE 10 LR E*~ lift I OFURMgAJs LARP, ^1IT 3^     I PORK  ft  lb. lOe;?hops lb. 12-i-2e f  S PRIDE V I-. BROAD --^^g^^^ I Streak Least lb. 7c I PORK LOIN i BEEF I i lie 7 c  j ROAST f STEW    BEEF ROAST, lb. g% I SPARE RIBS, lb. MR I PORK SAUSAGE, lb.    ROUND     * tiff tB M loin *5TFffiK Bh 1 Hs* m CLUB Vl'InMI^ 8". I Uib i</t>
  </si>
  <si>
    <t>                                           Anyone Can Now Have a Lighter Skin When skin , soft and light, then  beguile and your  1h charming. Dr. Fred Palmer's Skin Whltener Ointment soften** and lightens the  ;  up pimples, blotches and  marks, and duns away with that "oily, shiny" look. Use thin preparation  to make your skin soft, delicate and charming. This amazing Ointment la made In the famous Dr.   "rcd Palmer's Labor. whore arc also made those other beauty aids you know so well: Dr. Fred Palrner'a Skin Whltcner Soap, Skin Whltcncr Faco Powder, Italr Dresner and Hid Deodorant, which may be had *it all drug  for 25 cents each or will be sent postpaid upon receipt ot price. Dr. Fred Polmer'.s LaboratortcH, Dopt. D, Atlanta, Ca. Send 4c in Mtnmps for trial ij,  of Shin Whitcncr, Soap- and Face Potctfcn Dft.FR.ED PALMER-'S SfunHUtttener 'KEEPS YOUR COMPLEXION YOUTHFUL* Classified REAL ESTATE FOR RENT Store with two  roomi, 461 Lindmy St. $11.00 nor month. Ma. 9426. Huslnoss Guldo TimNKR- DE3OTO nAU. HER 3IIOP. Ill Autnatn At., J.. 870!. . SS1-A Frucr    S. E. FIRST-CLASS TAXI SERVICE Day or Ntaht Courteous, Snfc Drivers PHONES JAclnon 912S 9126</t>
  </si>
  <si>
    <t>                                           I'-~ B and B i ABROAD S TREET- 4_^ i ROaSt Streak  0' Lean 7./2c   3St 1 ,      .V.ttW7VT7VfVVVVYlVTyVTTVV{yV'~TTTTTTm'  4 MEAL e ibs. itc io ibs. 21 c I  24ibs. CapifoSa.87e t BLUE RIDGE COFFEE, Ib. i4i/2C 5 BLUE RIBBON MALT, ib. can 47c 3 GRITS, 2 Packages 15c 24 Pounds Flour i I CHEESE, Pound 17^ Yp^S.te j 1 Box         2 NO. 2 CAN 1 Box Salt 3 t TOMATOES 7 !iC 1 Box Pepper i 2 Pounda Lard 2 NO. 2 CAN 2 pound. pig Liver STRING  7 Sic 1DPou?d ^o"  ! 3 3 rounds Potatoes 4 NO. 2 CAN 3 Pound' Rice 4 CORX^ 7_~c ALL THIS FOR 3 SUGAR. 5 lbs. 23c SI 5B potatoes 5 lbs i2c Shine Bones Ib -3i/2c I potatoes 5 ite. 9c   Meat Ib. 9c Spare Ribs Ib. SV2  5 Spring Cleaning Hecessitiss Bologna Ib. 18c 3 brooms (4 string) i9c Wieners lb. 15c 3 Mops, (12 Oz. Cotton) 19c o)RIC 3 _J: i__. Sausage lb. 15c BRILL0           ) 7^c pork Chops lb# 17c "LVE __  ^2 Oc Pork ?teak ib. I2y2c':  (Pt-Boi.) 1 3c Pig" Liver lb. 71/2C I    g ' -{ Beef Roast lb. 15c 5 OCTAGON Soar^loT^ f Ork       Ib. I2I/2C J f Octagon Powders, 2   Meat lb' 1* 3 _ot -..^^~v Picnic j 4 J Old Dirich Cleanser can 7Hc Hams lb. VZlAc 3</t>
  </si>
  <si>
    <t>                                           i- PAfiF FOR WOMFfV II fashions 1^ 1_ ^J D 3 BE ULAN MITCHELL HILL, EDITOR- "X M H r</t>
  </si>
  <si>
    <t>                                           BAD IKE                 By I. P. Reymlilf                 They said they %t  ho had the  to hit tho Broth*)* but they forgot ho had a  J- Wf* flst.</t>
  </si>
  <si>
    <t>                                           I Grand  1 j i Values Never Before Offered if H Aft These Lou; Prices?  1 ffl Adorable New Styles ?i(y'' H    x V $4.00 Values f  9 M { \^\^a^y Windows si ic. H I AT "SUNDAY" I I /^~39^  Mesh Sandals 1 Bl V. Lca**1^ Two-Tone H ra ^T^^A So1cs Effect* Cd 29 H Growing GirJs' Women's B White Graduation New Summer Shoes gg OS SUpperS       Copln of It and IS /^Vffl 3 '- STRArS- CUT-OUTS TUMI S- STItArS- OR TIES ra Boys' Dress OxSords Children's Summer ffl g\*7 OxEords and Straps m I $^~7 AllsIics *7  c 1 I ^r. A    1 ra Misses' and Children Women's K Straps and Oxfords Beach Sandals H I M\,?i?z a1 69C I I'm FIRST FLOOR, SHOE DEPT. 9 M 91-93 WHITEHALL ST., S. W. 89 OS MAn. ADD 13c B9 SB ORDERS FOR MH Ed'" TILLED .m. ~-.t .^'.jHB</t>
  </si>
  <si>
    <t>                                           Spring Hill Social Club met at the home of Mrs. Anderson. We were delightfully entertained by the hostess. Three new members were added to the club roll Mrs. Marie Reese, Miss Lucy Turner, and Mr. Luther Harris. Mrs. F. Jackson, our visitor delivered some interesting...</t>
  </si>
  <si>
    <t>                                           Prefers Duty To Work On Chaingang                 "I've Rot :i job now and I'll tike care of the kid." That was James Johnigan's pica before Judge Wood in the Municipal court Wednesday whon the judge gave him the alternative to upending twelve months on the chaingang or taking care of his child. Mr. Johnigan was arrested upon the complaint of his wife. She told the judge that it had been some time since ho had contributed to the support of the youngster. Evidently the judge didn't think so much of his explanation that he had just  the job as he sentenced him to the . Judge Wood relented, however, and released him upon the condition that he caro for his family in the proper manner.</t>
  </si>
  <si>
    <t>                                           The Memphis Red Sox will leave Friday for a road trip that will keep them away from home three weeks. Memphis opens up May 28-29 and 30th with the Cleveland Clubs in Cleveland, Ohio, June 4, 5, 6, will find them in Louisville, Kentucky meeting the Kentucky...</t>
  </si>
  <si>
    <t>                                           The Camilla-Zack Country Center was opened Sunday near Sparta in Hancock County with appropriate exercises. Zack T. Hubert acted sts master of ceremonies and introduced C. F. Reynolds, chairman of the County Board of Education in Hancock County. The...</t>
  </si>
  <si>
    <t>                                           MARKET 20 Broad St. SriUKG Leg 0 Lamb Ib 14ic ;SCJtING Lamb ROAST lb.9ic I YOUNG Tender Hens Ib15.2c. t picnic HAMS Ib. 7;c BOILING BACON Ib. 4dc OLEO Ib. 8*c POULTRY SPECIALS Finrst You.JCvOf.Saw- Any Size Any Colur- .n Fancy. JUST OKI* TUB FARM HENS, Lb -....ISc ) I'ltEE  YOU WAIT WARREN S 195EDGEWOOD AVENUE :c r phone :^-jL^~-3_:l'-l_ Harry Collins CS ALABAMA ST. JA. 8241 At Pryor Pure tt/~ LARD 0C Pork 71/ c SAUSAGE ~^__f_ 1 Round" 13V?C I Steak J-  /2l I Beef 71/c I  /lKy I STE^\- gl/c I MEAT U/2L S Free 1 L,b. Kenny** Coffee g with each Dollar Meat PurBl . gash Carry Meat Market j SI2 WEST HUNTER ST. "puke Kp LARD  L SIDE 7^ BACON SPARE RIBS 71/ip I PICNIC HAM /l BEEF STEW VEAL STEAK PORK STEAK 1 Hp BEEF ROAST xu^ i EGGS 19Up 4 CHEESE J-^/2^ NO. 10 CQC</t>
  </si>
  <si>
    <t>                                           AUTO                 CAR VICTIM SUCCUMBS! IT ERftDY                 Six Years Old Boy Second Seriously Hurt This Week                 MAN IS INJURED                 While one six years old lad hung on grimly to the thread of life at tho Grady hospital, another  of the same age. likewise knocked down by an automobile, ' to his injuries Wednesday afternoon.                 Charlie Lane, 8 son 01 Mr. ana Mrs. General Lane, 300 Crumley street, died at the Grndy about 3 o clock Wednesday afternoon. Ro-_  Morris, driver of the automobile that caused the fatal Injuries, was arrested by Radio Patrolmen J. L. Pope and M. R. Dodds and', locked up pending the outcome of  lad s condition. Just what ac-; tion, if any, will bo taken against; Mr. Morris has not been decided^. Acordlng to W. C. Allen. 253-' Do;me street, S.W.. who was ^ ing behind the Morris Chevrolet^; the boy ran off the sidewalk into, the side of the car, his head striking the handle of the door on Ihe right side of the automobile. The" accident took place about 2:15 Weil- nesday at the corner of Brumstead. alley and Me Daniel street. Young Lane's skull was so badly fractured that Ills brains were oozing out. He suffered other injuries also. At the time of the Incident, Mr., and Mrs. J. W. Morris, his parents, and a brother, C. R. Morris, were riding in the car. Witnesses told Investigating officers that the Morris machine was travelling at a speed estimated between 20 and 25 miles an hour The body of the youngster, who. according to his father, liai! not yet  his seventh birthday, was turned over to Toiapkins Funural home. Funeral arrangements are still incomplete. v In the meantime, slight progress Is being made for the better in the condition of Otis Jackson, who wan knocked down by a truck'-at 'the coiner of Old Wheat and Fort, strets shortly after one o clock oh" Monday afternoon. Young Jackson, who is six years old. was unconscious for more than 30 hours, auC: fering from a fractured skull, a broken li-g and a broken arm. Hospital attendants state that he Is able to recognize commands of "Otis, open your mouth." now anil there is much hope that he will pull through. This is the second  in less Hum a month that an offspring at Mr. and Mrs. Arby Jackson, 289 Green street, has had an -  experience 'with automobiles. It was about three weeks ago that Lewis Jackson. 3 years old. suffered a dislocated shoulder when he was knocked down by ti car driven by_ a. colored, man. A report of the Monday accident was made to police by H. W. Aderliold. 462 Highland avenue, owner of the truck, who carried tho Injured lad to the hospital. R. K. Whei'ler. 674 Bryon street, ;.wua driving then. Mr. Wheeler managed t0 stop the car before the  wheels could crush the fallen body. Fortunately, the youngster was missed by the front wheels, as ho was knocked down in such n. po- Continued on Pace 2. Col., 6                 Gar Victims (Continued from P.irc 1)  that ho fell between the ;racks that would ordinarily be mad" by the tires. His injuries \verc received  the impact with th" truck ani! the . Jolin Me Gastnn. 230 Boulevard, an employe of tho Prosperity Dry Cleaners, 478 Highland avenue, sustained a number of lacerations about the  when he was injured In a wreck between' his truck und ii car driven by Earnest Piorce,  unknown, also colored. Both cars were badly damaged in the crash that took place : 2:15 Wednesday . Patrolmen Ethcridge and Burke, who were making the rounds on their beat,         at the scene of the accident, which occurred at the corner of Markhnm and Davis streets, a few minutes afterwards but both men hml gone. Me Gaston to the Grady hospital where his wounds were treated. GOT IT NEAR STATION Wooilrow Patterson, 361 Maze strew, was arrested by Officers H. C. Bune and M. D. Cartwright at the corner of Thurman and Maple street in a Lincoln' automobile said to belong .to  Bob Hog. It is said that the car was stolen on- Decatur street near Hie police station. Patterson was locked up arul tho .into placed on the police parking lot.</t>
  </si>
  <si>
    <t>                                           While one six years old lad hung on grimly to the thread of life at the Grady hospital, another youngster of the same age, likewise knocked down by an automobile, succumbed to his injuries Wednesday afternoon.</t>
  </si>
  <si>
    <t>                                           Following the receipt of a death threat. Lola Carewe known as "The Night Club Lady" is mysteriously slain in her penthouse apartment at 3 a. m. New Year's Dr. Hugh Baldwin reports death due to heart failure. The only clue to the murderer is a medical laboratory specimen box...</t>
  </si>
  <si>
    <t>                                           Spouse Loses Suit For Iceman 's Savings                 BOTH GIVEN ABSOLUTE DECREES                 Wife Seeks Property, Bank Account as Her Share                 FOUR DAY TRIAL                 Bv CLIFF MACKAY                 I AftT listening four days to a mass of conflicting testimony from both  in the fight between Mrs. Connie Stevens and Wilt Slovens as to who Bhould be given :i divorce, a jury In      # E. D. Thom.-is division of Fulton superi ior court Thursday returned a                 lid granting total and absolute divorce to both. Mrs. Stevens more than a year ago filed her suit for divorce from Will Sti vens, employee of the city iue delivery, on the grounds of cruel and inhuman treatment. In her bill she asked lor three-fourths title to the SI' vens home at 89 Love street and half of the bank . Tho house was valued at approximately $2500 while Stevens is said to have $2950 on d' posit In the bank. Stevens shortly afterward filed a cross bill, charging that his wife had on two different occasions threatened his life, once at tin? point of a pistol and the second time with a knife. He further charged that during his absence from the home while at work, his wife would use the "house for purposes of assignation." He anked that his wife, be denied any alimony. In a trial that began last Mon-day, more than  witnesses were called by both sides, to testify as to the unfaithfulness of both wife und husband. In an attempt to prove that       ns did not make all of hla money working as an iceman, Horace Russell, attorney for Mrs. Stevens culled two witnesses who said that Stevens dealt In whiskey. One woman, a neighbor to the Stevens told how he had on several occasion "planted" liquor in her backyard. Supporting Mrs. Steven adultry; charge against her husband, another neighbor told how on many nights he could see Stevens in company with various women, through th, window. Stevena on the stand, denied that then were any windows or any other openings on the left side of his house, but coming back to tho stand a short time later related how he could sei his      in company with other men through tho samo window described by witness. The Stevens have been separated sinco 1030. Mrs. Stevens now lives at 37 Ashby street Stevens, a world war , was represented by Attorney James W. Austin. The question of  rights und alimony would be settled in another trial to    held at a later date, it     revealed by Attorney Austin,  after the dose, of the trial. Thusdny's verdict merely ; both  their absolute . from each oth-r. and refers tho other  to the divorce court.</t>
  </si>
  <si>
    <t>                                           After listening four days to a mass of conflicting testimony from both sides in the fight between Mrs. Connie Stevens and Will Stevens as to who should be given a divorce, a jury in Judge E. D. Thomas division of Fulton superior court Thursday returned a...</t>
  </si>
  <si>
    <t>                                           M.B.U. Holds its 47th Graduation                 Closing out ono of the most colorful and successful years In the history of the A. M. E. school, Morris Brown college begins observation of it s 47th annual  season Saturday evening at 8 o clock. The program will nm through Wednesday, June 1.                 The  and  festival, with graduation exercises for the kiddles, was a featured event on the campus last Friday, under Hie direction of Mrs. Anne Cochran. Other units of the school wll! conduct exorcises ns follows: Saturady, May 21, at 8 P. M., Senior High school Oratoricnl contest. Sunday, May 22, 3 P. M. Annual sermon to Turner Theological Seminary, Rev. C. A. Gibbs, B.D., President Edward Waters college, Jacksonville, Florida, in the college chapel. Thursday, May 26. 8 P. M. high school graduation exercises, in the  chapeL Friday, May 27, 8 P. M. senior                 class historical , in the .-RC . Saturday. May 20. 8 P. M. college -ical   chapel. Sunday. May 29, 3 P. M. baccalaureate service at Big Bethel A. M. E. church; sermon by the Reverend Gilbert H. Jones, Ph. D., President Wllbarforce university. Monday. May 30, 9 P. M. address tn tin: Literary societies, by 'the Reverend J. Frank Rogers, A.B., B.D. Tuesday, May 31, 8 P. M. closing  Williams Business college, college . Tuesday, May 31, 10 A. M. meeting board bC trustees, college chapel. Wednesday. June 1. 10 A. M. commencement exercises. BtR Bethel A. M. E. church: address tn b,, delivered by Dr. J. E. Gllllhan, state department of education,  Carolina. All exercises aro open to the public.</t>
  </si>
  <si>
    <t>                                           Closing out one of the most colorful and successful years in the history of the A. M. E. school, Morris Brown college begins observation of it's 47th annual commencement season Saturday evening at 8 o'clock. The program will run through Wednesday, June 1.</t>
  </si>
  <si>
    <t>                                           THE FRIENDLY FIVE SHOE STORE located at 30 South Main street, Memphis, shows its appreciation for its colored patronage by employing a colored salesman, Henry Hudson, who is pictured above. Mr. Hudson is experienced in the shoe business and knows how to sire service.</t>
  </si>
  <si>
    <t>                                           MISS H. VERDELL McCRAY. Class of 1392 Nurse Trailing, Mcharry Medical College. Vice-President of Class and Winner of Medal for Hipfhest Scholarship in Class                 of Nurses. Photo by J. K. Anderson.</t>
  </si>
  <si>
    <t>                                           Anyone Can Now Have a Lighter Skin When skin is satiny, not t ami IK-ht. then sml!us beguile ami your bounty la ,'. Dr. Fred I'aluurr** Skin Whltencr Olninifnt s r I n s anil  nH ihi?   kln, c-U*ais up , - and tan . and docs away with that ". " look. Uav this     '( regularly to   *kln , ^ite ami charming. This .unv/.in-.: i MntMH'iiL nun It.* in the    ,\ t-'ivd Viiltnor'j* t^ ? arc n\sii  j those  iM- aids ymi know so wt ll: Ur. I*     I'ahn-rV SU!n W'hittMiLT      , Skin WhUi'iuT I'';n:~f I'uv.-di-r. H:~lr Orcss-r ;m-l Hit! 1 , which may hu. had at all  stores for I'.1!  wich or will be si-nt  tit Jim rof ipt "~t \ Dr. I'VkU I 'aimer s I^, ;  .'i)l. AtlatUa, Gi. S^ntl -*c i/t  tf* for trial m///c ^*/i:ifi IP'/, Soap anil I'ttctt /.T. DR. FRED PALMERlS SRirfWRiimtr 'KEEPS YOUR CC^PLCXiOM YOUTHFUL' Hotel McKay .Stram hi-alcd rooms Single rooms S2.50 up Nici- Front Mlouni.H (run:    ; ) S-1.50 \\kt\ week. Only Hole! in City \iil!x private hath  up. Accommodations to fit th;        'for those who want a nice com-. JforUiblu  to stay. Give     :i cull sue our place    "   ^convinced. J I  Our prices are reasonable. I Phone Ja. S965 i 2M Auburn Avenue.... I Near The WOULD i</t>
  </si>
  <si>
    <t>                                           Our Sunday school is still improving and Miss Tryheneous Anderson, the captain of the "Reds" is in the lead with 172 points ahead.</t>
  </si>
  <si>
    <t>                                           .* 1 t,,.,..,,,....^ *tt*tt*********.*t***~-ttt**  -***t**t T T TTTTTTTyT^TTTTTTTTTTTTTTTTTTTTTTTTTTf f f ?f f f f f f  tf f fff f  ff fff f M.^ 'ii-VH .*ii ^^^^ff^^^^f ^Bw ^^r^^^^^k jy ^fc 'Bf ''-~~~*'iv1^ i M g_ As long as barriers arc erected between (he two races, there will be a Ne- ff Bjg. g_ Accordingly, The Atlanta Daily World  you the news which, without ,T;. .~'^'i#;V. '--:~;~% % I m B%  j gro side and a white side to every issue affecting: both Rroups. It is ob- BH am ajb 18^ this paper s existence, would never be told. In its editorials it explains W ^W^Cfcc^ :'M ^ viously impossible to gel the Negro angle to a situation in any except a \^^LM B.%^S  ind interprets events from the point of view of a Negro for other" r^ jLi* m^ #f    I j A Negro' newspaper. Negroes. *'T^^ff^~~j</t>
  </si>
  <si>
    <t>                                           I GEORGIA  H 15C 1  AUanU Sbowintt open Kay Francis 11 "Man Wanted" v A. M. I GET ATLANTA. WOULD  CHURCH MAY i WIN A CASH PRIZE! GOLDEN EAGLE! STORESiS</t>
  </si>
  <si>
    <t>                                           Tall, slender and beautiful Miss Ethel Tate. of Washington, D. C., debutante sister of Mrs. Chas. H. Kelley. is the guest of Dr. and Mrs. Kelley at their Chestnut Street residence.</t>
  </si>
  <si>
    <t>                                           Met Friday night, May 13th, 1932 with the president President, presiding Business was carried out briefly. A short program was rendered by the club Mrs. Kimble was hostess. Next meeting will be at 490 Stone-wall St., with Mrs. Cameron entertaining. All members are asked to...</t>
  </si>
  <si>
    <t>                                           Four Night Schools Graduate 72 Students; Harper Gives Address                 Scvontytwo person* received their  as  of Atlanta's i (our night schools lnst night after  to a stirring address by C L. Harper, principal of the Booker T. Washington High . The  were  by J. HarrelHon.  of Uic board of                 . The   were held in the auditorium of Aliens Temple A. M. E. church. Four  wero given by representatives of ench of the four night schools. Miss France* Clareso Smith nf            High,  on "True Citizenship the Neeil of Hie Hour." "Who Knows." was the subject on which Miss Myrtle Knlhcryn Wilson oc Johnson school, spi.k". Edward L. Folson.   David T. Howard Junior High school, spoke on "Beyonil Difficulties Lie* Success.1 while Miss Elizabeth Wilcox of Crogman school, .spoke on the "Depression versus Ambition." Music under the . ot CharleH L. Gideons, was furnished by Miss Ruth D. Foster, piano;                 Mrs. Bessie Lanilrum. Hall, organ; and Mrs. J. I. Butler. The invocation and benediction was given by Rov. W. A. McClenilon, pastor of  church. Widespread  In the night school program of Atlanta wns shown by figures cited by Mr. Harper. H,, revealed that there wore 3.450 enrolled during the past term. 357 graduates from the  : 72'from senior high; 125 from junior high school; ami 105 from elementary Classen. Graduates from Washington Evening IliRh were: Nancy Bessie Abridge, Richard Scrrenn. Broady, Ida Aikcns Campfleld, Virginia Lee Cody. Hnssle Lee Domincck, Jolm Lee Doyle, Alberta Greer GambK Marie Lumpkln Grant, Lula Jnnlo Hnrper. Hnzel Hill, Harvey Hill, Jr. Snllle Amanda Johnson, Annie Ethel Joncn. Emma Kate KUpatrlck, Gennlc Mnys. Charity Collins Miles. Blanche Mable Oliver, Annie Clyde Preston. Willie Erma Pyron. Viola HawHaw, Amanda Varncr Reece, Arthur Fuller Smith, Francos' Claresa Smith, Lilian Russell Thomas,                 Beatrice Thornton. Nettli- Jeffries Wise, Myrtle Katheryn Wilson, Eddie Mae Wheeler and Benjamin Wellington Wright. Howard Evening    ;h: Gcncvn Alexander, Ernest Belcher, Julio Anna Brown. Theresa Murden Bryant. Lewis Carter, William Lee Collins Jr., Edward Folsom. Lena Watson Gilbert. Ethel Gladman, Lincoln Henderson, OIHe Elizabeth Gerrin, Walter Johnson. Ruth Esther. Thelma Martlm Lewis, Hargrom Minnie Roland, Edward Roland and Marie Tlnsley White. Johnson EvcninR HlRh: Capers B. Benton Amy F. Bostwlc}c Cornelia. T. Callowny. Carrie L. Dixon, Lillie F.. Godbolt. 'Elolse A. Hill, Sara L. Hammonds.. Katherin,, J. Jewell, Dcsercc Klrksey. Lorio Middlebrooks. Claudia M. Phllpot. Josie L. Starks and Eloise J. Waters. Crocman Evcniiif Illgli: Mary Baker. Ellen Bryant. Maggi,, Carr, Mlndora Dorsey, Poarl Falls. George Godfrey, Amlclia McGhee. William Shulah, Ncllye Sims. Rubye Thomas. Elizabeth Wllcox and BenjaminWarner.</t>
  </si>
  <si>
    <t>                                           Seventytwo persons received their diplomas as graduates of Atlanta's four night schools last night after listening to a stirring address by C. L. Harper, principal of the Booker T. Washington High school. The diplomas were awarded by J. Harrelson, president of the board of...</t>
  </si>
  <si>
    <t>                                           You'll never know how good j^ggg/^~K a cigar can be until       ^C$^   $~ have sm9keda_j^^^^^K%~^2^ "i'   wia Cigar Wfg. Co-, Newark, N. J., Makers"</t>
  </si>
  <si>
    <t>                                           BAD IKE                 BY I. REYNOLDS,;]                 They- lay- OLD^AQE -</t>
  </si>
  <si>
    <t>                                           The Atlanta Daily World THE ONLY NEGRO DAILY IN THE WORLD Classified Advertising Rates DAILY SUNDAY 14c a line 14o line Consecutive Insertions Daily and Sunday: Three times         Seven time*  Thirty Omen or more 80 a line Fire words of  fouth an counted mi a Una. The minimum  b tie price two Ihiea. Ads Taken Over Telephone:! are accepted from Pfrwni listed la the' telephone or  directory a* memorandum . In  far Ihl.  tka  la expected ta remit the daT  . On all   br   U  molt  the . All DlKontlnganea MUST U Bade In  at tha World office or tv Ultrr. TelepWao  an NOT Talid. ERRORS If any error Is made. The Atlanta Dailr W.rU is  for -if one Incorrect Insertion. The  U  for  Insertlona. The  should  Immrdlatrlr If  nr           la . CLOSING Advertisements In The AtUnU Daflj tor the Sonday World will lie accepted up until P. U. Saturday. The  are open dally except Sunday onto t P. M. for the .nln.ee of . ATLANTA DAILY WORLD M WORLD WANT ADS BRINO I RESULTS. JUST CALL I WAInnt 1459 I -and oak tor an Ad Taker I</t>
  </si>
  <si>
    <t>                                           Cupid, the goddess of love, in writing up his memoirs of the past ten years, would no doubt tell what a wonderful help that Rev. ("Parson") P. H. Ruffin has been to him at the Shelby County courthouse. This 85-year old minister, characterized by a heavy...</t>
  </si>
  <si>
    <t>                                           I am a girl of 15. My parents are very strict on me in a way, except my mother and grandparents. My daddy has very funny ways about letting me go anywhere, especially to parties. He doesn't even want me to have anything to do with boys, not even to speak to them.</t>
  </si>
  <si>
    <t>                                           CHARMING little Bfflfe Elston, daughter of Mr. and Mrs. William Elston and grand-daughter of Prof.                 W. C. Davis. Hinrungnam i- by Cloud, Birmingham.                 MRS. KATIE RUTH COLLINS of 161 Hunnlcutt, N. W.. Atlanta, with little Susie Louise, daughter of Mr. and Mrs. J. C. Hunter.                 -Photo by Kelly, Atlanta.                 MISS JULIETTE R. BRADFORD, popular Industrial High School (Birmingham) teacher. Miss Bradford   8 recently re-elected president of the City Federation of                 Women's Club.- Photo by Cloud Birmingham.                 DRUM AND BUGLE CORPS of Autreu Russell Post No. 27, American Legion, Memphis. Autress Russell la the largest colored post In the world, and the second largest, white or colored, In the state of Tennessee. Dr. S. B. Hlckman Is post commander, and Dr. R. Q. Venson Is chairman of the executive committee, and ex-post commander. Thin post favors the bonus.                 -Photo by Hooks, Memphis.                 MISS          Fontotoc Street. Mwl                 E, 681                 SENIOR USHERS' BOARD, Second BapJB Church. JacksonvUe, Fla. Left right: ( Rev. K. D. Britt, pastor; Mrs. W. Lofton.SH vice-president; Mrs. G. Boatrlght. 2nd - L. W. Dobbs. financial secretary; Mabel L. Wllll^B recording secretory; N. Bullock, C. B. Milton SB J. Koon, assistant head ushers; F. Henry WilllBB head usher. WM                 WILLIAM ill and hla  Choir will apJM Birmingham on l The choir,  City" In New XM now on Its Soutl                 SON (Inset) !geo Institute concert In ay, May 15. open "Radio xt , la tour.                 I MISS DANNETTE JOySI   little niece of Mrs. Vm Manlgault. 1115 W. Ashley SH 1 Jackaonvllle. Fla.- Photo by Wfl I Jacksonville, Fla. jn                 MRS MINNIE TOODLE. who will direct the Fashion Show to be given by Jordan'!) Department Store. Atlanta, at Liberty Baptist Church on Monday night. May 16.                 I at 8 o clock. -Photo by Kelly, I Atlanta.                 MR. FRANK BLACKSHEAR. prominent Atlanta Contractor, who  Just completed the brickwork in the building of the beautiful Atlanta University Library. His work wan 90 commendable that he was given the contract for the brick work In the three new buildings now being constructed by Atlanta University. Mr. Blackshear Is  one of the best contractors In the race.                 Mr. W. L. TWYMON. representative ol the WORLD in Annlston, Ala.</t>
  </si>
  <si>
    <t>                                           RUSSELL B. Jr. und Welden Sugerman. children of Mr. and Mrs. Ruisell B. Sugerman, 7B0 Walker avenue, Memphis. I                 Photo by Hooks, Mempmu.</t>
  </si>
  <si>
    <t>                                           i Read Every World</t>
  </si>
  <si>
    <t>                                           In Yonr City lo Do  for the I'uhllc MADAM hmm WHARTON       Paimlit and Clnirvovant ErBAhB \ in **. lorn, HPl-^fSl , divorce: How  1 *ImH to win In . .   *~ rl M health nnd nil Affftir* of RiT^-H life, MADAM  ftV^tT B     no equal frw are HI J \    . One vi-it to a WRJ Q B Bcnulnc occult j*~ K^k A B will repay  for many ^^~^J^' (~. Headinr* Tor White nn.l Colored SPECIAL HEADINGS- 50c 1513 Ilowrll Mil) Kond. AtlnnU. Cn. Mnrietta       1l Mill Cnr- Setimtl         from Sralmard Stop</t>
  </si>
  <si>
    <t>                                           [~'AIR AND SLIGHTLY warmer Frldiiy  and Saturday. Lowest temperature, past 24 hours, 52; high, est, 60; average, .59. C. F. von Ilcrrtndnn, Mcltorologlst, Weather Bureau,</t>
  </si>
  <si>
    <t>                                           All Parts of Nation at Catholic Confab                 NEW YORK. July 30.- ) Thousands of Cathqhcs arc expected to pour Into Harlem from die capitals Rnd large cities of the country during the first week of September to attend the  annual convention of the Federated Colored Catholics. The two-day convention will be held Sunday and Monday. September 4 and 5. at St. Mark's Hall, 65 138th direct, with a Convention Mass celebrated by Cardinal Hayes at St. Patrick's Cathedral on Sunday morning, September 4.</t>
  </si>
  <si>
    <t>                                           After a severe beating at the hands of the managers of the F. W. Woolworth company located at the corner of Third avenue and 19th street, Monday, Miss Carrie Williams, 4208 28th avenue north was fired $13 in police court Tuesday after, a session of...</t>
  </si>
  <si>
    <t>                                           R 4 C^ I ALL THIS WEEKI H A-Jl* Ur.itol "I all   W H- mills  THE CROWD H 1 ROARS' fg- ,,           OAOMEt f^ GET ATLANTA WORLD VOTES. YOUR.  MAY WIN A CASH' PRIZE! GOLDEN EAGLE STORK -IFYOU-WANT.1'-"-;SUCCESS WRlTfTODAVJ/. ^4 Ite matter-             cut    .  fI Guarantee to HoIpYoaUrf Bt WILLIAMS: i M Ml       ;~ 'r'^'I:^ Oeptv E.-5H    $</t>
  </si>
  <si>
    <t>                                           Don't miss any Copies of your World Next Week! Fourth Anniversary Week!! BARGAINS!! See- Shopping Tips</t>
  </si>
  <si>
    <t>                                           This Thursday, Friday, and Saturday, May 19, 20, and 21 when the Clark Tennis Club's nationally sanctioned tennis tourney get off, Atlanta fans will see four high-calibered racquet wielders seeded in the upper and lower brackets. The particular seeded quartet is such a brilliant array of performers that unexpected interest is the outlook for the semifinal and final rounds. The seeded players will be Ralph Long, number one; Thomas Calloway, number...</t>
  </si>
  <si>
    <t>                                           Up From Georgia With My Banjo By Thomas Jefferson Flanagan THE AMEN BROTHER I He wunt much han' at prayin', out thar where they kneel Beneath the bush arbor in the ol' camp meetin' *; But he d jar the h ll sides with his flavored blends When the ol' preacher called out fer AmensNear the sent  he always took his stan', En when one came a-marchin' he was first to shake his han' He'd almos' drown the preacher at every  when There was the slightest chance of stickin' in Amen! He never pitched n hymn, d dn t pass collection plate Never lit the lamp because he d come too late: He never tolled the bell, nor held a. shoutin' ', Jos waited fer a chance to hustle in Amen.</t>
  </si>
  <si>
    <t>                                           Prominent Miss. Dentist Murders Youtlll                 BODY FOUND IN CAR Of! DENTIST S                 Well Known Dentist at Yazoo Confesses to Slaying                 GRUDGE BLAMED                 BULLETIN!!                 Hundreds of Memphluns wi-ro amazed Saturday  of the shocking  of Narvell Sanders by Dr. L. T. Packer, prominent dentist of Yazoo City. Miss. The mother nf Sandera IMps In Memphis and Dr. Packer has scores of friends and acquaintances here.                 His brother R. T., who is held in j.iil with him in connection with the murder, has been attending Rust college. Both brothers  visitors to Memphis. Mrs. Annie Packer, late wife of the confessed murderer was formerly Miss Annie Quinn of Memphis. MEMPHIS. Term., May 24. The mother of Narvell Sunders.    -C.:S.: Sunders, lives at 922 Lewis St., Memphis. With her are her three sons and two daughters. The daughters, Delora and Cornelia are school teachers at Carries and Mvlrose schools. Edwin Sanderi older brother of the slain youth, left for Yazoo City Saturday. The dead youth was a graduate of Kortrecht High and Henderson Business college. He had lived In Memphis more than 20 years and just left for his old home town two years ago. He was married and worked for Dr. Benjamin Dllworth, Yazoo City dentist This little Delta town was shocked Saturday morning to .learn of. the brutal murder of Narvell Sanders, 24. by Dr. Lawrence T. Packer, graduate of Mehorry Medical College and prominent dentist of tlie community. Sanders body was discovered at 5 o clock this morning by Officer Underwood. The officer was patrolling his beat when he noticed blood trickling out' or Dr. Packer's car In front of the dentist s home on Jefcrson street. On Investigation he found the      of Sanders with his skull crushed apparently by some blunt Instrument. The body- was on the rumble seat. Suspicion was directed to Packer because of the."..' circumstances, and he was arrested for questioning. After a hard grilling. Packer broke down and confessed that lie had murdered Sanders. According (Continued on Fare 2, Col. 1}                 Dentist Murders i CnutuuiiMl from Pace One to his .-m. the murder \va* the result or an old   ccn thn two. The murder took place in tin'  of Parker's ' and the body was placed in : car. No reason has been assigned for pl.; the body In the c::r as discovery was inevitable in such :i case.       slaying called tn the minds of the people  jf this  the I long  of bereavements which how como to this young and pn.  T in the short space of a. few years sine his graduation from Meharry. During this period he has had the misfortune of .suffering the loss of hie office equipment In a fire that razed the' building of Dr. L. T. Miller. Several close friends passed away also. Last summer Mrs. Packer, hi? mother, died suddenly In Hampton Institute where she was attending summer school. I"he last blow to affect the i!       was the sudden death, a few weeks ago of his wife. Mis. Annie Packer and his stepdaughter. Dr. Packer is held in city jail without bond. His brother. R. 7 being held alsc. Spencer Howard has been arrested along with the Packer brothers in. connection with tho crime The body lias been held by Stricklin and Co.. pending orders from the family.</t>
  </si>
  <si>
    <t>                                           Hundreds of Memphians were amazed Saturday to learn of the shocking murder of Narvell Sanders by Dr. L. T. Packer, prominent dentist of Yazoo City, Miss. The mother of Sanders lives in Memphis and Dr. Packer has scores of friends and acquaintances here.</t>
  </si>
  <si>
    <t>                                           E D_ IV I Ar L -.-[I JMiaMfff</t>
  </si>
  <si>
    <t>                                           ^GRADUATIONS G.I FTS* I Special! '.Diamonds, Watches,"-^ Fountain Pens I Best Makes j :J.L HOLLO  JEWELER i t 172 AUBURN AVENUE .~TTTVVTVTTTTTrrTTTTTYTTTi  This Ad Good for 10c onj .Any Shoe Repair Work  Hat Cleaning. ~!$ S: I CUSTOM SHOE REBUILDERS Hat Clcnninc (Odorlctti t-Lndict' Men's Soles Scwad     ^Vulcanixcd on (None Nailed)^ 11 EdKewood at 5 Points *  . 426B Downtown Delivery. GET ATLANTA WORLD VOTES YOUR CHURCH MAY WIN A CASH PRIZE! GOLDEN EAGLE STORES</t>
  </si>
  <si>
    <t>                                           Important Notice To Clubs! "Lifting at we climb," it the motto of the club, of Aframerca- Even more ,t the motto of the Daily World. A. we climb we lift something like 60 full-time employee, in Atlanta fiTr- Jh, V" ."".k MemPhlt'  rf hundred, of part-time employee, throughout the country. The.e employee, are your friend,, I some of them may be your relative.. Their welfare i. YOUR :.-.up0          ^E1LVES R Wh"     " Th?Ic,. ,are  ol"~"     V'k   40   =     in Atlanta and, although we would like to, it .tly impo..ible For the Atlanta Daily World to publi.h all of tho.e 400 club report, every  or even every month. Space is the mo.t valuable thing that any newspaper possesses. Even printing your WORLD every day a. we do, we find it hard to give the necessary .pace to the article! sent in by our correspondent*. Especially is this true about club new., and in order to give the clubs of the city the vary be.t service, the WORLD has found it necessary to cut down on the space allotted to this clubs. But which clubs should we cut out? That was the question! Finally we decided that the only way we 'could tell which clubs really appreciated the service given them, the only clubs that really cared whether we printed their new. or not. were the one. who co-operated with us by becoming regular paid-up subscribers. Most of the club members .are already ., so all the club ha. to do in that caie, is to hava the .ecretary or president change her subscription .and place it in the name of the club. Isn t that easy? .Or if you don't want to do that, it will only take a few cents from each member to subscribe for three, six or i twelve months. We arc anxious for our club-subscribers to get their new. in the paper every time the report is sent in, just the way they send it in. Our motto i. SERVICE, but to do this you must do your part also. Write your new. a. clearly as possible, pritt the names if you are afraid we won t understand them. Get your news into the office at least three day. before the next meeting.</t>
  </si>
  <si>
    <t>                                           MEDICS KEEP OFFICERS THEY HAD                 Special Clinics Hold Spotlight at State Confab in Macon                 ' THERE                 BY MILTON L. RANDOLPH                 MACON, Ga., May 17- For the second consecutive year Dr. M. B. Hutto, of Bainbridge, Georgia, was elected to head the Georgia State Medical Association. His reelection came as a result of the highly satisfactory manner in which he conducted the affairs of the                 ization during the last year. Dr. Hutto is a young, energetic professional man, with a suave manner that is very pleasing, and he opens his new year s work with an ambitious program for the improvement of the state organization. Dr. R. N. Jackson of Brunswick, Georgia was re-elected vice president/-* i*^^r1,^1/" Dr. H. E. Nash, of Atlanta, secretary of the organization polled a unanimous vote for re-election. Keen appreciation was expressed throughout the body for the work of this wide awake doctor in preparing highly scientific program for the annual meeting and for his business skill demonstrated i n keeping the organization out of debt His report to the convention was classed as the finest in the history of tlie organization. Likewise, Dr. Harvey Van Buren, of Statesboro, Georgia, won reelection as treasurer and much praise for the fine way in which he handled the finances of the organization. The dental section headed by Dr. R. M. Reddick, of Atlanta, presented the department with an unusual session, which brought to the convention a number of tho most outstanding dental surgeons in the state, excellent clinics, papers and demonstrations. The finest clinic of the meet was put over by Dr. A. B. Cooper of Atlanta. Dr. William Burney showed great skill in the field Ortliodontla. giving one the best clinics held in the state on Mal- in children. Dental specialists participating on the program were: Dr. R. H. Murphy, of Maconv Georgia, who gave a clinic on Gum He-section; Dr. S. L. Sllverman Atlanta, who gave a lecture on "Interesting Cnses In Oral Surgery," with lantern slide demonstration; Dr. Walter F. McFall, of Macon who Continued on Paze 2, Col. 1                 Keep Continued From Page One I gave a -'paper on, "Correlating, Preaching and Practicing In Childrens .Dentistry," supplementing his lecture "with a most complete table clinic. '(There, being no postgraduate' courses' connected with schools, on the subject of childrens i dentistry.' Dr. MeFall has been re- commended as the best source of information on this specialty in the southeast.) Dr. E. H. Respress. a member of the Georgia State i Board of Dental Examiners, gave I several fine demonstrations in im- i pression taking, full upper ami 1 lower. On Public Health Night Dr. I. H. Burney ol Athens. Georgia, delivered an address on, "Dental  Health," which proved to be ol" great interest to the laity and members of the profession. Dr. Burney is an interesting speaker of pleasing manners and is fully imbued with his subject. Dr. L. V. .Reese, of Atlanta and Dr. M. L. Walton of Thomasville.  valuable service in keeping the records of the clinics, such services' contributing greatly to the .success of the affair. Local dentists of both groups cooperated in making the program possible. In consideration of their very active 'service. Dr. D. T. Walton was elected vice president of the denial section and Dr. Robert Lockett, of Augusta was made secretary. The medical section held clinics at the St. Luke Hospital where 'inore than 45 cases Were handled by various physicians and sur.geans present. At the scientific -/Session Dr. E. G. Robinson, of ^.Augusta, read an interesting pamper on. "Typhoid Fever, Symptoms ;*and Treatment," as well as Prc^vention. This paper was of urgent ^Interest, s-inco Typhoid Fever, is on  4ho increase in rural Georgia. Dr.    . H. Cobb's paper on, "Tuberculosis In The Young," resulted in quite a bit of discussion among r.--thc physicians. "Gangrenous Appendicitis," with case reports was '"presented by Dr. C. W. Powell, ot "Atlanta, and commanded the    'tention of the entire assembly. Dr. -T. E. Rogers, a specialist in the  of heart diseases read a paper 'on. "Cardiac' Decomposition With t Edema," which claimed the  of the group for more than an ~'. Dr. Seekingor, of the Stale j^P.ublic Health department, deliver-ed an effective address on. /-"Communicable Diseases a n d .-~Their Control," which was re^. with great interest. c: ''Among the surgeons and doctors "present were: Drs. C. W. Dyer, I Neal Fraser. C. W. Powell. H.       Buren. R. B. Jackson. H. M. ^Holmes, G. A. Powell. S. S. ""Johnson. W. T. Ayers, F. D. r^. A. B[ .Tolinson, J. H. \.Griffen and E. H. Penneman. The Pharmacentical Department [elected J; G. Kyles of Macon, president; and William P. Harris, ,;of Athens, secretary. Dr. M. L.  was elected director of ^publicity for the entire organization and Dr. W. Neal Frayser, of  was appointed director of scientific displays. ,S?VTho social features of the meet Sjjn'cluded a smoker at the Pytliians Tgmple, a barbecue, at demon s c .farm, and a dance at the Pythian? Vl'emple. The Ladies Auxlillary was H^ the home-   Dr. and :.ters::K:-'S-. Smith. fj^ This ;39th Ahhunl Session will go i^ODwn in history as the "most  'ever held In the  ut  . The next  . and the date was left in the lianas of the executive committee.</t>
  </si>
  <si>
    <t>                                           MACON, Ga., May 17--For the second consecutive year Dr. M. B. Hutto, of Bainbridge, Georgia, was elected to head the Georgia State Medical Association. His reelection came as a result of the highly satisfactory manner in which he conducted the affairs of the...</t>
  </si>
  <si>
    <t>                                           I Sweet Milk Qt.--10c Pi. 5cj Swfd Crcnni. pt. 25c; Vipt. 13c Amos' Drug Store I ASHBY nt HUNTER ST. Phoni-i: Ma, 6 1 22 Ma. 6123 I</t>
  </si>
  <si>
    <t>                                           I CLASSIFIED I VOTES FOR Your Church When. You Use THE ATLANTA  WORLD CLASSIFIED ADS One Vote for Each Cent You Spend for ATLANTA WORLD CLASSIFIED ADS CIRCULATION j For Every New Subscriber VOTES FOR YOUR  One .Year Subscription 1. 000 Votes 6 Months Subscription 500 Void 3 Montln Subscription -.250 Votes One Month Subscription 80 Votes SUBSCRIBE TO The Atlanta Daily World And Help Your Church</t>
  </si>
  <si>
    <t>                                           ff%They        1"njg\jr\ ^and Unusual Wxjj^^J Commodities. ^^9^fl3 Know About fjT Vours And \j See How it Will Malcn Them Yell. CALL W A. 1459</t>
  </si>
  <si>
    <t>                                           SUNDAY 0N-7u;,r 31si.       ND TRIP  OBD ATLANTA lo MONTGOMERY. ALA  Ml TAKE A TRAIN HIDE SUNDAY CHEAPER THAN BIB STAYING AT HOME SPECIAL  ^BB   -. ATLANTA 7 AM: Ar MONTGOMERY 11:30 AH ]BH Lv. MONTGOMERY 7 I'M: Ar. ATLANTA HMO I'M  H LARGEST COLORED EXCURSION EVER OI ERAT. ^   ED FROM ATLANTA ACCOMMODATIONS FOR HH 2.000 PERSONS PURCHASE TICKETS IN AD. VANCE. PLENTY OF   H 1 HAI.I^: -rUI.IJ.lAN .S    THE  Bi MONTGOMERY cam' SOX  I1OWI MARATHON DANCERS NOW IN KULI. PROGRESS. H WASHINGTON PARK LARGEST COLORED PARK ^~^Bk 1N TK COUNTRY. SWIMMING POOL. PICTURE SHOW, OTHER ENTERTAINMENT. DON'T MISS ^BBl^ THIS EXCURSION I</t>
  </si>
  <si>
    <t>                                           2 Murders Added To List                 Two were added to Atlanta'* huge toll of NcgrOCH murdered by Ncfeiccs  Rooscvlt Dlmuns of 82       strc 't v/iis shot IP  by n man wlm been Idcn'.l wd b;J oc.!i-o an Robin Bucscy and Ernftt While ot 232 Besgcrn street  .1  stab wound nt iho                  or John Wee Wboil of a Piltmnn pln io address. Jealousy, according to neighbors, motivated Busscy's shooting of Dimons. Rumors  were  near the  fish joint at Hie corner of Old Wheat and Boulevard, thi! scene of Dimon's death, Kay thai the dead man formed the third angle to a love Triangle with Biissey's wife. Rnchacl. .The two had engaged in a quarrel earlier in the day. according to one witness, but had purled. Shortly after nine o clock, the two met again in front oC the fish si ami at SH Boulevaril. Sharp words were exchanged and according to witnesses, before anyone knew what was actually happening. Bussey h:td whipped nut a pistol and fired twice. One bullet entered Dimon's body through the right chest anil  out through tlm bast- of his brain the second missing its mark! passed through the window of the (Continued on l asc 4: Col. 5)                 2 More Listed Continued from Pago Ono lunch sland uml ended lu course in the ceiling. Dimon'a was            dead upon arrival at Grady hospital in Hnugobrociks'a .-mco. Bussey had not been  by police late Saturday , HIh large artery  when' stubbed through the night and loft shoulder by John Wee Wood of. a Pltimtm flaco address, Ernest White of 252 Et- streets died shortly * being admitted to Crady husi iir.l iati? FiMay i-1p.Ii?. AccTJi-! 10 , thu blade ot the  which must have been fully six or  Inches long, punctured through White's la:gc artery h; near  collar bone. When brought to the hospital, blood was spouting from the Injured vein, and White was in  condition. After naming Wood us his . he wos unable to toll just why     attack was made. Wood Is said to be still at large.</t>
  </si>
  <si>
    <t>                                           Two were added to Atlanta's huge toll of Negroes murdered by Negroes when Roosevlt Dimons of 82 Hogue street was shot to death by a man who been identified by police an Robert Bussey and Ernest White of 252 Beggers street received a fatal stab wound at the hands...</t>
  </si>
  <si>
    <t>                                           Lobar pneumonia is rather sudden in its onset, thus presenting a contrast to the usually slow development of the bronchopneumonia. The child gives a history of becoming facurely ill without previous warning. There may be a chill, an attack of vomiting, a...</t>
  </si>
  <si>
    <t>                                           A sermon by Rev. Henry Hugh Proctor of Brooklyn, N. Y., and reminiscenes by a number of persons who have belonged to the 1st Congregational church for more than 50 years, will be the features of the 11 o'clock services commemorating the 65th anniversary of the...</t>
  </si>
  <si>
    <t>                                           MRS. MUHN mfm si- ai, medium        If unhappy, a failure 'nlL*^p^BjB (f In (, , worried  **.  nt love nf faint,   clairvoyant and  will truthfully  and Mp    ;  the pant ai you alone knaw it. Ihr  a-i It ii and the fa. turf an it will be; (fits fall  of  you will . Rf*     dally, 10 r. nt tn H   , m. No  Sondny* or Friday*. No Kfifn, look for  Wanhlnston I. can 7 sn door. Special Reading*. Short Time, 50 cents 1S3S Lakewood Are. AtlaaU, Ga.</t>
  </si>
  <si>
    <t>                                           Roy Dobbs ace of Atlanta honor runners is dead. Dobhs was shot to death Sunday night, following an altercation over a whiskey transaction, by Mrs. Annie Smith, when he called to collect some money at the Smith home, rear 410 Fraser street.</t>
  </si>
  <si>
    <t>                                           M.E.'s Thrilled By Hall's 'Pearly Gates'                 "Pearly GatcR" directed by Prof. Frederick Hall and rendered by thirty students from Clark university and Gammon Theological seminary, was the hich snot in the weeks'  of the Methodist Ep'scopal conference in session in Atlantic City. New Jersey,  to  received hero Fridav. Tho attract on was sponsored by j the Methodist Board of Education as presenting its extensive  in Neero colleges, and was  'n tho Atlantic City auditorium before a   of Methodist leaders from all over, the world. The  n profound                 sion "nd is said to have received the most  ovation in its lone history of successful ;ons. "Pearly Gates is the work of Professor Hall, director of music at Clnrk university, and is in every sense an Atlanta product. It lins been  hero many times before enthusiastic audiences, and has nHo had  ul runs in Jacksonville, Chicago, and other  features first a typical camp  and revival, and then depicts very effectively the earthly p  to the ".'.'pearly" Rates" or to the other  na the case  bo.</t>
  </si>
  <si>
    <t>                                           Only a Barrymore could do justice to the fast moving, superb, and timely scenes to be found in R. K. O.'s "State's Attorney," which began a weeks run at the Keith's Georgia theatre, yesterday. John Barrymore has the leading role in this hit of the season; and his...</t>
  </si>
  <si>
    <t>                                           M -I Sum t N0W 1t TP in         1 A. M. I Tlirilln nn.l 'i V I "THE WISER SEX"    l\ VYN ,   .  13 ^ft  Saliinliiy! ;3 j.k. i:.  iii  i.oca /Jf ^Ms  Mntoi       " AS?   *O' t h:'i:a T!Kt!i'i"!B</t>
  </si>
  <si>
    <t>                                           HOLLYWOOD, May 28.--Left with a columnist story and no columnist to play it (Winchell turned it down), Universal probably will draft Lew Ayres to takeover the starring rote.</t>
  </si>
  <si>
    <t>                                           News Comes First SJn       eWorld</t>
  </si>
  <si>
    <t>                                           America's Monster                 By FRANK MARSHALL DAVIS                 finding of the dead body of the Lindy baby merely makes known what has  of the child; the crime is not yet solved and the black mark against America and a system of government which would permit such an atrocity is in no way erased.                 More than two months ago little Lindy disappeared. For more than two months the entire police system of the nation which calls itself the greatest country civilization has ever produced has sought in vain. Today the crime is still unsolved. T'he nation s grief and condolence for the bereavement of the hero and his family will not alone destroy the Frankenstein of unmolested crime and law violation which has this country in its steely grasp. The background for such a crime as the kidnaping and  of the helpless baby boy of America's idol is in our pastime of lynching, of disfranchisement, of a dual system of justice for the rich and the poor, for white and black. When it is seen how  go unpunished, is it any wonder that many could get the idea they could weasel out of a kidnaping? When it is seen how states and individuals knowingly violate every tenet of our Constitution and yet hold their heads high with few ever called to account for their misdeeds, who should be surprised if others seek to violate these same laws in their own way? When it is seen how jail doors close on the poor and the rich, able to employ skilful counsel, go scot free when it is seen how Negroes feel the law s full force in mixed cases and whites, in the same predicament, generally win their freedom, is it any wonder that law and order seem defenseless bogeys made to frighten only the weak? When America comes to realize she must either enforce her laws without fear or favor or else erase them from the statute books, the possibility of an atrocity similar to the Lindbergh case will diminish to infinitesimal proportions. The gentlemen in Congress who fought so hard to defeat law and order and have the Massie convictions reversed and who now demand a cleanup n Hawaii might bear these things in mind and start purifying this nation, beginning in Washington. Tf the child was the victim of a maniac, it is still an indictment of a social system which permits such creatures to be at liberty. If the victim of cold blooded and calculating criminals, society is responsible for them being free to do as they choose, and for those conditions which made them criminals. It seems that at every turn our whole social order is at fault.  Megroes should rejoice in the absence of evidence tending to show members of this race were the culprits, and that the discovery of the body was made by a brown man. Finding of the corpse will probably save Colonel Lindbergh thousands of dollars, hours of time, and will settle once and for all what became of his son. In most white dailies down this way the fact that a Negro first dicovered his body could be learned only after a thorough  of news stories. Had a Negro been named abductor, these same papers would have shouted this to the world in the blackest of headlines. A merica, what are you going to do?</t>
  </si>
  <si>
    <t>                                           Finding of the dead body of the Lindy baby merely makes known what has become of the child; the crime is not yet solved and the black mark against America and a system of government which would permit such an atrocity is in no way erased.</t>
  </si>
  <si>
    <t>                                           MR. B. D. LESLIE is back at home after a very enjoyable visit New York City.</t>
  </si>
  <si>
    <t>                                           Activities in connection with 29TH Annual Commencement exercises of Tuggle Institute will start Sunday afternoon. May 22. at three o'clock when the baccalaurcate sermon will be preached by Rev. L. R. Taylor Solma.</t>
  </si>
  <si>
    <t>                                           TIM TYLER S LUCK                 Fond Farewells                 By Lym Young                 Wiiu Tuem E41 3 PQOVlSlOMED. OII.EP  S(Z 1ME LONS HOC "  rue TO TJE1E W3S1 SELECTED  SPOT ON TOE NORTH  OP AFRICA. THE   XiKE-OFF =-LVIt-!S -FIELD   .'                 6*. BELOW THE CHEEPilNG POPULACE OP A          \ -LY , TEARFUL. FAREWELL TO THE.   AND WISH THEM SOD-SPEED ON THEIR. PERILOUS JOUGHsy OVERLAND AMD SEA</t>
  </si>
  <si>
    <t>                                           "These high-falutin' recipes for fancy dishes are alright," said Grandma Brown. "but I. have noticed that when the trian of the house comes home at night, he is Quite content to sit down to a good dish of fried chicken, with good old Southern cornbread to go with</t>
  </si>
  <si>
    <t>                                           St. Louis Church Is Celebrating Birthday                 ST. LOUIS. Mo., July 30 fAN P)- St. James A. M. E. church here is encased in the celebration of the 48th anniversary of its founding. A number of the most prominent ministers in the A. M. E. connection had served as its . Rev. J. A. Dames is its present pastor. Rev. S. R. Stanley,  elder and Rev. John A. Gregg. Bishop. ARRESTED FOR DRUGS NEW YORK. July 30 -Joseph McNiece. 31. was arrested Saturday morning for having ten decks of "heroin," by a policeman in the Narcotic Squad. McNIece had the powder hidden in his clothing.</t>
  </si>
  <si>
    <t>                                           HAMPTON INST., Va., May 22--St. Paul Normal and Industrial Institute ran, dashed jumped, vaulted and heaved to win the Eleventh Annual Intercollegiate Track, and Field meet here Saturday chalking up a total of 44 points for the day's work. Hampton was...</t>
  </si>
  <si>
    <t>                                           Step right up folks, the big show starts Wednesday, continuing Thursday and Friday. Oscar Micheaux's "Veiled Aristocrats" with an all star colored cast. We don't happen to know much about it but here's the story:</t>
  </si>
  <si>
    <t>                                           ^Rogers Stores HANDLE ATLANTA WORLD CtbVERLEAF.C  S T TICKETS GET YOURS WHEN YOU BUY AND* HELP YOUR CHURCH WINS A CASH PRIZE. Get Your Trckets!</t>
  </si>
  <si>
    <t>                                           On Wednesday evening July 6 Mr. Charlie Williams and Mrs. ... Williams were joint hostesses at a surprise birthday party in honor of Miss Johnnie Williams at their lovely home on Griffin Street. N. W. The home was beautifully decorated with a gorgeous...</t>
  </si>
  <si>
    <t>                                           I Funeral Notices                 TURNER Miss Ponrl Turner passed nway May 17. Funeral  pending. Murdaugh Bros. WRIGHT- Funeral or Mrs. Lilllo Wright will be announced later. Hill Funeral Home. MURPHY- Mr. Richard Murphy of 484 Duvls street, pawed  Mny 17. Funornl announcement ponding. MurdaUgh Brns. PORTER- Friends and relatives of Mr. Tyrcc Porter, Mre. Adllne Battle. Mr. nnd Mrs. Walter Ellia Mr. and Mrs. Obie Douglas, Mrs. Vcrna Mae Freomnn, Mrs. Lilll.-m  Moore. Mr. and Mrs. John Kirk, of New Orleans. La.; Mr. Sam Lawrence of Crestllnc, Ohio, and Mr. and Mrs. Jack Smith, of Dayton. Ohio, are Invited to  the funeral ot Mr. Tyree Porter at our chapel thin (Wednesday) afternoon at 2 o clock. Rev. J. ,T. Daniel will officiate. Interment South View. Ivey Bros., morticians.</t>
  </si>
  <si>
    <t>                                           Alpha Phi Alphas Present Hunt as Speaker Tonite                 H. A. Hunt, principal of the Fort Valley High and Industrial school. Fort Valley, Ga.. will be the chief Kpcnker on the closing program of the 13th annual Go To High School Go To College Week observance hero at 8 o clock tonight at the First Congregational church. The program Is being sponsored by the Atlanta alumni chapter of Alpha Phi Alpha assisted by the Alpha Rho chapter at Morehouse and the Alpha Phi chapter at Clark. Throughout the -week, members of the organization held conference with the student* at the various high schools in the city and gave a number of. programs, among them a series Thursday night for the graduating classes of the night schools. The aim of the fraternity is to stress the  of an  on    4, Col. 4)                 Alpha Phi Alphas Continued from Facs One tlon or a profession as the only means to an ultimate economic future. Tlic program Tim- tonight will include an organ  of  and fraternity  ongs by the church organist, Giaham Jackson: invocation by Prof. E. Luther Broukvs: National Ne^ro Anthem, congregation: "Educaticnnl Activities of Alpha Phi Alpha." M. V. T.; music: address. H. A. Hunt, fort Valley. Ga.: ami Jhu Alpha Phi Alpha hymn. The public is cordially  d to '. the program.                 Aviators Escape Death In Forced Plane Landing BRUNSWICK. Ga., May 15.- Charles James, pilot, and Alexander Nelson, parachute jumper, had a narrow escape from death Saturday afternoon when their plane was forced to make a  about ten miles north of this city. Due to the skill of the pilot the Bhin was  to a safe  in a swampy section. Mr. James had to dodee a  number of stumps in order to brine; the plane to rest in a cleared space about a block square. The machin.e an attractive blue and red Air Boss, had its maiden f Htrht last Saturday afternoon over Dodd Field. Atlanta, after the pair completed arrangements to purchase it from Russell West A broken uas line is blamed for the unexpected landing.</t>
  </si>
  <si>
    <t>                                           In what turned out to be one of the most significant first boxing nights in Gilbert-Roby presentations, a half dozen or more boxers and wrestlers did their darnedest to amuse and befuddle, a thousand black and white boxing customers in the Roby outdoor arena last night.</t>
  </si>
  <si>
    <t>                                           Men have done many wonderful things of which we are proud; though man has struck this earth with knowledge, forethought, and experience, and caused her to bring forth rich and varied productions. Man by his magic touch, earth, sea, and sky have laid their treasures at his feet; though man has been able to send a message around the world in less than a minute's time . . . yet all the remedies of the most gifted</t>
  </si>
  <si>
    <t>                                           BYJ HBJ BbI  -^bhh Hvf HHJ IhhJ HHi Nfil Hen     Mm MW  Hh^^^^ bh ^^    w^m ^^^HV ^9H ^^h ^Hu BB^^^^^ ^^H^^^^ ^^U ^^HB^fl BWI BHI IHff^^^ HBi H^l   j m^M B^U HBI HBI HH9 HBI HBI Bnl HOI BHI BH9 HHHH1 HEm Okv \*qi HB ^DB MB HBI ^Bi vHH HHI BHI HHK HOBu HHi HSB Km HOB BB HHL^AHJ Bfll ^H^. AHi HHi HHi 'HHK. .HBJ BHl  BWj bBJ BHI HRB ^ BXB t?W B3  wHm HBH ^Hm HiHl wEH H2I HSB HDe HBjI  bVI HBi BWi HVI HtH                 ACCUSED OF BEING OFF S15I0                 Bishop Johnson Said to Be Trembling With Fear                 VERNON WAS 1ST                 CLEVELAND, May 12.- (Special) Charged with misappropriation of $15,000 in church funds. Bishop Joshua A. Jones, Now York, was ordered .suspended for four years Wednesday by the 29th quadrennial conference of the A. M. E. Church in session here at Woodlawn .                 His is the sc;cond suspension of Ihe convention. Bishop William T. Vernun,  lives in Dctriot bill whose district is in Arkansas, was suspended Monday for a shortage over four years amounting to $17,500. If Bishop Jones shows sufficient repentance by (ho time the next quadrennial conference meets four years from now, he may be reinstated. The action was the result of an investigation conducted by the   board which has been considering the case. Bishop W. Docker Johnson, of the Mississippi district, is reported  In his boots. Friends of his are losing their optimism anil expect he will be the next to bo suspended. A shortage of $7,000 in his. funds has been alleged with first  coming up at the meeting  in Tampa, Florida. Bishop Vernon's Case Bishop Vernon was accused ot accepting an average of $4,500 a year for the support ot his Episcopal residence in Arkansas, which he maintained in addition to his home jn. Detroit. This amount was over and  his allowance as prescribed by the discipline of. the church. The conference was stirred to its depths when  report recommending suspension was read. Then followed some ot the cleverest parliamentary manipulating ever witnessed In a Ntgro  body. Bishop Flipper with Bishop Parks presiding. charK-.'d that the indictment was fault/ and the trial irregular and sought to return it to the committee. A vote of the conference was demanded. When taken it showed 480 m favor of the sentence recommended and 138 against it. Most of the Vcrnon support came from Arkansas and Mississippi. The influence of Ira T. Bryant and other leaders of the lally was conspicuous by its absence. Bishop Vermm when the  were announced sprang to his feet and began an impassioned address. Continued on Page 2, Col. 2                 Bishop Jones Continued "from Pnse One With all the power of his  .. he made a dramatic apical for       ami understanding, d   he was Innocent. Ho offered in make . So moved was the conference that 1l was  Ihnt a reconsideration will be had before the week Is over. Rev. C. E. "Flgluing" Brooks of Champaign. Illinois served as prosecutor against Vernon. He was assisted by R. H. Burncy Ohio,</t>
  </si>
  <si>
    <t>                                           CLEVELAND, May 12.--() --Charged with misappropriation of $15,000 in church funds, Bishop Joshua A. Jones, New York, was ordered suspended for four years Wednesday by the 29th quadrennial conference of the A. M. E. Church in session here at Woodlawn center.</t>
  </si>
  <si>
    <t>                                           HOW BESSIE BECAME THE MOST POPULAR GIRL IN TOWN Bv Mr. Johnson                 OL' H0T  By Ric Roberts</t>
  </si>
  <si>
    <t>                                           MILT WASHINGTON, star Temple quarter-miler who developed from a mediocre schooboy half-miler to a rattling good college 440 man has abandoned track for the remainder of the season to concentrate on his studies.</t>
  </si>
  <si>
    <t>                                           Speeches by outstanding members of Alpha Phi Alpha at the various schools of the city today will bring the Go To High School Go To College movement of that fraternity near a close. Today's programs the last until the concluding program Sunday night...</t>
  </si>
  <si>
    <t>                                           TIM TYLER S LUCK The Reception Committee Q, t j^~^                 *S^UNCLE                 TELLING 7UWWFr8 v -"..v 'By Pirn                 THEM DAYS ARE GONE FOREVER                 ^n STX^I^AT^LIF^IF^OU^DON^TOA^Np' By" Jack Rabbit                 DOROTHY  By^Charlds MdtfdSu^</t>
  </si>
  <si>
    <t>                                           The Adverfisers in These Columns Want Your Trade</t>
  </si>
  <si>
    <t>                                           The clean-up campaign under direction of the City Beautiful Commission, was launched in district six yesterday by Captain C. R. Remmey, white, who has charge of the safety division In this district, like In all districts where the campaign has been carried on...</t>
  </si>
  <si>
    <t>                                           The departures of few Atlantans have occasioned the genuine grief and regret on the part of the entire citizenry as that of Mr. C.W. Washington, former secretary of the Atlanta Urban League, who left the city Saturday for St. Paul and Minneapolis, to take charge of the...</t>
  </si>
  <si>
    <t>                                           The Montgomery Grey S o x dropped the first game to the Birmingham Black Barons to a count of 11 to 4. Jasper, hurled for the Barons and was In excellent condition by holding the Grey Sox scoreless until the seventh inning. He gave tip only four scattering</t>
  </si>
  <si>
    <t>                                           Saturday evening Alpha Rho chapter of the Alpha Phi Alpha Fraternity was host at one of the smelliest swankiest affairs of the season. bringing together each of the entertaining arts In a most delightful fashion for their various friends who attended the buffet</t>
  </si>
  <si>
    <t>                                           rrr^^ W" ,M,"'"""""""""""~" .n,.~...~T.,,  17* 1 If' Next week, beginning Monday,        1, and continuing -1 SucceBS of IT,e Atlanta Daily World and its amazing growth FV* fll#~oir i World s :-r:^rr:z  ^1---</t>
  </si>
  <si>
    <t>                                           v, Bbhj Let Me    *e You! BSg DON'T DELAY I. CALL AT  tSk I. in 5 ha" b"n CURING      . Hint hm SB AtlinU  or  Dgt No m.tt.r wh.t Toor  I.,,  how  HjET nor  m.r br. 1 urn too to oil  nd K it one*. 3BM Tmtrafnt it Trrr             in com. MB No            or .l     *     . An dl Bgai  wilh mr pqr.       -             EjCj  In  an. H^j MALE OR FEMALE CALL OB WRITE H DR. T. Y. YOUNG 888 WITH THE ORIENTAL HERD CO.   HERB8 AND HERBAL COMPOUND SpSilllt WjnMd Ate. WA. 218S AtUnU, C.</t>
  </si>
  <si>
    <t>                                           In my last article, "Condemned Prisoners at that at Kilby, when I was ... only two classes of prisoners did not work. One class bing the condmned prisoners and those held in the condemned cells for general safe-keeping, pending a trial, etc.</t>
  </si>
  <si>
    <t>                                           ~'LIEf)i IN LUCKi-S I -Ir*rtA*"/  .  believe k; I  Wchta'thlnttiCMnurvttoaxCurtoksrtdconftldM'Uiam  LUCK CHARM Icr tho        pr*.  of CmI U*ch.   ,'cte., and     *M attraction Of COOP LUCK In Ciiim, Monty* BttSlnaUi Ltnt, H*.      *7 Why  6  Clalanly S1.97 forth*    ,      (~tt wKK  full '0  *tT- SATIfcf ACTION 0UAitANn:CO or     . . You Can-t Lntl OMtrYoun N0W1     -T R3 P.S.'      ,OonvralP.O. Box 72. BROOKLYN, N. V. HOtKIt    '  thr)~          6.n1m.~Lode*ton*~ are  Jt.-~t r^ut    ,vi(  nt  sy*yw-uc I!m -.Y All . ^UCrtLY MACNLTtBt   ad M^V TODAY 1 (i% P.* -How One Woman Lost 20 Pounds of Fat 1 Lost Her. Prominent Hips Double Chin Sluggishness i Gained Physical Vigor A Shapely Flfuro It you ro fat- first remove     1 jj cause! Take one half teaspoonful .of ^Kiuschen Salts In a glass of hot water In the morning in- 3 weeks f get on the scales and note How: J; many pounds lat havo vanished. Kotice also that you have gained] in energy- your Is clearer you feel f younger in body- Kruschen will give) any lat person a joyous surprise. But be sure it s Kruschen- your -health comes first and SAFETY first. Is the Krusrhen promise. Get a bottle of Kruschcn Salts from any leading druggist anywhere In America (lasts 4 weeks) and the cost is but little. If this flrst bottle doesn't convince you this is the easiest, SAFEST and- surest "Way to lose fat^- money gladly ._ asi-.r-:--       . --^t2 jKj/       - To *sell  tbf tf3^~to*Slo - that 'ttra! the  ^permanently  tbe use of  cr }     . You can t  to  bis  ^         week selling this  other i . ^.. Only ~.UrolUd num**Jbcr of .tx rill ce appointed in rich ^. Wr'** ace fsr lull           *..obi;)ti..- Mar ^~I1 'Research incy*-    Thlid-Ar; Korth,- BlrnHnshnn. Ala.!</t>
  </si>
  <si>
    <t>                                           The Atlanta i i Daily World THE ONLY NEGRO DAILY IN THE WORLD Classified Advertising Rates DAILY SUNDAY 14c a line Ho line Consecntlve Insertions Dally and Sunday: Three  He aline 8 times 10c a line Thirty times or more 80 a. line Plre  of .~rage  .ax*  as a tine. The  charge It too price of tw. Ibiea.   .; Ads Taken Over Telephone:! re accepted from  Uated I* the" telephone or ehr   . In  for Ihli                  to remit the dar  InMrtlon. On all  tent or Mall        order. All DlacontlnnanM* MUST fee made In penon at tha World office or br . Telephone                an NOT . ERRORS If anr error h made, Tho AUanU DallT World It  for only one Incormt Insertion. The  li    * . The    Immrdlatelr If   7  jfc . 1^'J^B j CLOSING j AdTertfMmniU In Ttis-Atlant* JUIlT for th. Sonday World will be  Dp  P. M. SataHftr. Tin off.   re open dally except Soitdfy  $ P. M. for Um   f  ATLANTA DAILY/ f WORLD I WORLD WANT ADS       . JUST CALL WAlnat 1459 -and auk for ao Ad Taker</t>
  </si>
  <si>
    <t>                                           WILL ROGERS, after his familiar eccentric mode, when interviewed on humor by a COLLEGE HUMOR staff writer who asked him "if a man had to be born with a WIT", answered "No, young feller, but a HALF-WIT would help". Now, if that isn't putting "English" and double spin on the cue ball, we'd like to know what is. During the same interview Will Rogers insisted that the only time humor was plentiful was when Congress was in session. There is also a yarn afloat to the effect that Will Rogers was one of...</t>
  </si>
  <si>
    <t>                                           REV. BARNETT FROM Chattanooga, Tenn., the coal burner will preach at Piney Grove Baptist Church on Dell street. Come one come all.</t>
  </si>
  <si>
    <t>                                           Suspend Fine of Widow, 60, Beaten on Car                 JUDGE CONE SUSPENDS EINE                 Youth Same One Who Hit Customer at Grocery Store                 RESISTS ARREST                 By CLIFF MACKAY                 Mrs. Corretha McCbrin. 60-year  widow, who was brutally           the fare arm body by " Bsarden. white. lifter she re H--C-1 lo let him board a street car Imul of hier, was fined $12 by ' John L. Ca:ie. after it was  that shP                                  Hi" fine was suspended, however. In. ice Cone In levying the        it  understood (hat It v:z* hecause Mrs. MccCIarin had stated to an officer that she  not Ro to Jail, after the officer hail  a case of disorderly conduct "Cainst her. Ir a x- cross examination 'if Renrden. Atty. A. T. Walden. president tf the Atlanta Branch A.A.C.P.. defending Mrs. Me CM^irin. brought to the attention of (h? court another case of colored  boing beaten up In which Bearden was the principal . The case was that of Mrs. Robert Whltohead, who was almost ns brutally beaten hy Bcarden. al that time a clerk in a Boulevard nnf! H:ClrJ:ind avenue grocery store. Two additional witnesses, white women, brought '-no the trial which had been continued from Saturday, failed to relate where Mrs. MrClarln had called Bearden my epithets as he had previously  as the reason for     ! her. K The two women, who said they .vcre seated directly across the aisle from the two. told how Bearden lad followed thc aged woman from he front of thc var to where thc ^ were seated in the rear, ind kept up n constant bickering  vith her from Edgewood and       street where she boarded the  ar until she rang the bell to get iff at Randolph street. They denied hearing any profane  being  by Mrs. Me Jlarin. but stated that they had  Bearden several times Hiring the conversation, tell thc  to shut up. A small girl who lives in front it the corner where Mrs. McClarn was forcibly ejected frum the Continued on Page 2. Col. 5                 Suspend Ftoe (Continued From Psee 1) car V its operator. G. T. Gannon. said she was sitting on her front porch when the  occurred. Mrs. McClarin was  on the curb, her broken eyc-KlaxseM in her hand llic  irl  iid, when Motorcycle Officers Bishop nnd' Carroll came up uiM  her  wasthe ~'!- AItcr sho Kl\d  Ihbm. the Rlrl said, ihc policemen I  the streetcar and shortly after returned to  he corner nnd  f.'i- .Mr?- McClnrln. Acerrdlna to lhe B'rl'K  the officers  thut.  have be.' her up under the same '- and told tht woman  hnt t^io "T-. under arrest. Mrs. McClniin told them several times In I fho w.is not ROinR to Jail, ihc j -irl r:nd. Thrrc   Includnn A Gisivcs, real estate denier.  1 I Hollowav. Auburn  .Irv.cler, told of Mrs. McClar- ;n':;  ior p- ai.u r-rii K"Od character. In an eloquent "-  \nv W'ahlon a*kcd that  casr i he ili-- sintc the          ' :i!:.l nnt proven that Mra. McClarlp I                 hail         profane  n* Bcunlcn had at first contended, iml intimated  il any lino u.ik  0:1 the nR"id woman, such in act would merely be. added : to injury r and would be a ;  ot jus'.ice.</t>
  </si>
  <si>
    <t>                                           Mrs. Corretha McClarin, 60-year old widow, who was brutally beaten about the face and body by Odell Bearden, white, after she refused to let him board a street car about of her, was fined $12 by Judge John L. Cone, after it was cetified that she resisted arrest...</t>
  </si>
  <si>
    <t>                                           PAINS that many women suffer  T 1     Ukon Cardal far bearing-down pains la ths lower put of my body, also (or weakness In my back anil pain In my side. I suffered a long time before I reed about Cardul, but after t , taking It I felt better. Altai taking three bottles of Oardnl, I didn't bare any mor* BE9 trouble." asm) Itarr Wmru wn VToitKX who     raa-^. ran er   month,  wBH ta^o Cardul to build up   health, and In that way EH^-^^i ps        * painful  fi?Wr5                w*    ^l)] ne"- Cardul li a purt(SlIpMa     lr ,  H^SsJj^' li         . Whan 7OU ffly**Z55p!ij 'I  Cardul. buy EjiwiS^s        and take It  A 'i 'ar^* 8 veral bottle! Hi l^u K'i maX Ds needed. Olra HH *5 It a  trial and    FSril   t-S. If It will help you U m'""S^- u b u  ho t^~l many Kii;=2 x5B Komen. kuha         '~~ j! Sold at  .</t>
  </si>
  <si>
    <t>                                           FAMOUS i! FACE THAT  THE TTO YOUR CHEEKS Be radiant, beautiful, popular. Let your skin sparkle with -of beauty. Use Genuine Black and White Bcnuty Creams regularly. They bring quicker results because they arc finer quality and more scientific. And the prices are so low that everyone can afford these fine, luxurious beauty-giving Black and White Creams. i Smooth on genuine Black and White Peroxide Cream and protect your skin against the coarsening, darken' ing effects of v:ind and weather^ t This snow-white cream contains just the right amount of peroxide to brighten your skin and keep it light, i fair and beautiful. Large jars, of genuine Black and White Peroxide Cream only 25c at your favorite drug store or toilet goods counter. Genuine Black and White Cleansing Cream sinks deep down into the skin and removes dirt and * tics which cause bie pores and bumps. Keeps your skin fresh, clear and radiantly beautiful. Large can of Genuine Black and White Cleansing Cream only 25c at your favor* itc druggist or toilet goods counter. Use genuine Black and White CoM: Cream daily and your skin will never grow old. This rich, nourishing cream erases wrinkles, strengthens face  and keeps your skin soft, firm and young. Larcc jar of genuine Black and White Cold,, Cream is only 2?c at your favorite.. ^j drug  torc or toilet goods counter. BLACKSSVyHIIEsf BEAUTY CREAMS</t>
  </si>
  <si>
    <t>                                           Accident Victim Dying?                 The bad luck jinx hit the juvenile portion of the family of Mr. and Mrs. Arby Jackson, 269 Green street, once more, when, about 1:20 Monday afternoon, 6 years old Otis Jackson was knocked down by a truck at the corner of Fort and Old Wheat streets. He was taken to the Grady hospital where it was discovered that the lad s log was broken, an arm fractured, while his skull was battered. Up to a late hour Monday night he had failed to gain consciousness. According to H. W. Adcrholcl, of 462 Highland avenue, owner of the truck, the youngster darted from behind a wagon and directly into the path of the automobile. H. R. Wheeler, 674 Bryon street, was driving at the time. The truck which was going south at the time, was brought to a halt before the rear wheels could pass over the youngster s body. Mr. Aderhold, who took the injured boy and members of the family to the Graily hospital before reporting the accident to police authorities .stated that the front ^" pass over- tho boy s body. It was about a month ago that Otis' little brother, Lewis, three years old, was knocked down by a car driven by a colored man, near his home on Green street. The tiny tot s collar bone was broken. Man Refuses To Tell Who Shot Him or Why Refusing to talk. Mack Bowder, 441 Georgia, avenue, was brought to the Gnidy hospital in a serious condition about nine o clock Monday night by Weldon Foler, 276 Green street and Claude Mims. 676 Fraser .street. The man, who was shot in the neck, the bullet going down into his lungs, is believed to have been wounded on Reed street between Georgia avenue and Glenn street. Officer .T. E. Wiley, stated he was unable to obtain any motive for the shooting from Bowder while he refused to explain the incident to hospital attaches. Radio Officers Pittman and Richardson who were dispatched to thc spot where he was found, also failed to discover why he was shot and who did the shooting. Ho is said to have had a tennis ball in his hand when brought to the hospital.</t>
  </si>
  <si>
    <t>                                           The Sykes Trio from Bethune-Cookman college rendered an entertaining program at the Majority Baptist church on Thursday night which was enjoyed by many.</t>
  </si>
  <si>
    <t>                                           _3? ^TATE NEWS                 Gainesville, Ga.                 The Northwestern Sunday school convention which convened last week ot the Timber Ridge Bnptisl church had u. very succesful session. All the churches mude fine reports while the First Baptist church of this city, made the largest amount which was $20. The                 delegates were electrified bv the great sermons which were ik  J throughout the session. Rev. Force and his members were vicing with each other in taking cure of the delegates. It will be of much interest to  the friends of Miss Zura Lee Fields and Mr. Charlie Thompson to learn of their marriage which occurred on July 13. ut the St. Johns parsonage with Rev. J. C. Gaffney officiating. They are now at home on Myrtle street. Miss Christine Doyle of 60 Athena street, has returned after attending summer school at Morehouse college in Atlanta. Miss Georgia A. Harper has returned from Hampton Institute, Va where she attended the cummer school there. She reported a very fine session nnd 'here \verP more than 100 students in attendance. A birthday party was given In honor of little Miss Betty Sue Jet Clark last Thursday afternoon at her house. The main feature of the evening Was games. Many beau tiful presents were received and appreciated by the honoree. A delicious menu w.is served. Miss Ola Glovfr entertained on Friday evening honoring her guest. Miss Hilda Davis, of Washington. D C. Those enjoying the hospitality were Mr. G. W. Stephens. Mrs. Maud Bowdain. Mrs. Alberta Kinner, Mrs. Ella. Doyle, Miss Lenora Doyle. Miss Dora. Chamblee Mr. and Mrs. J. B. Morgan. A delicious salad was served. The Busy Bee club met at the home of Mrs. Lacy Worsham. 107 Athens street. After a business meeting the club was delighted to welcome Mesdnmes Davis. Weir and Wright as members. An interesting talk was given by Mrs. Riley. A delicious ice course was served. The next meeting will be at the home of Mr*. Weir. Mrs. Mae Worsham. pres.; and Mrs. Pauline Jones, secretary. The Galnesvile Tigers met and defeated the strong Hurtwell team on their own ground last Monday with a score of 3 to 2.</t>
  </si>
  <si>
    <t>                                           The Northwestern Sunday school convention which convened last week of the Timber Ridge Baptist church had a very succesful session. All the churches made fine reports while the First Baptist church of this city, made the largest amount which was $25. The...</t>
  </si>
  <si>
    <t>                                           Next Wednesday morning when the sixth annual Georgia State Open tennis tournament takes place on the Spelman college courts, the out-of-town delegation will be one of the strongest and one of the most colorful ever to invade the Gate City for the yearly classics. There will be classy strokers from Jacksonville and West Palm Beach, Florida; Fort Benning, Georgia; and Tuskegee Institute, Alabama.</t>
  </si>
  <si>
    <t>                                           HELP YOUR CHURCH. Buy at Eogers AND SWELL THE VOTE TOTALS OF YOUR CHURCH Win a CASH PRIZED  6h_5     -WASH ArENTS. ? To Mil r.          ^rSr . Writ*, woT*'. Un-3O' CoItuKc'Gnivc Avb. ; hi:  Money, Love, Easy" Ufa SUCCESS WRITE TODAY, Hm matter'. hov.bsp^lea yma aat OMyweanl I Gunrantcoto HcIp^You' M. WILLIAMS 8 % MlBertcoArc I B  Cirr, n. x DcpU E.-5S1</t>
  </si>
  <si>
    <t>                                           TIM TYLER S LUCK                 The Observation To^                 .By            \                 "TELLING TOMMY"                 V5V .                 THEM DAYS ARE GONE . v                 "ITS A GREAT LIFE IF YOU DONT WEAKEN'!                 IBy'Jack* Rabbitf                 DOROTHY DARNIT                 By Charles McMtfnuf -v                 BILLY S UNCLE</t>
  </si>
  <si>
    <t>                                           Smart Fashions ~-j--/~Smart Women Dainty Dance Set PATTERN No. R13 Simpliflcil Illustrated "iis 'or cutting ana sewing arc' ;il with  pattern Thi'y Rive  lP  fnr making these Biirmcnlit.'   that s  nml practical in a Hummer dance    t! It's owl, trim in lino, , M\Lk. and simply i. tor the \.'m. in . Tin* brassiere is raile in  desirable uplift  with ;i smar: Imv b:cck. an l little tucks tli.it assure a. splendid fit. Tim                  made with a  lo Rlv.- a smooth, .sleek line  tlio hips. Size* R 16. 30. 38; 40.- 12. 14. Size 30 requires 1 3-4 yards of ^flinch material. 1 5-8 yards ol 30- inch material. Tn uct a    r tins m-icl' I send  CENTS USc) in ruins. Plea-a- write very "plainly your AME AND ADDnraS. : NUMneil and SIZE of each pattern ordered. Our now fashion  with n-lnr 1 nt.      Tnris style news is I'vw available ilt ten i- whi-n ordered \v"h a    fifteen .-i when urden d - j CSt-nd all orders     the Smilhern I Nrnsiupcr Synilcair, 21fl Auburn Avenue, N. E., Atlnnta. Oa. I</t>
  </si>
  <si>
    <t>                                           f D I TO R; I -JIM' JL* EE2]J</t>
  </si>
  <si>
    <t>                                           Em^ISi ED I X R I m L EBEIBa I</t>
  </si>
  <si>
    <t>                                           An Investment That Has No Equal I The First National has ALWAYS provided a Savings Department for the people of Atlanta and this section. Through the years it has shown a steady growth in deposits-money belonging to people who know that a savings account is the best investment on earth. ^^~w*^e*~"' g^FIRST A NATIONAL BANKy^^/t/a Chcckinir Accounts Snvinps Accounts Trusts Commercial and I'orsonnl Lonns TRUST COM PAN Y of G E OR G I A Trusts Investments MortRatce Loans Banking''..'". iV FOREMOST IN FINANCING SOUTHERN BUSINESS"/ ';\*f</t>
  </si>
  <si>
    <t>                                           CLEM SHOPS PLEDGED By BARBERS                 Talking straight from the shoulder. P. R. W;. fourth vice president  Associated Master Barbers f Amerk-a association, held more than 100 barbers and barber shop owners in a "hot revival" state of attention for two  ,is he pointed out to them                 some very .il problems confronting ihem and clearly  lined their duties to the public in a meeting at Die Butler street Y. ai. C. A., Wednesday night, i This meeting, the first of a Series of educational sessions that 'arc being held for colored and white ' alike, the white group meeting at the Henry Grady hotel, was opened and closed with prayer by nev. J. W. Spearman. S. F. Griffin, presided. "Get started on your new program tomorrow morning," C. A. Morrison, chairman of the Georgia State Barber Commission, fan-ly shouted at the assembled group. have your porters clean up and polish .up your shops and  them the places where decent people are willing to come and gel good, sanitary service I'm with you. and I want to help you. but I must insist that the slate laws be rigidly enforced." Several women, including Mvs. Viola Wilson Herndon, director of the famous Herndon shops, anil Mrs. Wiilton. who is in charge of two shops, one ond Auburn and one on Decatur. were among those present. That the barbers have failed lo keep  of the times was brought out by Mr. Wagner who painted a background for his lecture by showing how the country had been revolutionized by the automobile radio, electric refrigerator, and other improvements brought about by research bul how the barbers were still plodding along with the sumo old methods of the horse and buggy days. A  history of bartering was given in which the speaker cited the fact that at one time the barber was a learned man and his profession highly respected but how ground had been lost through the failure to use ethics and keep abreast of ihe times. Mr. Wagner further elaborated Continued nn Pncc 2. Col. 2                 Clean Shops (Continued from Page 1) upon Commissioner Morrison's challenge for many of Ihc men whom he kr.ew made as high ;is I S40 ;ind $50 per  explain why they are n"W (jetting only $10 and $12. "The first man in the shop in the morning stretches out in the front chair and takes a nap." he charged. " omes in ;tml goes "tit without waking him up." The  on the fir^t chair tells all of the.t customers thru come in that he    j the only  barber" in the shop whereas every barber should he equally qualified   . wait on any j patron. Quick jobs arc turned out It t" get " paying" customers, j while every " is made to  that he is not wanted. Make every patron Ice) at home. "Many people have quit  their shaves and haircuts in bar-i. ber shops because of unsanitary conditions." the speaker explained j as he exhibited ;i number of unsightly towels, combs, brushes', and other tools, tii.it had been used since January to obtain -tions in Kentucky. Florida. :md Virginia. The exhibit, an education in itself. convinced the audience that their own lives, as well a? those of their customers depended greatly upon the sanitation methods used in their shops. The tilth and dirt on tome of the towels, and in combs and ?. clearly revealed h w easily diseases may be transmitted in unclean *hops. A demonstration of some of the principles of massaging, and other new scientific wrinkles closed the J lecture which was ito well received thai :i large number signified the i desire to sign up for classes in Barber Science that  start in the very near future. If enthusiasm i.s r.n index. Atlanta, barber shops will be perfectly desirable places to get a  and a haircut with in the next few days, with the customer I having little or no tear of infection</t>
  </si>
  <si>
    <t>                                           Talking straight from the shoulder, P. R. Wagner, fourth vice president of the Associated Master Barbers of America association, held more than 100 barbers and barber shop owners in a "hot revival" state of attention for two hours as he pointed out to them...</t>
  </si>
  <si>
    <t>                                           STUNTS that  the Field Day exercises of the Lee County Training School, recently. MiM Ruby Brown had charge I of the exercise for girls.</t>
  </si>
  <si>
    <t>                                           I GEORGIA ^I^",T 1     "LAir twb  More thrill, linn "    IB'-'-- Croirdi Koati" In Open' "SKY.: BRIDE"</t>
  </si>
  <si>
    <t>                                           Hint Dentist Slew Pal foil Knowing too Much                 BODIES OF 2 SENT TO BE DIAGNOSED                 Dentist Popular But Quiet at College; Net is Closing                 GOT THOUSANDS                 YAZOO CITY. Miss., May 27- With the bodies of hi, wife and stepdaughter exhumed and tent to Mississippi A. and M. college for laboratory testa to ice tt they died of  and insurance companies also investigating their sudden deaths, allegedly from ptomaine                 poisoning, the web of the law seems tightening (lowly but rarely around Dr. L. T. Packer, prominent young dentist here who last Saturday hacked to death Norvelle Sanders, young Memphis youth who previously had been considered his pal. Although an old grudge has been blamed for the death of Snnders. officers here an- working on the theory that the man was killed because he "knew too much." Dr. Packer s  28  old. So was his victim. The young dentist is a graduate Tougaloo college In Mississippi and finished the dental course at Mehurry Medical college. Nashville, in 1927. Although popular with his , as be was Initiated into the Phi Beta.- Sigma fraternity, he was also noted for his extreme quietness. While it had been hinted that four other deaths during the past two years had come about under questionable circumstances, authorities took no action until the murder of Sanders. During the past few yearn. Packer has come into possession of money from different forms of Insurance. The building In which he had offices was razed by fire a few years ago and the dentist is said to have collected heavy . Prior to that his grandmother died leaving Insurance with Packer as beneficiary. Sometime later, Mr. Stallsworth, a barber at Flercc's Barber Shop on Commercial street, died, leaving insurance to Pucker. No Investigation was made of his death. Then, last summer, his mother died suddenly. It was rumored that Packer collected thousands of dollars In insurance after her death. The most recent deaths were those ot his wife and her daughter. It Is  bodies that have been . The callous ax murder of Sanders by the dentist have led residents of Yazoo to believe him guilty of the other crimes. AccordContinued on Pago 5. Col. S                 Bodies of 2 Continued from Pane One Ing lo undertaker Oatcs of Memphis Sander's face li.nl been  an ;tx, hi.~ Jcft eye hud been chopped out and his loft  bi ukon. There were  Kiisln'S :ibom his f;i'-.\ N.i cms were on his body. Sanders ami Packer were close friends, according to .1 stati-ment of Miss Delorn. Sanders, sisu-r of the victim. She could th nk of no old grudge that would prompt the murder. There :ire .several  an lo  he motive for Sander's slaying. Sorni- believe he "knew too much" about Packer's activities and was bumped off in still                     Others believe Packer feared arrest f.ir 11, c  murder*, lured Sanders 1.1 )jis , mut Jeicil him as lie slept. Mfippi-d him uf wha'.cvL r clothes  Monllfy him. placed him iti his cur, and pl.'-~l in drive in i i ,0  :incl sut t!~' car dm Urn. He would   li:-.ippc.-ir and thu  ii: v would    .-   :v. .1 J)r. Packer was dc-ad. F.v.' i,r i,.,,     ,,ns ,.r         - were in  i.t. car in :i c;cn which len.ls .tipp..,, to this theory. It is n..t kn..\vii ;,s yet whai  Pack-r will ,!  ;. but it m:^y be . suit' .lc-.~ would not iM.Iri water clu- to tlic horribly mutilated Ijwly ,,f s. and the ui'.murk d h.,i:y ,,f p^ck.r. No  -Ke will b e  it..-i !~iici;...- e..:-     Hie  i.r hi. mo:l).-i- and wife                 and hor. until me results   C the examination at A. and M. is known. In the meantime        Is "till lv-ld In jail at Yn/.oo City - I -ly  with slaying Sanilcrs. Ho     retained prominent r Hinscl.</t>
  </si>
  <si>
    <t>                                           YAZOO CITY, Miss., May 27-- With the bodies of his wife and stepdaughter exhumed and sent to Mississippi A. and M. college for laboratory tests to see if they died of poison and insurance companies also investigating their sudden deaths, allegedly from ptomaine...</t>
  </si>
  <si>
    <t>                                           The opening of the Native AIPI can Union new hall is being held this Sunday at 87, W. 128th street corner Lenox avenue. G. Max Gorvie of Sierra Leone, a student of Columbia university, is the principal speaker. A. Asadata Dafora Horton is president.</t>
  </si>
  <si>
    <t>                                           JackVwhy Madge, you re beautiful tonight. Whatever did yon do U dear up all those pimples and spots on your face Madge: Big secret  I found out my blemishes came fron -Epidermis Stagnosis." I used Palmer's "Skin Success- Ointment aM all the * talking about the change. I am so happy I</t>
  </si>
  <si>
    <t>                                           WALTER WINCHELL, we are told, once pried his inquisitive nose, With the best of intention, into what he considered a choice morsel of harmless gossip. To be sure, Walter added a little Winchell veneer to the fact, and the result was an item so sensational, that. for many fortnights, Winchell had to be protected by armed police officals upon walking the streets. Well, the Ole Nerty One came mightly close to getting "on the spot" himself after that yesterday's column. He jumps to conclusions in the Henry lkie King-Ruby Reid</t>
  </si>
  <si>
    <t>                                           The Port Arthur Black Sox were no resemblance of a match for the Algiers Giants and after two games of the scheduled four-game series had been played Owner Sam Calderone let the Texas boys return home.</t>
  </si>
  <si>
    <t>                                           Mrs. A. J. M.: When I advised 15 drops of the "combined cod liver oil and viosterol" in a previous article, I did not mean for 'you to mix so much of each, but to get the combined mixture already prepared and known by that name and obtainable in any...</t>
  </si>
  <si>
    <t>                                           WASHINGTON, July 27--(CNS)-- Plans for the raising of a $30,000 fund for the four Told purpose of landscaping the Fr derick Douglass Home paying off the debt on the national headquarters, creating funds for the promotion of the association's work among young girls.</t>
  </si>
  <si>
    <t>                                           i-   ^~: 1BbSJoIB^^^^^I only negro daily newspaper in the world IJ^I^^j^JI^J VOLUME 5, NUMBER 76 ATLANTA. GA.. TUESDAY. MAY 3. in:~</t>
  </si>
  <si>
    <t>                                           This Ad Good for 10c      Any Shoe Repair Work or 2 'Hat Cleaning:. 1 v [SUTTON SJ CUSTOM SHOE J f REBUILDERS Hat Cleaning (Odorleii) Ladies' Mcn'i Sole. Sewed or. ^Vulcanized on (None Nailei) J 11 Edgewood at S Point* la. 426S Downtown Delivery.</t>
  </si>
  <si>
    <t>                                           Met at the home of Miss Dian Peters, 596 W. Fair street. Business was carried .out as usual. We were glad to have Mr. James Paine, Misses Viola Nelson and Ina Ballard as visitors. A delicious menu was served. Next meeting will be at the Savoy. Delicatessen on Auburn</t>
  </si>
  <si>
    <t>                                           DICK GUTTER AND MIRK HOUGH, THE. GOLDEN GLOVES DUO, OUSTED By 0 IN ELIMINATION SET "I                 NEW YORK. July 27- )- Anxiety over the welfare or Mark Hough, national middleweight champion and Richanl Carter, .il featherweight champion, Is  expressed here as Information mines thai these (we. Harlem lads are  the live New Yorkers "" in California as a result of discord in Ihe  A.A.U. Sent lo California to compete In .the Olmyjpii1  those boys were Riven their .nl tickets,  l trip ami  J2G each for 22 meals . No money was Riven them for  sustenance in Calfornia, and their condition was serious when one of t)     number wired the Duly News A. A. for  to keep  Koinu. This money wns promptly  and an  nf the methods employed by the A. A. U. h. the situation demanded. Considerable  is felt in New York over the shabby treatment of these boys, many of whom earned  .sums for the clubs where they fought during *he post season</t>
  </si>
  <si>
    <t>                                           Prof. Hunt issues C  To Youth in Alpha Phi Address                 Challenging present day youth I as "to their usefulness after  college, degrees, Prof. H. A. Hunt, principal of the Fort Valley High and Industrial  and president of tho Georgia State Teachers ^in an address before more than 1000 persons                 day ,  out the need of trained  in the rural districts of Georgia" Professor Hunt was the principal' " on thy climax progran""-e"? 1lie annual observance of Go-to-High school. Go-lo-College  bTr staged by the Alpha Phi Alpha . The meeting was held 'n.t trie First Congregational church, Coiirtland and Houston streets. According to Professor Hunt, the ripe       the .smaller communities of Georgia. wiw Negro leaders and these leaders of a  should come from educated youth. In return for this service, the professor said, these small com^ on nn average paid just as well, as the crowded, more competitive urban centers. The speaker told how white Southerners wore becoming more cognizant of the absolute necessity of Negro education. Tills fact, he said, wus responsible for the increased appointment of Negro superintendents* and district heads of the city, county and state  systems. The program included a organ medley by the church , Griihnm Jtockson: invocation by Prof. E. Luther Brookes; National Negro Anthem, congregation; "Educational Activities of Alpha Phi Alpha." M. V. Towns. Tlie Alpha Phi Alpha hymn wns sung at the conclusion of tile meetIng.</t>
  </si>
  <si>
    <t>                                           Challenging present day youth as to their usefulness after receiving college: degrees, Prof. H. A. Hunt, principal of the Fort Valley High and Industrial school and president of tho Georgia State Teachers association, in an address before more than 1000 persons...</t>
  </si>
  <si>
    <t>                                           Attend Night School Says Prin. Harper                 The best way to fight the closing of Negro night  Is to attend them, C. L. Harper, principal of the Booker T. Washington high school, told 107 elementary night school graduates nt the June commencement exercises hold Thursday night at the First Congregational church. Mr. Harpor presented certificate*- to the graduate* otter delivering the brief 'commencement address. All w.tu from the David T. Howard night school. Rev. W. .T. Faulkner, pastor It ,lho First Coii(ji-:il church; lauded the graduates. He praised the' stamina   i people who work liard all day. come home  at . tind then have the will to seek education. Piano elections were rendered by Mrs. J. R. Butler., principal of the David T. Howard night school. Members of Hie ninth grade  presented Mrs. Butler with a huge bouquet of flowers as a token of  appreciation of her work.  OiOODS FltOM THIEF A daylight rubber wlm attempted 10 Stea'l il - of  from the store of .1. E. Coffield, 371 Humphries street. Friday mornIng, managed to make his getaway as the merchant put In a call to police headquarters. Cotfleld took the smokes away from him.</t>
  </si>
  <si>
    <t>                                           State News Contiiitifed on Page Six. v</t>
  </si>
  <si>
    <t>                                           1.G E OR CIA i     11 A.M. 15c I THE AGE FOR LOVE 'J BILLIE DOVE 9</t>
  </si>
  <si>
    <t>                                           HELP YOUR CHURCH... A Buy at J? Rogers AND SWELL THE VOTE TOTALS OF YOUR CHURCH, ~"~'~'~Win a-/-"rf': CASH PRiZE!</t>
  </si>
  <si>
    <t>                                           Thick, ugly ankles don't help any girl to nut her best foot forward. She believes she hasn't any best foot, neither one suits her when they are attached to graceless hinges. Chilton hosiery and beautiful footwear that hurl other femmes into a state of high blood...</t>
  </si>
  <si>
    <t>                                           "Prejudice is best overcome by publicity?'</t>
  </si>
  <si>
    <t>                                           r Mi^W As long as  are erected between the two races; there will be a; No- J^^%L a W Accordingly. The Atlanta1 Daily World gives you the news which, without ^*W r 'IrW .wfc i jB^k1";^^ sro side and' a white side. to " issue-  both groups. It as ob-    (i^ a^ts ^0-  .   m this paper s existence, would never be told. In its editorials it  ^K  rf ^^T^W'^'1* 5  f  t^  impossible to set the Negro angle to a situation in any except a H STS MJrKT and interprets events from the point of view of a Negro for othell ^%H SB SGJ* i    ]\B- 9L\^ t Negro newspaper. ^^~~Jf CC^ Negroes.. St^J^ C     %^~ l^~ i^i- t '.il^S</t>
  </si>
  <si>
    <t>                                           CARRYING THE LAST  ol Prof. E. E. Lemon, retired Morris Brown science teacher, tram Bethel A. M. E. church, where his funeral was held last week. Sellers Bros were In charge                 Stall photo by Mackay.</t>
  </si>
  <si>
    <t>                                           To Fly  War Foe                 Known  the World -   '~i. the "Black Knight- of the KaiserV  soldiers, Baron  on SchWch, German air ace, is       -      !c flight with one of Mr war-time enemies. His opponent of        go    Ma-jor, Christopher Draper, whose daring war  ts a member of the British air forces, earned  the title of "Mad Major." The erstwhile enemies plan, their westward flight .very .</t>
  </si>
  <si>
    <t>                                           Say what you will about mercantile blushes, lip smooch like a streak of strawberry jam, all the variation of complexions that are hand-tooled, you must confess that without some bit of artifice you feel scrubby. That lovely natural complexion of which we used...</t>
  </si>
  <si>
    <t>                                           IT S BAD business: Don't offend business and social acquaintances with halitosis (bad breath) when you can eliminate the risk by gargling with Listerine, the safe j antiseptic It destroys odors instantly, checks, infection and improves mouth hygiene. Lambert Pharmacol Company, St. louis. Mo., U. S. A. LISTERINE ends halitosis Kills 200,000,000 germa</t>
  </si>
  <si>
    <t>                                           Two more persons joined the ranks of those sufering from dog bites boosting the total for May for the first ten days to five. C. C. Stokes. 789 Capital avenue was warned to .keep his bird dogs fastened up and under observation for 10 days by Officers W. L. Owen...</t>
  </si>
  <si>
    <t>                                           CHICAGO. May 15.-- ANP) Wilfred Smith, writing in the Chicago Tribune this week tells an interesting story-about a colored athlete who won the Drake championship in Iowa last week establishing a record' for the 23 year old meet.</t>
  </si>
  <si>
    <t>                                           FOST ERING GirnWIDE TENNIS TOUiiH</t>
  </si>
  <si>
    <t>                                           Foremost among the beauty what-not-to-dos is "don't slouch." Fashion more and more demands that its pretty offerings be carried beautifully. Start out on a pilgrimage of shops that display frocks that are marked by grace, that are pleasing to good taste and you will...</t>
  </si>
  <si>
    <t>                                           MRS. R. B. WILLIAMS, World representative at Buena Vista, Ga., and Mrs. W. B. Jackson of Birmingham, Ala., were the guests of Mrs. Williams, sister, Mrs. Willie Newberry of Atlanta during the recent commencement exercises. Mrs Jackson's son, Elnery...</t>
  </si>
  <si>
    <t>                                           "O"tis a very sin for one so weak to venture his poor verse. At such a time as this". But hear me O, all ye who love truth and beauty; who strive to achieve noble deeds with high minded purposes--was ever a program greater in the history of Rome, than that which...</t>
  </si>
  <si>
    <t>                                           Feeling Awful Good Now, Mommy!" The Colicky Pains are All Gone.., BHHWMBBBHsHSIMHM The dear little fellow c.in t speak but great company according to the  !"s cyC! a'"' snl''~ tc" ~'~.u t^at tnc 'uss standards, and does its work with the   8        *5Sr*T8B!al(MH '3 a"  a'"' I"'5  just dandy utmost gentleness. Unrecommended KmKkT^^^ I z *]S$ now' "Just I'ttlc h'' colic," says preparations may contain harsh drugs [?^    -  ?!KK{   the doctor, but to baby-boy it was an or narcotics and should be strictly,  ~!^~~_       !~          awful  of  that he just avoided. ImEsM ^'t l^"MvnN7    3raW couldn't understand. Mommy, who has n       CASTORtt^H lovingly borne the pain of  .For many years CartoriahM       25=.     . '3 W       . HPH W FSrSiOBJ  let it happen to baby again.  rom digestive upsets, cold, and Bra^ I u Ent^^U4 other little ailments. Always keep a       [~~~  ^~~     She knows that the best way to pre- bottle on the shelf in case of emergency. Kra v ?i5?^~^^   vent colic is to avoid gas in stomach and If haby needs regulating don't put it EHHgS ij! "^?-~"r" Kg^ffl bowels by keeping the entire intestinal off just because he is not actually 111. SbH9 v ^J". I BllBwl tract open and free [mm waste. This Smart mothers study the actual causa R$Sgi\\l\ fe^jj BlafflH clogging of sensitive little bowels is the of illness and take steps to prevent It in      (Vi   5S^"-~ BshHI great enemy to  health. advance, ^m^.\) "*tS^ff-EwJCT This is just the place where Castoria Incidentally, you don't run any  lii ^"*"**j- HUH1 useful as Mother's greatest helper. chance of making baby more fretful     Ml ~~#2flC4 MBijH Genuine Castoria is made s- for by giving him Cnstoria. Children never :'*: 7Tr"^lTI''~""Tfflti  "eeds of babies and children. It is a. fight it they like Its taste and 83 j  I' ^JHJ purely vegetable preparation made by a laxed comfort it gives them.  A C T Q I ^/V^ Genuine Castoria always V-~ /A I \~S T\~ ^\~i^\!'':^ has the name, Chas. H. ~-^  ^-- Myj^j^ggi Fletcher, on the package. ^^^^^S^XBBmMmKBtSm^MmmtmSmKKK^^</t>
  </si>
  <si>
    <t>                                           } rtM" j rc^^^ !~M^^       .         ^ "-ff  if '{ ii i J i Open To The Negro Churches Of Atlanta II Only Five More Weeks Now + Don't Wait! I h  iA MViy^'l^i^*3BCPMBMf^l^ii'~MllllllJJWlAUrWO'liPBllWt W' l'i .   ^.JW^M^"TiMji)'iiii_       -.MiMUJJujjj^ " iium m-^jim  J ~-.  - T_i :T*~***tB^TOpTiTnrK?3MDr* Buy from the Merchants and Businesses Advertising on this page and Help Your Church in its effort to 9 share in the substantial Cash Prizes being awarded on the basis of buying and the payment of bills. Mules astd E^g^ i Any church may enter and at any time during benefit of mutual benefit in that it provides you an Whatever constitutes the evidence of the transas the fifteen weeks of the contest No cost or red tape opportunity to help your church without extra cost to tion will be shown in each advertisement .If j attached to any church entering the contest Simply you. You will continue to receive the best possible should be a cash register receipt and it shows that yci write the contest manager or telephone your entry prices and the best quality merchandise for your ST)ent 39 cents for instance the receipt \ Entries may ba made by the pastor in behalf of his money when you buy. from these merchants. ,,,in m,i,im^l,%iffi church, or by the chief officer of any important sub- You will be accredited with one vote for your shp sales t., e c      be ,^n ^^M division of the church Only one sub-division of any church for each penny you spend with these advertis- fact that you are entitled to 32 votes for your ^         church may enter, however, and it is advisable that ers, or pay on account, provided you vote- with the II coupons are issued by any ot the CLOVE.~~ the 'whole -ation be solidly supporting the con- Atlanta World, through your church or church com- LEAF" thuy wiU ~~.sued .n the ratm of one voi; test- mittee the evidences of such purchase And watch for each cent spent 1 The merchants whose names appear on this page, future issues of the Atlanta World for announcements Simply start saving your evidences of  in cooperation with the Atlanta World, are making as to when these evidences of purchase or receipted now today Anticipate the entry of your  this campaign possible .As its name implies, the bills may be voted. In some cases it will be the cash At the close of the campaign  37500 in grand cap] "CLOVER LEAF" i.s designed to "be of mutual register receipt In others it may be a coupon tal prizes will be awarded. I</t>
  </si>
  <si>
    <t>                                           NEW YORK, May 3.--Vigorous protest against the exclusion of Negroes from employment at the Boulder Dam work in Arizona, will be made on Wednesday, May 4, in Washington to Interior Secretary Ray Lyman Wilbur who has consented to receive a joint...</t>
  </si>
  <si>
    <t>                                           today^    Eg In ti ma to affair by (lie B'    author of "Divorce." fl*  I DOROTHY; i  % ! 3rd     )~   AIR BIAIIi, ! t,.: Golilon. Voiced -M ^ iN-'rEnsoN-V-^i-;: P with nmtx  Xv; ~~% BALCONY I ' f^ ANYTIME "j :":^'M^~ j</t>
  </si>
  <si>
    <t>                                           REV. BARNETT FROM Chattanooga, Tenn., the coal burner will preach at Pinev Grove Bapt'st Church on Bell street. Come one carne all.</t>
  </si>
  <si>
    <t>                                           25 NABBED IN AUBURN AVENUE RAfI                 25 ARRESTED III RAID Oil AUBURN                 Use Two Patrols To Get Group To Station                 TRIAL MONDAY                 Twenty-five men were placed under arrest shortly after 11 o clock Saturday night, following a raid on a private club at 188% Auburn avenue. The men were engaged in gambling, police say.                 Charges of disorderly conduct were made against members of the group at the police station.      will be placed on trial before Judge A. W. Col lo way In Recorder's court at 4:30 Monday after1 noon. I According to police, the men I were engaged In several games of chance when they entered. The group was gambling In the rear of I the regular billiard room. Two tables wore running wide open and besides numerous crap games which police say, occupied several circles on the , three skin games wt-ro in pi-ogress in other parts of the back room. Desperate effort to signal the men in the back room when police entered the front failed, officers told a WorLd reporter shortly after the raid. When police rushed up the stairs to the second floor whero the pool hall recently transferred its quarters, one of the rackers w;is caught as he hurried to press a button to signal the others. Cards, dice, and money are being held by police as evidence, should those caught operating a skin game be bound over to the C.- Court of Atlanta. Two patrol wagons had to be summoned to carry the huge number to the police headquarters. Three were Intoxicated when placed under arrest. Another of those nabbed was paralyzed in the left arm and leg. Officers who staged the raid included Detectives J. A. Preston W. M. Holland. S. C. Tuck, and Deputy Sheriff S. G. Davies.</t>
  </si>
  <si>
    <t>                                           Twenty-five men were placed under arrest shortly after 11 o'clock Saturday night, following a raid on a private club at 186 1/2 Auburn avenue. The men were engaged in gambling, police say.</t>
  </si>
  <si>
    <t>                                           J. A. Rogers, well known author and journalist, sailed Saturday for Madrid, Spain, where he will begin several months research for material to be used in his book on history of the Negro. Mr. Rogers worked with Miss Nancy Cunard, the English heiress, the last few...</t>
  </si>
  <si>
    <t>                                           ment- NO CASH REQUIRED 1 mt^JSS@           !~i8SL: .A I Regardless of Age or Condition, Your Old Watch Is Worth $15 SI fe-ct "this " 534.75* Elijln'l'or $ *   CsHi1^     ?^ Pi?3S5*ii 113 i MAN S 17-JEWEL ILLINOIS y^^^^^^W I Mm This regular $42.50 now design 4Pt* BBfB Ei 0 y4r*^        ^jb^^w (M Hr  BH Illinois for your old watch nnd 0 *T? ^Sr i-" TUtl ^^^3 BB M LADY S 15-JEWEL BENRUS co 0 wiA H IB This smartly designed modern ''link band. Hj HB new SC9.75 Bcnrus for your old C 7R Bring in any old watch and M H n-atch and only    ' buy this fine walch for only \M M Pay SOc Weekly Ill A II H 5 LADY S 15-JEWEL BAGUETTE I IS E Kesular 54-1.75 lady s beautiful Any Shape Watch Crystal jm IS new Bciirus "BagueUa" for your     ^j^. 7C ^K*~ BH g old  and "^3p%TO  35*C H ffi ^3r Saturday. Special ES 6 Pay 75c Weekly I1 :B  no WHITEHALL ST., S. W. ~= :sS?~ "1 Expert Watch Repairing At Reasonable Prices 10 _P; *^H</t>
  </si>
  <si>
    <t>                                           i: ] jl    I FASHiHsf i T! I -I -PL S- B ^na^-J3 L i V^ i \j w w Vu/ffi 1 L S^f    az^iii B: .t^-HJ-D,~- BEULAH MITCHELL HILL, EDITOR- KtCI P;L"5;#</t>
  </si>
  <si>
    <t>                                           RENEW FIGHT AGAINST DIGITS                 With more than 90 of the original 150 indicted for lottery  yet to bo tried. Special Investigators A. E. Davis, M. L. Baker and S. D. Vaughn continuing their  against numbers, arrested Clayton Holmes and Rufus Stanley Monday, and both wore Indicted by tho Fullon grand jury Tuesday. More  thirty cusps including those charged with both operation and maintenance ot lotteries, aro  to bo tried before Judge E. E. Pomeroy in Fulton Superior court, the latter part of the week. Forty-four cases were dispensed with last week when that number entered pleas of guilty before Judge Pom" nnd were fined and given suspended sentences.</t>
  </si>
  <si>
    <t>                                           EDITORIAL</t>
  </si>
  <si>
    <t>                                           *ONU7  '!~'~i!^^EKiV. THE WORLD Sntmi u e.ond-cl^  .t Ui. port .  t Atl.nU. G*.. Mder th. f ut of March 3. 1679 PUBLISHED DAILY EXCEPT SATURDAY. AT 210 AUBURN AVE., N. E. TELEPnON'ES: WAlnnt US5       OP THE ASSOCIATED NEGRO TRESS THE WORLD .      .T.~n.il. 'or .~~.1U:  1 m.n=~ ~.t l.~. tbt       . AD. REPRESENTATIVE W. B. 2IFF CO,. Chicflco. New York. l.   Ang*</t>
  </si>
  <si>
    <t>                                           TUSKEGEE INSTITUTE, Ala., May 10 - Records for American College Women and School girls fell by the wayside here this afternoon when more than 200 young women representing,19 schools and colleges tank part in the Women's Section of the Sixth Annual...</t>
  </si>
  <si>
    <t>                                           MINUS MONEY, short on many of the necessaries for staging a successful open tennis tournament, but led on by the steel determination and enthusiasm of a minority of its members, the Atlanta Tennis Club stands on the threshold of its sixth annual Georgia Open Tennis Tourney yielding not. an inch of ground. The club launched an appeal to the city-at-large for help. The S-O-S netted exactly nothing. This week the Atlanta Tennis Club has elected to...</t>
  </si>
  <si>
    <t>                                           Read The World</t>
  </si>
  <si>
    <t>                                           SHOT AT WOMAN                 Henry Perry, who Is      to have shot at Mlsa Charlotte Collins, 9S9-- Crumley "street. January 23 of this year, must go on trial this full on charges of assault with Intent murder. The woman was wounded by a shotgun fired by Perry, and a true bill returned against the man Tuesday.                 BAD IKE T\ By I. P. KeynoMa 1 The sinter proudly proclaimed hat  hnd a homo on. - 1,;~ ;hc brother answered buck, *    -g ild sho movo on A HILL. J^</t>
  </si>
  <si>
    <t>                                           Up From Georgia With My Banjo By Thomas Jefferson Flanagan UP FROM GEORGIA WITH' MY BANJO Up from Gsotgia with my banjo, comin' to crown the queen, Of the May whose majesty glimmers in the green: fAn' I'll lift a tune to thrill her to fires of ancient prance An' she ll be ' me to come along and take a dance. 'Up from Georgia with my banjo every string is set, To the homely measures human hearts cannot forget; An' I. frail it like the streams frail the glitter of the stones JAn' the purple mountains move to the sweepin' of the tones! Up from Georgia with my banjo, the highest stan" I crave, An' may, they lay beside me when I'm crumpled In the grave fThe twisted strings of. my lingers, when life s blood ran. warm Moved the humble measures in tlie language of the farm.</t>
  </si>
  <si>
    <t>                                           THROUGH                 -NEGRO FINDS DEAD BODY OF JUNIOR : JUST ONE OF MANY FIGURES I                 Activity in Sensational Kidnaping Goes from Sleuthing1 to Many Suspected as the Actual Abductors                 DISCOVERY OF CORPSE ACCIDENTAL                 NEW YORK, May V.I- (Special)- Finding of the lifeless body of the junior Lindbergh by William Allen, Wednesday was but another instance of the part Negroes have played in this, the moat sensational kidnaping  civilization has ever known.                 From the time the abduction of the young son of the nation s most idolized father was made known to the world March 4th to yesterday, two months and ono week later, Negroes have  in the case either as suspects or sleuths.                 William Allen,"1!!! year old labor-, cr whose keen eyesight Is responsible for the discovery of the  corpse about five miles from the Lindbergh estate  Hopewell. N. J., is the most prominent of nil. Allen., himself, the father of five children, was on a truck, with three white. miMi which  ;i steep t;iade between Hopewull and Mount Rose. The vehicle" was opposite a dense wood separated from the toa(~ by a small -h. Allen went about 75 feet Into the woods and then came running back to the truck exclaiming, "My God! I think I'vc found tho Lindbergh baby." H was  that  Allen v/ent intu the woods, he was under a branch and looked down. He saw a skull visible in the . .What seemed to be a baby, with its foot (sticking -'up out of the ground, was also visible. Allen called Orvlllo Williams 'while, one of tho men on the track. They both raced back to the spot ..arid. looked -at the body, badly    :;-.~-.~. been, lying there since the night of the kidnapping. Then they drove to Hopewell where the chief of police wns informed of the finding. Then Alton went. home. Soon'aftprward Chief Williamson and some  came and look him tci the Lindbergh estate where he related in detail the finding of the body. "I hope they Ret the man who Md it. Nothing would bo too bad for him," he told newspapermen. Reward? He doesn't want any. All he wants is to keep on working on his job. First Activity Soon after the kidnaping In March n Negro lad who thoroughly knows the country in and around Hopewell offered hi* services in the search for the kidnapers. He was unsuccessful. Still another Negro, it detective, connected with the Philadelphia police force. Interested himself in the search but was never able to obtain any  information. Colored neighbors of the Lindberghs who had come to love the family aided every move of the. stale  to watch for it  containing efforts to find some trace of the missing baby boy. Harlem wan mentioned the first week of the kidnaping when police were posted to watch hotels for a r) Continued on Pace 6, Cot. I                 Lindbergh Baby Continued from Page One car containing two Negroes      a blonde baby, thought .to be the junior, Linrtboreh. Nothing ever  of it and the local colored press was incensed at what was termed "unfounded and sensational rumors." Radio station  of Philadelphia broadcast a message to nil police to watch for a  containing three Negro men who had been neen riding with child dressed In a brown zipper suit. Teletype messages were also  to other cities and 'States but this clue likewise proved . Five New, , N. Y., Negroes Yhre'e'men nnd two women were arrested in Philadelphia nnd strenuously grilled for several hours They were freed when it was " they knew nothing of     kidnaping." The theory that Necroes may have had something to do with the case was given' added impetus when a       ; City attorney, his wife mother. and sinter paid n mysterious .visit' to. the Lindbergh estate and then left hurriedly. It was thought tip on;- the kidnaping, probably at the 'time 'that they carried some                 bringing news that it was done by a Kansas City ring. No details of tho visit were ever made public. Ch.irlo.i Sutphin, a Negro living amidst the tangled underbrush of the mountains near the Llndbergt estate, led police through the Sourland mountains, which he knows thoroughly, but found nothing.</t>
  </si>
  <si>
    <t>                                           NEW YORK, May 13--()--Finding of the lifeless body of the junior Lindbergh by William Allen, Wednesday was but another instance of the part Negroes have played in this, the most sensational kidnaping modern civilization has ever known.</t>
  </si>
  <si>
    <t>                                           il .M ^^m only negro daily newspaper in the world           '~     **^^^^T i, I., i -E FIVrj CENTS</t>
  </si>
  <si>
    <t>                                           OET ATLANTA WORLD VOTES YOUR CHURCH MAY WIN A CASH PRIZE! GOLDEN EAGLE STORES</t>
  </si>
  <si>
    <t>                                           TAYLOR NOT TO LEAVE TUSKEGEE                 Statement Prepared by Moton Lambasts Shakeup Talk                 NO BIG CHANGES                 TUSKEGEE INSTITUTE, Ala.., May 16- (ANP) Dr. Robert R. Moton, principal of Tuskogeo Institute, branded as untrue and unwarranted, stories appearing in newspapers last week to the effect that D/\ R. R. Taylor, vice principal of Tuskegee institute and                 for many years one of the outstanding educators of the country, was to resign his place at the school or to be replaced. Dr. Moton reported the board of trustees as holding Mr. Taylor in high regard and said that no action looking toward his retirement had been taken by that body. He also scouted the rumor that there had been any break between Mr. Taylor and himself. Mr. Taylor hSs beert-Tn' ill health for several months but is now much Improved. He is In Chicago where he has been in consultation with a group of specialists connected with Billing's hospital, at the University of Chicago. His condition is said to be most encouraging and he expects when his period of convalescence Is over, to return to Tuskegce. In a statement made under his signature, Dr. Moton said: "There has been no break whatever in the cordial and confidential relations between Mr. Taylor and myself. In a recent conversation Mr. Taylor raised the question of the propriety of his continuing to receive his salary over so long a period of Illness, but upon my own recommendation, our board of trustees at its last meeting, voted to continue his salary for the next year, without regard to any service that ho might or might not render the Institute, in consideration of his long and conspicuous service to the school. "I sincerely  the recurrent publication of such stories as have appeared from time to time In newspapers involving_Mr. Taylor's  as well as my own. These stories distort the tacts and make unwarranted implications that do a grave injustice to all concerned. I am hoping for Mr. Taylor's speedy recovery.'' In a letter to Dr. Eugene Dibble, head of John A Andrew hospital i\nd son-in-law cf Mi- Taylor, whose name had been included m the published :.? as being tiso six *i to  the , the implication being that the unsolved murder of Miss Mary Booth had some bearing on the situation,     Moton wrote: "I deeply  the publication of such articles. I do not see why thoughtful and considerate people should harass the public and the school by the publication of stories made up chiefly by imagination and speculation. I want you to know that the Institute Is not in any way  for them and docs not approve of them." On good authority it is said that no unusual changes are contemplated in tho  here. Like all Institutions Tuskegee is operating upon as careful and as economical a budget as it can during tlio period of financial stringency. The opinion has been expressed to the Associated Negro Press correspondent that various newspapers have been victimized In their acceptance of sensational news stories revolving about the Booth murder. An Investigation is being made to determine the  and tho trail leads it Is reported, to a man now confined to tho  Ward of the U. S. Veteran's hospital Prt</t>
  </si>
  <si>
    <t>                                           TUSKEGEE INSTITUTE, Ala., May 16--(ANP) -- Dr. Robert R. Melon, principal of Tuskegee institute, branded as untrue and unwarranted, stories appearing in newspapers last week to the effect that Dr. R. R. Taylor, vice principal of Tuskegee institute and...</t>
  </si>
  <si>
    <t>                                           8gggi Lei Me Cu2?~2 You!  nnK T nn.AYi cam. at  HmS Tor 23  I hn%c  fc*n CtHtlNft people  tirre  In Atlanta- ^- of   No matter what! your trouble fj, no rait If r how * SaSj  disease mny hr, 1  you to call ami nee me at one*.  Treatment Ii  rry.            in . ^^i himi treated with my       nature herb* with  j^^ MAU2 OR'VFit/ULB CAM. OR Wf'ITE H DR. T. Y. YOUNG H WITH TOE  HEnD CO. CntNESE 1S AND . COMPOUND , a Cure for Ertrr Dlifnve of the Human KftJr . Unb tj2  j40        . WA. 2189 Atl.nt.. Ra Bpfcltll.l      - 7 A. H. to 9 P. I 23    . In AUaiira I CHEAP EXCURSION FRIDAY, MAY 13th S7.50 Round Trip: Atlanta to New Orleans, La. S7.50 AW- Mobil*. Ala. $7.00 and          , FU. $7.00 Round-trip. Alto greatly reduced Round-trip Pullman Excursion Fares to New Orleam and Mobile. Ample day coach equipment {will be provided. Ticket* sold for  leaving Atlanta at 6:10 A. M. and 4:30 P. M. Friday, Mny 13th. Returning, tickets good  New Orleans last train 5:00 P. M-; Mobile 9:04 P. M.; and Per. 9:20 P. M., Sunday, May 15th.  t fail to lake advantage of  exceptionally low excursion . Sleeping car  should be made at once. THE WESTPOINT ROUTE</t>
  </si>
  <si>
    <t>                                           The Atlanta World realizes that the ability to swim, other than one of the most wholesome recreations, is very important. Thousands of lives are lost annually as a result of drowning. Increasing numbers are using municipal swimming pools yearly and more and more cities are providing this helpful health builder for its youth especially: increasing numbers are spending their week-ends and summer vacations at watering places; occasionally pleasure</t>
  </si>
  <si>
    <t>                                           Advertisers Want Your Trade</t>
  </si>
  <si>
    <t>                                           TTTT TTTT7'             % This Ad Good for 10c     Any Shoe Repair Work or* Hat Cleaning. SUTTON SJ CUSTOM SHOE REBUILDERS Hat Clennini; (Odorleu) J Ladici' Men'. Soles Sewed     Vulcanized on (None Nailed)" 1 1 Edgcwood  t 5 Pointi J !a. 4268 Downtown Delivery^ """".l mum'</t>
  </si>
  <si>
    <t>                                           QUIETS COURT II                 JUDGE JAMES S. WATSON One of two colored judges the Municipal Court, New York City, in whose courtroom a white man stabbed another white man seriously after the judge had ordered the first man to nay back vent due the second. The wounded man, with blood streaming from his neck, was rushed to Harlem hospital, while the assailant was subdued after a  by court attendants and handed over to police. Judce Watson used his travel to restore order after the fracas.</t>
  </si>
  <si>
    <t>                                           Response to Chicken Charlie Clarke's six-mile Cross Country marathon has been surprising. To date, more than sixty worthies from the city and Atlanta's colleges and high schools have entered, all with the expectation of winning or making it particularly hard for the winner. There will be three prizes, probably all clips varying in sizes according to the position. Like the tennis trophies, they too will go on display during the week. The Cross Country feature is set...</t>
  </si>
  <si>
    <t>                                           I  CUKA HAJR prepara- I (ions Imvc keen successfully used fur 19 year*. Write today for u trial outfit. Sold  a^ (ir . DK1S- MFC CO. 479 l  SL SW. Atlanta, Gi.</t>
  </si>
  <si>
    <t>                                           THE MAIN STORE OF FJ.               Paint Manufacturers Since 1880 Formerly at 12 Forsyth St. N. W. IS NOW LOCATED AT 6 N. Forsyth St. Four Doors South of Former Location Directly Opposite Atlanta Journal. Building Also 9 Branch Stores. Phone Nearest One PAINTS GLASS- WALLPAPER G. L. WENTWORTH Successor To MILAM COMPANY Auto Bodies, Fenders Repaired SeatCovers and Top Work G. L. WENTWORTH 17-10 Piedmont Avc, N..E. WAlnut 8970 Atlanta, Ga. I CHEAP EXCURSION FRIDAY, MAY 13th S7.50 Round Trip: Atjanta to New Orleans, La. S7.50 Also Mobile. Ala. $7.00 and Pemacola, Fla. $7.00 Round-trip. Alio greatly reduced Round-trip Pullman Excursion Farei to New Orleani and Mobile. Ample day  equipment will be n t provided. Ticket! sold for  leaving Atlanta at Si 10 A. M. \i and 4:30 P. M Friday, M.y 13th. Return'nr, ticket! (odd leaving New Orleans 1st! train 5:00 P. M.; Mobile 9lO4 P M and Penwcola 9:20 P. M., Sunday, May 15th. Don't fail to take advantage of theie exceptionally low  . Sleeping ear   be made at once. THE WEST POINT ROUTE</t>
  </si>
  <si>
    <t>                                           thi ed At th. to                 )RDR. BUTLER, St.- Masons and  ot  rn Star recently gather-* g Bethel A. M- E. church, to honor the memory of                 'e grandmaster. Staff "         .</t>
  </si>
  <si>
    <t>                                           Barbers Meet at Y Tonight Important                 The educational drive to demon-T  to barbers the  importance and necessity of keeping their shops in a thoroughly sanitary condition' will Ret Underway                 ( al the Butler Street YMCA I .11 8:30 when Walter P. R. WaR- ner. vice president of the                 cd Master Barbers Association, will be une of the principal speakers on a program to which all Negro barbers of creator Atlanta anil surrounding territory, are invited. Another outstanding talk will be Riven by C. A. Morrinon. chairman of the Georgia State Board of Barbers Examiners while other members or his staff are expected 10 be present. The meeting tonight will be similar to that being held by the white barbers at the Henry Grndy Hotel, and it is intended to conduct a series of meetings during i he next few months to help  the standards of the barbering Irade to  of a profession. According to officials, the movement being started in Georgia, is a part of the nationwide drive to guarantee to the customer absolute limitation and the latest, scientific methods. It is pointed out that; tinny almost incurable face diseas-j w, to say nothing of other ills, may oc acquired by having work done n an Insanitary barber shop. "Most people rarely think of the . one of the most Important  attendants In life, as havng the responsibility he actually Continued on      5. Col. 7                 Barbers Meet (Continued from       I) j .Iocs." Mr. Wagner  .l very emphatically as lie outlined his program. "Every lime a person climbs  a barber chair, he literally risk:- his life on the chance that tlic barber is careful, sanitary      nni a disease carrier." During the earlier part of ihe spring, a check up was made on a number of barber shops throughout the stale and more than l.nno od if the conditions were not improved. II is expected that almost th;it number will have to be shut down when the second ', which is now under way, has been completed. The educational drive, which is I essentially designed to show the barber that he must be something of a bacteriologist, an artist, a hygienist, and a diagnostician, is. also aimed to impress him with the fact that his customer s health is in his hands and that no barber shop in Gerogia. regardless of how small it may be. will escape the rigid requirements of the law. All barbers are urged to be present at the meeting tonight while visitors, especially those interested in the profession as well a;: benny .    ' . There will be no admission charge.;.</t>
  </si>
  <si>
    <t>                                           The educational drive to demonstrate to barbers the great importance and necessity of keeping their shops in a thoroughly sanitary condition will get, underway tonight at the Butler Street YMCA at 8:30 when Walter P. R. Wagner. vice president of the...</t>
  </si>
  <si>
    <t>                                           SmartFashions  Women SCHOOL FROCK Pattern No. 749 It's a smart schoolgirl who wears this frock- smart in her clothes as in her studies I She's learned her lessons in chic- that dots punctuate the smartest prints .that tin: buttons       bindings arc brig! t' this ;.?. that the shorter '.ho sleeve, the  the truck. '-" are pleats in the skirt for plenty or freedom, and an opening at the neckline for plenty of room to slip it on and off over '.lie . Ma kg i; in the colorful 'cottons ac *m.v.*t this spring-  for the fr:v!: pnd plain' for tlie'3   :vts and .  in sizes G, 8, 10. '12 nnd 14.- Size C requires 1}~    .!.? of i6 material or 1 3-8 yards of 3Ui:ich irx'. For cor.trasi (or  1  of 36-inch material or 7-8 jaid 39-lnch. material Sin'jilifted  inst.' uti it for .is anil       w.t'i each . Thcv  c:     -i- directions for :; Hi."..- dresses. 1 A'~'. you have to do to  :t  cf this attractive  i' to  FIFTEEN CENTS (15-:! in c.iii.c. Kind.'y be  to  very plain.iy on each pattern o -1 you- NAME and AUlJllE^S sn.l SIZE. i New Fashion Magazine, chock full cf the latest Paris -s'-yl-* newi,           \vit::  .-ni. ran now be hod at len ccnU  ordered with a pattern au;.1 fifteen cfMs v/i-.cn ordered scpa:,j-.5,y. Sui '.I all orders to:the' Siut'.    \:~SLer Syndicate. ZiO An'c.u:!: Avc.'. N. E.. Atlanta, (ix. PATTERN  Southern Newspaper SsTidicate -210 AUBURN AVEh N. E. ATLANTA. GA.</t>
  </si>
  <si>
    <t>                                           Sentence Downtown Skyline Burglars                 Although  got - In their  rubbery of the Kay Frock Shoppt 20H4 Marietta, l:iic Sunday . April 10 aside from a thrilling chase over  roofs,  men Wllbert Turner. Sam Junes, and Loronza Brndficld wore given from one to                 live years for burglary by a jury in Judge Pomcroy's Court, Wodncsdny. The store is protected by an A. D. T. burglar  and it was within a fi W moments after the alarm sounded at llic  station that Officers H. A. Hardy am! F. J. Norton wore stepping on the gas on their way to the downtown store. As they neared tho place from which the alarm came, they glanced upwards and saw three men on the roof. Wilh the  of a large number of police reserves, all under tho direction of Night Chief Conn.illy, We i  and exits of every establishment on the block were covered. An aerial  truck from Engine company number one came on the scene and a long ladder was shot to the top of the building. The search commenced In earnest when the searchlights' turned the now early morning darkness Into day. The men. who jumped from roof to roof, finally to disappear, were finally local rd in tho basement of the Abbott Furniture company, where Ihoy were found                 ing  some . It was later discovered that the  gained entrance lo the Kay Frock establishment on the third floor by prizing open a window and removing the screen. It was when the screen was removed that tho alarm was sounded and the men took tn the root in an attempt to get .way. Officer F. J. Norton, at tho trial, testified that the men admitted to him that they got into tho ladles clothing shop by prizing the window open. Strangely enough, the jury Rave the men the term oC from one to five  in the pen for tho burglary and breaking into tho Abbott Furniture company, tho place they went to hide from their searchers. A sentence of twelve months each was meted out for the  robbery of the clothing store. This sentence is to run concurrently with the longer term.</t>
  </si>
  <si>
    <t>                                           Although they got nothing in their attempted robbery of the Kay Frock Shoppe 201 1/2 Marietta, late Sunday night, April 10 aside from a thrilling chase over downtown roofs, three men Wilbert Turner, Sam Jones, and Lorenzo Bradfield were given from one to...</t>
  </si>
  <si>
    <t>                                           Vidalia, Ga.                 Sunday was an Important day at the First Baptist church with tho pastor Rev. Hull preaching two wonderful  to a packed house. The Pastor's Aid dub met at tlie church Sunday with an excellent program/Mr. J. Walter Smith, Mrs McCunls and Mrs. L. Ellerson Mercy were participants on the program. Mrs Gertrude Lockhart has recently returned' from Claxton wher,. she spent, a pleasant- visit with friends. x We are glad to see Miss Flossie Easter in the city again after having amended the summer session Forsyth, Ga. Hev. Slaughter ami Mrs. N. B. Plxley attended the Sunday school convention at.ColUns last week, and made reports of Its success. Professor and Mrs. J. P- Dlckserson are at. home from a ten day visit- with friends.</t>
  </si>
  <si>
    <t>                                           Sunk ur Collision with; tine*W                 '.Vie is n picture :of the  Grecian, :of the Jiorfh.tiit mid Miners Line, which was sunk in collision. o.T Block Island, with the Savannah liner "City of Chattanooga"  four of her crew to death                 and injuring ten others. Thirty-one of tho freighter s u rew were, saved by the Chattanooga. At right the injured mariners are shown being transferred at sea to a Coast Guard cutter.</t>
  </si>
  <si>
    <t>                                           HELP YOUR CHURCH... 2  .Buy. at. Rogers.., AND SWELL THE VOTE TOTALS Ofitf YOURi CHURCH "XA-SH-PRIZE!</t>
  </si>
  <si>
    <t>                                           MISS NETTIE GOODWIN of Abbeville. S. C, is engaged in learning to " the fevered brow." at Grady ]. Atlanta.                 -Photo by Kelly. Atlanta.</t>
  </si>
  <si>
    <t>                                           BAD IKE                 Bf I. P. Heyn'Mi                 The Brother said1 he had much SENSE  he did not know what they were going to do with him- the Sister replied from hln ODOR he meant SCENTS they  to put him In a BATH TUB.</t>
  </si>
  <si>
    <t>                                           ONLY NEGRO DAILY NEWSPAPER IN THE WORLD W. .A. SCOTT Witor .nd Pnbiliher Frank Mmlwll DitIi Msaaxlnr Editor SUBSCRIPTION SATES Out     . 15.59: Months J5.0J: 3 HonUn.  I.5~; , Me. Batend Ktend-eUn  at the port   t JLtlutm.   _.       tba   t of Mtixh 3. 1879  DAILY EXCEPT SATURDAY, AT 210 AUBURN AVE., N. K. TELEPHONES: WAlnot 1     nj K6q    - MEMBER OP TOE ASSOCIATED NEGRO PRESS TOE WORLD        BtBDOjeript Mat lute tU      .</t>
  </si>
  <si>
    <t>                                           GETS 3 TO 5 FOR WOUNDING EIGHT                 Because the driver of an" automobile  license 1 '1.448 C bucked into his car as it was narked near Edirewood avenue and Hilliard street, refused to do  towards making the  , Raymond Watson. 483 Edcrewood avenue, came to the police station and  the arrest of the driver on  of  the scene of the accident. According to Watson, the man backed out of the         and hit his car. The driver kept on  so he followed him to the curb market. After ho  up \v;th the driver of the machine that  his automobile, he was unable to make  headway as the man refused to talk to him.</t>
  </si>
  <si>
    <t>                                           Chimp's No Chump j                 Buddy, the  chimpanzee of the Bronx, N. Y., Zoo, finds a luscious ice cream cone one of the best means of keeping cool at his spacious 'apartment in the menagerie. He is already well-known to tha public, having attracted much attention by his faultless table manners.' He uses a knife and. fork a la book of 1 etiquette.</t>
  </si>
  <si>
    <t>                                           The Business and Professional Women's Club dance at New Star Casino Friday evening was the last formal affair attended by Mrs. Inez Dickerson before she left for her Chicago home Sunday afternoon. This is one of the most important Harlem clubs. Officers are...</t>
  </si>
  <si>
    <t>                                           GRIFFIN TRIAL, JUNE 8                 Detroy Griffin indicted on a rape  by the Fulton grand jury 1:  1 week, will be tried before Judge Virllyn E. Moore on June 8. according to a calendar listed In the solicitor-general s office.</t>
  </si>
  <si>
    <t>                                           Motorist Hit Getting Out                  James Head, 540 Stonewall street is being  pending the outcome of injuries received by Jack Smith 790 Ponce dc Leon avenue, who was hit by the cur Head was driving on Piedmont as he was alightIng from his automobile in front or 529 Piedmont street. Officers Fain and Wallace, who investigated the accident.,  that witnesses said that Smith was getting out of his automobile on the wrong .side when Co was knock-: cd down. The injured man was taken to tlie Grady. Head was driving nn automobile belonging to S. B. Sims who lives at the corner "f Stonewall and Chappel streets.</t>
  </si>
  <si>
    <t>                                           ST. LOUIS, Mo., May 18 -- (AN P)--The famous Poro building here, the windows of which have been protected by heavy boarded blinds. since Mrs. Malone moved the headquarters of the noted organization to Chicago, has undergone an interesting remodelling</t>
  </si>
  <si>
    <t>                                           RALEIGH, N. C., June 3-- The tenth annual tennis tournament of the North Carolina Tennis Association will be held this year at Durham. N. C. on the courts of the Algonquin Tennis Club June 15 through June 17. Last year's tournament which was held here was the...</t>
  </si>
  <si>
    <t>                                           Mrs. N. H. Arney was visiting Mrs. E. W. Willie and L. Waddell, Saturday. July 23rd.</t>
  </si>
  <si>
    <t>                                           APPLAUDED                 drT  w.  n Who received a -minute .n as lie  to address the vast audience which filled Washington Auditorium in Washington, D. C., Sunday afternoon at the closing mass meeting of the N. A. A. C. P. conference. The prolonged applause was considered as approval of Dr. Johnson's course at Howard University during the unpleasant publicity which lias centered al the           . Dr. John-son made :tn eloquent  for support i,f the N. A. A.- C.' P. program.</t>
  </si>
  <si>
    <t>                                           When the children of Israel had marched safely through the Red Sea and from its banks saw the waters rush together, drowning the Egyptian army, they praised God in a song led by Miriam, Moses sister. This is a part of the song found in Exodus, for he hath...</t>
  </si>
  <si>
    <t>                                           The very first day of the Atlanta World "learn to swim week" was learn starting success Many registrations were made yesterday and they are still coaling in. It is indeed encouraging to know that the citizens of Atlanta are no longer passing up such golden...</t>
  </si>
  <si>
    <t>                                           m$py i mm.,          t Tmm</t>
  </si>
  <si>
    <t>                                           CONTENTMENT IS WORTH BUYING pREEDOM from financial worries follows thrift when you regularly deposit a definite portion of your income in the Savings Department of the most convenient of our  1 metropolitan Atlanta Offices. You are really buying contentment on the partial payment plan. Your money is here for you. at all times. Soon through regular deposits and the regular addition of interest, it grows to substantial sums. NATIONAL^^  MARIETTA STREET NEAR FIVE POINTS Peters Street Office- Walker and Peters Street Peachtrec Road Office- Buckhcad Decalur- Public Square  K</t>
  </si>
  <si>
    <t>                                           Facing the same charges of assault with Intent to: murder for the second tithe within a month in connection with the shooting of his brother in law, Charlie Dawson, at their home at 333 Highland avenue, March 31, Felton Pierce was Ordered to Serve a year's...</t>
  </si>
  <si>
    <t>                                           The Daily World is published especially !-:f or/you?: Jl</t>
  </si>
  <si>
    <t>                                           RENT A BUS For Your Picnics and Outinjrs From I HONE WA. 1751 Agent for the Greyhound Bus Line 525 STONEWALL ST. REDUCED FARES i via A. B. C. R. R. Specially reduced fares for week end trips on tale starting Fr'day each week, good returning by midnight Tuesday. Al*o reduced fares for two-day and five-day trips. Call A. B. C. Railroad AGENT for additional information.</t>
  </si>
  <si>
    <t>                                           We like it and you will like it too. So wily not start the week off right by coming to the Liberty Sunday School each Sunday morning. The Young Men's Bible class met last Sunday at the home of Mr. and Mrs. Carswell, 316 Ellis Street. On last Friday night.</t>
  </si>
  <si>
    <t>                                           GUN FOUND BESIDE BODY                 Wife's Farewell Kiss I s Almost Fatal Stab                 OTHERS ARE CUT                 Mystery surrounds the finding of the bodv of Tyree Porter. 7 Middlebrooks alley,  on the sidewalk In front of 523 Holl'ns street about 4:30 Saturday afternoon. A gun was found beside the  while he had 30 cents  clutched in one hand.                 Officers W. I. Owen and C. P. Whaley, who invest cated the incident, could find no witnesses to th  that led to the man s death. The remains were removed to the Ivey Brothers Funeral home where an examination reversed that Porter had been stabbed once in the left s dc of tho head,  over the ear as well as several other Darts of the body. .Death..had_;,~.een,ii)866  '?'"-'~'~" How he met death is still a matter of . some  that he was killed in a  over money, while others feel as  he had attempted to rob someone. Instead of the kiss that ho thought tht his wife was  him as she put her arms around him before  a ChattanooKa bound bus about 7 o clock Saturday . Ed Jones was surprised to find a knife    1'tft arm. He waited to the Grady hospital where it was necessary to perform an operation in order to close ud his sewered arteries. Attaches believe Ihut had he been   that the wound would have been fatal as he lost-, nearly a  of . Jones told a World reporter that ho believes that his wife i kept on towards her home in Chuttanoosrn. lie is employed as a chauffeur for a traveling salesman and often comes to Atlanta, st.aying nt the McKay hotel. Mrs. Jones Continued on      4, Col. 7                 Gun Found Continued from Pago.Ono lit! , Jiii.h '/olio wed li in on Hcvcrul occasions,        just before Christmas near thu eye. His conditions is described us serious. More than 100  were necessary to close     11 deep  on the left side of the neck of Mra. Mnxellu Gaston, 15 Butler street who  to Lhu Grntly in a serious condition. Shu was *d hv her husband, Josh Gaston, 2*17 Aidiiirit avenue, at hoi* home  o clock 'Salimlav . Tho dangerous wound  missed her :irl. cries, wh le shc- a  cut on the wrist. Officer* C. W. (Jiirtwrisslit.  13. W. Mnnard  :i nian I hunt for . w Accordinir to Mrs. 'Jennie T.ou WuoilrutT.  of the woman. Oaslon. who has been  from li:s wife  a . camo to their homo  demanded hat she return the  that he had  for her. Tliis, she consented to do, with Hie execution oT tow  she claimed  hu  i witli lier own money. Iff insisted Hiat ho   c i--'vrM!  and the  took . '^our ii M  were  hv Officei's Dourlass and Corree^ti. about ten o clock Saturdav nii ht whr-n i call was received for the rod -i to (nine to 2G0 TTou.shm street:. Nine 'Ellison and 1-er  iof . Mr. and Mr-. John Malone. were placed in hv!  I^IIiuon. who  cuf". nH ov^r the    ?nd. amis, hack and (  . wns  tro^           in p cell. Mrs Klli'-on. 'i- nff!,:,.,^ pn;,l. toM them that, hex husband, who had heen nut of Un* 'hn-'n  .~ince Monday  that he wns p- raise II KHifon told th" officers and a World rn- that,    n'  while her - held li in Z^1""' "'.id l.o he staving at Ellison's home.</t>
  </si>
  <si>
    <t>                                           Mystery surrounds the finding of the body of Tyree Porter, 7 Middlebrooks alley, lying on the sidewalk in front of 523 Hollins street about 4:30 Saturday afternoon. A gun was found beside the corpse while he had 30 cents tightly clutched in one hand.</t>
  </si>
  <si>
    <t>                                           She let he fancy slip ahead ... saw herself as she used to do. in the roles she dreamed of . . raggesi and lovely as Mignon, regal in crimson velvet as Tosca ... she'd as Tosce moor too ...</t>
  </si>
  <si>
    <t>                                           Up From Georgia With My Banjo V By Thomas Jefferson Flanasan N5Y JUNE BRIDE My June bride she looks so sweet All prancing and dancing; The wings of the wind have turned her feet And the flame of love like the dusting of sleet L'ghts her path where the grass hearts beat And the rose rays come glancing. The honey-suckle altar in the quiet June breeze With dew cups all teeming; WaiU in the  of the glad green trees And where the March strains,- are tuned by the bees Come the slow steps of my Eloise- With lily ve I streaming.</t>
  </si>
  <si>
    <t>                                           FunerahNotices                 HA.YNES Mrsj Clirrlo Huynes. passed away May 18 at her resilience, 309 Finser street, S. E. Funeral announced later. C. B. Montgomery.                 WILEY- The funeral of Mr. Cecil Wiley will be held today (Thursday) at 11 o clock. Interment South View. C. B. Montgomery. JONES Mr. Roncoe Jones was killed in an  accident near Dalton, Ga. The  is to be announced Inter. Hanley Co. MITCHELL- Mrs.' Wlllic Mlichell passed  May 18 at her residence 503 Martin street, S. E.. Funeral announced later. C. B. Montgomery. ENGLISH- The many friends and relatives or Mr. Richard English, of the rear 377 Friuser street. S.E. arc invited to attend  funeral tomorrow (Thursday) at 2 p. m. from Mount Zion Baptist church. Interment South View cemetery. Hanley Company. WILLIAMS- The friends and relatives nf Mrs. Eliza Wlliams. of 215 Auburn avenue. N.E.,: Mrs. Agnes Caldwcll and Mrs. Ruth M. Jones arc Invited to attend the funeral of Mrs. Eliza Williams  (Thursday) at 2 p. m.  BiR Bethel A. M. E. church, .'nt South View . The Old Daughters of Bethel will hav,, ch.irsc of the ceremonies. Hanley CoMcGHEE- Friends and relatives of Miss Ella McGhee, Mih. Parthenla Winston, Mr. and Mis. Joo Pace, Miss Lucy Winston, Mr. and Mrs. Arthur Winston, Mr. and Mrs. H. Winston, all nf Atlanta; Mr. and Mrs. Ed Winston. Mr. Alex Winston, Mrs. Sallic Young, Mr. Garficld Wlnstnn, all of Cleveland, Ohio; Mr. William Winston, Mr. Lcandcr Winston and Mr. and Mrs. Irby and family arc invited to attend the funeral of Miss Ellii.McGhcu this (Thursday) afternoon at 2 o clock from New Hope A. M. E. church. Rev. Welchcr will officiate. Interment churchyard. David T. Howard and Company.</t>
  </si>
  <si>
    <t>                                           HAYNES--Mrs. Carrie Haynes, passed away May 18 at her residence, 309 Fraser street, S. E. Funeral announced later. C. B. Montgomery.</t>
  </si>
  <si>
    <t>                                           H I  nk BH i W Bft ^Qk WK 1,1 LJ Night and Morning to kc-p them Clean, Clear and Healthy Write for Free "Eye Care" or "Eye Beauty" Book M.meCo, D.K. II. S..9 E.      ..Ckk,~.</t>
  </si>
  <si>
    <t>                                           F. S. Fields, manager of the Woolworth company, Who brutallY attacked Miss Carrie Williams 20, in the downtown store was freed Of the charges pressed against him Friday morning in Judge Abernathy's court. according to the reporter of that court.</t>
  </si>
  <si>
    <t>                                           Mention The Daily World?</t>
  </si>
  <si>
    <t>                                           Dr. Schuman will  any  and child health problems, Address him care Daily World, 210 Auburn, N. E., Atlanta. Ga.         stamped and addressed envelope.</t>
  </si>
  <si>
    <t>                                           WASHINGTON, July 27-- (CNS)-- Plans for the raising of a $30,000 fund of the four told purpose of landscaping the Frederick Douglass Home paying off the debt on the national headquarters of the associations work among young girls...</t>
  </si>
  <si>
    <t>                                           Disgruntled because they had been asked to leave the West Side Delicatessen. a group of young boys. described by other merchants in the vicinity as being young toughs kept up an active picketing of the place Tuesday afternoon nom one uptil 4:30 p. m.</t>
  </si>
  <si>
    <t>                                           Renew Search for Fourth Sluggetof Watchman                 With the nrn-t M T.-.-^u-tc Simrr.o is. G70 Cor.nally stn-i't   with :i pi-t.'I jr. i'.:.. pocket, scorch      -v.'cl 'ur Henry Stm-on last of four men who shin)!el Will Jefferson.. :---:nt watch mm c' (he Bucktyo f..(lon Oil  ompany.  the :n"!":i:i', cf M:iy 7 ;;nd  the ' :a:u hT i:c.Ti)y 5300. Sinitr.on? was  ejr-y  bv OfRrpr-i ^r. M. Joiiii  m  C'. P. Hill an-1 ordered l.i-lil f"" rur'.her -ilion.    ! \  '        IP his '.-'S:..n has been idi-[lt:i-.o.i a;i one stolen from the plain m tin? .lary. Ol'Uccrs W  li"t lli.~ man told thorn that he pjrc:h:;-od the  Irom Chailoy I.kk Han.ev for two . Kaini'.v. :'..v  man to be . w,-,s .! month after the iii,-.ii He has no l       . Two the mun. Arthur Si:      . 3" ami Robf:t Lc-e Gi'or;.'e, 20, i-r.tered guilty plea,; Juno 15 and were .i m Superior court to iiT.v to four year  in thu ~.v.te prison. Mr. Jefferson, night watchman, ilo-pito the Hut  he was brutally beaten with the sledge hammer, played "dead" und  .lie information, necessary to brim: about the arrest of the men, Ifu was  to remain In Uio Harris Memorial  for several weeks.                 BAD IKE By I. P. Reynold* "Good  como to those who WAIT" may bo       at  Ome  but D if I nru  to WAIT for good things whoa tho polk*       ait 91   ,</t>
  </si>
  <si>
    <t>                                           SWELLING REDUCED And Short Breathing relieved when mused by  collection of water in abdomen feet and legs, and when pressure above ankles leaves n dent. Trial package FREE. COLLUM MEDICINE COMPANY. Dept. 580. Atlanta, Ga. ~\ (              cJ  RURALIST PRESS, Inc. 713 Glenn St., S. W., Atlanta</t>
  </si>
  <si>
    <t>                                           A  FOR YOU Join the vast Radio Audience of the., earth listen, to. the big air; favorites p- keep abreast the times buy a Radio! See the Radio on display at Yates and Milton's Drug Store It's a combination Radio, Clock and Book Rack, and4s.     4or $40 cash- or $50 on terms,,</t>
  </si>
  <si>
    <t>                                           Fight for Schools is Put Off                 Action on the two Negro night schools which wore ordered severed, was deferred to the next meeting of the board ot education, after the lengthy fight made by Ir:i B. Hiirrclxon, to retain his office as chairman. A new hearing which. was to be brought to the attention ot the board nt its May meeting Tuesday following an appeal made to Mayor James U Key and Alderman E. A. Gilllam, chairman of the public schools committee of thc city council, by three groups of white women, was postponed to June 14, the dalu of tile next board meeting. It is thought that the matter would receive a more favorable attention of tho board at that time, was the explanation of thc move made by Atty. A..J. Wulden, one of tlie leaders, in. the light to  tho two schools.</t>
  </si>
  <si>
    <t>                                           The enthusiastic praise given "Five Star Final," the First National melo-drama of newspaper life, staring Edward G. Robinson at its Los Angeles preview, was repeated...</t>
  </si>
  <si>
    <t>                                           I        . lift. ln- I         WONDER       your fn ar.  hair the r-nM Bnxurfant block .'ly t I REE KC;...[    will tell j-o;t oil about t1 ln now I'tl-ikb   ".^"  will not Ifa ile nor      off. One               a v III   Jialr a ,  J. ^l:n Jo that -* will envy. Wrlto Kailams Turmol, Jl.^r^aCth^ST., Dept. 2-B,     York City. Relieve il.LUCKtf Jff^^''*^^ caked  of  fan* bt tf                   mm)       #r           f or           *d   .  of         .CwlI,  tc.~            \     oi GOOD LUCH Mi Cam**. Monn.       (4.   *v.         , Sure***,  lc.        no *tural r*0rp**.Bali*** In LUCK T WDy don't YOU carry   airT  Sl.~7 (or Iha two,   FMCC  .Pay PfMlmin *  7 And ISc MMnn on         . SATISFACTION OUAttANTECO or  Bt* TURNED. You Can't Lose! OrOtr YounNOWt D*pt.T GB P.S.      .        .O.     72. . M. V.</t>
  </si>
  <si>
    <t>                                           Atlantans who have heard for years of the wonderful singing of the Tuskegee Institute chorus choir will have opportunity to hear them on Monday night, May 16, at Wesley Memorial Hall, Ivy street and Auburn avenue.</t>
  </si>
  <si>
    <t>                                           Marking a new annal in the history of Atlanta athletics, Chicken Charlie Clarke, B. T. Washington High School instructor and a former Morehouse star, comes forward with plans relative to a six-mile cross country race to be staged here on Memorial Day, May 30. The start of the gargantuan project is already underway, and, to be sure, Chicken Charlie is not letting his end fall down.</t>
  </si>
  <si>
    <t>                                           3 Wise Guys who were found lacking in one respect they did not recognize the real value of WANT ADS and failed call WA. 1459 *ind find out  the cheap rates which save money.</t>
  </si>
  <si>
    <t>                                           CLEVELAND--A small riot occurred Saturday in front of Woodland Center while the General Conference was in session. A small band of Communists gathered on the corner and asked Officer Patton, veteran colored patrolman, to allow them to make a few speeches...</t>
  </si>
  <si>
    <t>                                           G a la Musical Contest Held at Mt. Vernon                 A Rnla  contest will bo held ot Iho Mt Vcrnon Church on Thursday, Julio 2. Some of Atliintu's best talent will appear on this program, Including well known recording and broadcasting artist*. Prizes amounting to ?20 will bo presented to the three quartet*       -d the best, ; a prize for the best soloist Lending business men and prominent city officials will  on the program. Hnn. Jmncs L. Key, mayor of Atlanta, will deliver an *. All quartets wishing to enter this contest        v/ritc W. II. BrlgfiK, musical director, 71 Electric , Atlnnta. W. H. 'Brigss. musical '. Rev. C. H. Plckrtt, pastor</t>
  </si>
  <si>
    <t>                                           AS THE AKRON WENT WEST                 A company of United States Marines,  acted an ground crew. Is shown lined up at attention as the largest dirigible in the world, the TJ. S. S. Akron, soared into the skies at the naval air station at Lakehurst, N. J., at the sturt of its flight to the West Coast. The Akron will take part in  maneuvers off the California coast. The     ship i took on-ber fleet ot "spider planes" before, the ,</t>
  </si>
  <si>
    <t>                                           The Douglass National bank of Chicago, for long standing like Gibraltar in the terrific financial storm has finally been over- whelmed by the cataclysmic for- ces. It is of the past and its history, like that of the cons, will be recorded on the petrired rocks...</t>
  </si>
  <si>
    <t>                                           GOLDEN EAGLE ^STORES GET VOTES 'FOR YOUR church</t>
  </si>
  <si>
    <t>                                           The Rev. C. H. Pickett, youthful pastor of the Mount Vernon Baptist church. over whose ministership the church has been split for sometime, must refrain from ascending the rostrum of the church Sunday according to a court order singed by Judge Virilyn R. Moore...</t>
  </si>
  <si>
    <t>                                           HIGH 3LO0O PSpi   simple home (.  Write Alcrtox Mod. Co:,-'D3pt; 100.' , Go., for free leaflet  Jhow thousands have relieved . of tili dangerous;  Condition.</t>
  </si>
  <si>
    <t>                                           pD W HEAp ^D J^NS GO AWAY By building up the genera System' to , or to an im proved condition -of- health women have overcome "pain ".. times"'. jn a  manner, and in  thousands of f^SF^^ cases Cardui is ^^^^~~!g given the credit. M When in a weak-     !     I. ^ened condition rr^ ij S  a sever.e :*^^= M Illness, or from $~ SiS  run- f 5 down state of 2^^ j health, -women SS^^ I i  who have taken Gardui have l^^llJ.  to be of ^W^  as a general *-o$-c- It you are weak, rundown, .-suffering monthly, try Cartiui.' Take it for a  able' length of time and try ^it thoroughly. It is s  g^ able for women of any c*~. age Its use cannot toJ^j -hurt aav one..      ?w^ ^u* nas ^^~iB]m^~- cd ..</t>
  </si>
  <si>
    <t>                                           Ynill never know how good^-j/VSl a cigar can be until you^'^plw E% BJJLLSpSSS^'V^ MORE /^ "I. Lewis Cigar Mfe- Co-. Newark. N. JvMakors" ..'TytTTTyTTTTTyTTTyTT.TTTtyTyTTIiy.TyV..TTTjrTrTT^ I   j%gs^M ^*e* Me Cure You! JJtiiisS^Ssim 'DONT DELAY! CAM, AT ONCE! 4 ^   3t^^B For M 111"      CCIilNn people  htn k KT^ Atlarit* Uienrandn  f  ~!   3Kwi .NtTmalUr what   In, nn  Imw *~r!niM ^flr*T^^69BS5l Tour d'"^1*     I  fc* 7 v to call and I*~ me at onco fe^att^JWcK Treatment in              in cost. 4 ^SrnW f ' -'nr AurcicaL . AJI di 4 *      5       !. mj pure nature - with , L JmTWWK (flr Ti1       " In. every cam/  J9l^Hi   OR FE)     CALL OR WRITT MMM +. DR. T. y. YOUNG (IBtmvSi WITH* Tnk '.ORIENTAL ' CO' 4</t>
  </si>
  <si>
    <t>                                           CLEVELAND, Ohio. May 11--(ANP)--With more than 700 delegates, half that number of alternates and some 4,000 visitors present, the 29th Quadrennial Conference of the African Methodist Episcopal church opened at Woodland Center here on Monday.</t>
  </si>
  <si>
    <t>                                           AS  CLASHED WITH CAPITAL COPS                 Hcrt are couple ol it...        .n, ,u me  ,,f the Bonus Array's left wins iu inem-i iht White Ht,n Rt left one of the comic incidents jl ihe ii.ilu-i .-  ,h with thf veterans is shown. David Budn a -cu ts shown in the brandies of a tree on Pcnn.-. ^Tenue while detectives  hopped from  to                 I  pursuit. At  .--, veteran is shown. Lc,,~ V, V ,nbb""f il:- "I? lUi!-~cd wi h deuk u ll,"t's drawn "round the vicinity of the "hit. House balked every effort of the vets to put I '.her plan int., operation and nine of tbt  inj  were arrested.</t>
  </si>
  <si>
    <t>                                           Next Thursday, August 4, Negroes of Shelby County will make political history. Not only is a record breaking number of colored citizens expected to participate in the Republican Primary. but approximately three hundred and fifty Negroes have been selected to...</t>
  </si>
  <si>
    <t>                                           yp From Georgia With My Banjo By Thomas Jefferson Flanagan FORTY ACRES AN' A MULE THE old brethren used to pray, Forty acres an' a mule: They waited most to judgment clay Forty acres an' a mule. Fortune tarried at the t;ate Ready to fill the dinner plato An' everywhere you d hear 'em bleat: Forty acres an' a mule. Thru their sweat a few p;ot hold Of them acres an' a mule: Then the sherff up an' sold That forty acres an' a mulu. Mister hard times happened along An' swept 'em in the breadline  An1 no more you hear the soup: Forty acres an' a mule.</t>
  </si>
  <si>
    <t>                                           I am a subscriber for the Atlanta Daily World and I read your column every day. I am a girl 19 years old. My school boy friend is coming to see me soon. My home town boy friend is very nice to me. I don't know how to tell him about this other boy friend coming I am...</t>
  </si>
  <si>
    <t>                                           Thursday, Friday, and Saturday, May 19, 20, 21, which is this week end, tennis players and lovers of the game from the whole of Atlanta's business and professional world and from all the local colleges and high schools will engage in a City-Wide Tennis Tourney, fostered by the nationally sanctioned Clark University Tennis Club, of which M. E. Turrentine, former Hamptonite, is president. The C. U. Tennis Club got its sanction through Walter H. Aiken, Athletic Directer of the school.</t>
  </si>
  <si>
    <t>                                           Well as the World prints news of all happenings it becomes my Jury to write myself up. While returning Saturday night near midnight from South Atlanta a man hurled a soda bottle at me in my car. Stopping as quickly as I could recover myself from the blow on...</t>
  </si>
  <si>
    <t>                                           Among the frequent symptoms noted In disturbances of digestion is the condition ur the child's appetite. which may be of varying degrees from the normal. Thus we recognize the illness accompanied by an abnormal desire fur futsi as well, as that which shows a poor...</t>
  </si>
  <si>
    <t>                                           Thursday Is Dollar Day ^^gff Thursday 9s Dollar Day 91-93 Whitehall Street ^L     1 91-93 WhHehall Street a i ^'/"n i7    BIS Hi 1 Women's New Summer Ladies' Silk Apparel Has Its Dollar Day    emm Cl x u 7,e e i Shoes Hats Hosiery lOD OlLFw ^   i 000 . jm YnuM P jg Our m- A DRESSES  g' $~ s?.      ,. 84 VELVET AND FABRIC ""i""'''-- I 2*~r I . 8 ^ffi I BUSSES' AND Panties. Slips. MISSES' AND J)M%?ir%    9 EM I WOMEN S Gonns WOMEN S 49 = ^ S*mI^   *f         --- i or" I On Sale SauPs 2d Floor JnraL on sale,  main floor Many bi*ize %~     -(c;?3:s L^ot Advertised. Be At SAUL S Early Thursday J</t>
  </si>
  <si>
    <t>                                           A series of disagreements and diferences over money matters resulted in the fatal shooting of Sam Williams, 32, of the Southern uarters by his wit, Mattie Williams, Thursday night. at 10:30 p. m. The shooting occured at the residence of a friend on 21st...</t>
  </si>
  <si>
    <t>                                           AS  CLASHED WITH CAPITAL COPS                 Hen arc a couple ol me .-pui:- in the  of I the Bonus Army's left win;; to  t the White House I At left one of the comic incident uf the police rbc-h with the veterans is shown. David BucM, a ^cor. is shown in the branches of a tree on Pennsylvania i Avenue while detectives Bayly hopped from  to I                 bough in pursuit. At  .in"   .-i veteran 13 shown, his clothe.- almost in riW)    as he tussled with deu-. I'ulice lines drawn around the vicinity of  White House  every  of the vets to put  plan into operation and nine of the  . were arrested.</t>
  </si>
  <si>
    <t>                                           CHICAGO. May 26.--(ANP)-- Early in 1919 Jesse Binga called at six o'clock one morning at the home ... Dr. Julian Lewis to keep an engagement to play golf. While waiting for Dr. Lewis to dress. Mr. Binga talked to Anothony Overton, suggesting that each of them pick...</t>
  </si>
  <si>
    <t>                                           Behind The Scenes                 In Hollywood                 Uv Harrison     !I                 HOLLYWOOD. C'al. . :i CicifSlll I!" bUZZini! iM l C - tl'.l'  "('~.~-=.: ti i-.-- uf Ann I)v. ;ak wi," lir..-: tuK.-.l a-.v::y a .~I'.:il!i:u I., pl^.v i.- Konalti Ciilii,.!!! and    board a -'l hc-Mit-u Ni:\v Vui and  ii. lt-P"''- lia-i m. lor Kurope.    :u:npa!  'inf" tin-     ^t^r                 ii her liu.war.d. l.i-r-iic Fi-. wr.o sev-ral ye.,r:. a;.',, v-alke.! ,:,,t u:i a; promising . '~:-,iv(.r Je..~ ;i v.-uab-'tid - on :l.e L-..cr:1.. Mir:- Dvorak left Hol-yw.-.-..! will'-i cu: :',ot:fym:; Warner Bruin.  where slie is i:li(l-r i uli::-;n-i. i or l-:;ii)B ev-r. her close '.ds. In a lew '. ^i- was have: T.-porte..: I.. United A:l!.-'.s U' pl''.v j Euiial.i CiMi'.alf:. ^i'-"P-).;i:l i- Iu-.m-i in -Cy;:ni-;i r-'u.Ur.vins; tii:-.1. still ::!h-:-    !io ii:i:i :.i-;-;ir.(Ii."  In-:' '-'I' 'in r;;;;i-:-' :-.sit \~w- li:re i At V.'aiT.i-rs yi:skT(i;iy .o::i(.-i;i;.~ ~;~h-!.si-'! do'.-.bt    lii-i- ii'.'.t.'nt -u to Ki;r-ipi- :~v.'\ w i:ic-::in.Hi lo vit1.'.1 tin: l.''.i lll as 311 o;:ti;i::~: ui :lMi:- j [i.-ri!:\L-::l I Al i.:n:li:U Ar'.isl:- a plainly -n- j .'il SiiiiMK-l Gold'.vv:i v.ms sll.l'.i,,,: :~,:t1, i .r ;.r. ac;r.~ to A:::~-.- i-a;.- i" :i." C-S.::::.n ]:    :r. v.:.:i.-h dui; to :;'.a:". .-;   . .11 n.; on Jlliy 20. 'I'hi- b:nki;i:'un.~ n' 'In- inci-'.i1".'. j!r\ul'.-.- li'.-- pL-  .:.r.:.i til: ;ii;re^::.t n.' uve: . S.h,.i- lime :ii:o. Ann i1il:i .-a .o\vn, .'.as i--ut ur.c:i-r cori'.ract by Huv. Hliv.Ii^.1^ i't ini-ili-r.iti' Lila'.y La'.ur i;n. Warnt-ri .t Iht cur itr.ii-: .n.d she j;an ii-r 1.:--r.a: ri.-'- in :'i ty. L:ki/ all yo::::;; .~~lar.-. she ft:; ^h j \'.-as liU". r.ti'.Utv ;=;~ i-ci  Only her co::.pi;~in: was twofold. Sh.-' tin! ot-.ly v.! rr'.ore f:'o:.-i "Warr.ors. bit sh" '.r^'iah: IIi:p!n-: hov- split with Iht on ti-'.1 money he got lr'.ti. the s.ile in.-:' contract. The present ~\l1a' of affairs is Ui-. 43U'.~ of all thi:". Now. Hollywood wonders, will .-.i.'.go thr..     with it': IJke a  from   Ot'.cc in -i " is the reception i\r:i:r.       Ford in Hollywood. Arriviiu: at R-K-O      !ei- than mw, '.eil. the N"w York  was- given a   - i tli-v  remove.! from the  ri:trs' . He li:id just :;; himself when a laborer come in and bet;an to remove the .iure. Thinkiiu; wa;: a I'-1'*- I*old -w.-it.-hfd him mala- a clean sweep \it everything ,'. the desk. anJ chair where the  :;nt. Klnally.' When the labor, r st.-irl'..! lo take down the pictures, Ford reached  or Uie .                 C, a c-. a.al ii-.or. the ..;:.,-:-:i!.):- t ;r.o-. .1: "SuiTy .Dili !l,U p!:..:k- I::.-" -~.-n di.-.-.-L-te.:  I.KVAKl) TALK .;::i!ii:i \'-s,r:i:. the ;viv. v;i::i;:. iK.ck 1:! I!...-~,O(I !i:,v- a::t:y .,1 .i '.vci-k. 'I'h... '.-'.y' I :::::ll her :...ia!iy pru:n.:le::; .':~.a..:- 1 GK-v.a S:i'.-:i Ir-.o !i.-^j-ilc. -.~at.r.c::; he:' *a-:.! '~~~~~-.I I t!.:uu;;h a ~.ci!;pv/ -~';-lll: Ji Hcn'-h h H'.si' Till! p'.'i'S'.y v.-lti- i:T --.d (l;r-c'.'~r 1.- bi in^ :n;:(.-i: lv.-itt'-'l  a :'i-:::a'.-;-: .-i'.e .U' wl-.ik' sho;:;ii:i:: fi;r v/i'(iu::i:: pi'.-ur.: fiii" .leap. in I- ami :Ja-iL Br-rn TiiL-   ;:i"\vi.-ii    i 1 pi.::".ulp!ui Ii'..:.!'S ah'.] ;;r.ai:y lj: :r.:;:h*.  ul a S1AC1 U:il:~)     .-. Oh. fl!V." .-aid. ~'.1:1.! 1 s if is a:i an'." v.as air.    ^. \00. lilt' ;:n:iM.\: k',-.'.'.-.-^ ~'.~.it Hd-ar A::, si Wo:-I: ' uvi!:- li:'' '.rick ra io ::l J:K'k I V.'arp.i be.i.-h I'.'.r.i.-i- It w;i? "~11 I df tl-.nse radi-.'S  a peri in a:i"l:u r  c.ui mak,, ;i bro;.ucas' V.Vuif \\'a.^ ;:: a cuir.'   ' t .!k    = l- :i::- ben-!:!   ! '.in.- it.. W.I in ;::i- j :'. :   :'. :~n". n-i s.'lin.l c:i::U' n.:l Tl'.'-r. .-unu budy r.u'.iCL d ;i !:i:-t;~- j i- i;a;liL':t'd :n fr.-:-.t  f tin.' In. \V:-.-.:' hap-j.-Mi-d v/   tbe :a- .:::ii.vti d ll:- load^- I fir fi-.:ii p;i:ci'. Not a1.: tin- :;;:;s 1:1 :h- :il".v  Cantor pu- M"e v.-i!! b.' :ro::: liu'.. Sa:rir'1 G"!dwy:; !-..u ! ! N.-w Vu:k i,i;air.:es- -B'.Mty Bassr-U. V:~-.ai-, Ma'.l'.i:'1- 1 1 I Bi-rnic-c ^ori1:iLT. So;:]-- i.-;s;-:i: cast ;!i:'.i:  i"-U V.'il:::m-. !) B"yd u::l  A Ui-. "Okay. U S. A." and in!., the h-.r.-y vox- 1 yf "" Square Caydi'n" fo:- C:ia;le.-; JUige:s He wil: bi! replaced In :li" cwl-anin:..i  by I..i;;   Calheni. Broadway k-ail'- man. j I-V:rx Voiiii^. assi;--iai" pn.duce;- t.;1. tii;^ pic It 1 re!. ai;.u is ;: have Kdcii.- Arnold co:ii:nu'..- daily fi San Ki-.  o play a t;-r ro;e. A plan,. w:.l Ixhij: iiim aV.d r.riu:n ln:n  n;i:lit lo lake iiib pan i:: t:i- '--I'.e pM'.iue'.iuM .-f   V,'hi..;!li:u: in tin; Dar):." DID VOU KNOW- j Ti.at :!ij.; Ill-- ! !'.:; In-; was ill til'.' Co:-an-.'t Grove  Bin.; Crosby saM;~ i Surre-.ii. r. 1 n-jjv- ic:i;:t iv.-ivt.- nv-ry  j</t>
  </si>
  <si>
    <t>                                           HOLLYWOOD, Cal., July 11--Gossip is buzzing here over the defiant gesture of Ann Dvorak, who has tossed away a chance to play opposite Ronald Cohnan and is a board a vessel headed for New York and then, report has it for Europe. Accompanying the young star...</t>
  </si>
  <si>
    <t>                                           EGGS {'Er:i2V2C LARD' fH,^c C COFFEE  12%c: Corn Flakes Sir 6V2C FLOUR gs^ 79c RICE p ,'^J^Q I^^ft M^kes better ; ft ii" fi^ .fcT ml LK Itlc I Limil/ 2 .</t>
  </si>
  <si>
    <t>                                           MRS. MUNN j_ SIMU1TUAL MEDIUM WajaEl If unhappy, a failure In]pBf*  or 1   , lhi lK j-      Is for 70a. B^BPrvi^" l( Jn , unhappy, worried     -*, fap.lir or lore affair*,         clairvoyant and  will f          nd  yoa           put u you alone know It. the   s It In nhd the fo* lure it will be; tell* foil name of whom  will m*rrT. Rradlnr dall7  in n. m to 9 p. m. No reading* San* Hot" *~r Friday". No "lim. Inok for .rr- M'luihlnjtton Lnkewnod can           . Soecial Readings, Short Time. 50  IMS I^ ATf. AtlaaU, Ga.  RELIEVES   me (ran Soothing, cooling ZEMO brings prompt relief to itching, burning skin; even in  cases  come* bs      aa ZEMO touches the tortured . Eczema, Ringworm^ Kashes, Pimples, Dandruff and other annoying skin or scalp troubles generally yield to this soothing, antiseptic lotion. ZEMO ia sale and dependable. All DruggistB. 3Sc, 60c, il.00. Extra Strength ZEMO best I for chronic cases- $1.25,</t>
  </si>
  <si>
    <t>                                           SAIL SOON                 PROF. RALPH BUNCHE Assistant to President  \V. Johnson of .Howard university, Washington, I). C, w-Ho soils this  for South, Africa where he will study conditions among some of (lie DJitivc.s. Prnf. Bunclic is a  of (lie University, of Ctiieaffo. Uc succeeded.' Prof. Willi::in Stuart Nelsoji ')~~V PrV'tlftit 'of' Shan* ,' in his* position at Howard.</t>
  </si>
  <si>
    <t>                                           MISS FANNIE C. WILLIAMS, principal Normal Training School. New Orleans, member President Hoover's White House Conference Committee on Child Health and Protection; member of National Advisory Committee on Negro' Education; member of the executive committee of the National                 era Association.</t>
  </si>
  <si>
    <t>                                           G PBury Hatchet in Meet; Name Delegates                 UO GROUP NAMED III CONFAB                 Rev. Martin Objects to Endorsement of    President Hoover                 CURTIS NOT OKEH                 (Exclusive The World) Bv .I, A. MURPHY                 MACON. Ga., May 1C- No more squabbling! No more pointing dirty fingers nt each other! No more "It you hit my cat I'll kill your !" The two warring factions  Morally  the .                 Its the Grand Old Pnrty now for both Coloicrl and white members. Tiiict was the kind of situation presented ;it the Bibb County court house Saturday, whon Negro Ropubllcnn IcaderM from 103 counties gathered  for the express purpose of completely reorganizing the . Despite the      that Mrs. Mamie Williams and her faction, two  ago.- planned to whitewash     exterior of the "" ; Instead of Ignoring the Ko-called "lily-whites"    they hud so vehemently stated In their meeting here last month the Negro organization elected C. E. Donnelly. 11 white man as their chairman and named J. .T...Hpno, lily-white loader, as ji.-.!  '.?Sate-nt- ^o";the Chicauo-'.--Tnfe action la looked upon as a peace move for 1 the rival . Hoovrr Administration Endorsed The convention endowed the  of President Hoover, and over a one-man opposition. Instructed Its delegates for Hoover. The opposition came from Rev. J. A. Martin. Atlanta. Continued on Page 5, Col. 6                 G. 0. P. Continued from Page One am doubtful that Mr. Hoovers record, as far us the NVgru is com- -d. warrants .such :iction." Rev. Martin  "Ho permitted 'loin;; ;iw;ty with Negro  in the party more than any other man." Dr. L. M. Hill. Atlanta, objected to the remarks. He said the record of Mr. Hoover already had boon .*    by the convention and asked ih.it the spanker   - .il out order. .1. II. V/.ilson. chairman. ruled. Curtis Not Iniluclrtl TlK' convention endorsed H. H. Nichols white, of Alb:iny, for national  from Georgia i nnd Mrs. Mamie Williams as national committee-woman. The national  offered tho Hoover endorsement resolution ami its original presentation Included Vice-President Curtis. Chairman Watson whispered to her. however, and Curtis was not included in  final reading. J. II. Watson. Albany, was elected vice-chairman of the party in Georgia; B. F. Cofer. Atlanta, secretary; T. N. Hendricks. (white). Edison, treasurer: and J. G. Lemon. Savannah, general counsel. The group established themselves Ok the une and only official Republican state central committee of Georgia and named the following delegates at large to the Chi-.ago convention: Drli'^alcs Elected J. H. Watson. Mrs. Mamie Wil- liams. T. If. Hendricks. J. T. Rose, (the latter two ni-c white) Alternates are: Ii. H. Cobb. J. L. Grant. Frank Doughman. D. M. McKce, (both thc latter arc white.) (Tlin.se designated 'C arc Ciilnreil; those 'W are white.) J3y districts, delegates elected follow with first named ..'is the dele- gate, and the last named a-.-, alternate: Kirsl          : J. C l.,. C C It 14lr,'\V' I Srroiul district: II. II. Niclmb. W M. U Kent W Third district: E J Williams W W A. McKcnMe. \V KmirCh district: I. D. Toomer. C A M Wilklm. C Fifth district: II O.fcr. C .1. II l':irks. C. Sixth : S. I;. demons C: Samuel I'urvls. W Seventh .INtrict: All.~rt Tumliti. C: Oarnctt Andrew; Jr W Kiehth : J. C . C: T C Wini.   W Ninth district:. T. II. Chastnin W; O^rc.' A. Curtis; w Tcnlli          : John Orcon. C- T r Wi-od .W M.-*   f thc. central committee  from iho .nt Inrce nrc: Willi.m McKclncj'. 0 S.' A Jone* c:  I C. t,"mon..O: 1. n TnomfrC M* M n-I,raeli. W: W. C l -l W': fi.' Wnshlt\irn. C- Andrew      !i \V K .l' Turner. C: T. A. Chnstnln W T S. .kiir.. Jp... c. Vntnk . w h. J. Matthtwn. C: Walter S Se.itl C W. Sliipman. C. Willie UatilrN r. li' II. . C: J. A.' l.ee. C: S w' KsXn W: C. I". Ooreo. W: I. W. 'Drown.' 0': '"i"'"."1. r- w. t. u-eii. c.     First : 'Mr.; JI MeKiver C: ST.. t p^.~pJ'5"to- C: v'"'""m J"m"' ~,^,7"!', ,~!.t!'J*  -' A v. c II. Kold-p. C: W. T Ellis W: II. lime*. C: R E Cooliitc. C: S S .-l. C; J. C. Clark, C; J II MnihU C. i"""ic': J-      , W. A"M VVUkmv C: C; II. Stokes. C: I,. I)         '        .li Sole.. Clem..,,,. It II Iv'i'i'to'n  C8*'~! CaIK"c- C; AS^-enth  A. N Tumlin W f.-err- Bjntiler. W- .        An.lor.on. W, h ill.: T. C. Wllllnms. C: .1. SrnHot     N        . C n. Ci Niiilh 1: D.' I. R-. W: w: Mo^e::.cw; A- Kltr1"""- W! T V1,1,1 ~'"": J P Wno.1. W C S. ili ll W      ^'""'i C: ThocilM I-.</t>
  </si>
  <si>
    <t>                                           MACON, Ga., May 16.--No more squabbling! No more pointing dirty fingers at each other! No more "if you hit my cat I'll Kill your dog!" The two warring factions have literally buried the hatchet.</t>
  </si>
  <si>
    <t>                                           I am taking this means of acknowledging the following contributions received recently from Baptist Churches for the work of the Colored Relief Committee. Rev. J. D. Sims 75 cents, Thankful Baptist, Decatur $2.50, Liberty $2. Reed Street; $3.50, Wheat Street...</t>
  </si>
  <si>
    <t>                                           MACON, Ga. May 8.--The first annual Georgia High School Relays were run off Friday, April 29, at the Centennial Stadium, Macon. Ga., before a large and appreciative crowd. Twenty-five schools were represented with one hundred fifty contestants. Fort...</t>
  </si>
  <si>
    <t>                                           How Modern Women Lose Pounds of Fat Swiftly- Safely Cam Physical Vigor- Youthfulness ,-j^" Here's the recipe that b ^al and brings Into blossom all the natural attractiveness Chat every ,n . Every  take ono hall teaspoonful of Kruschen Salts in a glass of hot water before breakfast cut out pastry and fatty meats- go light on potatoes, butter cream and sugar In 3 weeks get on the scales anil note how many pounds of fat hav* vanished Notice also that you have gained In - your eyes sparkle you feel younger In body- keener If mind. KRUSCHEN wtl! give ar fat person a Joyous surprise. Qet an 85c bottle of KRUSCHE SALTS (lasts 4 weeks). If even th! first bottle doesn't convince you Uu Is the cosiest, safest and surest way to lose fat- If you don't feel superb Improvement In health so gloriously energetic vigorously  -your money  returned. **~~TV LsdlraT Ask  Dmwttsfe fA I Ariygdcl. a*M(CM                 boiM.*  Mih naW^ SSlSsi1111***-                  V "V- vr sou xv DKiiccun urn     W i hi AGAIN TOUCAN OBI I .NEW ORLEANS LUCK POWDER CURIO Until now tti* rich, wei.lt br  nd  priests       to b* th*  ones  to get it. but now    oat*  It from the  point* Of the earth, mid you too can obtain It. Whv be blue find low? Money, . .v hnpp1ne.*w and 1o?t art ftU *!Tfd )n  rare curio. Strann ai It may imit.  of *  In  to bring them good  In  ,  dq^** new. *. lore, rind to brine food friend? only to them and to b*     catt.~r of nil   nnd         . i The Secret Povder     all th*  Hick cf John the Connuerer Root. Lod*. MaCTiMIc Simd. Lota PowdtTm. mone%- luck bast. Bolr On. nnd Drnrnn  nnd  m  il vou wirh for. We  no repre:~# tor the*? . but *elt them to 700 on-' )v    remarkable curios, nnd w* hart thou.^nd* of  from all      the countrv    delighted and  cu^. ;- -  A  of genuine     Orltan* Vnn Vnn.  *thr''oll* ol      with full special directions: for you to vte.  you should order thl.~ Psyctioloclcal Aid at once. 8 nd no money Psy the    *      4u t $1.00 plus a  lew c-nt'.~ico*      w-hen^'b* I brings it to you. Mont?, Dack If doI I t cll^. Remrmber. order at ono*. I Ju.11  or write   aud *d- 1        !~ It to New Orleans CuiiO/1^^ Co.. 201 E. 35th . Dtpt. :10.. ObWflH . IliloolB. and    will 'tud" "to on at once, bo you can-    a-^  t.irt. C I</t>
  </si>
  <si>
    <t>                                           One of the chief difference between the Northern and Southern branches of the species Ethiopia is the re-action to outrages against this kaleidoscopic race. Out of 100 blackamoors south of the Mason and Dixon line, 99 will run from their own shadows. The remaining...</t>
  </si>
  <si>
    <t>                                           Questioning *Pr^       %^^f^:                 Alter being roughly handled by a mob, Dr. Paul GorgulofT, the assassin of President Doumcr of France, is shown (at right) being .questioned at Paris police headquarters, Gorguloff, who claims" to head                 a Russian Fascist movement opposed to the Soviet Government, stated he shot President Doumcr because France is friendly .to RcdJtussia. He is thought bo^be demented.</t>
  </si>
  <si>
    <t>                                           WISE SHOPPERS' DAY AT HIGH S Newest Summer Colors! SI to  1.50 Full Fashioned Hose Hose to wear with every summer f f^ costume! CHIFFONS and SERV- #N \JB f* ICE WEIGHTS 45 and 48-gauge. \J picot tops, cradle soles, French 2 I'rs. heels. for $1.35 HIGH S STREET FLOOR SI .25 MESH HOSE I CHILDREN S SOX I Full fashioned,  tops, Reg. 2Dc to 35c! Anklets, rose point, needle point three-quarter :     half bridal veil anil medium lengths. Stripes "novelty round mesh. Spring shades cuffs, anil . New  dirk colon*. One duy mcr        . only: 1Or O9C 3 for 50c STREET FLOOR  Kl.OOIl J.M.H-TRH CO.</t>
  </si>
  <si>
    <t>                                           The Builders Bible Class met Sunday morning at 9:15. The lesson was very plainly taught and discussed by Mr. Reddick. Mrs. Ella Williams was reported ill in Grady hospital. All members are urged to visit her and pray for her early recovery. We won the...</t>
  </si>
  <si>
    <t>                                           THE world may agree that a boxer is "through" but the ringman himself is always the last to admit that he is ready for a seat on the sidelines.</t>
  </si>
  <si>
    <t>                                           Baseball Manager Drops Dead in Pittsburgh                 PITTSBURGH, Pa.. July 27.- (ANP)~ Frank Warficld, manager of the Washington Pilots, dropped dead in a hotel hero Sunduy night following a game between Hie Pilots and Iho Pittsburgh Crawlords. His body was .shipped to Baltimore early Momlay morning lor burial. Warficld wus known as one ot Ihe most colorful players in baseball. Ho      career In the game in St. Louis and was later a member-.of the famous Indianapolia A.B.C.'s under the lu e C. h. Taylor. Aflter Taylor's death, Warfield went east where he has been active as a player and manager for several years. Warfleld hnd just completed '.s for a five-game  HCrles in Washington between his team and the Crawfords.</t>
  </si>
  <si>
    <t>                                           CHARMING                 MRS. AARON DOUGLAS Wife  H' rile celebrated and talented young artist wlio paints in the African motif, is considered one of Harlem's most charming hostesses.</t>
  </si>
  <si>
    <t>                                           After several weeks of feverish activity the Victory ball for the contest department of the New York Age is being held this Saturday night at Rockland Palace. Luis Russell's orchestra and acts from Small's Paradise will be the feature attractions. Henry Allen...</t>
  </si>
  <si>
    <t>                                           MOTHER S DAY MEMORIAL                 IN MEMORY OF THE LATE DR. A. A. IRWIN who died on Mothers' Day three years ago at Holly Springs, Miss.. Six pictures of the Irwin family are shown above, four daughters, the widow, and the late Dr. . Reading from left to right, above, are Mrs. Ruth Irwin Watson, Memphis; Dr. A. A Irwln, deceased, Mrs. Naoma Irwin Evens, New Orleans, Mrs. Ruth Maddox, center, mother, .of Holly Springs. Below, Miss Cecilia Irwin, Memphis, and Mrs. Esther Irwin Ewin, Jonestown, Miss.                 ATLANTA S FUTURE BUILDERS- Brick masonry class at the Booker T. Washington high school gets In practice with real mortar and real bricks.                 Stall photo by Muckay                 MOTHER OF SEVEN Mrs. Girled Dalton, 1414 College street, Memphis. Three daughters, Miss Pauline Dalton, Mcsdamcs Amanda Smith and Thelma Rasberry, and lour sons, Elridge Fred T. H., and Jerome Sentcr, are her' offspring.                 Photo oy Coleman. Memphis                 MRS. CARRIE WASHINGTON, age 59, mother of Mrs. Rosa Lee Brown, 393 South Cynthia PL, Memphis.                 -Photo by Coleman *                   A POPULAR MEMBER of Birmingham's smart younger set is Miss Ethel Harper, a teacher In the Industrial High school. She is the                 sister ol Mr. Ralph Harper.- Photo by Cloud, Birmingham.                 " S "- Alice and Bert Whitman of the famous Whitman Sisters, who closed a brilliant engagement in Birmingham, .Ala., last week.                 -Photo 6y Green                 DEACONS of Antioch Baptist Church, Augusta, Ga. Rev. J. W. Whltehead, pastor                 -Photo by Thomas, Augusta, Ga                 A PORTION of we membership of the Second Saint John Baptist Church. Rev. C. H. Walls, pastor.                 Savannah. Go. Photo by Thomas, Augusta, Ga.</t>
  </si>
  <si>
    <t>                                           ^]~ page for ^~r^T^ l^V-T-i^^ I i  MITfcHEI-L HILL/ EDITOR V lit^B^t^</t>
  </si>
  <si>
    <t>                                           .^U J BEULAH MITCHELL HILLy EPITOn. If-. ^*-t^lKH^ j</t>
  </si>
  <si>
    <t>                                           WELL, GENTLE FANS, here it is five o'clock 'n the "yawning"(morning to those who-missed the OUR GANG sizzler), and the ole collim is fairly idiot'c for space in which to say all that is to be imparted to you and you and you! As we told you, on Friday, advertisements generally limit the space of Society Slants. For that reason, and not that your Comedy of Errors isn't ready to smear up a whole two collims of double-column stuff, the spicy reminiscences from that swanky affair will be a feature of the Sabbath issue. You'll...</t>
  </si>
  <si>
    <t>                                           BOND SET IN JONES AVE. BOMBING                 By CLIFF MACKAY                 After listening to several  nl testimony mostly from  witnesses, who say  live near 451 Jones avenue whore an explosion is supposed to have occurred July 16 at tho home of Gus Beaslcy. Judge A. W. Callow.iy Tiiurpday       ' d Benslcy hold                 dor $100 to the city criminal court on a chai-fi.! of malicious mischief. The famous case, which was characterized by Beaslcy's lawyer, as an issue  whiles and colored people as to who would live on the street, attracted considerably attention in that Bcaslcy was accused of causing an explosion in his own home. He w.-is place under arrest  after the bombing by Officer Rutledge who found him In the ho".sc. Tin case which had been con- 1 tinned roni three different sessions of Recorder's court, always drew .1 huge throng of white residents of the neighborhood. Attorm y Garth, said to be a property owner in the West End section, in leading the prosecution of Bcaslcy, contended that all indications    d him to believe that the bombing was done from the Inside of the house. Ths theory was disproved by Chief T. Sturdivant of the Atlanta police department, who  personally investigating the case, said that it was his opinion that the windows had been broken out of the house by bricks and stones the missiles were thrown by white neighbors in an effort to frighten Negro p sidents from the neighborhood, which up until three months ago had been peopled by whites. Numerous white witnessed some of  admitted they lived as far as a block away from the scene of the supposed explosion,! told how they felt the discharge rock the whole section. Two new witnesses who appeared in tin final hearing of the case in Recorder's court threw new light on the affair which pointed to the implication of a white man In the bombing. Anron Tatuni. who said ho was sitting on the back porch of a house 11 1 361 Gray street wlim the powder discharged, told the court that he saw a white man run from between the two houses. Hi- said the man ran to another house and shut the door. Tatum's testimony about a white man fli  from the scene of the bombing was corroborated by Mrs. (Continued on page 4; col, Z)                 $100 Bond (Continued from Fage 1) E. M. Morion, who was always seated on the back porch of the Gray street residence. The back i yard of 451 Jones avenue where tlie explosion is supposed to have occurred Ih  visible from her house, she said. I Beasiey in his           to the court said that he was asleep on his back porch when the blast woke him up. The blast occurred on the right side of the double tenement house, while Beasley lives on the left side. The family who resided on the right side moved out the day after the explosion occurred, it is said. Effcvts of Attorney Garth to have th- case sent tu the  e-and jury were blocked by defense counsel who pointed out that no human lire had been jeopardised and no vidence had been offered in the trial Which directly connected Beasley with the explosion. To the contrary, the lawyer, said, it is hardly like ly that a man would bomb his own home, knowing thai his wife and children were asleep inside. Beasley's bond was signed by Mrs. G. Schaeter. who owns the houses on Joms avenue, over which the dispute has arisen. Trouble in the 400 block on Jones avenue has been brewing for sometime, It is said, when Mrs. Schaiter, began renting Iut three houses facing Jones avenue  Gray street to Negro tenants. Four sticks of dynamite were found on Beasley's front porch on Friday. July 15, the dny I* fore the explosion occurred. The explosives were, destroyed by officers.</t>
  </si>
  <si>
    <t>                                           After listening to several hours of testimony mostly from white witnesses, who say they live near 451 Jones avenue where an explosion is supposed to have occurred July 16 at the home of Gus Beasley. Judge A. W. Calloway Thursday ordered Beasley held...</t>
  </si>
  <si>
    <t>                                           Next Cake Use %lfS*BAKING B ^^ %  B SAME PRICE S yk ''FOR OVER 7 B 25 ounces for 25^ Jy</t>
  </si>
  <si>
    <t>                                           Troop-A Social club will hold its regular monthly meeting Friday night. May 13th 1932 at the home of the President Sir. H. G Bell of 118 Chestnut st. All members are urged to be present, and at the same time asked to bring a friend. A special program...</t>
  </si>
  <si>
    <t>                                           You will remember, very likely, that this newspaper published an article concerning the new Cadillac Funeral coach recently purchased by Sellers Bros., Atlanta's progressive funeral directors, located at 851 Hunter St., N. W., Wednesday. Hundreds of Atlanta World readers...</t>
  </si>
  <si>
    <t>                                           In Memoriam                 Mother, Mother de.ir. It's lung since you left Wq two Your long ago . words of cheer Have guided us life s journe.v thru. Mother, Mother . W,, are sailing thru life s storm. With thoughts or you ever nr-:ir. To keep us from the p:ith of wrong. In memory of our mother who  this life May 25, 1919. I 'MISS) CARRIE B. WATTS. MRS. LUCILE W. NELSON, New York City, daughters.</t>
  </si>
  <si>
    <t>                                           Behind The Scenes                 In Hollywood                 By HARRISON CARROLL,                 Copyright^ 1932. Kinp Features Syndicate Inc.                 HOLLYWOOD. Cal.. July 28- In a final conference. M; Evans  hd             -Maycr have ironed out their di. and the blonde star goes bark to work there as soon as .she finishes the Al Jolson picture.                 She will have a new long-term contract, which should make everybody happy. Because V'^cs were go dg      smoothly un/il that salary disagreement came up. Madge has made only one picture her present one ;iway from M. G. M. since the was brought out here a year and half ago to play opposite Ramon Novurro in "Sod of India." Catching on immediately, she appeared in rapid Succession X'posltc Clark Gable. Robert Montgomery and William Haines Her new deal at the studio  her of important consideration on the M. G. M. production schedule. Meanwhile, she and Tom Gallery still are seen everywhere together and Hollywood looks for a marriage there some time I nthe future. Someone told John Mahln that Jean Harlow would do "Red Dust" "What's that?" he flipped. "Dandruff; from 'The RciVhead Woman?" BOULEVARD TALK If he hadn't signed that contract at M. G. M.. Director Rowland Brown was all set to duck out of Hollywood on a tanker. Now that Charles Bickford lias calmed down. Rowland is the film colony s first rebel. He has fought with every  he s worked at. But  he has something real to give, the producers keep signing him. Greta Nissen is upset because of persistent reports in the Ea-st that she will appeal- in a Broadway musical. She denies it emphatically. Everything seems to be running smoothly now between Gretn ;uid Weldon Hcyburn John Miljan is building a room onto his house to give lli.it new baby more room to grow in. .The film colony comes in for another drubbing in "Reckless, Hollywood," a new novel by Haynes Loubou 'pseudonym for two fan magazine writers. Harmony Haynes and Dorothy Loubou) Even Tom Mix is doing a political story. It's laid back in i 1896 and Tom plays a Grover Cleveland Democrat The tw0 Chaplin  asked Will Rog ere to have his picture taken with . They promised him to get It in the paper The M. G. M. research department uncovers the fact that bulls tare color-blind. Still Buston Keaton says he wont go into pasture In a pair of red pants.... Una Merkel writes that her  husband is frequently  for Ronald Colman                 "D 'Strange Interlude' -Alexander Kirkland succeeded better thiin other player in depicting I he advance of age. Hollywood looks to sec Mary Pickford back her0 soon. For one reason. Pickfair will be entertaining guests for the Olympic games and for another Mary has been anxious to start her picture as a celebration of her mother s birthday on September 4. i The Frances Marion story is not abandoned. Pickford aides  but there is a strong             that  picture will be made first. The purpose of Mary's visit East was to look over two plays and a magazine serial. Doug's plans still call for the I Ohina 'Expedition in September. He will not leave here, however, until after the premiere of "Mr. Robinson Crusoe." Which may be j either in New York or Hollywood. DID YOU KNOW- That Richard Dix's father actually participated in the Oklahoma land rush depicted in "Cimarron?"</t>
  </si>
  <si>
    <t>                                           HOLLYWOOD, Cal., July 28-- In a final conference, Madge Evans and MetroGoldwn-Mayer have ironed out their difficulties and the blonde star goes back to work there as soon as she finishes the Al Jolson picture.</t>
  </si>
  <si>
    <t>                                           PERMIS CUBA HAIR preparations have been successfully used for 19 years. Write today for a trial outfit. Sold through  or direct. DRIS-KUBA MFC CO. 479 Tatnall St. SW, Atlanta, Ga.</t>
  </si>
  <si>
    <t>                                           l\n^*^   y 0 u now t0 get your commodity over to the people in an economical 'manner. If you have something to sell or desire a situation let us tell 'the crowd with WANT ADS</t>
  </si>
  <si>
    <t>                                           A horrible sight, a revolting spectacle that is a disgrace to American civilization, a convict with his face blown away by explosion of dynamite while in performance of his duty. Someone is criminally responsible for the convict's death. Whoever ordered this man to walk...</t>
  </si>
  <si>
    <t>                                           TIPSY, DRIVER IS HELD FOR WRECK                 Will Davis. 990 Greenwood avenue, did considerable damage to the automobile that he was driving towards town as well as a Dodgo sedan parked in front of tlie Battle Hill sanitarium, when he crashed into in about six o clock Monday morning. The smashup was witnessed by Frank Owens, Jesse Dlckson, and Bryant Anderson, patients at the sanitarium. Radio Patrolmen, E. C. Robertson and Howeii, arrested Davis and locked him up on charges of being drunk and operating an automobile while drunk. Two Escape Death As Street Car Strikes Auto Mr. and Mrs. Robei-t Patton, 7 M Simpson street, escaped serious Injury Monday afternoon about 3:40 when the automobile in which they were rid ng was hit by a Peachtree street car. The Patton automobile and the street car were both going- in a south westerly direction when Patton tried to cut in front of the street car. The loft running board and fender of the automobile were damaged. T. C. Portwood was in charge of the street car. No arrests were made. The accident occurred at the corner of Peachtree and Williams streets. UNDER $300 BOND Caught according to pol!ce, as he was throwing away twelve shirts that he had stolen, Cornelius Thomas, was bound over to Fulton county grand jury Monlay under 5300 bond. His hearing was held before Judfje J. H. Cone in Recorder's court.</t>
  </si>
  <si>
    <t>                                           NEGROES GET ALL JOBS IS CRY                 Two Ohio Politicians Wrangle Over What Race Obtains                 CLEVELAND SITE                 CI,EVELAND. Ollio, M.iy 2!).  ANP) The upshot or a controversy here between Dr. L. L,. RoilSith, Di-murr:~tlc !i-si(lcr of ll)~! 12tn Ward Democratic club ami Charles Becvnr, white  for  in Precinct            that then- is a  that Mayor R.iy                 T. Miller is  too  jobs to Negroes In the ward anil too few 10 whites. Charges and counter i:h: have bt-eii ma tie by Dr. RocI^ctm and Uecvur which have wun as much  in  daily newspapers as the  of tho A. M. E. i- roci  over the  of vicL- In certain  of the ward anil the disposition oi1 the present Democratic ward K- to plai-Q a price on vice. Becvar, the white :;inl, has Continued on Page 2, Col. G                 Negroes Get (Continued from      1) stated that Dr. Hodgers has  Indies 01 cany  membership in the ward club at the rate of $5 each with police protection guaranteed. He Htatcs that Rortgers had him bo around to houses of 111 fame anil sign tlic girls up and that later Rodgcra hod tho girls ordered to headquarters where they were directed to "lay it on the wood." Dr. Rortgers states  membership in the club costs only one dollar anil that no one was charged more, nor han  been promised police protection. Ho  not deny the existence of the vice dens in tho city. A month ago Virginia Stewart and Thelma Scott were arrested for plying their trade, but when taken to jail, they flashed membership cards in the 12th v-ti club. They claimed protection wan guaranteed them. Dr. Rodgers claims' that Becvar hnd sought his support for precinct  and that when he discovered Becvar     a . he threw his support to  white man who was elected. Alter making the vice charges Becvar complained of the large number of Negroes  the few white* who had obtained positions at the City Hall. He suid  shortly after joining the club he found that the Democrats liad only four colored votes in Precincts and P. but that of the first 27 persons appointed after Mayor Miller had taken of rice- .only one was white end the rest wore colored. Becvar even wrote to Newton D. Baker about this employment situation but the astute former secretary of war referred him' to another man. who left -for Florida before Becvar coul.i reach him. His letters Wtoyor Miller were' Ignored. ^1?.cre  w lots of white men out !"     -BBCVar state*, "who deserve jobs, pie Democratic vote is made up of far more whites than Negroes. I wouldnt care if they gave us un even break but it s twenty to onu  us." Becvar never stopped to remember that all the good jobs go to the whites. Matthew M. Dunlap. colored president or the 12th Want Democrutic club, has been made Janitor of tin-  s Bureau building and Ollie Catlett. secretary. Is employed In the yards of the city street -. When Becvar sought job. he wanted to bc made     i  oi" streets openings, which is u t.r05K  :t     and u .</t>
  </si>
  <si>
    <t>                                           CLEVELAND, Ohio, May 29.--(ANP)--The upshot of a controversy here between Dr. L. L. Rodgers, Democratic leader of the 12th Ward Democratic club and Charles Beevar, white aspirant for combit-teeman in Precinet O disclosed that there is a feeling that Mayor Ray...</t>
  </si>
  <si>
    <t>                                           Mrs. P. W.I.--Merely because your baby did not gain as usual for one week, is not enough Teason to take him ... the breast or to give him an artificial formula, which eventually means the same thing. If you have enough to nurse him, give him a fair...</t>
  </si>
  <si>
    <t>                                           (~~~~~~~~       3    :{.7~*.-. fir.,,'" SUNDAY, JULY 21, JU.i? THE A PLAN TA UAltY  J\ , GA. I AGE FIVE</t>
  </si>
  <si>
    <t>                                           V ISm the Summer DHifjk h %~ W'^^^^^^S  13C -2   'lf A  W^JT? \^r*0f$ TETLEY S       2^ FR^!!~ ATS Fruits and Vegetables  l 9 Tender, Green, Georgia-Crown S IL J L U 4 to e Lbs. 4jp^~ SI S3      i - CELLOPHANE-WRAPPED ^3  "ffl2  K^I ^3T PS8^? ^SV  fe Ji^ S Ib ^%^ 1 4 t^ 4 r S^ SQUASH pound Jjfe.sl^ ^S Wcio Red Bliss p POTATOES 3- I(~c3~! AH Other Picnic Hams, Ib. 10c GA.-GROWN BEETS BUNCH Jc Dn*CT LB icr GREEN TOP CARROTS bunch 7c0 GA. SPRING ONIONS bunch 4   d* ROAST lb 15c GA. PORTO RICAN YAlViS 5"~-15cj{ o2 sec , RIPE TOMATOES 15cf? oe 1 1 SHORT RSBS 10c A M M -2 B-:~ SHOUlSeR 12c  3 "S 1^P +J i Fraa- BEST AMERICAN fl HEMS 23c ^    4#%1^  Hinrfless i^k  n TH J^ A +M l}~ BACON ISc ^^fS       t 'i^: Suii/t's Premium. Sliced ^m B H B A C @ M LB- 2SC I.- YELLOW CLING- DESSERT 8 l^ JZai/t's Whole or Half BSSSw H /SBt. M H. h a m s Lb. i5c Peaches 2 37^ w\ V i. A L VEGETABLE  ING t I I Cutlets 32c Qn^M/ 6;f- ft^S0 HRi I Loin chops 29c ^: T v^ p^ Rib Chops lb. 17c 11' Chuck  15c  i9c 1 I Stew M eat 8c oc/^,,. I sf^i^^Ti^N SOAP CHIPS pko. 19c j I al STREAK FAT Dishwashing 8 B ^Sl T H^^f  3 pkgs. tor 25c 1 a 7c 2?      12c g 'i ID. (H TJosrers' Swpcr Quality % S TOILET TISSUE 4 holls 25c jj i I Week-End Special!  enters' $ 1 I Carroll's Butter Krusiches pkg. 12^c 1 .-a I M.Jl^~?i. Premium Flakes pkg. I2y2c ?i i I I ^Asir VIENNA SAUSAGE can 5c I 1 LAYfcBt CAfiE savour ret S J 1 each ^Tc DOGGIE DINNER 3 cans 25c 6 I BUTTER pound 23c s? ij 1  ONE 8-OZ. JAR WITH Campbells B r  the  of one D%~% n4 mr i    m pa i9  guava PORK and BEANS can 5c -a I Jelly 19C CHILI SAUCE 2 25c I t I ? 0XE SMALL . WITH THE A 3  I   OF ONE LARGE S I fk a^S^H ^i^C DIXIE CRYSTALS OR DOMINO _y -'~p 1 Oxydol- 23C  in -  '4Sf -a 1 SWANSDOWN CAKE FL0URpKo27e **W^M" ^*g g CALUMET BAK. POWDER    29c FOSTER S *'--.v .1 TABLE SALT 2 5'e TOn^aCTT HAAT     j 1 ^*f S^5 1 SCOTT COUNTY CORN 5e 110351 0661 T 2J</t>
  </si>
  <si>
    <t>                                           YERBY--Mrs. Maggie Yerby died at her residence, 9 ... street, Blandtown, July 27. Funeral announced later. Cox Bros.</t>
  </si>
  <si>
    <t>                                           JACKSON, Miss. May 6.--"Lily white" Mississippi Republicans, in convention here instructed 11 delegates, who will contest a delegation selected by the "Black and Tan" faction of the party for the state's representation at the Republican national convention in...</t>
  </si>
  <si>
    <t>                                           ^ONLY* NEGRO ^^e'r ^1 THE WOW-D SOUTHERN NEWSPArEI! SYNDICATE. INC.. 1-UIlLlSnERS w SCOTT  Frank"           " T*'' MEMBER OF THE ASSOCIATED  PRESS THE WOULD  . 'or Dusllelttd              -*l              LJ_' SUBSCRIPTION BATES On.    . 17.58 t Month., H.Z5 3 Month.. K.25 WfAlr. JOe PUBLISHED  AT 110 AUBURN AVI.,   . TELEPHONES! WAInot 1 5     i 14   *,   ^ u MtHd-clu n.tirr .1 lhr po.t  .t AU..U. i.d.p tl. act of       a. 1879 ADVERTISING REPRESENTATIVE W. B. 7IPP CO_ CtUuo. Nnr York. Lot</t>
  </si>
  <si>
    <t>                                           \s New Ocean Queen Went on Trial                 The liner Manhattan, new queen of the Americanbuilt merchant marine, is shown as she loft her bei th at Camden, N. J., for her final trial trip up the New Enpland coast before going into service on her  voyage from New York to Europe. Auerust 10.                 Manhattan, the largest ship ever built in the Unitco States, cost over $10,000,000 to construct. She will ne commanded by Captain George Fried. 'hero of      sea .- who formerly commanded the President Hnnseveh ami other  of the U S. Line.</t>
  </si>
  <si>
    <t>                                           "THE MODERN PRODIGAL SON" Reed Street Baptist Church Tuesday Night. May 10th, U)32, 8:00 P. M. Lawrence Mann, Director</t>
  </si>
  <si>
    <t>                                           GRAND JURY GETS AFTER THIEVES                 Thieves, burglars, and their ilk came in for the greater share thi. attention of the Fulton county Grand Jury as tr number true bills were returned Tuesday.                 Will Smith. Tom Reeil. Jesse j Roberson, and Lurensa Gibson were all Indiaod for taking a quantity of smokes, ice cream, and the popular popsicle.s. along with twenty five cents in cash from the store of A. Kallphy. Tuesday, May 3. The Continued on Page 2, Col. 1                 i Grand Jury Continued from page Ono -t .quartet is charged with burglary. George Tumlln and Bennie Smith must face trial for  as they are indicted iCr taking a pistol from B. -R. Henson, 854 Capitol avenue S. \V.. Mav_J. Another 'Quartet must also go on trial. -Will Wright Hilton Wright, Mose ,Amsb'ray. and Jim Stinson. were indicted for- larceny in connection with the theft of an automobile from Roy Roper. 22G Mills street, S. W. A case of long standing is that of John Park alias' Snookum. Snook,um fell  the grand jury"s  as the result of trouble arising June 15. 1931 when lie Is alleged to have deprived. Eddie Luuis Griffin. 716 Terry street, S.E.. uf.a bicycle and a dollar in cash. Charlie Brooks and Shep;ird Davis are accused of taking some  from Berry Carter, 560 McDanlol street. S.W., when they held him up. April 21. Another pair. C. B. Lockett anu Albert Brooks, are also  burglary charges. Quick work on the part^Cradio Officers Wright and Hughes, caused them to be caught in the Rogers store at 241 Fort street, Friday. May 6. The men were trapped Inside the store and did not have an opportunity to get away with any loot.</t>
  </si>
  <si>
    <t>                                           Thieves, burglars, and their ilk came in for the greater share of the attention of the Fulton county Grand Jury as a number of true bills were returned Tuesday.</t>
  </si>
  <si>
    <t>                                           Running Broad Jump: ROSA Clat.1:-High School, 14.9.</t>
  </si>
  <si>
    <t>                                           MESCAL IKE One Hit for the Ump by ART HUHTA                 PHILO VANCE The insurance Mystery By S. S. VAN DINE1                 TIM TYLER S LUCK The You.,; Man's Ian cy By Lym y</t>
  </si>
  <si>
    <t>                                           After rounding out a public career on nearly fifty years as a teacher and principal, Prof. Green P. Hamilton, principal of Booker T. Washington High School, passed away at Collins Chapel Hospital Sunday night at 7:45 following a second operation for cancer. If funeral...</t>
  </si>
  <si>
    <t>                                           FRIDAY AND SATURDAY AFTERNOONS on the Morris Brown athletic field will find ancient diamond rivals once again hooked up in baseball ardor. That colorful crew of Alabama State Hornets, with a long string of 13 straight victories over the strongest nines in these parts one while, and now boasting fourteen wins in fifteen starts, will cross bats with the ball-murdering charges of one Joe Lockhart, known as Purple Wolverines. Mr. A. J. Lockhart, the man, has dire intentions of stopping the coterie of his namesake and Charley Dunn...</t>
  </si>
  <si>
    <t>                                           Head Ev@?y Advertisement Carefully</t>
  </si>
  <si>
    <t>                                           Reward A rew.-inl will be given for the information .-is to ihe whereabouts of Sam Little-. Si-e Mr. Ellis Gallicmori.-. 083 Dumnt Pluce. Atlantn:</t>
  </si>
  <si>
    <t>                                           Harlem Business Men Back CM. A.  Schuylem                 SCHUYLER IS LAMBASTED AT MEET                 C.M.A. Lauded as Real Contribution to Race's Good                 SIGN STATEMENTS                 NEW . Mny 9.- (     Li-siders or ilm ..      ! and .substantial Negro business Interests In Harlem rallied this week  Albon L. Hulsuy, president of the Nutluiial Colored Merchants Assiiciaiion Stores. Inc..     the  set up in an                 attack on the organization  in the National News, edited by Ceorge S. Schuylcr. .The National News  claimed an interest in     condition ot Hie C. M.A. organization oh a result of .criticisms leveled against it In Hie weekly organ of the Abyssinian Baptist church. Tho substance of the charges made against the administration of CM. A. Stores, Inc., was to the -~ffect thai a stock selling scheme wus being foisted upon the  under false pretenses. The National News article stated that salesmen' of the .stock of C.M.A. Stores, Ijic. were permitting prospective purchasers to believe that National C.M.A. Stores, Inc., owned nn in-, forest In all the stores in the chain.1 and lo feel that as these stores^ prospered they might receive re- j turns upon  Investment. It i then pointed out that National C. j M. A. Stores, Inc.. owned only onc-l store, the other* being independent, affiliated projects. It wus also Implied that an extravagant overhead set-up hud been made and. _thot    2 organization wan in danger" of- domination by while interests. Stung by tlic Sehuylnr criticism business men of Harlem met Tuesday night and labeled iho Schuyler attack as "a deliberate; attempt to discredit Negro business as a j whole." I Tin? Harlem Business Men's club anu the local C.M.A. organization in joint session went on record us being bitterly opposed to such articles and endorsed the C.M.A. 100 per cent. David Doles, president of Hip Harlem Business Men's club, slated: "Nothing In the history of Harlem has helped to raise the standard of Negro business In Harlem as the advent of the Model stores established by Mr. Holsey. Twentyfive stores, oil independently owned, now comprise the Harlem group while others are. being established almost daily In all ports of the country. "The response to UiQse stores has boon almost phenomenal. One store in Harlem recently reported Continued on Page 6, Col. 4                 Business Men (Continued from Vaee One) gross receipts of more than $300 in :i single day. "The members or the two groups were unanimous in declaring the attempt lo discredit Negro business,  started nearly a month ago by a series of 'lead up' articles, cartoons and- editorials, as being financed by rival white business groups, some ot which have been  hit recently by the changing ; of thB housewives of Harlem the past year. "Wliile it has been an open secret lor some time ihat white money was backing the National News, it was . to be for political .-scs. It is a distinct surprise to find  Us  purpose, as shown by the recent attack, is (.        . Mr. Schuyler has at last shown himself in his true -a man for sale -to the highest bidder, and tiie business men of Harlem aiv determined that tin- truth shall be known." The IblUiwing resolution was passed: "WHEREAS, the Harlem Business Men's club has for the past year spent its entire energy In the building of Negro business and de  the spirit of cooperation between its members, and WHEREAS, ihe Harlem Business Men's Club ami the Colored Merchants Association have  themselves together for the common good of all concerned, and "WHEREAS, a deliberate and unwarranted attack has 'been made I on tlie motive of the President of tile National C.M.A., Mr. Albon L. I Holsey. through the columns of the National News, characterizing him as a "racketeer" and the CM. A. as a "racket" and' 'WHEREAS, it is believed that no nv-vidual in tin; history of the Negro race in America lias done more than Mr. Holsey with his C.M.A. plan to promote Negro business in general, and at great personal sacrifice to himself. "BE IT HEREBY RESOLVED, that Uu.- Harlem Business Men's Club go on record as opposing such unfair and1 unwarranted  as Mr. Schuyler has made In  paper on Negro business, and thai Mr. Holsey and the C.M.A. be given the 100 per cent endorsement of this club, and a copy be sent to every Negro ." Sixteen of the twenty-one grocers affiliated with C.M.A. in Harlem who were at Tuesday night s meeting and four who could not attend, either signed or approved by word of  the following statement: "We the members of the Harlem Colored Merchants Association operating C.M.A. Stores in regular weekly meeting assembled at the People's Credit Union, 203 W. 138th street, do hereby: "Deplore the malicious attack upon the ITnflonal C.M.A. Stores Incorporated which apeared this week In the NATIONAL NEWS. and "Kereby record our loyalty to the principles and program of the Notional C.M.A. Stores and "Our appreciaton of the work being accomplished by this organization in bringing Harlem grocers together in tiie .spirit of unity and  Tor  uT" protection and the many *^ of a voluntary chain grocery organization." An 'official statement from the headquarters of National C.M.A. Stores, Inc.. reads: "National C.M.A. was capitalized for $100,000- 95 percent of which has been subscribed TTy the colored people of the country. This capital was raised for ihe purpose of                 the central organization to set up tin; necessary personnel to service the stores, and at the same time to place upon the market the first Nogro-owned private label brand food i/ to be sold through regular^ trade channels. C. M. A. A Sound Invrslmrnl "The corporation shall retain frum Its capital resources a financial reservo to protect the prestige of the corporation ami the  of the members and stockholders. "Early in January, 193:!. we felt that the -ation was strong enough to begin active operations under the franchise plan with the grocers in Greater Manhattan. Twenty-three stores have been signed up under the CM. A. . and eleven of the stores are now of the model type. "We will     able  the ne::t ninety days to complete the -; of at, least twenty-five new member stores _\?! have applied for the C.M.A. franchise. In addition to that there are on file in this office, applications from grocers in a number of other cities including Memphis. Atlanta. Jacksonville. Birmingham and St. Louis, who have set up temporary organizations. Just as rapidly as a Negro personnel can be trained to carry on in the field work, the development ami spread of the model type area as well as In other stores will be rapidly pushed. "In the meantime, ten (10) new C. M. A products arc being placed on sale in the Metropolitan area as -well as in other sections outside New York, thereby substantially increasing the income of the corporation. Meeting The Economic Needs Of The Kace I "We believe that the Negro public, as it becomes aware of the large number of  opportunities already created by C.M.A. will continue its active interest in C.M.A., thereby  Increasing the number of Negroes who will successfully own and operate stores of their own and provide employement for jn increasing number of the young men and women of our race. i "With the experience gained in setting up the grocery chain, it will ut. very easy and logical to enter other fields. Our office has already received an ofter f^m a large shoe i manufacturing organization to opI en up C.M.A. retail . stores with Negro sales people and . "The field for this economic development of our race is unlimited. O';d we are confident that the Negro in /Jncrica appreciates the sacrifice ot' those who have thus laid the foundation for the Negro's first entrance Into the field ot retail merchandising upon a modern, scientific basis."</t>
  </si>
  <si>
    <t>                                           NEW YORK, May 9.--(ANP)-- Leaders of the most representative and substantial Negro business interests in Harlem ... this week behind Albon L. Holsey, president of the National Colored Merchants Association Stores, Inc., to refute the claims set up in an...</t>
  </si>
  <si>
    <t>                                           Hcgcs*g HANDLE ATLANTA WORLD CLOVERLEAF CONTEST TICKETS GET YOURS WHEN YOU BUY AND HELP YOUR CHURCH WINS A CASH PRIZE. Get Your Tickets!</t>
  </si>
  <si>
    <t>                                           Good Samaritan Tickets May Now Be Voted Because of the overwhelming response given advertisers in The World's $750 Cloverlcaf church contest which has caused the Rogers stores to run out of tickets, beginning immediately Good Samaritan tickets may be accepted from Rogers stores and turned in along with the regular Atlanta World Overleaf tickets. Good Samaritan tickets will have the same value as Cloverlcaf tickets so do not hesitate to accept them from Rogers Stores. Atlanta Daily World</t>
  </si>
  <si>
    <t>                                           ^EB Y^Hl [BH BKK HOb  bbI HBf H^K HI ^^Hl^^ HH BBi HBH ^9mt^ T i^M ^bm w^a Mm^h^i^h ^m^^^^^                 NAACP GIVES IDS $1,000 FOR 9 BOYS                 Check Given Pollak Who Heads Appeal to High Court                 NAACP THANKED                 NEW YORK, July 2(5- The National Association for the Advancement of Colored People has sent its check for $1,000 to Walter H. Pollak, leading New York lawyer, who is in charge of the appeal of the condemned Scottsboro  to the United States supreme                 court. The N. A. A. C. P. board of directors in its July meeting authorized the contribution out of the legal defense fund because the Association in deeply concerned with the fate of the boys, above every other consideration in the case. The board chose to send the check ;n spite of the slanderous attacks which have been made on the Association anil its officers bv various . writers and publica-. t'6/is 'Cf  Gur.~.' ' An Eminent Lawyer The fate of the boys is regarded as resting in the skilled hands of Mr. Pollak. who has been retained as chief counsel by the International Labor Defense, which is conducting the case. Mr- Pollak is an eminent lawyer and was at one t:me an associate of Justice Benjamin N. Cardozo of the United States Supreme Court. The N. A. A. C. P. feels that in Mr. Pollak the boys have one of the best lawyers in America. The N. A. A. C. P. check, made directly to Mr. Pollak, was sent through Joseph E. Brodskv. chief counsel of the International Labor Defense, bv Arthur B. Spinearn, chairman of the N. A. A. C. P. legal committee. Mr. Brodsky acknowledged the receipt of the check in the following letter: "This w;ll acknowledge receipt of vour letter of July 18, 1932, enclosing a check of $1,000. payable to the order of Walter Pollak, on account of fees and disbursements incurred by him in the legal defense of the Scottsboro victims, which is being conducted by the Internat;onal Labor Detense and which retained Mr. Pollak as chief counsel in the appeal  in the United States supreme court." Pollak Thanks N. A. A. C. P. Mr. Sningarn also received the following acknowledgement from Mr. Pollak: "Thank you verv much for the Continued on Page 2, CoL 8                 Gives (Cuiilinui'd From I'ngc 1) check for $1,000 which your Association sent on to me in th s case. 1  the contribution, Ihi! promptness with which it came, and especially the spirit that it manifests." The N." A. A. C. P. contribution was made with the clear understanding that by it the Association does not endorse the Communists' tact es in the case, but wishes to do what it can for the boys and for them only. The appeal is scheduled to be argued before the supreme court next November.</t>
  </si>
  <si>
    <t>                                           NEW YORK, July 26--The National Association for the Advancement of Colored People has sent its check for $1,000 to Walter H. Pollak, leading New York lawyer, who is in charge of the appeal of the condemned Scottsboro boys to the United States supreme...</t>
  </si>
  <si>
    <t>                                           Met at the home of Mr. and Mrs. Baynes, 520 Houston St., N. E. with the president presiding. The devotional service was well carried out. Business was transacted The club was entertained with a lovely program; piano solo, Miss Harriett Baynes; recitation. Mrs...</t>
  </si>
  <si>
    <t>                                           - AUTO ACCESSORIES BUY FROM GOLDEN EAGLE STORES GET VOTES FOR YOUR CHURCH</t>
  </si>
  <si>
    <t>                                           THAT mystic something which for a better name is called color -- a person has it or hasn't it--and which is demanded of prize-ring luminaries, seems to be just as much in demand in others fields of sport. The track star, the auto racer, the baseball player, the...</t>
  </si>
  <si>
    <t>                                           CHICAGO, June 1--(By ANP)--After chasing about futilely for ten days, attaches of the sheriff's office were finally successful in serving Robert S. Abbott, publisher of the Chicago Defender, Friday, with papers in the divorce action brought against him by his wife of a dozen year's; the former Helen Thornton of Athens, Ga.</t>
  </si>
  <si>
    <t>                                           TIRES- 4  ACCESSORIES BUY FROM GOLDEN EAGLE STORES GET VOTES FOR YOUR CHURCH</t>
  </si>
  <si>
    <t>                                           "Hands as soft as dove's down"</t>
  </si>
  <si>
    <t>                                           PITTSURGH, Pa., May 22 -- (ByH. A. Lett) -- Speaking before a vast audience assembled in Ebenezer Baptist church, Pittsburgh, on the occasion of the National Conference of the Urban League, Dr. Mordecai Johnson of Howard...</t>
  </si>
  <si>
    <t>                                           TO SPEAK HERE                 Dean William Pickens. field secretary of the National Association for the Adavancoment of Colored people and contributing editor to the Associated Negro Press whose articles often appear in The Daily World, will deliver a speech at Wheat St Baptist church .next Tuesday night at 8 o clock. The public is invited to hear the noted orator, who Is being brought here by the local branch of the N. A. A. C. P.</t>
  </si>
  <si>
    <t>                                           MOVE                 BOARD VOTES "YES" ON ACTION                 To Take Over Plant of Undergratuate University                 REVIEW HISTORY                 BY MILTON I.. RANDOLPH                 The Board of Trustees of Morris Brown College, in a business -session today, approved the recommendation of the Committee appointed to confer with the Board of Trustees of. Atlanta University relative to the. occupancy by Morris Brown of the campus of                 Atlanta University previously  by the undergraduate school of tho university, and directed t li e officers of Morris Brown to complete tho arrangements under a lease at a nominal sum to cover the cost of maintenance. In his report, President W. A. Fountain, of Mdrris Brown outlined in most minute details the reason for thin change of base of operation. "The physical plant", he said at the present location lias long since been inadequate. They are not only too small, but are otherwise unsatisfactory. It was stated by President Fountain, "that the accrediting agencies would not give Morris Brown class "A" rating as long us it remained in the present over-crowded and congested quarters. The board of trustees of Atlanta University agreed to lease to the Board of trustees of Morris Brown College the buildings formerly occupied by Atlanta University Undergraduate School, provided the trustees Morris Brown College would agree to keep the buildings and grounds in good condition. This transfer will not move the school nearer to the $300,000 library recently constructed, but its proximity to Atlanta University Graduate School will provide an opportunity lor an exchange of faculty  will go a long way toward securing for Morris Brown the classification it has striven to attain and to which the heroic  on Page 2t Col., 5                 Board Votes Continued from Pr.gc Onc forts of its President. arc entitled. There Is no sacrifice in identity, entity and property of the African Methodist Episcopal Churcli i n Georgia. The school was founded  fifty years ago with Bishop Dickcrson serving as chairman of Hie Trustees Board. During these fifty years, it has been presided over by   Bishops; Bishops Dickcrsori. 80-8^: Shorter, '84-88; Galncs'. -88-92: Grant. '92-'96: Turner. 'Oe-'CB: Smith; '08-'12: FlIppT. 12-'H: and Fountain. '21 tn-. During this half century approximately thirteen hundred young men and women have gone out as graduates and are distributed among         professions and vocations as follows;' College Presidents 5: Dentists. 30: Doctors. 50; Teachers,' 600: Business men, 200: Musicians. 50:' Lawyers. 10; Trained nurses. 100; and Preachers'. 250. The cost of operation has averaged $40,000 a year, which makes a grand total of S2.O0O.0OO; all but approximately $35:000 of which lias been raised by' and' from Negroes. This 'manifestation of self-help justifies any appear that the board of trustees and administration may make In an open minded public and entitles the Institution to generous support from all circles where there is favorable attitude toward supporting Negro education. The additional space and facilities offered by (lie new location will serve to strengthen the program of Negro self- help which has  this institution from Its beginning and will ., Morris Brown to take     rightful place amid the foremost educational' institutions of the nation.</t>
  </si>
  <si>
    <t>                                           The Board of Trustees of Morris Brown College. in a business session today, approved the recommendation of the Committee appointed to confer with the Board of Trustees of. Atlanta University relative to the occupancy by Morris Brown of the campus of...</t>
  </si>
  <si>
    <t>                                           NEW YORK, July 10 -- Kid Chocolate is signed to fight Jackie Berg fifteen rounds on Monday July 11. This will make the first big fight for the Cuban since his recent return from the Island. While he has been taking them on with his usual regularity most of...</t>
  </si>
  <si>
    <t>                                           ATTENTION! WEST SIDE MATRONS! You Are Especially Invited To The WARREN S  STORE!! -20-  ^ 20 Two Doors From A. P. Just Off Hunter Street SATURDAY, JULY THE 30th FEATURING WARREN S QUALITY POULTRY FANCY FRYERS Ib. 18c DUCKS Ib. 17c NICE FAT HENS Ib. 15c ROOSTERS Ib. 12c Dressed FREE While-U-Wait GUARANTEED FRESH YARD EGGS, do%. ISc Remember These Prices Cannot Be Beaten On Quality Poultry!! WARREN PRODUCE CO.- 195-97 Edgewood 6c 2S29 Peachtree Rd.</t>
  </si>
  <si>
    <t>                                           All newspaper readers should be interested in "Graft." Universal's fast moving drama which opens an engagement tomorrow at the Royal Theater.</t>
  </si>
  <si>
    <t>                                           j^^ggg^gg^gl^g^^ga^tUM^MBM^KUJ^^^^- ^.^L^-^^^B^^^^^M^^wm-</t>
  </si>
  <si>
    <t>                                           By the Way readers you better walk straight on the "Avenue." Ralph Perry a young man is going to make a contribution about you in this column Thursday. I am go- ing to let Ralph write as he pleases so you had better look out.</t>
  </si>
  <si>
    <t>                                           Funeral Notices                 THOMAS- Mm. LoIm Thomus died suddenly Thursday night, Funeral will be announced later: D. T. Howard and Company.                 BURSON The remains of    . Burson wero carried to Ncwnan. Ga., for Interment. David T. Hownrd and Company. MATHEWS- The friends nnd  of Mr. and Mrs. Robert MiillicwK, MiMN Clarn Mathews, Mr. Fred Logan of Atlanta, Ga.; Mr. Clarence Mcrrick, of Johnson City, Tcnn.. nro invited to attend the funeral of Mr. Robert Maihews Sunday. May 8, nt 2:30 p. m., nt Central Methodist Episcopal church. Rev. J. H Baxter will officiate, assisted by Rov. Louis Foster. Tlie Rising Sun Lodge, A. F. and A. M.. in charge. Inierment Lincoln Memorial cemetery. David T. Howard Comp:my. WRIGHT- Died, on the morning of May 0. 1932. at the residence. GnlncHvillc, Ga., after a short illness  f 18 days. Dr. H. B. Wright. The friends and relatives of Dr. and Mrs H. B. Wright. Miss Audrey Wright, Mrs. Hatlie Wriglit. Gainesville, Ga., and Bishop and Mrs. W. E. Fuller of Atlanta, are invited to attend the funeral .services nf Dr. H. B. Wright, at St. Paul's Methodist church, Gainesville, Ga., Sunday  May 3. 1032, at 4 o clock (caS;ern standard time). Rev. C. W. Adorns will officiate. Interment Alta Vista cemetery S. C. Wright, funeral director, in . JORDAN Funeral of Mr. Early Jordan was held at Dunn Bros.' Chapel 201 Ashby Street. Saturday May 7th. Interment, Lincoln Memorial. Dunn Brothers. SHY Mr. Thomas C. Shy, 443 Strong Street died Saturday, 1 a. m. Funeral announced later. Dunn Brother*..;;.- LAWRENCE Mr. George Lawrence passed away recently at a local sanitarium. His funeral will be announced later. Hanley Co. LAWSON- The remains of Miss Flora LawHon of 887 Coloman Htrcel. arc in our parlors pending completion of arrangements. Hanley Company. DOZIER Friends and relatives of Mr. Hampton Dozlcr of 368 Irwln St., N.E., are invited to at- lend his funeral today (Sunday) from Bethel A. M .E Church, 2 p m. Interment, Lincoln Memorial Cemetery. Hanley Co. STILLS The funeral of Mrs. Lillic Stills of 40 1-2 Boulevard. S. E., will be announced laic. Hanley Co. HENDERSON- Mr. Henry Hcndcr- son of the rear 23S Howctl St. died very suddenly. His funeral will be announced upon completion. Hanley Co. CARTER- The funeral of Mr. Ed Carter of 138 Hiliiard St.. S. E. will be observed today (Sunday) from our chapel, at 2 p. m. In- ferment, Lincoln Memorial Park. Hanley Co. I CLARK The funeral of Mr. John Clark who passed away at Ellcnwood. Ga., recently, will be announced upon completion ;of . Hanley Cn. JOHNSON- Tlic funeral of Miss Minnie Johnson of 75 Armstrong ., will be held tomorrow (Monday) at 2 p. "m. from our chapel. Inierment. Washington Park Cemetery Hnnlvy Co.</t>
  </si>
  <si>
    <t>                                           THOMAS--Mrs. Lois Thomas died suddenly Thursday night, Funeral will be announced later; David T. Howard and Company.</t>
  </si>
  <si>
    <t>                                           t Your Sunday Services: The Daily World invites every Atlanta church to send into this office a list of services and texts scheduled for this coming Sunday's services. They will be published, free of charge, in the Church Edition which appears every Saturday. The Atlanta Daily World</t>
  </si>
  <si>
    <t>                                           Schools To Open on Sept. 12                 Tho new calendar adopted for the Atlanta public schools by the Board of Education Tucstlny, calls for 180 teaching days with the number of.  shaved down to four including the usual Christmas and Thanksgiving off-periods. All touchers, tho schedule says, must   u. week before the opening of schools which has been set for tho 1932-33 term as September 12. A special normal training school will be held. Schools" will close on Juno 2. Holidays  by the school board art the Southeastern Fair Children's Day, October 3: Armistice Day, November 8; Thanksgiving         , Nov. 24-25; Christmas holidays; '.'December 23-Jamiary 2; Memorial Day.  26. and Decoration Day, May 30. Comencemcnls for lhc mid-yi-nr term are set for Jnnuary 23-27 and for thc final semester on January 30.</t>
  </si>
  <si>
    <t>                                           Mrs. Annie E. Fudge of Bainbridge, Ga., is in the city visiting her children, Mr. and Mrs. J. B. Bigham and family. The many friends of Mrs. Bigham will regret to learn of her continued illness and wish for her a speedy recovery.</t>
  </si>
  <si>
    <t>                                           *r^^~ I Imv4T %U V I ^^-iiV^^BE. ^^Afc tuf WORLD ONLY  DAILY, NEWSPAPER IN THE won.    or a  EdiUr   d           ^     . -.i.Jir.~"."     ..... m..~  , SUBSCRIPTION 3 .On.    .  5.S0 6 Month..  5.0 i 3 wklr. 'Oe PUBLISHED DAILY AT 210 AUBURN AVE.. N. IC. V. TELEPHONES: WAlnut 1459 and 14C0 Bauni u i.     .~    .t the All.nt.. C...       ih.  ct  f        3. I87i  OP  ASSOCIATED  i* THE WORLD 2     no      ,., for  m.         lent Into tha-oMe*.</t>
  </si>
  <si>
    <t>                                           BaOfc B WmBrJuwimj^M ONLY NEGRO DAILY NEWSPAPER IN THE WORLD l^LSSuSJUBSBAljfi</t>
  </si>
  <si>
    <t>                                           BAD Ei U Fi G L A R GETS FROM 5 TO 31                 While one jury listened to :i mass of evidence during the long warm Monday  in Judge 'Howurbfs ,     show that Forrest Nash did and did not take part in six burglaries this spring in company with one Jesse Green, another .  much                 deliberation, found Green " ol the six separate charges and sentenced him to serve from 0 to 30 years In the state penitentiary. The maximum term imposed in each case was five years and the sentences :ire slated to follow one lifter another. The two were granted separate trials. After much .ation. a jury late Monday evening returned a verdict freeing Nash of .ill complicity fn the burglaries. Arthur Shelton who was jointly indicted with Green for making one of the thieving expeditions, was sentenced to srv exactly four years in the state pen for his wrongdoings. Green's attorney made a brief and simple plea for leniency on the part of the jury towards his client, stating that he was simple and ignorant, actually unaware of the extent of the. wrong that he was doing. On the other hand, the attorney for the defense In Nash's behalf, ended the daj^' work by attempting to prove, through the state s own witnesses that young Green really had nothing to do with the thj.'fts. He brought out, in the testimony of a drayman, who was placed on the stand by tho prosecution, the fact that all of the negotiations concerning the removal of one of tho radios, Wat disappeared during the depredations, to a pawn shop was carried on by Green Green is said to have Riven the or* dcrs and paid him 50 cents for making the trip. A like testimony absolving Nash from the responsibility for pawning the musical instrument was made by the pawnbroker. Among the places robbed were two Gulf RefinluK company filling stations, a visit to one on May 4 netting a pay telephone and three dollars in cash while a trip on the following night rewarded them with another telephone that contained $12 and a S7.50 orange sweater. The pair wai^aiso charged with entering the store of R. .1. Splllcr. April 20 and taking tobacco, chewing gum, cigars, cigarettes, nnd other merchandise valued at $100; the theft of a radio and other Roods from the Furniture storo managed by George Stevens, April 30, worth $87.80: the burglarizing of the Green Lantern lunch room, May 5 of a radio, food, and       supplies totalling $80; and a  qu.- of loot taken from the tire and battery company operated by E. D. and C. A. Sykes.</t>
  </si>
  <si>
    <t>                                           While one jury listened to a mass of evidence during the long warm Monday afternoon in Judge Howards courtroom, tending to show that Forrest Nash did and did not take part in six burglaries this spring in company with one Jesse Green. another jjury, after much...</t>
  </si>
  <si>
    <t>                                           Attended yesterday the re-opening of the remodeled Cosmopolitan church and sat spell bound under the voice of President W. A. Fountain, Jr., who preached the gospel. I did not know he was a preacher but after hearing him if all the Fountain's produce like he...</t>
  </si>
  <si>
    <t>                                           The shriek of sirens and the clang of fire bells too often an- 8 ll nounces a tragedy a death. Always it announces a financial j    loss; waste There ire so many ways of making your home J Si and buildings relatively safe from fire a.Tiong the simplest tools i j for preventing fires i= the broom and Ills other clean-up tools jj that it suggests. Clean homes and buildings run little chance of J 1 y fire and loss. There arc innumerable preventive measures you jj-may take.     !i BANKERS FIRE INSURANCE CO. I Atlanta Representatuies WIMBERLY ALEXANDER g 250 AUBURN AVE1 N. E. PHONE WA. 4612 R i L L</t>
  </si>
  <si>
    <t>                                           Coach Cleve L. Abbott, director of athletics and head coach of all soprts at Tuskegee Institute, bit Sunday, July 24, for Los Angeles, Cal. Coach Abbott will attend the Olympics and visit friends on the coast. The trip as far as Phoenix, Ariz. will be made by motor, with...</t>
  </si>
  <si>
    <t>                                           Church Contest is Getting Interest as End Nears                 Again  local churches brought In their votes to vie for first and second prizes in The Atlanta Dally World's 15-week Clover leaf Church contest. Saturday in thc Churcli Edition tho lucky winners of the S15 ami $10 prizes will be announced with awards made Sunday. As thc contest draws to an end, the contest becomes closer and all eyes are glued on the grand prizes of $200, $100 and $75 which will be awarded a fcw weeks from now to three churches. And it you 'have given your church tho right amount of cooperation, it may be your church which will be that much richer. Meanwhile Double Vote Week is on and ends Saturday. This should be another impetus to the various churches. Pastors, contest managers and those engaging in the contest aro reminded again that tickets lor food purchases will not bo honored when brought into Tho Atlanta Daily World unless they arc from Rogers stores. The Rogers stores have exclusive rights to  our  for food sales. Watch the Church Edition Saturday for announcements of this I week s winners,.</t>
  </si>
  <si>
    <t>                                           Tomorrow (Saturday) afternoon the Pullman Hurricanes will cross bats against the strong Mayon nine, the Macon All-Stars this time, which boasts such stars as Bomar Potter. T. Howard, Ringwood, Franklin and Outlaw, Franklin will be remembered as the former...</t>
  </si>
  <si>
    <t>                                           Memphis again was true to the split series when it duplicated the feat against the League leading Monroe Monarchs concluding the series here Monday. The Sox were limited to six scattered blows in the Saturday's contest which was won by Monroe, six to one. Two...</t>
  </si>
  <si>
    <t>                                           With the 29th coming on Sunday the people of Thomaston and nearby towns held their annual emancipation exercises Saturday, the 28 This celebration has been held annually for more than 65 years as it makes the date on which these...</t>
  </si>
  <si>
    <t>                                           Was With Jamison                 ALICE  Who declare, that Will Jam'ton  her home shortly before he was slain, Monday, May 2.</t>
  </si>
  <si>
    <t>                                           The Lewis Carroll Centenary Celebration, which is being especially observed in this country since the arrival of the "Allice in Wonderland" in New York, May 8th, was the subject of the evening at the meeting of the Fine Arts Study Club of Atlanta, which was held in the home of Mrs. Emma Allston, on McDaniel street. Miss Marion Wilson, instructor of English at Spelman college, was the speaker.</t>
  </si>
  <si>
    <t>                                           2  This Ad Good for 10c on*  Any Shoe Repair Work      Hat Cleaning. J [SUTTON SJ CUSTOM SHOE REBUILD ERS J Hat Clranlnc (Odorleu)        ' Men'  Sola* Sawed or*  VulcnUed on (Nona Nailed): II Edgawood at S Point.  la- 4268 Downtown DetlTerr' 4</t>
  </si>
  <si>
    <t>                                           The Fourth Ward Neighborhood Club met at the home of the president, Mrs. Clara Smith, with the president presiding. After the business meeting new officers were installed by Rev. Jones, pastor of Mt. Carmel. Four visitors were welcomed. Mrs. Lucy Austell...</t>
  </si>
  <si>
    <t>                                           Back Sprained When Car Hits His Truck                 Injured when the Sanitary car In which he was  was hit by an automobile driven by Mrs. Parker B35 Ponders avenue, on Stewart street, Julius Butts, 1080 A Ira street, was taken to the Grady hospital Thursday morning. An examination showed that his back had been sprained. The strange accident occurred about 10:30 at the corner of Lexington and Stewart avenues. No case was made against Mrs. Parker, who ran into the rear Of the (ruck, by Officers Burks and Hamilton, who investigated the crash. She was going south on Stewart avenue at the time.                 Boy, 18, Held in Burglary of Milk                 Georcc Bibbs. 18, who cave his, address to police as i E. Cain St., was removed under  from Grady hospital to Fulton tower this ;ncr. where he will await formal  as a milk thief. Bibbs, capture was brought about  the  of Officer J. E. Wiley, stationed at Grady . where the youth appeared Thursday ni?ht for treatment of  wounds in h;s left lee. Accordinc to the tale, the boy told Rt that time, he in company with two other youths, one white.                 worn := in Mi" flour of a  cur, their feet  from ert ires nf tin" . when as the train pa.wd  Ilitnim . limy were shot at by a white num. Basins: no credence on [ho youth s storv, Off'opr Wilev pnlk-il county police to . with the result (hat Bibbs is now under arrest for  of milk. Bibbs said that the  boyn after  the shot from   vt th their . continued on their . enroute for New York.</t>
  </si>
  <si>
    <t>                                           Up From Georgia With My Banjo By Thomas Jefferson Flanagan THE  SIDE 0 lie wu7. a coo! believer, took it easy in his slide But you always found' him .'in' roun" the shout in' side: He look no part in       ' where the heavens lit the choir. But kept the storm center where the Amens caught en fin1. When they made the station as volunteers fer (Trace, En moved the root with prayers, lie politely kept his place: Wouldn't even act doorkeeper, it seemed that lie \v;is  Right in that stirrin'  they called the shoutin' side. He never brought a sinner aroun' the mercy seai En never even whispered to 'em Salvation's sweet: En you d always find him when all the racket died Movin' ' the sisters, there on the shoutin' side. Don't  how he stood it. the bouncin' en the jam En all them Halliluias that went up to the lam' But every time he d com" i:i he d elbow thru the elide 01 flames that knew no   ', al intr. the shoutin' side.</t>
  </si>
  <si>
    <t>                                           Smart Fashions for Smart Women SIIEEIl PRINT FROCK Pattern No. 778 Innumerable fine- detail* of designing contribute to the smart effect of No. 778, while thc. puff sleeves stamp It definitely 1932. Little tucks at ihe back of the neck line nre a dainty touch. Thc seams at each Hide of the skirt offer a very slenderizing line m the fuller figure. And the contrast of the neckline bow and  are quite decorative. This pattern Ih essentially youthful and adaptable to most any lype of figure. It develops attractively in sheer chiffon ij.'int     voile print and will be very cool nml dainty for KUmmer. Designed in sizes 14. 10. 3G, 38. 40. 42. Size 36 requires 4 yards of :iG.inch . % yard for contrast. Simplified illustrated instructions for cutting and sewing are included with each . They give complete directions for making these dresses. All you have to do to obtain a pattern of  attractive mode Ms to send FIFTEEN CENTS  15c) in coins. Kindly be sure to       very plainly on each pattern ordered your NAME and ADDRESS and SIZE. New fashion Magazine, chock full of the latest Paris style news,  .-with color supplement,, tan now be had at ten cents when ordered with a pattern and fifteen cents when ordered separately.</t>
  </si>
  <si>
    <t>                                           PALISADE, Neb., July 26.--The Cuban Stars, owned and operated by Syd Pollock, took three straight games from Donaldson's Stars to win the 4-game series and give the former 7 out of 8 wins for the week past. Since breaking even with the Homestead Grays in a double header at Detroit on June 19th, the Islanders have won 30 out of 34 games played.</t>
  </si>
  <si>
    <t>                                           Office Hours 11:00 A. M. to 3:00 P. M. nnd by Appointment Phono Walnut 1150 DR. RAYMOND H. CARTER EYE. EAR, NOSE THROAT Eye* Carefully Examined Gla.JCs Filled [Room 206 gjj_.       _Bldj!;</t>
  </si>
  <si>
    <t>                                           DREAM BOOKS Agcnls and storekeepers wanted to distribute the H. P, the Success, The B. the famous Combination and the Lucky Star Dream Books by Prof. Konje. I( you do not wish to become an agent, send $2.80 for a fuli set of' five books, or SIM for any one book. No COX). Send all orders to G. Parrls, 870 St. Nicholas Avc.. New York City.</t>
  </si>
  <si>
    <t>                                           There is going to be some "hot news this week. I am invited to a party and where it is going to be from what happened at the last one I would call it a "Headchopping" party. A "Headchopping" party is a party where if you happen to make one of the guests...</t>
  </si>
  <si>
    <t>                                           Cash Prizes! -ARE OFFERED EACH WEEK TO CHURCHES SHOWING THE LARGEST TOTAL OF TICKETS. Ask for Them When You BUY AT Rogers</t>
  </si>
  <si>
    <t>                                           Mothers' Day was made an occasion for national observance in 1914, when Congress designated the second Sunday in May as Mother's Day and authorized and requested the President to issue a proclamation calling upon government officials to display the...</t>
  </si>
  <si>
    <t>                                           SHOW! BURGLAR GETS 3 TD 4                 Clemmon Malone, who was caught early Tuesday morning. April 19. in the Royal  on Auburn avenue by P. L. Taylor, manager of tne , and OUie Hopkins night watchman for the Odd Fellows building, was given a sentence of from three to four years on  of burglary by a jury Thursday. Judge Moore presided. Manager Taylor was aroused by a noise. With the assistance of Hopkins, he was able to catch Malone flat-footed in the theatre with a flashlight and a r-iir cf pliers in  possession, --e man entered the theatre by taking the screen from a side window. Nothing was stolen. Trial Date Of Man Returned From Ohio Is Set The trial of Russell E. Rich, charged with the murder of J. D. Ollvor. March 3. 1930. has been set for Thursday, May 26. Rich was brought back to Atlanta Monday by City Detective Ginn from Columbus, Ohio, where he was arrested last week. The grand jury returned an indictment against him May 6, the officer going north for him the following day. Rich, who formerly lived at 273 Bynum street, is said to have shot Oliver, who resided at 16 Chestnut street, about 7:15 that night near the corner of Currier and Buchanan streets. Oliver died on his way to the hospital: Rich escaping im mediately. Columbus. Ohio, officers arrested him and notified the Atlanta police department. Papers werp 7-~*-     following the indicting of Rich. H^ 4~,                 Details of Suspension of Jones Bishop Joshua H. Jones was short some $15,000 in his accounts, the episcopal committee reported, and the convention voted, 420 to 130. to suspend him for lour years. The session was a stormy chorus of motions, interruptions, pleas for "mercy for the erring." shouts of "Mr. Chairman," calls for stewardship within the church, and prayers. Bishop Jones was deprived of episcopal crocus and prerogatives, but ho can still preach. He presided over New England, New York. New Jersey, eastern Pennsylvania and Delaware. He was the second casualty to faulty bookkeeping at this convention, Bishop W. T. Vernon Arkansas having boon found about $10,000 short three days ago and suspended. The convention has yet to receive the recommendations of the committee regarding Bishop W. Decker Johnson of Plains, Ga.. who, Financial Secretary J. R. Hawkins reported, was in arrears $5,600. DEBATE ON INFLUENCE OF PRESS RESULTS IN DRAW TALLAHASSEE. Fla.. May 13- (ANP)- The dual debate engaged between the Florida A. and M. college and Johnson C. Smith  April 30. on the question: Resolved, That the Press Is A Harmful Influence in American Democracy" resulted in a loss and a victory for both schools, the judges declared.</t>
  </si>
  <si>
    <t>                                           Met with Mr. John Hubbard, 20 Boulevard, May 10. We had two visitors, Mr. Byrd from Athens, Ga., and Mr. Jarrot. The next meeting will be at the home of Mr. M. M. Clark, 28 Ashby Ave., May 24.</t>
  </si>
  <si>
    <t>                                           CHIEF JUSTICE AND FAMILY                 This new photo of the Chief Justice of the United States Supreme Court, shows Charles Evans Hughe*, with his wife, daughter and their son-in-'  as they strolled down Massachusetts Avenue in the national capital.' The. former Elizabeth Rushes is shown ut rear with her husband. William. Thomas Gossetu who is associated with  law firm formerly headed by hia father-in-law. They wore  in Docember 1930.                 %Ji</t>
  </si>
  <si>
    <t>                                           FRIDAY and Q Q 1 SATURDAY U P C r 1 1,200 Pre-Shrunk jn x xv l Just C^\Y/^3 A D D T 7 1? r\\ L Never Before Vl AKK1 V bjD A m     Price, NJZw We Believe!, %' Vat Dyed Green, Blue M J^!~\C Tan. Also H ^f Pure White H *J S Men! Shop j ~^H Tailored Until 9 P.M. _g^ WP Like $150, ^gto^ay j J Jf2 Shirt* Open (7nh1 W L U Saturday 1 Savedl at Qwiarter of a Pertiiy^ ir 1 "All I had to do was to turn out one of the electric lights the children were using \^^R^ a cent. Isn't that marvelous!" pj'^a^ You probably never have heard a state' it'^^fev. ment ^'ce t^     ^ut l^eTC are somc Pcppfe who ^s do not realize how little their electric service I actually costs them. Skimping on lights, ij Thai'* the way your something no mother would 'do- at tKc      rate  The pense of children s priceless eyes. And mom yon use, the lower K .f -r j,our "ok,. there s no need for it when a JO'watt bulb will burn 20 full hours and not add more ==1 than five pennies to the electric bill. t-~ /~v -n f^ y a Don't waste electricity, but use what ypu \JF)u \J -~  -7 IjTv need. Its price is lower, the quality of elec* town   trie service is higher today than ever before in history. It's one modern  ng We  U still can afford in abundance. i. f.T.7 ,   A C IT I Z    WHE R E V E R V/ E '...S, ~,K V^E,,</t>
  </si>
  <si>
    <t>                                           ^lN/ Though- 1  afflicted , I will  ct thec no more (Nnh. 1:12) "There is a limit to - God sends it, and removes it. Do you sigh and say, "When will the end be?" Let us patiently wait And nat ently endure the will of the Lord till He cometh. Our Father takes away the rod when His design in using it is fully served. IVEY BROTHERS UNDERTAKERS Ma. 2567-   . 8872 492 Larkin St., S. W,, Atlanta,   .</t>
  </si>
  <si>
    <t>                                           I am a woman oE 30 years of age. I have been married to this one man since I was 17 years old. We got along very well till his mother came to stay with us. I have worked and helped my husband to buy a hone and paid for it, and now he never takes to me...</t>
  </si>
  <si>
    <t>                                           Tough, of course, but owing to the fact that from Tuesday till Friday was too expensive a lay-over for the Alabama State Hornets, and since the dates of Wednesday and Thursday would not have allowed Morris Brown ample time for advertisement, the proposed games...</t>
  </si>
  <si>
    <t>                                           Funeral Notices and Obituaries Aak.Your Funeral Director To      Them ;          On The FRONT PAGE Of The Atlanta "      '~ Onijr Nefro     " Daily World</t>
  </si>
  <si>
    <t>                                           v A The shriek or .sirens and ihc clang of fire bell, loo ofU ii an-,.  11 i Iraccily- .1 . Always II  financial", ; waMc TIiqi-c arc    many ways of ? your homo and  relatively safe from fire- unions the ..it  for      ihc broom ami the oilier 'clean-up tools thai it suggests. Clean humes  run little chance or V fire anil liisa. There are  .Ct'you  . BANKERS FIRE INSURANCE CO.         ReprcscnlaUves WIMBERLY ~?ALBk!( 250 AUBURN AVE., N. E. PMONeVa. 4612 '~~iM rt-'v M v-</t>
  </si>
  <si>
    <t>                                           SAY JACKSON -SB NO OFFICERS                 Commended by police authorities for his .xpert marksmanship which probably saved the lives of Officers P. L. Williams and Y. T. Allen when he fired the single shot that killed Theodore, alias Son Whiti Friday morning, Clint Jackson 207 Auburn avenue, walked                 out of the Recorder's court a  man after Judge Cone decided that th^ homicide wax justifiable at a preliminary hearing Friday afternoon. White, who is said to have made a visit to J.-ick.son s home Friday morning armed with a pistol and threatening to kill the entire family, k. pt up an almost continuous fire at Mr. Jackson who picked up his rifle and followed him. Officers Williams and Allen, answering the radio call, joined in the chase and several shots wore fired at them. The man was reloading his pistol and shooting around the corner of a house at 16 Brooks alley whin Mr. Jackson managed to "plug" him us he stuck his head around the corner ready to fire at the pursuing trio again. Jackson fired his weapon only once during the chasi that created much excitement along the avenue. Young White, who liv/1 at 323 Raspberry alloy was taken to the Grady in a David T. Howard ambulance. He died shortly after his arrival. Funeral arrangements are being completed by Haugabrooks. Among those appearing in his defense, in addition to the officers whose life he saved, wore Chief T. Stuidivant and Lieut. Lort Evans, both of whom vouched for Jackson's good character and highly praised his action.</t>
  </si>
  <si>
    <t>                                           Commended by police authorities for his expert marksmanship which probably saved the lives of Officers P. L. Williams and Y. T. Allen when he fired the single shot that killed Theodore, alias Son Whitt, Friday morning, Clint Jackson, 207 Auburn avenue, walked...</t>
  </si>
  <si>
    <t>                                           Rev. H. H. Nunn preached a soul stirring sermon at the M. E. Church Sunday morning.</t>
  </si>
  <si>
    <t>                                           FOR YOU Join the vast Radio Audience of the earth listen to the big air favorites keep abreast the times buy a Radio! See the Radio .on display at .Yates and Milton's Drug- Store -r- It's a combination Radio, Clock and;Book Rack, and is  $40 cash- or $50;oii- terms.</t>
  </si>
  <si>
    <t>                                           I] Tuskegee Institute Choir I I 100 Highly-Trained Negro Voices in Spirituals of the Old 1  II Plantations. Most Famous Spiritual Singers in the World. I HaU the house reserved for Negro Patrons. Seats on sale Fricfciy t al YATES. MILTON PHARMACY .228 Auburn Ave. I Prices: 50 cts., 75 cts., S100 WESLEY MEMORiALHALL I Monday Night, May 16 --8:30 Atlanta's Own I Maasilclpal W. ft. GATLIN I Market pT* I Free Parking Lot mmb gg 3 80 Booths Selling RAPflM of t Pure Ga. Farm Sliced- 9   ? No Uind I Products Best Grade ft asp. pi,,!,   ,i,. nWr. Creamery 1 H fl* 3 2 Inilcpcndcnlii- 7 Moat Markets R I iTTE iS WW J           . 7 A. M.    6:J0 P. H. SnliirdajK, 7 A.M. to II r.M.    RE9 CB9 gB ROGERS SEA FOODS CHUCK "f J Fri'sh Cniiikt-rs II.. fir ROAST i    I Kn-sli Mullets II). 7c J Fresh Porch Hi 12!ie. C LJ I  J* Hixcd Fish III. Me  Qa i J liens. Ife l)U,ks. 25e RO^ST 8 V I I PEARSON TINSLEY % I "N0AH"--B00th 91-92 homegrown York Nice I'm IIKNa. Ib 17e COUNTRY-) MEATS Lanl. lb. Gc HENS AND FRYERS I Shm.pinit  Frit with each lien FRESH COUNTRY EGGS Itouitht AND RUTTER 4 I l.n. Meal. 12-lb. pk. 4 Walrr-  9c ""T^~T" v^r'" ^r.:::::::i: ss-f. a. land-9S 3i Frcjh Countrr fork 4 j Country Currd MrsU I URNS and KJtYUKS I). C. HARDEMAN 7S lri"h       - i:        5 I Fresh Country Butter Krmli Counirjt  20c Country Errs,  121'. 3 I.anl, Ib. Cc; Hens. 17c. t NICE FAT FRYERS SMITH  1 WcDres. 'Em Free SMITH MARKET ,Ho,mo Gfown Porlc Picnic Hamn. lb 10c Pork Shoulders 10c Pork Chops, lb He a Hami 15c Lamb Roast, Ib 12c Pork Snusngc 15C Beef Roast, lb 10c J ''^~"^^~       ^I^^^^'~~^'^^^^^lL^J*~]^^^  ^- u Mwnih;M,nM;/ E*  J_V ..BOOth Hnmc Grown I'ork, Country Cur- D DflrlM    nl Ham and Dscon; Poultry, Eggs I  *O4 and Fresh YiTCtnbles! HENS lb, 17c FRYERS Ib. 28c Dressed Froc While You Wait All Sizes  nd Colors.     iiiii-i    l,n_,_i_Ji ii 3</t>
  </si>
  <si>
    <t>                                           ^TTTT.TTVTTfTTTTTTTTTTTTTTTTTTTTTTTTTTTTTTTTTTTTTTTTTTTTVTTTTT* ~~~~~~~~~~~~~~"~~'~~~~~~        -~~~~~         .~~~....w.~~~.~~~~                .\v:. .gs jm^m i '^L7 The Atlanta Daily World is your own newspaper, printed just for you, a The Daily World has a staff of 60 Nejrroes doing every kind of job a       B 'V- ":' W j*    * with news about you, and with your 'interests at heart. Only in itb  daily necessitates. Only on a\ paper published by Negroes for Negroes H 'in l'I Vr^i columns may you expect to find those facts which would never be told in  A# could this happen. The World is not only published for you but it is also. B f /lU V-'^f A      any but a Neg'ro newspaper. ;v ff JLA published by the Negro. J^ A ^J^^</t>
  </si>
  <si>
    <t>                                           To Richard and Ola Jordan, 404 Fraser St., boy, July 27, 1932.</t>
  </si>
  <si>
    <t>                                           Mrs A. B.: You state that your 18-months old baby suffers from frequent attacks of diarrhea, and now that the diet is becoming even more varied, the condition is getting worse. Inasmuch as this has been going on since he was four months old. he is apparently...</t>
  </si>
  <si>
    <t>                                           Was Kreuger "Suicide" a Gigantic ?                 Swedish Authorities Seek Match King's Gold Cache, While Rumors Fly That Cremated Coflm Contained Only Wax Figure. j                 Hoo^Abekg                 I/AST Rites fur. Krcixger.,                 Match Kjmg's New/ Vork. Penthouse                 1VAR. KsOJGEfi/                 .That Iv.r KreuBer did not commit suicide in his Paris penthouse as the world was led to believe, but is,    Ifact alive, it the startling rumor that i. joing the rounds in Europe. It is claimed that several   .'were present at the cremation services of the supposedly dead financier noticed a  odor of burning  wax  rise to the belief that the coffin contained only a wax effigy of the Swedi.h financial wizard.] Proof that the rumor is receiving some degree of credence from .es is seen in the activity they are displaying in endeavoring to trace $200,000,000 in gold which Kreuger is .aid to h.-ive secured before he took l.i. way out, either by suicide or trick disappearance. In almost every country m the world, financial institutions and safe deposit companies arc co-operating with Swedi.h investigators who are endeavoring to find the      cache of precious metal. Hilda Abcrg, who wa. housekeeper of kreuser s million dollar penthouse in New York, has been questioned, but was unable to throw any light on the  of the financier. To prove or disprove the persistent rumor that Kreugcr . wo. ,:   on the level it has been suggested in the Swedish capital that the ashes in the cremated coffin be subjected to  by Uxperts. However, th. investigating officials are concentrating on the search for the bullion, ,; U.t if they  it Kreueer will not be far off.</t>
  </si>
  <si>
    <t>                                           ^1 Cash Carry .Meat Market 842 West Hunter S(. Boiling Bacon 5c Side Bacon 7c Spare Ribs 8c Eggs 12V2c Cheese 13c Picnic Hams 8c Center Ham 20c $*~.00 Round m Trip $T.0O Round I Trip a. Me am phis "ffe.OO Tuscaloosa, Ala. $5.00 Meridian, Miss. May 14 SOUTHERN RAILWAY</t>
  </si>
  <si>
    <t>                                           Facts in Ice Pick Slaying Hard to Get                 Although more than 500 people ;;ith T'd in fn.nl of 300 Hilllurd ; early Friday evening shortly  Wesley Hayes. 24, 374 Buchinan street had been finally stable d, investigating officers  much difficulty In obtaining lie name of his assailant. Mr. Hayes was rushed lo the Grady in i H: ambulance but was          '~l dead upon arrival. An ice lick stab h:id found his heart. The  nt occurred at eight o clock. Little could be learned about the rause  r ihc fatal stabbing and no one so.med to know where Homer       rs. who is said to have wielded the ice pick, lived,            II is rumored that he .  cross the .M from the scene of :h. .. The slaying of Mr. Hayes was the second murder for Ihc u;iy in Atlanta of a Negro by i Negro and is number 53 for the current year. Fun'-ral arrangements     being completed by Hanley. Residents of the neighborhood serin to he able lo .slid little if any light on the fatal affray c Bad Intersection on West Side to Get Stop Light Of considerable interest to colored Atbntans. especially residents on 'he Westside. is ttv. announcement by City Electrician Pat Kcndricks that an overhead traffic light will be placed at the intersection of West Hunter and Ashby streets. This corner, long regarded as one of the most dangerous in the city, has been the scene of numerous accidents. Mr. Kcndricks states that the move to place a traffic light at this place has been planned for sometime but that    - delay was due to the long period required to complete the work of the viaduct at Spring and Mitchell streets and install the new type side lights there. It will be about the middle of next week before the stop light "ill be ready for action at the busy  intersection. Maids Tell How Man Set Fire to Home Namrd by two maids. Misses Mary Mosely and Lizzie Musely, W. H. Mays, white of 323 Fourth street was being held Friday on a charge of arson in connection with a. fire which damaged the . The two sisters told firemen that they saw Mays place some waste and oiled rags in the  and then Ignite them with a match.; He was also charged with being  and disorderly. SUGAR DISAPPEARS Between 10 and 15. 100 pound sacks of sugar are said to have been stolen early Friday evening when two burglars bn*e Into a Southern Eailroad freight car on the tracks near Grant street. H. H. Lofton,  for the Druid Hill coal company reported to police that he knew the Identity of one of the men</t>
  </si>
  <si>
    <t>                                           St. Louis, Mo., (ANP)--T. Arnold Hill, secretary of the National Urban League, in an address last Monday at Jefferson hotel, decried the lack of opportunity for advancing members of our race. "Custom ann habit rather than prejudice are the chief reasons why my people are...</t>
  </si>
  <si>
    <t>                                           ^ai E D I T R 1 ill L,;;^</t>
  </si>
  <si>
    <t>                                           BiSMllliiixEBBit Cottage Gruve    . ChicuRu. III. vNp^           , Mild] k Jjbi^^Hr! TX ^^n^.      Bey  f 1^ B Bllimn-. MiinbM V  a UOTt. . .          i T^~- vT  IT *          ^ reduced with simple bome treatment Write Alcrtox Med. Co., Dept 10ft Atlanta, Ga. (or free    UiOutJDcb  relieved            of \hia ,"  .  I OVER SO YEARS EFFECTIVE USE I ItBlJIillilliWl tar I Bladder and I Kidney TroabI* Al ta Dnntui  (or a Trial    s,  iof, nrp.</t>
  </si>
  <si>
    <t>                                           Mr. and Mrs. J. H. Blalock of Atlanta spent a few days in the Windy City as guests of Mr. and Mrs. John Carr at their home on Indiana Avenue at 48th Street, Mrs. Carr who was formerly Miss Kat'e Starks of Atlanta has not forgotten how to entertain in the...</t>
  </si>
  <si>
    <t>                                           ATLANTA  EH3 WEmMmKMmm\ 7 negro daily newspaper m the world _JBJ^H-Blh  ^7^^r-gr^W-rar-^=^=^==^=== ATLANTA. (JA.,TU^1UYTjULY 26,1932 PRICE FIVE CENTS</t>
  </si>
  <si>
    <t>                                           LONG BEACH California, July 10 -- More than two hundred athletes competed yesterday and today in the Olympic western finals Competitors who had been successful in the various A. A. U. tryouts in the Rocky Mountain states and on the Pacific coast met today...</t>
  </si>
  <si>
    <t>                                           8"THe PARTLY CLOUDY Mondny night nnd Tuesday.  Tuesday. Lowest temperature,, put 24 hours, G6i , Mr average, 74. C. F. von 1 ANN,    *      1"*~'"'    "er</t>
  </si>
  <si>
    <t>                                           m n hi a will CLEAN and PRESS Your Clothes for Commencement Just Call Us over MAin 4632 903 HUNTER, N.W:</t>
  </si>
  <si>
    <t>                                           I . Oil IMdr        - I Biiij^Tiiiitriiiiir ni j-' I I lau    4it. Pkmnt. lilt. lo eit       tar I IfeSrf. ^ijo     %~     Uotnnt I I  U ClOD.                     ! (oc Vvr I 1       SSiXX Utittnttd       Free with I lenia.  CO. Onrt ID.y St. Urf. Ko.~</t>
  </si>
  <si>
    <t>                                           President's Salary in Cereal                 Bob "Believe It or Not" Ripley, who at times puts a severe strain on human credulity, is shown here with his latest find. He is Roque Pallarcz, President of the Republic of Andorra, midget independent "-.ountry oi Europe, who receives his pay as Chief Executive in breakfast food. Rip      tiny republic in bu search for remarkable facts.</t>
  </si>
  <si>
    <t>                                           Is Fashion getting fussy and particular and maybe a bit unreasonable when she plots and Plans her summer models for the feminine form that has a well developed chest a rounded bust the trim waist, tummy that is as flat as a pancake, hips that are...</t>
  </si>
  <si>
    <t>                                           j- H ONLY NEGRO DAILY NEWSPAPER IN THE WORLD H iM BABIiMI VOLUME 5, NUMBER 84 ATLANTA, GA., THURSDAY, MAY 12, 1932 PRICE FIVE CENTS:</t>
  </si>
  <si>
    <t>                                           Mrs. Charles H. Kelley, will direct swimming at the Butler Street Y.M.C.A. for women and girls while Mr. Bell conducts summer cap for boys at Fort Benning July 9th to 20th. Mrs. Kelley is quite prepared to render this service and the association is very much...</t>
  </si>
  <si>
    <t>                                           JOHNSON--Miss Alice Johnson was buried from our funeral home Tuesday. Hill Funeral Home...</t>
  </si>
  <si>
    <t>                                           Once again a minister of Birmingham broke into limelight when the Rev. J. C. Cunningham, pastor of the Macedonia Baptist church on 20th street in Ensley, was snatched from his car and his right wrist almost severed by an enraged member of his church, Will Ward, of...</t>
  </si>
  <si>
    <t>                                           ^SOCIETY A- pA(jf FOR VyOA^FK/ I FASHlON'ti!</t>
  </si>
  <si>
    <t>                                           Buy From World Advertisers</t>
  </si>
  <si>
    <t>                                           Yoii'll never know how t00^^^^^ "I. Lewis Cigar Mfg. Co-', Ncwai'kV N.'l, Mnkcrs^^</t>
  </si>
  <si>
    <t>                                           REDUCED FARES via A. B. C. R. R. Specially reduced fares for week end trips on sale starting Fr'day each , good returning by midnight Tuesday. Also reduced fares for two-day and five-day trips. CaU A. B. C. Railroad AGENT for additional information.</t>
  </si>
  <si>
    <t>                                           Social Work School Will Have Twelve                 The Atlanta School of Social Work will graduate 12 seniors this your In falc n celebration oc the school s twelfth anniversary. Principal speaker at the commencement services which will be held in Sister's chapel of         college on June 3, at 8 o clock will he .T. Prentice Murphy, executive Secretary of tho Children'* bureau of Philadelphia and director of the Seyburt foundation. Those who will receive  arc Nettie Dorothy Arnold. Louise Marlon Blnck, Glorin Strmlls FIclctK. Laura Minerva Lane. Rlchnrd Rnbort Lowlc, Ruby Lee McClendon. Norma Crcola Michael.     . Mac Moore. Annio Dora Onkca, Minnie Howe Bowdcn. Annie Mario Randolph, and Henrietta lola Smith. CLUE ON IL8ELY MURDERER NO GOOD MiDDLEBURG, Va., May 27.-  ANP) Fingerprints of Andrew Rowel),  at Oranpeburg. S. C. an a murder suspect and               In connection with the  of Mrs. Agnes Boeing Ilsclcy here, do not correspond with those of George Crawford, formerly Ilselcy chauffeur who is  of murder, according  Att'y John Gallohor. Kowell was arrested at Ornngeburg after his employer, Jerome Jackson, white, had been slain.</t>
  </si>
  <si>
    <t>                                           CHICAGO VISITOR. Miss Amy Maxwell of Chicago, who was a recent visitor to Birmingham and Tuskegee. Miss Maxwell is an employe of the Commonwealth Edison Company                 -Photo by Cloud.                 MISS NAOMI B. GRANT, popular school 'Mam of Charleston, S. C. She Is the home guest of Mrs. Oretha Brown of Merritts avenue. Many social affairs have been given in her honor, while visiting in the city.                 MY HEAD, my heart and my hands offers little Carolyn Weaver^ 3-year-old grand daughter of Mr. and Mrs. J. E. Kelley, Birmingham.                 -Photo by Cloud.                 BIRMINGHAM S EXCLUSIVE residential section. 11th avenue, north, looking east from East street.                 Kioto by Peters.                 SCENES 0 Negroes Into, brought  Showing how threw brick* moved in. $ and fuse were ,r,. ,Jft                 JAGGED PEAKS towering to tl sky the new Fisk university libra! is a work of modern  art. The new building is located 1 the campus of the Nashville schol                 MIDSUMMER MARRIAGE- Marriage of Miss Leora Williams and Mr. Jack Smith. July 3. Hollywood subdivision, Memphis. Miss Lachree Williams, sister of the bride, was maid of honor, and Jeannle Jackson was best man. Rev. Barton performed the ceremony.                 JESSE RICHARDS Jr, state manager ordinary division National Benefit Life Insurance Co.. for five yean, and formally connected with New Orleans Public schools.</t>
  </si>
  <si>
    <t>                                           TO CALIFORNIA                 Eddie kid  -Local . who left his Memphis home Sunday    ;ht for Los Aneclcs. California, where he will remain for two yea* The Kill was recommended by  Billy Haack. Sr.</t>
  </si>
  <si>
    <t>                                           Every now and then we are treated to an expose of some great hoax that has been perpetrated upon the American people but there is one hoax that is constantly being perpetrated that has never been exposed and that is the Great American Hoax of color prejudice.</t>
  </si>
  <si>
    <t>                                           Busy this week as the ROYAL THEATRE and EIGHTY-ONE THEATRE bus such stellar attractions.At EIGHTY-ONE Is BUTTER BEANS AND SUSIE with a bevy of pretty girls and at the ROYAL today is that great picture "FRANKENSTEIN." I can't...</t>
  </si>
  <si>
    <t>                                           MONTGOMERY, May 13--The Memphis Red Sox lost to the Montgomery Grey Sox in a doubleheader to a count 6 to 5 and 3 to 0. Cunningham and Adams hurled for the Memphis nine, while Calhoun and White for the Grey Sox, Both teams was in good condition...</t>
  </si>
  <si>
    <t>                                           IF YOU WANT MONEY^^ ^^^J 9 guarantee to i,clp you a*'t ft       in lifo. No   !.n  . Stoi. ! WriU.mc       . In.  ! M. WILLIAMS. 901 HiTKen Ave., Jeraey Cily. N. J-. Dopt. It.</t>
  </si>
  <si>
    <t>                                           Mrs. James Prather entertained the Love Knot Sewing Club at her beautiful new home, 95 Stafford Street, S. W. The hosters lavishly served a delicious menu and the guests departed expressing their gratitude to their to Mrs. Prather for such a delightful evening.</t>
  </si>
  <si>
    <t>                                           "Spike," the detective for this department, has succeeded in getting some "news that is news" Honest, it's too much to attempt to tell its real value! We couldn't even attempt to tell you all of the details. But here's a bird's-eye view of "Spike's" report:</t>
  </si>
  <si>
    <t>                                           r-^^=^ JM</t>
  </si>
  <si>
    <t>                                           W. E. D. Griffin entertaining a me on Auburn avenue the other night and asked me didn't I lose a maltese cat. I thought he was joking. Me, lose a cat? What could I be doing losing a cat. He told me a Party on the west side had a Maltese cat to take up at...</t>
  </si>
  <si>
    <t>                                           Friday was a red-letter day on the social calendar of fashionable Atlantans.</t>
  </si>
  <si>
    <t>                                           American Triumvirate in British Open                 '7 Gcwr.. ;.APAv,r.M                 JcXtiiAj SvtltT.f                 "Tom"mv "A KtroufZ.                 Above are ihi;  . professionals who constitute our invading urmy in the 1932 British Open golf , to'  on Juno 0 at Prlnce'a Links. Scotland: Of the three, coif experts concede Gene Sarazen the most likely to annex the coveted title. Prince's course, they say. is made for Sarazen and (cives him a big  over Tommy Armour, the present champion, as it requires powerful long iron shots, at which Gene is a past master. Sarazen  nno          behind Armour when the latter                 won the national open at Oakmont in VJ21, and on that occasion Gene's defeat was due to one bad round. MacDonald Smith, the  man of the triumvirate, is the oldest of the trio (he is just forty), but many experts assert that, he is the most stylish Rolfer. Mae has been consistently jinxed in his climb to coir supremacy, but there are a surprising number of golf, fans In the world who would rather watch him swing a club with that effortless        of which he is master than follow a whole battalion of .</t>
  </si>
  <si>
    <t>                                           Important Notice To Clubs!. On and after SATURDAY. MAY 7, 1 9.12, no club notices will     published in the Atlnntii Daily .World, . unless the CLUB is a regular subscriber 'to tho World, with paid up subscription, for 3' ,'/ 0;., months or a year. The subscription must he taken but in (he nn mc"of.,    ": CLUB, not any individual subscriber.  t V i</t>
  </si>
  <si>
    <t>                                           Patronize World Advertisers wherever possible</t>
  </si>
  <si>
    <t>                                           DEPRIEST IS AGAINST PARDON                 Brands Lt Massie as 'Murderer;' Writes Note to King                 SPEARS HIS MIND                 WASHINGTON. May 9.- ANP)- Branding Lii-ut. Massle as a "- ," Congressman Oscar De- 1 Priest refused to supon a resolution introduced in Congress by Hcpre-  Crisp nf Georgia asking! that Lk'Uionont Thomas H. Massle bo pardoned, as  by a                 while constituent residing In Washington. Thomas. J. KinK, of 1319 Massachusetts , Washington, wrote Mr. DePriest. "As  ot your  with a bona fide residence in the first congressional district ot Illinois. I am writing to request that you support the Crlap bill and the Bingham bill with a view to granting full pardon to Lieut. Tos. H. Masslo and the three other defendants recently convicted man slaughter in connection with the death ot Joseph Kahahowal." Mr. DePriest : "Lieutenant Massic the United Stales Navy deliberately conspired to kidnap and lure to his home, and there murdered the victim of the conspiracy. In carrying out this diabolical plan, the four  to impersonation ot an officer ot tho law. I "Lieutenant Massic Ik not entitled to any consideration in the matter of a pardon atid I .shall vote against nny such action on tho part of tho House of Representatives. "I am against all forms of mob law and lynch law; and am against any group that takes the law in ils own hands. "I am surprised at receiving a letter of the character of your communication, from a law-abiding citizen like yourself and  understand how you can lend yourself to any such  as the pardon ot Lieutenant Masslu."</t>
  </si>
  <si>
    <t>                                           WASHINGTON, May 9.--(ANP)-- Branding Lieut. Massie as a "murderer," Congressman Oscar De Priest refused to Suport a resolution introduced in Congress by Representative Crisp of Georgia asking that Lieutenant Thomas H. Massie be pardoned, as requested by a...</t>
  </si>
  <si>
    <t>                                           I Are Greater SKSflH  l VALUES ARE BETTER! ~~^^      II LOW PRICES FOR MONDAY! AfiAYQF GREAT 5 J59c LIN E H E M  I w MH^FROCKS III y 500 Better  i--s. Ii A^^ ^ Dre^SeS Ladle- FuU-Fa^ioned Si^fip wres5     HOSE II 1^1 f  tc ^ Tyme II HP 2 tor ?s Coverlets H ^ni Sizes 12 to 48 Rose_ Green. QQ HB Vjli SECOND FLOOR Blue, Yellow! 'ww SB M ^1*'S and ^2#9S Volle and    I n R F F S t* 90 $1'00 VaIue BH Light and Dark Colors, New T B lrS%IPIr%B-Ei  B Styles. Sizes 14 to 50. Jb, SPREAD C*~ fifi SS STREET FLOOR *-r***       .UU mm M, 2 for r 1 BB $1.00 Value Society Crepe Rost, Gl.LI1 HI C I IDC ^^a Blue' Yellovv- Jk BB 3 L I r 3 2  OV E^^JI^ street  II "- U       44. $1.00 93 Children's Midsummer Mm STREET FLOOR DRESSES t*fl V\ Bi BOYS' MEN S and BOYS' Vah to f2SS J MB #1.00 Values f 1.98 Values ted Swiss, Voiles. A BH Sport stripes and CQ*~ Ma"-V Pat'erns $1.00 Linens. BB Solid Patterns.   ^C to select from. second floor BB THIRD FLOOR THIRD FLOOR [SAUL S II 91.93 Whitehall Street, S. W.</t>
  </si>
  <si>
    <t>                                           Tips That Hit ll J i Your 1932 Astrological Forecast SPORT SHOES ~~[~~~~~~~^~~BPI and Monthly Guide with Lucky **T,    n M7HHrawJW^BBF ^H^SHH Days, etc. Lucky Number Dream Of  DBSCTtpttOTl Wfl Jl'JI iMm fl A^/ #/7                 ]^Br)^fc^B Book Free. Send 10c and  *L 0flK^7     ^^H for sample Reading and particulars. For The Well Dressed Man           ^~           ^^MP^mP^ ASTRO ADVICE SEE Wllk IWHk Wl I] fl W !~$SL ~.W\ *,M^M box 1832 A., n. %_ OSBY McDANIELS WTrntTiWwfTtWMW^^tS, ^SH SWELLING REDUCED j At (~MlHMHlyKL'^V And Short Breathing relieved MaJni *iJL.- Memphis, h^HaaaaiaaHlaat ^V when caused by unnatural collec- m^~2/d-^ Make yOUTS black,  in 15 M^H 3 of a^1 wh^p^ur,'"^ Un' n ^~  =P Tenn- minutes this  French *ay WE?       ankles leaves a. dent. Trial pack- I Or      . men fall for the       Pht-,', ^*            age "FREE.        with . bUek ult b. In. bl.ck yon I .UM  COMPANY. [p^^- hair. Ifiailgnsf tba ,     and      . I Dept. S80, Atlanta, Ga.    rw* Tltmllty men     looking for. If you Try  I ^^^^^^mm-^^m^^m^^^^m^  J6           yoor  gat  with  more than 100,000 women ara Qiin2. T AGENT for Luck and Love  nd torn red from hot Iron*, yon can t      it make your  . B f-^ Charms Spiritual and Psychic                        .Tbegirlwlth then watch tha men fall for you! I U1 nfl FUNERAL 1 PER ^H       , AnsweSdand J"   T ^V^^ to0~.k"y o" I $1 00 BENEFIT 1 C DAY 4,aBe ^-e^. (f ^K^f^: I SOUTHERN [FIDELITY Ht. 8. Bessemer. Ala. . AUyoo hare todo  KBlSEIEHSIIHaH SURETY CO. 1  Godofroy'a Larleua ^^iR^!^^^ Durham, North Carolina S. French Hair Coloring and put it on ,CO" U your hair. Ifa * There I* only 3    0Ilve St., St. Louis, Mo. P%**.^%--*-. C 1/v.L ona liquid to apply. No  or semi at can a ran m   t  nl nAI\ ^CllnP B^rr^ Viria^RkV"! odor. In 16 minutes your hair is the Larleat* Trenrh Bilr         . I  ul HIGH       4wl if^ *tk*IS!!K!S1 ^^mm I  air       (ai io.trm. reduced with Blmple home treat- b(s$3Smw[U. \    9/fI//%R H W*^* Ml I a8BK9SH olr"* "~"*r *rt r)'  Write Alertox Med. Co., ^.^W/Z7/M'-7"^",^P^y aH99l!niF8    9 N*~ Dept. 102, Atlanta, Oa., for free f TllfAg? ^^^itr' HaVSBT)   ^I3Sa.^aH ^T*** leaflet telling how thousands have ^/JK P^      *Cj. 1? ^MaalaaWaBal I T relieved            of this danger- 1*~~      5C 91, ous. Insidious condition. I I</t>
  </si>
  <si>
    <t>                                           From Miami Palace to Atlanta '"Pen"                 Fedora! Penitentiary at Atlanta Lacks Many Luxuries Featured in Al Capone's tial Florida Estate. Monogram Gives Place to Number.                 Ai/ Capons  i Hi ami.                 Capomes I MtoMI 6. 1                 Federal Penitentiary I ju! Atlanta. Ga.                 Tho borne  Alphonse Capone, Chicago'* fallen gang lord, wilt spend the next cloven years, though much mare pretentious as regards size than the crime baron s palatial home amid the whispering palms of Florida, lacks many of the comforts to which Al has grown accustomed since he became Caesar of the Underworld. In Atlanta there are no French windows that lead to sun porches, no well-kept lawns with tinkling fountains, no luxurious bathrooms tiled in all the colors of the spectrum and no soft-spoken valet to lay out his mo no gram ed pajamas. Instead, Al's new residence will be a rhapsody in grey. Grey stone walls, a grey prison courtyard and maybe a grey denim shirt with a number instead of a monogram!* But what will irk the ex-king of crime more than being deprived of his creature comforts is the stern discipline that prevails in the Federal prison. Accustomed to having his orders obeyed under pain of death, Capone will be at the receiving end of commands for the next eleven years. His one consolation is the fact that his name is now upon a rotter among those of such distinguished lawbreakers as George Remus, millionaire bootlegger of Cincinnati; Eugeno V. Debs, once Socialist candidate for the Presidency; Warren T. McGray, former Governor of Indiana, and John W. Lang, of Kentucky, the first Congressman to bo sent to Prison. Al U known to bav* a penchant for apeing celebrities, now he s doing it at the behest of Uncle Sam.                 el</t>
  </si>
  <si>
    <t>                                           THE DANCE OF THE ELKS SOCIAL CLUB has been postponed from Thursday night. May 5th to Monday night, May 9ch. The public is cordially invited. Music by Hatton's Novelty Orchestra. A series of dances will be given every Monday and Thursday night. Whist and Barbecue. Admission 25c Mr. F. L. Jones, Chairman I Mrs. [..elia Crane, Asst- Chr.</t>
  </si>
  <si>
    <t>                                           NEW ORLEANS, La., May 5.-- (ANP)--Praising the achievements of Bishop Robert E. Jones of the Methodist Episcopal church during the twelve years he has been in charge of the New Orleans Area, a group of business men and prominent citizens this week petitioned...</t>
  </si>
  <si>
    <t>                                           Read Every- Issue f The World</t>
  </si>
  <si>
    <t>                                           Not much concerning the modern girl escapes the observation eye of John Galsworthy. In his latest book one of his characters remarks, "Carriage went out with Edward; it was succeeded by the lope. All you young women lope as if you were about to spring on...</t>
  </si>
  <si>
    <t>                                           PARADISE LOST                 tt didn't take a director to register the expression of tragic grief on the face of Ann Harding, lovely screen star, us she descended from the plane that carried her -from Reno, Nev.; to Los Angeles.* Ann had just kissed her husband goodbye after "divorcing him because she loved him." Now he can bo Harry Bannister instead of "ilir Ann Harding</t>
  </si>
  <si>
    <t>                                           1  A" .KUN \aC.        . 15C  V -~.~~T"TW0"6AYtT More .  "Ull.. Crowd! " In opm "SKY BRIDE" 11AM.  Arlin t</t>
  </si>
  <si>
    <t>                                           WHEN REV. P. G. WATKINS preaches at .Trinity Baptist church on Sundays, he always has a Urge crowd. This Birmingham minister is treasurer of the Alabama State Ministerial Association.                 Photo by Clond, Birmingham.</t>
  </si>
  <si>
    <t>                                           Read Every Issu f The World i</t>
  </si>
  <si>
    <t>                                           WE Baptist people got a great responsibilty on us this week. The Methodist ministers are out of town to the General conference and the Doctors have gone to Macon, to their convention, and even Rev. E. G. Clements went on a fishing trip yesterday.</t>
  </si>
  <si>
    <t>                                           I CLASSIFIED VOTES FOR Your Church When You Use THE ATLANTA DAILY WORLD CLASSIFIED ADS One Vote for Each Cent You Spend for ATLANTA WORLD CLASSIFIED ADS CIRCULATION I For Every New Subscriber VOTES FOR YOUR  One Year Subscription 1,000 Votei 6        Subtcription 500 Volei 3 Montln 5            -250 Votei One Month Subtcription 80 Votei SUBSCRIBE TO The Atlanta Daily World And Help Your Church</t>
  </si>
  <si>
    <t>                                           FREE HAT NO RED TAPE Every person who purchases a SHIRT at our store Saturday, July 23rd, we will give you absolutely FREE a Brand New Hat regardless to the Price of Shirt you buy. Ide Shirts $1.55 Aetna Shirts....... .95 Cloverleaf Brand. 43 Every Shirt pre-shrunk and Guaranteed Fast Colors, Full Cut JORDAN S 227 Auburn Avc. G. L. WENTWORTH Successor To MILAM COMPANY Auto Bodies, Fenders Repaired Seat Covers and Top Work G. L. WENTWORTH 17-19 Piedmont Avc., N. E. WAInut 8970 Atlanta, Ga. Jm^-^^^ pJ^~^- I^jm mm J"i_ ^^J FREE HAT NO RED TAPE Every person who purchases a SHIRT at our store Saturday, July 23rd, we will give you absolutely FREE a Brand New Hat regardless to the Price of Shirt you buy. Ide Shirts $1.55 Aetna Shirts....... .95 Cloverleaf Brand. 43 Every Shirt pre-shrunk and Guaranteed Fast Colors, Full Cut JORDAN S 227 Auburn Avc. G. L. WENTWORTH Successor To MILAM COMPANY Auto Bodies, Fenders Repaired Seat Covers and Top Work G. L. WENTWORTH 17-19 Piedmont Avc., N. E. WAInut 8970 Atlanta, Ga. Jm^-^^^ pJ^~^- I^jm mm J"i_ ^^J</t>
  </si>
  <si>
    <t>                                           Strong Cast In 'Night Court' Now At Royal                 M.- ot  .iii in ilie courts of justice are used ;is a background for the gripping drama in "Night Court." Meiro-Goldwyii'Maycrs newest offering which opens Mumlny at the Royal .                 Heading ilie strung cast is Phillips Holmes, playing Uic mle "I the  Hiauf.' whose bride is framed ami jailed on a morals charge    cause she discovered evidence of the judge s graft spoils Holmes, who scored  ;i hit in  An American Tragedy," last  in "Two Kinds of Women11 and  Broken Lullaby." Walter Huston is cast In the part of the crooked magistrate whu finds  arraigned before his own conn on a murder charge. Huston last was sc n in "Beast of the City" and The Wet Parade." Anita Page negotiates Jii-r first straight dramatic role as Mary, ihe chauffeur s wife. She recently played in "Are You Listening?" and "Sidi-walks of New York." Lewis Stone is assigned the   of the presiding jurist who is slain because of his crusading activities. Jean Herxholt is the tenement janitor. Noel Francis is Lil, the judge s paramour, and John Miljan is a shyster  who aids the underworld in his courtroom operations. Tully Marshall is the night court judge s underworld bower and Warner Richmond Is a -up 'stool pig- I eon. Mary Carlisle plays the part ot Elizabeth. I</t>
  </si>
  <si>
    <t>                                           Machinations of political corruption in the courts of justice are used as a background for the gripping drama in "Night Court," Metro-Goldwyn-Mayers newest offering which opens Monday at the Royal theatre.</t>
  </si>
  <si>
    <t>                                           Elberton, Ga.                 The ChatUnooga       played th* Elberton Granite City Nine Wednesday. July 27th. John C. Alexander pitched a real good gamo with the winning scores, 4-1 in favor of Elbcrfon. Mcsdaiws Hattfe Mclntoah. Matilda Heiird and Misses Clara ana Matilda Melntosh motored to Mnrtln Grove Sunday and to Hill's Chapel Monday. Rev. D. C. Bell of Washington, Ga and Mr. and Mrs: Rich Blackwell of the city were the guests of Mr. and Mrs. Geo. Bowman Sun8Rcv. and Mrs. M. J. Jnckson Hft Tccsdny for Augusta, Loulsvlllu Statcsboro and Savannah. Mrs Cnrrlc Wilson    on tlic sick list. Wo hope  he will soon recover. NOTICE All  bills  be pn d up by (he end  f the week or you wll not get a paper the next week.</t>
  </si>
  <si>
    <t>                                           ARE TO FLOWERS these three fine Black and White Beauty Creams are to your complexion. Just as sunshine and rain cause  flowers to grow and blossom into all their glorious beauty, so will these high quality, economically priced creams  brilliant beauty and charm into your complexion. Use Black and White Peroxide Cream and keep your skin ^SeHES? from becoming coarsened and  by Winds and JbC^^^I!^ Weather. It contains just the right amount of peroxide to /   ^~i Wl keep your complexion fair and light. Holds on face powder VCn*T5fl  longer. Large jar Black and White Peroxide Cream, 2Jc VM^^^WM ^^^. And the best way to cleanse your skin is through ^WSWWsfjNoJNV. the regular use of Genuine Black and White             ^r i?/Ni "iR Cream. This soft, fine cream sinks deep into the    5 S!^^2S^rjl5SJ20y pores, instantly removes all dirt, grime and other im* P^SSgS^" "^J5^?\) purities which cause pimples, bumps and bic pores. *~E^i tfC^SjL Your skin becomes clear, radiant, flawless. Dig can ^^      ^^^ of Black and White Cleansing Cream only 2?c.i ~*^^^^^^^^^^^^^^^^^"T*"^"""'^'  ^T^ i Ilon't let old ape creep up on you and give away your secret g -=^3 P^.'showing wrinkles on your face. Keep young, keen charm* /f i3-^^*: s. Sc, keep attractive by using Black and White Cold Cream. /ffl^aC^B\ This rich, nourishing cream restores precious oils to the skin, //Ko^v^qT, runs away wrinkles, keeps your skin youthfully soft, firm, beau- l/.un\ ,-     $\v Uful. Big jar of genuine Black and White Cold Cream only 25c. y$^~JEmlffiW  BEAUTY CREAMS</t>
  </si>
  <si>
    <t>                                           Anyone Can ? Have a Lighter Skin When akin is satiny, soft and light. then smiles beguile and your beauty is charming. Dr. Fred Palmer's Skin 1 Whitener Ointment softens and lightens the darkest skin, clears up pimples, blotches and tan marks, and does away with that "oily, shiny" look. Use this preparation regularly to make your skin soft, delicate and 1 charming. This amazing Ointment is made In the famous Dr. Fred Palmer's Laboratories where are also made those o ther beauty aids you know so well: Dr. Fred Palmer's Skin Whitener Soap, Skin Whttener Face Powder, Hair Dresser and Hid Deodorant, which may be had at all drug stores for 25 cents each or will be nent postpaid upon receipt of price. Dr. Fred Palmer's Laboratories, Dcpt. D. Atlanta, Oa. Send 4c in stamps for trial sample of Skin Whitener, Soap and Face          DR.. FRED PALMERlS SfwflUfutener 'KEEPS YOUR COMPLEXION YOUTHFUL*</t>
  </si>
  <si>
    <t>                                           LIBRARY                 DR. HOPE IS PRAISED BY mm                 Laud A. U. Prexy as a Great Credit i to His Race                 JOHNSON TALKS                 Praising the work of Dr. John Hope. ;is president of Atlanta university United States Senator Frederic C. Wulcott, speaking at the dedicatory exercises of the new Atlanta university library Saturday declared that "a few hundred Booker T. Washington."., Robert R.                 -, John Hopes in each generation would completely elevate the Negro race and solve most of its problem*. It is this which Atlanta University offers under the inspired leadership of Dr. Hope." Due to inclement weather, the' exercises which had been scheduled to be held out of doors, were held Instead in Sisters  Spelman college. "The time haa come when one may speak- plainly -in advocating training for Negroes as leaders, as thinkers, as workers for the great mass of this group, who, otherwise would receive little Or no training. Then; is great need, for example, more physicians ,-tnd nurses. Manycountries in the sections where tho colored population, is the most dense have not a single colored Continued on Page S, Col. 3                 DrT Hope (Continued Crom Tajjc One) physician, dentist ur muse." lie . "The influence of the library will not be confined even lo the boundaries of the  s sphere Geographically centrally located, it will be a groat boon to other schools and colleges In the south. It will shed now iight upon our  problems and help . to solve them." Preceding nix , Sena lor Walcolt paid high tribute lo the singing of lhc Morchouse-Spelman chorus nnd the Moiehousc Glee club under Hie direction of Prof. Kempcr Harreld. He declared Unit it alone was worth hi:~ trip lo the Southland. In accepting the library building on behalf of the Board of Trustees of Atlanta University. Dean Sage, of New York City, the president, characterized the new building as the ''heart of a great institution of cultural learning.' i "I envision this building as the I  of a great Institution of cul- tural learning." he said "the abiding home of that freedom of thought which denies prejudice, prompts the search for wisdom, and fights an eternal battle against the  of ignorance and the deadness of materialism: nn institution that shall "give to America leadership measured in terms oC men and women of the Negro race, a leadership fully competent, because of .the -education here received to match with the leadership of the white nice for thc solution of those problems which thc oneness of our country makes common to both." As spokesman of his race James Weldon Johnson, graduate of Atlanta University nnd professor of English nl Fisk University, praised the movement to crca.tc in the city of Atlanta a great university for the Negro people.* Dr. Johnson recalled thc time when    a student at Atlanta University, the hills occupied now by the campuses of Morehouac and I Spelman Colleges were ridged by I Confederate r?-und occupied I by barracks. At ..that, time, hE said. I It would scarcely  entered Hie i mind of a prophet that in a comparatively brief span of years   on these hilltops would unite a-jd converge to form a greater 'school, University in  ns well as in name. "But the dream wan born, an d is being rapidly realized." lie said "We r.cc taking tangible form, a real University, in thc heart of thc                 Smith, with doors open to those who arc elsewhere denied. A            placing education, training scholarship, science, i,rt, culture and all the principles by which life in the highest may b0 attained and lived, within the possible reach or those who most need them, those to whom they have been most inaccessible. A university that will be a center from which will radiate forces that will help to redeem this entire section from Ignorance, superstition, bigotry. unreasoning prejudice, and brutal intolerance A university that will have a distinctive  upon the development of our whole civilization." Following the exercises the new building was formally thrown open In the .'. and hundreds of students, alumni of in,. Atlanta institutions nf higher learning. Atlanta  and visitors from afar visited the commodious building.</t>
  </si>
  <si>
    <t>                                           Praising the work of Dr. John Hope. as president of Atlanta university United States Senator Frederic C. Walcott, speaking at the dedicatory exercises of the new Atlanta university library Saturday declared that "a few hundred Booker T. Washingtons, Robert R.</t>
  </si>
  <si>
    <t>                                           GREENSBORO, N. C., July 27-- (ANP)--N. C. Newbold, Rockefeller representative and director of the Division of Negro Education in North Carolina, sponsored the observance of Race Relations Day in the Dudley Memorial Auditorium of A. and T. college here last...</t>
  </si>
  <si>
    <t>                                           Warns Hubby But He Goes Into Ambush                 Lying in ambush, Robert Webb. 48 Mayson avenue, shot and wounded Benny Smith, 44 Mayson avenue. In the left leg and slightly wounded another neighbor, little sevon year old Annie Stone, .in- the neck, about six o clock Wednesday night.' A grudge in blamed for the                 affair. "I sent my little girl to warn her daddy that he was waiting for. him with a. gun and had been waiting .since three o clock,'' Mrs. Smith told a World reporter tills morning us her husband s leg was being operated upon at the Grady hospital. "evidently he thought nothing of the warning, considering It all a joke, as he came .straight on home. "When I heard the first shot. I and my cousin ran out side and tussled with him, taking the shot gun away from him. He got uway from us." "The trouble started." she continued, "Sunday night when he : my husband, who Is the father of four children, of going with his wife. There's nothing at all to it and all that Mr. Webb has been doing is listening to the Idle talk of other people. My husband knew that there was nothing between Mrs. Webb and himself and that Is the reason that he probably disregarded my plea for him ot bo careful as he came home or go some other way." Mr. Smith's left leg was fractured by the shotgun discharge. A few of tiie stray shot hit the little Stone girl, who lives at the corner, (if Mason and Hardie, in tho ne6k. The youngster was dismissed from the hospital after treatment. Officers Ethoridge and Donehoo wore Hent out in the radio car but Webb had disappeared. It is not  yet that the wounded man s leg will have to be amputated.</t>
  </si>
  <si>
    <t>                                           Lying in ambush, Robert Webb, 48 Mayson avenue, shot and wounded Benny Smith, 44 Mayson avenue. In the left leg and slightly wounded another neighbor, little seven year old Annie Stone, in the neck, about six o'clock Wednesday night. A grudge is blamed for the...</t>
  </si>
  <si>
    <t>                                           Seeks Olympic Javelin Honor                 Phis unusually fine action photo shows Elsie Sherman, New Jersey  throwing champion and winner of second place in the 1931 national championships, after she made a practice cast during a workout it Wccquahic Park, Newark, N. J, Miss Sherman is training for the Olympics tryouts, which arc to be held at Chicago. A number of entrants from the Newark Women's Athletic Club will make the trip to the Windy City.'</t>
  </si>
  <si>
    <t>                                           A free flying exhibition that should should be of interest to all Atlantans will be held this afternoon from noon until 5 o'clock at Dodds field when the two flying fools, Charles E. James, and Alexander Nelson will give an exhibition in their brand new biplane.</t>
  </si>
  <si>
    <t>                                           Night and Morning to keep them Clean, Clear and Hcmlthy Write for Free "Eye Core" or "Eye Btauty" Book M=     -,    .D.S_9E.OhioSl,Cb'ic~~. 'YfTTTTTrTTTTTTTTTTTT T r  This Ad Good for 10c on;  Any Shoe Repair Work        Cleaning. SUTTON S custom shoe REBUILDERS i I' Hal Clcanins (Odorloii) ^Lxdiei* Men's Soles Sowed or' 'Vulcanized on (Nona Nailed)) 11 Edsewood at S Point!  la. 4268 Downtown Delivery</t>
  </si>
  <si>
    <t>                                           Read Every Issue f The World</t>
  </si>
  <si>
    <t>                                           TIM TYLER S LUCK Three Is a Crowd By Lym Young                 "TELLING TOMMY" ~'By' Pirn</t>
  </si>
  <si>
    <t>                                           Smart Fashions I Smart Women THE NEW BOLERO FROCK Simplified -il Instructions for rutting : sewing are  with each pattern. They (,'lvc, complete direction* for making Ijfme dresses. Paris sponsors     Bolero Frock for Spring. And, this charming frock, 177, 1m indeed a graceful  of the mode,- with its bell jacket, tapering nw-ra, and trim, pointed cuffs. A most stunning  fiL ct la achieved by the use of contrasting material swathing the hips ami coming to a point in th-j front just bi- the . ParJp8 J  iic\ note the slenderizing lines, iho snug fitting sleeve tind the general air of-  this  possesses. Hero is n frock that can be  worn for many daytime occasions. Designed i in sizes 14. 1C. 36. 38, 40. 42 and 44. Size 36 requires S and five eighths" yards of 36-Inch fabric, or 3','j yards of 39-inch fabric with three fourths yard contrasting. Tci (,'et a pattern- of this model si nd FIFTEEN CENTS (15c) in coins. Phase write very plainly your NAME and ADDRESS and SIZE of each pattern ordered. Our new fashion magazine with color supplement and Paris stylo news is now available at ten cents when ordered with a pattern and fifteen cets when ordered separately.  DEPAnTMENT Syndicate Southern Newspaper 210 AUBURN AVE., N. E. ATLANTA, GA.</t>
  </si>
  <si>
    <t>                                           TODAY ,~    1~\ Mfi ILLEGAL K.V (n Hio lire of Dil*  I'or you rn    * V*""^^; liai1 'Jef^d tbe Inw for %  Now, with thn '~j# tt '   * of lit* Iovp'1 onp nt Ji iff 9 "t(lkc      wn" ^AUtSIlT! I /^X RICHARD ALIAS THE DO CT R JI A K I A n"",M AKSn OPEN 11 .'a. m. A KEITH S Georgia Thons WAlnut 0310 Money! Money! CASH MONEY!! BUY Auto Accessories ,AT.,,THE, GOLDEN EAGLE STORES  "WORLD VOTES YOUR CHURCH-MAY WlN-A-</t>
  </si>
  <si>
    <t>                                           so c I e x y I! a pAdi F FfTR Vy /jA F KJ- II FASH; y ^H-~LJ BEULAH MITCHELL HILL/ EDITOR. K1-'^-.'..";.^-' .?sf^~j</t>
  </si>
  <si>
    <t>                                           '.                     FT  T t   y t t y , ""i.'ii.TTa: I ^KJT The Atlanta Daily World is your own newspaper, printed just for you,  The Daily World has a staff of GO ^ doing every kind of job a g^K ..'~.~vV'-^S '~V''/~.:'i--- with news about you, and with your interests, at heart. Only in Hfc H B-i-n* daily necessitates. Only on a paper published by Negroes for Negroes H n g^  m B ~%'~~?~~! I  I columns ma v vou expect to Hud those facts which would never be told uv D B \j%l B could this happen. The World is not only published for you but it is also g ,B ^Jm H MS*; 1 UU1 any. but a Ne^ro newspaper. V^ TT II published by the Negro- .;i A JL^"^***^^!! ~\......~.......A...... ..il ...~..~ll.ll..l .. iji</t>
  </si>
  <si>
    <t>                                           iji Hail! Gala Southern Premiere BIB THE PICTURE TERRIFIC!. IB 1 H Tremendous! Breath-Taking!     IE\   ! In  I AJOnlTnlormantl  v:~; IIMtr        mot i I</t>
  </si>
  <si>
    <t>                                           ^SPECIAL FOR FRIDAY AND SATURDAY ^GwfSWff      stores j^z  Are Smashed Wesson Oil 17  Rosedale Sliced Pineapple NO. 2^ 4 C%C CAN Jy ^7 Quaker Maid Pork Beans ^9 CANS mKM^f     Pure Grapejuice plNT BOTTLE J^ \J 1 fj Sunnyf ield Plain or Self-Rising Flour 24-LB. (      BAG ^gP ^7</t>
  </si>
  <si>
    <t>                                           In Your Cltjr to Do Good for the i  MADAM VS8 WHARTON ^~  9b *       and Clairr*j-Ant  hM  in .     \  H'l'l-M )tc' divorce: Mow Iwv^l '"Ith  "^V'**"^ K/ln^^fl ha.i no  1. few are no  L/ V       ). One visit     a ^^.'1  occult KknUnl 4^^^LAwIU      Ten for rain?  .           for      and Colored SPECIAL READINGS- 50c 1613 BowcU Hill RmJ. AlUnti.   . Marietta Dowell Mill C.i^-Swond ...~se 8t,~4.~.iira ^iup</t>
  </si>
  <si>
    <t>                                           Up From Georgia With My Banjo By Thomas Jefferson Flanagan THE SUNNY SOUL OF MART EVERY DAY my heartstring plays, The sunny soul of Mary; the  chorister sway* "The-, sunny soul of Mary; 'CBaskin' in the Maytide bliss Mps too sweet to bear a kiss, "Oh what wondrous  is this!" The. sunny soul of Mary. I .What, strange candle glow has lit The sunny soul of Mary? J The Stardust glares before it Hit The sunny soul of Mary; Like the southern noon-day s  Callln' sweethearts far from home Blest calms life s 1 foam The sunny soul of Mary. time s treasures, sweet for mo, The sunny soul of Mary It lights my favorite tent, the tree The sunny soul of Mary: 3" in the Maytide bliss Lips just all too sweet to kiss, "Oh what wondrous love is this!" The sunny soul of Mary.</t>
  </si>
  <si>
    <t>                                           1 ROOFING PAINT  7 He SEE US! You Can Save Money on All Your Building Material! FULTON LIME and CEMENT CO. S43 EDGEWOOD AVE., N. E. JA. 47SO- MA. 3181 HfisSfi^Ti *~e* Me Cure You! HuPPmhi^ DON'T DELAY! CALL AT ONCE! I BBB^^q^Kl For 23 yf"" h"Ve h"n CUniN(' *TMr   JuHB3mb9^Bs  who l your trouble la, i o maM*^ h*~w   .  Ufljp3             jour  may bf, I urge rnu     ind f** 4 Kifl^            is Terr -*1 in . 4 k                     No           !~ or  ^nK. All HI- BR^3WE^  ^            )  my pure n stare * with ah- 4 P KftrS^^^^TffiQ ; " In *- cue. $    9     hale on  call or write im^M DR.T.Y. YOUNG DB T r . WITH THR OR1F.NTAI- HERD CO. J f CnTNESE DETtnS AND HERBAL COMPOUND     * A Cure for Kverj DUruw of the Ilom.n Knij SsnUlUt 132 Edc.-ood    . WA. 2189 AlUnO. r.t. M P IJ YmVi In       Hoora- 7 A. M. lo 9 P. M.</t>
  </si>
  <si>
    <t>                                           AND MEET SUNDAY                 Iln.il rehearsal for the  chorus that will sing at the City Auditorium Suniluy afternoon during the mammoth mass meeting of  I he Sunday Schools ,aml Sunday school workers of Greater Atlanta will be held at ight o clock Friday night at the Butler street Y                 according to an announcement by W. H. Inman, chorister of the Atlanta Sunday School association who will direct the singing. This program, which will    ature a number of tht* outstanding authorities on Sunday school work in this section, will be a i  climax for a large "four point" parade that will get underway at 2:30 Sunday afternoon from four concentration points in as many various parts of the city More than 5.000 Sunday school pupils, teachers, workers, and .'riends are expected to be in the lino of march and the paradors will all        at the auditorium at about the same time the program starting immediately upon their arrival. Of icals are enthusiastic ovi r the outlook for this first big public demonstation that is being sponsored by     Atlanta Sunday school association since its incc- 15 yeas ago. Not only have the city executives promised their willingness to help in making the parade and mass mooting a sure ss but the pastors and leaders of all of flic Sunday schools lire doing their bit to make this big display go over 100 percent. The m  ment of tho Royal and 81 theaters is co- by flashing announcements of the event on the screen at all of tin- performances As far as can be learned, the idea ot .staging a parade of Sunday school workers and  from th'- four corners of the city is something  on Fage 2, Col. 4                 S. S. Parade (Continued From rage 1) quo in the hi t-'ry   f religious undertakings. Two ham s have been  d to head Hvn  units and it is believed thai the other two' musical aggregations \v 11 be secur- 1 etl by the end ~.f ih week. Reprc-  from the Ens! Point. I Hapeville, and Cnllece Park Sunday schools will he  d to the auditorium in trucks. Points in the city at v.-imh the marchers 'will assemble f'~ r.tRT t i the procession to the am! t^^~uln are Nortliside. Bctilali Rapiisl church: Enstside. Ebmczor : Snuthside I Allen Temple; and Wc.. Friendship Baptist church. The n. -operation of every pap m, to:icht?r. and worker. Is urged to make mis demonstration to stimulate interest rn Sunoay school work, oil" thai will attract the  of the nation to what the Gnte City is doing along religious lines. An interesting pro- gram has been plann'-l for thr au- i  meeting which Mayor' Kryes has approved the parade.</t>
  </si>
  <si>
    <t>                                           The final rehearsal for the huge chorus that will sing at the City Auditorium Sunday afternoon during the mammoth mass meeting of the Sunday Schools and Sunday school workers of Greater Atlanta will be held at Eight o'clock Friday night at the Butler street Y...</t>
  </si>
  <si>
    <t>                                           Mrs. J.I. Butler made a most fascinating hostess on Tuesday afternoon at 5 o'clock when she threw open the portals of her spacious and artistically decorated residence at 95 Hogue, in honor of the faculty of Howard Evening School and a few close friends.</t>
  </si>
  <si>
    <t>                                           Pair of Flannels or Regular Trousers Schwob's Free Pants Sale Ends Monday, August 1st Hollywood's Youngest Bachelor Says: -jbl ^^y^^^v^v^T^'^^ their high favor on the same Schwobill Suits JS^^^^Hi that arc offered lo you in this unusual FREE /JPSl^S^^tt^M^^BnBBf^^^fc ^^^^^^^y^^^^^^^. trousers pale. It's the talk of the South! Just P^Sntm^mW^^^^^^JmBl^^A. ^^^^^^^^^^^^^^fi^^^ think, a pair of trousers is given absolutely free mmmmm^m^^I^^^B^^^ ^HL^l    d?$ck ^P ^^HP  l;i Iorc(!-Io- suit. In addition, we ^^~,  ^^^^^BBB[^    ^HsP^ H  ^^Psl 11l *irc rct  prices on all Rcady-to-Wear suits ^Silin^RflBBiH HHShH^^^^^^^H^R "^ ^~7 ^ill/^     ^ilf during this sale. The same smart Rciidy-to- J!~B!$^^FwGKiiimi^B^^^^^^^^^^m ~^~            ^ffp^""!~iisp' Wear suits you have been seeing in our windows      ^r mS^GHE^^H^^^BhI^^B "*            Wii? ~^^^^c lcf~''0'^'    -^ nrc                   SI 2.95 and the $17.95 suits          ^S^^^^^^^B^^^^V ^P^ REDUCED arc selling at $14.95. Special prices on Hot          A^Bh? ^^^B^^BKB ~^^^^M W ~$      from Wenllicr clothes also prevail $6.95 and S9.95.    ^^^m jBP^P^ ^I^^^~^^BH I low BUY NOW! In fact, you will have to be- - ,i'l^^^^^8 uv^^^^Hj V JL. ^MK BMH Sk ('lc Sa'c' "  qcr8 will cost plenty. Now      tt' t^^t^^^' 1 W^^^I^^H I y kj i^^ II EniL -vou gci        Sclcci a     mcet Hv liJ  Mtl,''w^^MiH^^   ' JI^Hl^H 7 ^^^^kk. V^   "r ta8lc*  SUIt wi" I)C tailored lo your hB f4  ?^^~  ^^^^'4ra^Mi^^H j *  ^^^^^ m +^3 own 'n(l v l'"n' , guaranteed to fit ^^bB    , ^^!J^^^^^^^HIbP' f^wf^Si^^^H I y1 and with FREE extra pants. Or, if you wish, ~^H !-W           ^^^^^^^           ^^^W 1 V J Reduced Prices soled your suit from our comprehensive stock Arthur Lake, famous Hollywood star, i, i ^fe0T  n-c* of Rcady-to-Wear clothes at prices greatly re- shown here in the Schumb sport ensemble HOT WEATHER . And do it today. This sale positively  he is wearing in his latest appear- Ji CLOTHES X closes Mondpv, August 1st. . You will recall Arthur Isike as tha W^. /L.JL. a a A^^( young comedian  rose to stardom ap- ^V%^^    ^^ pearing with Gloria Swaitton in"" 77?e SCHWOB Co. I        w c^ 177 MUche11' .s- ,    (Athens Macon Savannah West Point LaGrange Valdosta Rome Columbus AlJ^  T^~</t>
  </si>
  <si>
    <t>                                           JACKSON, Mich, July 30--(dist&gt;ANP)--On next Monday, August 1, there will be held at the Fair Grounds in the ety of Jackson, an Emancipation Day program that will prove to be not only a gigantic celebration of the famous day but one that really will bring...</t>
  </si>
  <si>
    <t>                                           ' News of Your Home Town gT" FLORIDA CHICAGO, ILL</t>
  </si>
  <si>
    <t>                                           TIE MAKES  TO POLICE                 "Cleaned Out" Store in Long Series of Burglaries                 NAMES PARTNER                 A series of burglaries which have mystified police on the north side for sometime were solved Friday with the c. .and confession of Jessie Green. Green was arrested by Detectives G. T. Caldwell and J. C. Simmons' at his home in the  of Charles nnd Barnett streets.                 Green** partner In crime, Arthur Shelton was also arrested at the Charles street address. Shelton, however lias made no signed statement Green shortly after his arrest indicated of his own  rcc will that he was ready to make a statement of his participation in a. string of, burglaries that have terrorized the; whole north side. In one robbery, according to Green's statement, he Morally cleaned out a store belonging to George Stephens and located at 299 Irwln street Green told police that he, accompanied by Leon Wright burglarized thn store on April 29 shortly after it closed. Ho said Wright broke in the store and that ho did the stealing. The lout, which practically 'cleaned out the shelves of thc place, a small barbecue stand, included a radio receiving set. loud speaker, dears, KURiir. eggs, and a half bushel of meal. All was loaded in a Cadillac automobile, which police believe was stolen, and hauled lo an empty Continued on Page 2, Col 8                 Thug Makes I (Continued From Pago 1) bouse on Houston street near Iivin. Green said. Here they divided tlie spoils. Green's entry into Hie burglary Wmlness, according to hi* statement, yun throe weeks ago with the Ml'mg of Uie SpilleiVi delicatessen,  Ponce dc Leon. Hc was aided in this first job by Leon Wright, nibs Blcvins, he said. Hauled  In the Cadillac wore huge quantities or cigarettes, cigars, canned goods, chewing tobacco, .chewing Rum, handkerchiefs, cocoanut candy bars, and canned corn and cherries. Green was twice foiled in his plans tu rob the Gull filling station ;i, th(. corner of Gicnn Iris  and Forced, avenue on May 4. The first time,   to enter :. up a window, he told, police, a lady came down and ;~ mi a light. IJe fled.  ~~!cr.-he decided not- Ki enter the station when ho perceived the Jirhts were  mi. AbanduniiiK Ills  to enter. the; Foresi avenue station. Greeny., said, on the Mime night May 4. he was successful In cnti ring the Spiller's field filling station. His loot on that night Included $7 In cash and a black slip-over  trimmed with orange. His final burglary before he was nabbed Friday, according tu' his statement, was committed shortly  12 midnight Thursday when lie accompanied by Arthur Shcllon entered a  station at Parkway drive and 7Ilgliland avenue. After finding im money in the cash . he told police, that Ihey - the cn.th box off a pay telephone in the place and escaped with  $G in nickels.</t>
  </si>
  <si>
    <t>                                           A series of burglaries which have mystified police on the north side for sometime were solved Friday with the capture and confession of Jessie Green. Green was arrested by Detectives G. T. Caldwell and J. C. Simmons at his home in the near of Charles and Barnett streets.</t>
  </si>
  <si>
    <t>                                           I am 17 years old and a senior in high school. I am very much in love with a nice young man, a senior in M. B. U. I loved him dearly. He would come to my home every Sunday night and once during the week.</t>
  </si>
  <si>
    <t>                                           WOULD YOU REFUSE? A family fortune if it were youn but tor the - Well, In a  smaller manner you are dolly refusing rent  by neglecting Hie WANT AD medium- Call WAlntft 1459.</t>
  </si>
  <si>
    <t>                                           [Funeral Notices                 THOMAS- The funeral ol Mr.. Jim Thomns will be held this afternoon al 2 o clock from our chapel. Interment. Lincoln cemetery. R. C. Tompkins. - The funeral of Mi\ i Frank Hlesman will be  this jfe) (Wednesday) afternoon at 2 o W*. clock from Salom Baptist church. Rev. Wiley will officiate. Interment Lincoln cemetery. Murdaiigh Bros. CLARKE The friends and relatives of Mr. and    . William B. Clarke, of Washington. D. C; Mrs. Elitoboth Clarke, Mr. George Clarke of ChlcORo, 111.; Mr. GeorKe Watson. Mr. Bulso Watwin, both of BlrmiiiHlinm. Ala.; Mi's. Susie Clarke, of SI. Louis, Mo., and Dr. and Mtb. D. R. Fobba ai e Invited to attend the funeral of Mr. William B. Clarke this (Wednesday) afternoon nt 2 o clock from  iur chapel. Dr. Waymotid J. Johnson, assisted by Rev. W. D. WiRK". will officiate. Interment South View cemetery. David T. Howard Co.</t>
  </si>
  <si>
    <t>                                           KANSAS CITY, Kan., July 29--(ANP)--A political plot was un earthed here Wednesday when the case of Scott Barrett, 335 Everett avenue, was called before Judge C. A. Miller in the Fourth Division of District court of Wyandotte county.</t>
  </si>
  <si>
    <t>                                           Free Fight Lands One In Jail                 A general freo for all fight at 582 Rear Pulliani street around 11 o clock Wednesday night is expected to end up In a number of arrests.                 Quite a few persons were present at the place enjoying themselves when, according to Hufus Cudgar, who lives there, Thomas Walton, rear 586 Pulliam street, came to his home asking for his wile. In the  that followed. Cudgar was stabbed in the right j hand by Walton. Cudgar stated] that he was cut with a very dull i butch r knife. Several stitches I Continued on     2, Col. 6                 Free Fight Continued from Page were taken to sew up tho small triangular gash. Walton, "whom it is. believed was also cut, managed to escape. Cud-gar     arrested .and locked up on charges of disorderly conduct and stabbing another by Officers Manardj and Mosely who answered calls to come and quell the . It is thought that, several j others were also hurt in the scramble. The officers reported that they could not locale Walton whom, it is said, -was. badly cut.</t>
  </si>
  <si>
    <t>                                           A general free for all fight at 582 Rear Pulliam street around 11 o'clock Wednesday night is expected to end up in a number of arrests.</t>
  </si>
  <si>
    <t>                                           Let Me Cure You! DONT DEL ATI CAM. AT ONCE! For 13 ream I hare bnn CURING   hero la AtlanU  of them I No mailer what  trouble, li, no  how  jour   bt, I itn jou to call and IM at one*. Treatment it Terr  In . No dan^  or Mirilcal . All dl  treated  mr pma   with *  III  . BALE t)R FEMALE CALL OR       DR. T. Y. YOUNG WITH TOE ORIENTAL HERB CO. -"V J^nwr^n CHINESE  AND' HERBAL COMPOUND</t>
  </si>
  <si>
    <t>                                           TIM TYLER S LUCK Happy Landing ~~^r Lym Young                 "TELLING TOMMY"- f.</t>
  </si>
  <si>
    <t>                                           Funeral Notices and Obituaries i^ik Your Funeral Director To "I Have Them Published On The FRONTPAGE Of The Atlanta    ''~ Onlr       Daily" Daily World y^"',"s</t>
  </si>
  <si>
    <t>                                           ^^M Him A BARGAIN FOR YOU Join the vast Radio Audience of the earth listen to the big air favorites keep abreast the times buy a Radio! See the Radio on display at Yates and Milton's Drug Store It's a combination Radios Clock and Book Rack, and is your for $40cash- or $50 on terms. i</t>
  </si>
  <si>
    <t>                                           Into two classes must bo divided the individuals who suffer from excessive ski nmoisture and odors, those slackers who do not keep keeps the skin surface at normal temperature. Under the stress of extreme heat or vigorous exercise, beads of sweat appear. All the...</t>
  </si>
  <si>
    <t>                                           MEMPHIS, Tenn., May 5-- More than 600 people have signed pledges to spend their money with Memphis firms that advertise in. The Memphis World. These include people in all walks of life. When the number reaches 1000, which is exxpected by Monday of...</t>
  </si>
  <si>
    <t>                                           Before going on to a discussion of lobar pneumonia, let us consider a few of the disturbing symptoms often seen in broncho-pneumonia.</t>
  </si>
  <si>
    <t>                                           The New York Age has Its own reporter on the radio in the person of Vere E. Johns, who broadcasts over WOV each Tuesday at 4:30. Mr. Johns is radio editor of The Age.</t>
  </si>
  <si>
    <t>                                           The crowd boned him as he jumped into the ring to substitute for Esau Tex O'Guin. 145 pounds. who made such a miserable showing in the first round of St. Raymond's feature bout that he was chased two minutes after he pared the ropes.</t>
  </si>
  <si>
    <t>                                           A gun and a razor Friday and a M knife Saturday added three more lives to Atlanta's toll of murder victims and as a  the figure jumped to 54. Is 'there no way to curb the killers and make Atlanta a more decent city in which to live?</t>
  </si>
  <si>
    <t>                                           DEACON JONE3                 By L F. HeynoldJ                 After tho collection  .BroihortflS Marled to  I AM GOING TO:-/! LAY DOWN  DOWNyi: BY THE RIVERSIDE." BrotlMP/^ Bell said quietly.' Brother*,           down all you  on .    ; table ~\~r"l;-^;^sp^</t>
  </si>
  <si>
    <t>                                           Anyone Can Now Have a Lighter Skin When skin is satiny, soft a ml light. then smiles  al your beauty is charming. IT. IVed I'm liner s Skin Whitener Ointment softens anil lightens the darkest skin, clears up pimples, blotches ami tan marks, and doe.s away with  "oily, shiny" look. ITse this preparation  to make your skin soft. (]i-   -ate and . This amazing Ointment is made in the faini.uw Ur. l-'red Palmer's I--s where are also made those other ln-auty aids you know so well: Dr. Kn-d Palmer's Skin Whitenrr Soap. Skin Whitener I'"ace Powder. Hair l)res.-ir and Hid I). which may be had at all drug stores for 2"~  each or will Iw sent postpaid upon receipt of price. Dr. Kred Palmer's I-. Dept. D. Atlanta. On. Send 4c in  for trial sample of Skin Whitener, Soap and Face I'mcder. DR. FRED PALMER S     / 'KEEPS YOUR COMPLEXION YOUTHFUL*</t>
  </si>
  <si>
    <t>                                           MESCAL TKE Oh Well, Better Late Than Never                 p1?=:===^;^^=^ The SkuH Mystery byS^VAN. DINE:                 -t^^tT^ The Reception Committee 7 by LYM YOUNG</t>
  </si>
  <si>
    <t>                                           My dear friend this is a letter from the three Boys by the Name of Richard Sims age 16 Richard Morris age 17 Moses White age 17 and are asking you all to put this in the paper for us please for the Boys. That is our age. And under our age and over our age Now Boys. We hope this is a lesson for you all we...</t>
  </si>
  <si>
    <t>                                           '-'ONL.V  DAIl?tf NIWSPAPErX IN THE WORLD   :   Editor mat PuMlihM  HUrOmll      Muvla* Wit" i/"*'  OF  c AB80 NEGRO PRX88 ^IH  .Mama  lor  Buuacrltt -*t Uu "8HE) .T AT ilt AUBURN    .r K. K. :        145* Ml Kit   a^~ nm^iia satUr tht port f9    l JkUuti. G*.,    i Ik* act  f March S. ADVERTiarNR REPRESENTATIVE W. B. 2IFP CO. CU-~*o. Nnr York.     AxfdN '-'ONL.V  DAIl?tf NIWSPAPErX IN THE WORLD   :   Editor mat PuMlihM  HUrOmll      Muvla* Wit" i/"*'  OF  c AB80 NEGRO PRX88 ^IH  .Mama  lor  Buuacrltt -*t Uu "8HE) .T AT ilt AUBURN    .r K. K. :        145* Ml Kit   a^~ nm^iia satUr tht port f9    l JkUuti. G*.,    i Ik* act  f March S. ADVERTiarNR REPRESENTATIVE W. B. 2IFP CO. CU-~*o. Nnr York.     AxfdN</t>
  </si>
  <si>
    <t>                                           Two men, John Chesley and Thomas Jefferson. both of whom re- side at 599 Terry street have been arrested in connection with the brutal attack upon Will Jefferson, night watchman at the plant of the Buckeye Cotton. Oil company, early Saturday; morning. Police; are...</t>
  </si>
  <si>
    <t>                                           CLEVELAND, Ohio, May 11--(ANP) -- The income of the financial department of the A. M. E. church showed something of a shrinkage during the past four years according to Secretary John R. Hawkins. Nearly a million and one half dollars were paid during...</t>
  </si>
  <si>
    <t>                                           ArrSTB To  fll LU KY MCill ~"'      . '.Vrltc r.'  . W*.JO Cu.,       -551 Cottage Grove Ave. Chicago, 111. "Feel MM Like ] i New" fe3.S6    "Aaonr t h r e (7   c ''his] years ago, I fcj.J??*Bfc, *\-?W found I needed ^   -wJj 'a good Iaxatire ^S^W^^ v I  wako I^WS^?' up in the morn- w^j^^s?^'! ings feeling bo { ^~t i T4 tired I did not    *~'    } feel equal to the i da/s vork in my home. I woul^ j; have a bad taste in my mouth, ant. feel so dull and stupid. I thought I It: must be from constipation. I J read About Black-Draught and  to try it have never  doing bo, for it  me Telief and I felt better, after UBiDg It. I have used it at Intervals ever since, and have found it very satisfactory. Just yesterday I felt so tired and dull, I took a  of Black-Draught, and this morning C I feel like new." if rs. C. Lcc I'- ffi^--^ Davia, Andereon, 8. C. i EBtk Mado from the leaves and   ^ BHaBk.  of medicinal plants MWIHlBRSt*' free from  UruKa. I ^ al rTK Store*.</t>
  </si>
  <si>
    <t>                                           LOCAL                  Friday  possibly Saturday. Lowest temperature,, pist 24 ''hours. G8; highest, 87; average, 78. C. F. von Herrmann, Meteorologist,7 Weather Bureau.</t>
  </si>
  <si>
    <t>                                           ;{~         DONT DR1.AYI CAM, AT !            !*, i m,'- r T *"!   CURING people  G^i^Ma' In Atlanta  of them I feTO WaBKHJ- Nom. what   I,, no matter how Mrlooa      *a^*-   r       ? may be. I urse rou to coll and ire. me at one*.  Treatment   in .  KWH1 No       or  operation!. All ill lgg*SH5~}KBfc;v,        treated with rar piro n.lurc       - with  ' r'*   * in   cane. ^t^^^a  OR  CALL OR  J^^m DR. .T.Y. YOUNG  ^S WITH THI5 ORtRNTAI, ITEnn-CO. B^r^Vrfii^. .CIWraF "GRUB  ) CHEAP EXCURSION FRIDAY, MftY 13th I S7i50 Roond Trip: Atlanta to New Orleans, La. S7.50 Alio ^Mobile. Ala. $7.00 and Pensacola, Fin. $7.00 Roand-trip. Alto greatly reduced Round-trip Pullman Excuriion. Farei lo NewOrleana' and Mobile. Ample day coach equipment will bo .provided. Ticket! sold for trains leaving 'Atlanta' at 6:10 A.M.' and-4:30 P.-M.-T-Friday, May 13th. Return'ng, tickets good IcnvinRNcw Orlcnn* lait train 5:00 P. M.; Mobile 9:04 P. M.; i and.Pcnsacoin 9:20 P. M., Sunday, May 15th. 'Don't fail to take 'advantage of   low :ion fares. Sleepinc car reservations should.be made, at once. 1 -V J f-j i i' THE WEST POINT ROUTE j</t>
  </si>
  <si>
    <t>                                           Extensive plans will be carried out this week by local members of the Alpha Phi Alpha fraternity in connection with tho national observance of the thirtenth annual Go to High School go to College Week. "Help Dispel the Fog of Uncertninity! Get an Education!</t>
  </si>
  <si>
    <t>                                           Y-W LEADER                 MISS MARION  Newly appointed leader in charge of national Y. W..C. A. work among Colored women and girls. Mill Cuthbert whose Home is in Minneapolis is a graduate of the University of Minnesota and is pursuing studies toward a doctor s</t>
  </si>
  <si>
    <t>                                           M(\Vf GRAND Y^~tSS^y      -60-          ADMISSION (COLORED) 50c AFT. OR NITE I BAILEY S "81" THEATRE COM. SUN..MIDNITE AND ALL WEEK JOHN HENDERSON (Formerly of) BROWNSKIN MODELS S5 PEOPLE 35 Accompanied By "THE iSOUT^ERN SfeliENAD'ERS" On Screen v JAMES CAGNEY-in "TAXI"' Sunday -Midnitc, Also Monday and Tuesday A Riot of Action and Thrills</t>
  </si>
  <si>
    <t>                                           L'HUIT ENSEMBLE blazed away with the hottest thing in town at Tiger's Villa recently when eight buoyant debutante of Atlanta society put their lovely heads In a huddle and came forth with an idea that bubbled forth with effervescence of foaming ginger ale and the gayety of a Martinmas celebration Molt It up). It was just before the big trek to Tuskegee that all this 'here" jubilation was punctuated, and, now, with the Tuskegee invasion just a bundle of pleasant memories, that sizzling I Hult Ensemble ringer is as good...</t>
  </si>
  <si>
    <t>                                           [FunerahNotices I                 JONES Mr's. Nora Jones, of 2G3 Vcrnon place, passed away. Fun(r.-il announced later. Huugabrooks and Co.                 TOLES Mr. Johrt W. Toles, a barber, of Fuirburn, Ga., died          at the residence. Funeral will be announced later. David T. Howard and Co. - The funeral of Mrs. Nceley Harmon (aunt of Mrs. Gussle Lane) will be held Thursday morning nt 10 o clock from our chapel, Rev. C. K. Brown, officiating. Interment Granivllle, Ga. R. C. TnmpklnK.  The friends and relatives of Mrs. Naomla Knox are Invited to  her  this (Wednesday) afternoon at 1:39 o clock from Bethlehem Church of God. Rev. K. H. Blirruss officiating. Interment Lincoln Memorial Park. Sellers Bros. HEAD Friends  relatives of Mr. Sam Hcad./Mr. and Mrs. Claude Lester, Mr. and Mrs. Collie Head, Mr. Robert Lester. Miss MurdlH West Brooks, Mrs. Mary West Brooks and Mr. and Mrs. Emanuel Loveless arc Invited to attend the. funeral of Mr. Sam Hc.id Thursday afternoon at 2 o clock at our . Rev. N. T. Walker officiating. Interment Smith View.- Ivey Brothers, . OLIVER The. friends and relatives of Mr. Sunders Allcner Oliver, Mr. and -Mrs. John Summers, of Chicago, 111.:' Mrs. Lizzie Wise Ross and , Mr. and Mrs. Davc SlmmS." Eviinston, III.: Mr. anil Mrs. L'.^Zachnry, Mr. and Mrs. J. S. Spratlln and son,* Mr. and Mrs. Charlie Znchary. of Pittsburgh, Pa., are Invited lo attend the funeral of. Mr. Sanders A. Oliver Thursday at 2:30 p. m. from our chapel, Rev.. D. H. St-in\l ton and others will officiate. InI torment South .View cemetery. Cox Brothers.</t>
  </si>
  <si>
    <t>                                           JONES--Mrs. Nora Jones, of 263 Vernon place, passed away. Funeral announced later. Haugabrooks and Co.</t>
  </si>
  <si>
    <t>                                           Started 24 years ago, much goods work has been done for the underprivileged children of preschool age by the Neighborhood clinic on West Fair street. The clinic, supports by residents of the west side, is the pioneer organization of its kind in Atlanta, and...</t>
  </si>
  <si>
    <t>                                           Spaulding Tells Worl^ Depression Is Lifting                 HEAD STOPS! 1M CITY "1                 Says He Believes! in Young Mein's Jj Future '::i^                 LAUDS 'WORLD'                 An optimistic view relative \a?~i business conditions was taken by'^sf C. C. Spauldlng, president .of';the'~ North Carolina Mutual .--Iniufeihco-S company of Durham. N. C, in an:^ interview with a World' reporter^ today shortly before he left forr Greensboro, N. C. to deliver. a;i3                 commencement address before- the^.** county training school of that ft city. \-...:-M _;;"Buslncss' is improving," '"'MnS! Spaulding said, "my advice to*'* business men is to slop crying and'-$ complaining and strengthen the'-jv things that remain. Most of thls.jg depression wave is brought on  a mental attitude. Stop talking de-i^s  and think prosperity." ;i jp. Mr. Spaulding. known to the.^S business world as "the little Ironva man of insurance" judging the ref;*s cords of his company, has put Jiis^i'i ideas into practical operation." It'r* was revealed  during          ^f three months of 1932, the company ~''$; saved $56,000 more than the. same v^l period last year. The North Carolina'^. Mutual has shown a steady ln-;^ increase in business In ,!_   2g president said. -LJJv Hunts Youth ?%~ :~]$$ A staunch  in young-jnen Mr. Spaulding declared that;orie;of 'jss his main reasons for -.tQ";Xt-:'S! lanta was to find a "competent;:',^ trained young man." ::S "It lsn"t the young Negroes'who^Jr are holding the race. back as many j; old ones would have you ." -J the president asserted, "it s .theso jl same. old ones who lns*nt on - ing their  in the - M bellum vest pocket style.VwKb^are'.^ really doing thu race It's greatest'.    commercial, harm.'* "You look through tho , personnel of the North Oirol).,'i Mutual and you will find college-:;! trained young men. The "-''j; with too many business executives, 3* they don't take ilmo to sit \ .VS and reason with young mcn.-"^-" "But I find with, tho.-'^  young men '.;'.^ push, , and energetic go'-gett-'^i ing ability, arc for the most part^S anxious to make good. .For thai reason we have beon ^our employees from this largo group" of ;i Continued on .Page 8. Col.Tv  f                 PAY VISIT TO GATE CITY                 C. C. Snaulding, (right) president of the North Carolina Mutual insurance company nf Durham, N. C who arrived in Atlanta last night to speak to local agents. He was accompanied by G. W. Cox, (left) national director of agents. Both left Friday morning for Greensboro, N. C, where the "little iron man of the insurance field'*  will deliver a. commencement address to tho county school graduates.                 N.C. Mutual Continued from      1 .trained boys and girls wlio each year after graduation arc faced with the problem of finding employment. Proud of World' ,~ on the Atlanta Daily World. Mr. Spauldlng declared that Negroes not only in this city but ,.all over the nation should : proud of tlie World's bold adventure in the Journalistic field. He said that lie felt sure Atlanta citizens.  have always been progressive, would give the World full support. ~:Mr. Spauldlng who arrived in At.  from Montgomery to addres, .' of thc; Atlanta branch of his                 . uras accompanied by G. i W. Cox. national director of agents. Progress of the company through- out the past fiscal year and comparative figures with the first three I month* of 1932 were made at the mer-TinR which was held in the Atlanta branch offices In the Odd Fellows building. The insurance head left early Friday morning for Greensboro where he Is scheduled to deliver a commencement address  the graduating students of the county school ot ^iat city.</t>
  </si>
  <si>
    <t>                                           An optimistic view relative business conditions was taken by C. C. Spaulding, president of the North Carolina Mutual Insurance company of Durham, N. C., in an interview with a World reporter today shortly before he left for Greensboro, N. C. to deliver a...</t>
  </si>
  <si>
    <t>                                           ShotNfan May Mot Live                 Little hope Is field at Gnidy hospital lor the life of Ed Anderson,    909 Welch street, who late Saturday night was seriously wounded in his right  and arm with shotgun pellets. Anderson named Bowie Stephens ns his assailant, nnd said that lie lived at a Colomtin street address.     reason was given lor the shooting. Ho was admitted to the hospital. TWO C. M. A. STORES TO OPEN IN YONKERS NEW YORK. May 8.- As a result of thb appearance Philip M. Jenkins, the National C. M. A. Stores. Inc., before the Yonkers Citizens Committee for the C. M. A., in Messiah Baptist Church last week.- plans aro being rushed for the opening of two C. M. A. stores there. Samuel Nelson, chairman of the Yonkers committee, presided at the meeting before which Mr. Jenkins spoke in explaining the C, M. A. store operations.</t>
  </si>
  <si>
    <t>                                           Perhaps the greatest golfing exhibition ever staged over a golf course hero will begin Sunday morning when Teddy Crimes, vice president of the Lincoln Country Club and A. D. S. Crosby, professional of the club, will meet Giles Stalmaker and G. W. Hartfield, two noted caddy masters of the Forest Hill Country Club hers in a best ball foursome, for the benefit of charily. The match will consist of 36-holes. A morning round of 18-holes will start at 9 o'clock and the final round will be played at three o'clock in the...</t>
  </si>
  <si>
    <t>                                           $9-00 Round Trip Birmingham $7.00 Round Trip MempMs -r$3.00 Tuscaloosa, Ala. i: $5.00 Meridian, Miss. Saturday, May 14 SOUTHERN RAILWAY Cash Prizes! -ARE OFFERED EACH . TO CHURCHES SHOWING THE LARGEST TOTAL OF TICKETS. Ask for Them When You BUY AT Rogers I</t>
  </si>
  <si>
    <t>                                           May the Best Men Win!</t>
  </si>
  <si>
    <t>                                           Gave its flat anniversary dance Monday, July 18. Young ladies present were Misses Viola and Esther Rawsaw, Florine and Lejewel Barnes, Leila Calloway, Etta M. Farmer. Ella M. Florenre, Mary Hogan. Rosa L. Woods, Liconia Hamilton, Sarah E. Woods...</t>
  </si>
  <si>
    <t>                                           TIM TYLER S LUCK A Guilty Conscience By LymYbting                 VtLLY'S UNCLE                 " TOMMY" "By Pirn                 H AYS ARr/ GONE FOREVER                 DOROTHY DARNIT 'S By'c^McMcmui                 .i .^-~i:,v.- -5c- -\~H V5~'.vm*.~r.lj^.     ..V, ITS rA GREATTTlFEIF^YQir DONT^g^E^g lB^ Jacle jl^</t>
  </si>
  <si>
    <t>                                           Given Art Award in N. Y.                 Wilbert Warren, has been awarded the annual scholarship or the Art Students' League of New York, given by Spelman college, according to an announcement coming from the Art department of that school. Warren, a 1927 graduate of the Industrial high .school .Birmingham, has been studying as a special student under Hale Woodruff, of tho Atlanta university faculty. The scholarship carries with it free tuition in any two classes of the school for the season 1932-33 Irom October to May. Warren      made an average of 96 per cent in the annual art test sponsored by tlie Federal school of Art. Minneapolis. He has won First Prizes at the; Georgia Fair 1929 and 1930. An exhibition at the Morehouso-Spelmnn Summer School 1931 marked a. distinct showing of his artistic ability. There were 28 Water Color paintings.  oil paintings, and notable]  of charcoal drawings of R. R. Moton. of Tuskegec Institute, R. R. Taylor. Tuskegec, Roland Hayes, John Hope, W. E. B. DuBois, and others. This exhibition was visited by over three (300) hundred students and teachers. i</t>
  </si>
  <si>
    <t>                                           HE. TRIAL IS RESET                 Hold Man in Bombing of His Own House on Julv 16                 WHITES TESTIFY                 Case of Gus Beaslcy, charged with disorderly conduct in connection with a bomb explosion at 451 Junes avenue on July 16. which hart been, continued from July 18 until Tuesday, was continued  yesterday by Judge A. W. Cnlloway in Recorder's court until                 Thursday. July 28. Severn! white witnesses, includ- 1 ing .1 minister, all said to be residents of the neighborhood, were called by the prosecuting attorney, who told of hearing the explosion. Beasiey. who lives at the house where the explosion occurred, was arrested shortly afterward by Officer Rutlcdge. According to Mr. Rutledge, he placed Benslcy under arrest only after a huge throng of whites had gathered and he wished to avert danger. He said the other reason he arrested Beasiey was that he was not satisfied as    who was actually the . All of the witnesses of the neighborhood testified that the glass was leaning out 'he  windows as if tlic explosion had come from within. They declared that previous to the date of the explosion the house had not been . Police reports, to the contrary.  that on the day before, Friday, July 15. officers were called at the house to remove four sticks cf dynamite from Beasley's porch. No reason could be supplied as to why it was put there, other than a concerted effort to  Negroes from the neighborhood. When arrested  was preparing to go to bed. it is said.. The explosion, which whites claim rocked the neighborhood, tore a small gate to a fence which separates the two houses owned by Mrs. G. Continued on Page 2, Col. 3                 Jones Avenue (Continurd From Page 1) Schactcr. which are on the north side of .Ior.cs avenue near the corner (if Cray street. Rev. W. W. Albert, a white Methodist minister in the neighborhood, testified thut several bombIng* and explosions have occurred in thc neighborhood, but the      -s wore not known to him. small hole in the ground between the houses indicated where the explosion or bombing was supposed 10 have occurred. Beasley. however, was not connected with the affair by testimony of any of the witnesses, other than that he was an  of thc house. Mrs. Schactcr. in testifying, first declared that It was ridiculous to charge a man with bombing his own home. She then told of repealed warnings that she had received ever since she had begun renting the houses to Negroes slightly leus than four months ago. Further testimony on the case. In  Hie defense  to use  hief T. Sturdivant who ' the house  he following  after thc bombing will be leard. Thursday. A motion made before Judge galloway to have the case against he man dismissed before the  placed up any witnesses, was .</t>
  </si>
  <si>
    <t>                                           Case of Gus Beasley, charged with disorderly conduct in connection with a bomb explosion at 451 Jones avenue on July 16, which had been continued from July 18 until Tuesday, was continued again yesterday by Judge A. W. Calloway in Recorder's court until...</t>
  </si>
  <si>
    <t>                                           After listening four days to a mass of conflicting testimony from, both sides in the fight between Mrs. Connie Stevens and Will Stevens as to who should be given a divorce, a jury in Judge E. D. Thomas division of Fulton superior court Thursday returned a...</t>
  </si>
  <si>
    <t>                                           Record-Breaker.                 Hero is a fine action photo of Jack , University of Mississippi track wonder, who recently broke the Olympic record for the 200 meters and who will run for a Keif York club this Summer.- Burned ran the 200 meters in 21.3, threetenths of n second faster than     Olympic'mnrk. He consistently' runs 'the 100-yard dash in 9.6 ~~*wnd9. I</t>
  </si>
  <si>
    <t>                                           Considered from the viewpoint of its symptoms, broncho-pneumonia presents a verying picture. There is nothing very typical about its behavior, such as we will soon find when we discuss lobar-pneumonia.</t>
  </si>
  <si>
    <t>                                           5^"*n PARTLY CLOUDY Friday night and Saturday. Lowest Yempcra(ore, past 24 boon;  64;* highest, 80; average, 7t. C. .F. von . ^, Weather Bureau.</t>
  </si>
  <si>
    <t>                                           Pullmans Slug Out 1M Win As Rat Williams Wild                 "Rut" Williams the boy from Ilallimore led tile attack for the Pullman Hurricanes in their 13 to 1 victory over the     '   ;e line, hitting two triples, two doubles, ;md a home run ,for a perfect average. "Foots" Williams after1 striking out twice-, socked one of Ross' fast ones out of the lot. for a. home run. "Lefiy" Williams pitched for ..the Huxricans and did a wonderful job of it, letting. his opponents down wit,h fvc scattered hits. I know  fans will wonder. why                 there are so ninny "Reds" and W'llinnis" on the Club. Well  that I can say is, they are  Kood ball players and can sock thai pill plenty hard because Manager Watts says. "You must play to make my Club." The team is composed of "lied" Jlooi'e, "Red" Bradley. "Red" .Jones, "Red" Hadley, "Red" Dcnvncs, "Foots" Williams, "Rat" Williams, "Lefty" Williams, Ray, and "Catfish" Thompson. Due to Hlnes.' Downes was unable to make Hie trip but will be in action against the Gray Cans next Saturday. By. "Red" Bradley</t>
  </si>
  <si>
    <t>                                           Behind The Scenes Behind The Scenes                 In Hollywood In Hollywood                 By HARRISON CARROLL By HARRISON CARROLL                 Copyright, 1932. King Features Syndicate. Inc. Copyright, 1932. King Features Syndicate. Inc.                 HOLLYWOOD. Oil.. July 22 Catching the Olympic lever, RKO is rushing into production tuday with "Sport Pafie." Jerry Horwin's story of a -boiled newspaper scribe. HOLLYWOOD. Oil.. July 22 Catching the Olympic lever, RKO is rushing into production tuday with "Sport Pafie." Jerry Horwin's story of a -boiled newspaper scribe.                 With time pressing the citing of this picture turned into a last minute scramble for players Columbia was persuaded to lend Conslance Cummings to t.ike the feminine lead opposite Jnel McCrea. Another frantic call 10 M. G. M. garnered Robert Young for ?n important part, j In the comedy lead, you ll find your old friend, Bonny Rubin, who I has been playing  from Hollywood for many months now. David Selznick has had cameramen at all the recent Olympic ti. to get atmospheric shots for 'Sport Page." The . work with the cast begins  under the direction of Casey Rnbinson. I Wildest df all Hollywood I premieres! was the opening of "Strange Inlerludef Eugene O'Neill's famous drama of Asides. Pushing his way into the  after three strenous hours at the mike, Jimmie Durante exclaimed: "Seems like a lot or hiss just 10 hear a. bunch of  speak their minds." BOULEVARD ': Another near- un-known is on the verge of getting a   \ with Samuel Goldwin. She is Phyllis du Barry,- English actress, who has been playing out here in a musical called "Hullabaloo.11 .Miss du Barry, whose name is to be changed, has taken a test and Goldwyn holds an option on her services. She is a brunette and has done a number of musical comedy leads in Australia. Rumor is, the producer wants her for one of the parts In "Cynara." errR etaoin shrdlu   v Was it the spirit of "Laugh. Clown. Laugh" that inspired Bu*-i ton Keaton to give that fantastic dance at the Frolics on the night his separation story broke? Helene Millard      John Preston have been dining together in the: intimacy of Star's Bohemian cafe. ...Air sickness plus a bad throat sent Kay Francis to her bed on her arrival here from the East. She's still under the weather Now that the honeymoon is over, Sharon Lynn will come back to the screen an the vamp in "The Big Broadcast" She's married you know, to Barney Glazer, (Paramount supervisor Stamp collectors, you have a fellow  in Edmund Lowe Afier shaking the kinks out of the story, Para-! mount will film "Hot Saturday"! after all. But without either Ca-~ role Lombard or Richard Arlen. 1 Gordon Westcott is one of the few members of the cast to be retained. Director Henry King is a  for detail. He flew to Arizona to get a prize pig for the picture "State Fair.'". Many of those slaves in de Mille's "The Sign of the Cross" will be athletes from Southern California colleges. These lads draw $10 u duy Returning travelers ure Helen Gahagan and Melvyn Douglas. She goes into rehearsal for the coast production of "The Cat and the Fiddle." while he awaits a picture assignment from Samuel Goldwyn. That threatened breakdown of Lllyan Tashman wasn't as seri- 1 With time pressing the citing of this picture turned into a last minute scramble for players Columbia was persuaded to lend Conslance Cummings to t.ike the feminine lead opposite Jnel McCrea. Another frantic call 10 M. G. M. garnered Robert Young for ?n important part, j In the comedy lead, you ll find your old friend, Bonny Rubin, who I has been playing  from Hollywood for many months now. David Selznick has had cameramen at all the recent Olympic ti. to get atmospheric shots for 'Sport Page." The . work with the cast begins  under the direction of Casey Rnbinson. I Wildest df all Hollywood I premieres! was the opening of "Strange Inlerludef Eugene O'Neill's famous drama of Asides. Pushing his way into the  after three strenous hours at the mike, Jimmie Durante exclaimed: "Seems like a lot or hiss just 10 hear a. bunch of  speak their minds." BOULEVARD ': Another near- un-known is on the verge of getting a   \ with Samuel Goldwin. She is Phyllis du Barry,- English actress, who has been playing out here in a musical called "Hullabaloo.11 .Miss du Barry, whose name is to be changed, has taken a test and Goldwyn holds an option on her services. She is a brunette and has done a number of musical comedy leads in Australia. Rumor is, the producer wants her for one of the parts In "Cynara." errR etaoin shrdlu   v Was it the spirit of "Laugh. Clown. Laugh" that inspired Bu*-i ton Keaton to give that fantastic dance at the Frolics on the night his separation story broke? Helene Millard      John Preston have been dining together in the: intimacy of Star's Bohemian cafe. ...Air sickness plus a bad throat sent Kay Francis to her bed on her arrival here from the East. She's still under the weather Now that the honeymoon is over, Sharon Lynn will come back to the screen an the vamp in "The Big Broadcast" She's married you know, to Barney Glazer, (Paramount supervisor Stamp collectors, you have a fellow  in Edmund Lowe Afier shaking the kinks out of the story, Para-! mount will film "Hot Saturday"! after all. But without either Ca-~ role Lombard or Richard Arlen. 1 Gordon Westcott is one of the few members of the cast to be retained. Director Henry King is a  for detail. He flew to Arizona to get a prize pig for the picture "State Fair.'". Many of those slaves in de Mille's "The Sign of the Cross" will be athletes from Southern California colleges. These lads draw $10 u duy Returning travelers ure Helen Gahagan and Melvyn Douglas. She goes into rehearsal for the coast production of "The Cat and the Fiddle." while he awaits a picture assignment from Samuel Goldwyn. That threatened breakdown of Lllyan Tashman wasn't as seri- 1                 ous as first reports indicated. Hollywood's mosi daring style queen is well enough to ai:cept a picture c-.'. in ITRffUiiyl.; 'Those We Love' She replaces Evelyn Brent who withdrew from ihe cast at the last minute after an argument over billing. This is the picture in which Maw AMior makes her screen . ous as first reports indicated. Hollywood's mosi daring style queen is well enough to ai:cept a picture c-.'. in ITRffUiiyl.; 'Those We Love' She replaces Evelyn Brent who withdrew from ihe cast at the last minute after an argument over billing. This is the picture in which Maw AMior makes her screen .</t>
  </si>
  <si>
    <t>                                           HOLLYWOOD, Cal., July 22.-- Catching the Olympic fever, RKO is rushing into production today with "Sport Page." Jerry Horwin's story of a hard-boiled newspaper scribe.</t>
  </si>
  <si>
    <t>                                           Buy neckties with what it saves ft Un'l nwr*wiry to psy 50  or ro.~rr t.i prt quality in a dentifrice. Li. Tooth I'jiic, inj-ltf Jjv       of         , come, to you h. n 1j*k* *Nul* kow It *.            on.l   .u *our .        f fit                      !elv $J a yr*j rover ^tK * trice*. Buy lh.    you  -iih Ibal     tig- neck, tie*      Uiciely . LaoiLcit f ~:al Co. LISTERINE TOOTH PASTE 25^  f/*BAKING S ^^  m SAME PRICE % FOR OVER J* M 40 YEARS k 25 ounces for 25* A</t>
  </si>
  <si>
    <t>                                           ROCKEFELLER HALL, Tuskegee Inst., Ala.,--Okeh, Atlanta, here's Lucius again with social ramblings in Cheehaw, which may be Latin or French or some "lingo" for Tuskegee, but it sounds likh a good, old fashioned horse laugh to us, does Cheehaw ... Seriously, gentle fans. Tuskegee, this week end, is deservedly the mecca of Brown America ... collective rendezvous of Dixieland society. Here it is Mother's Day, and the big parade is receding slowly ... as inconspicuously as it came here ... which, if you just must know, is...</t>
  </si>
  <si>
    <t>                                           IJilillUiACK INVASION PICKS UP SltlH THURSDAY, MAY 5, 1932 fHK ATLANTA DAILY , ATLANTA, GEORGIA pAr.w i^</t>
  </si>
  <si>
    <t>                                           ON BISHOP                  CLEVELAND, Ohio May G- (AN P)- Confidently expecting that the A. M. E. Conference wiil decided upon the election of at least three bishops, the leading candidates are campaigning with might and main. Hope that the resolution retiring several of the prelates who have passed the age of usefulness, but .vim proceed upon the theory that "once a bishop, always a bishop," would be passed is fading. However, there are four natural vacancies caused by death. Those candidates which seem to be receiving tho most encouragement are Dr. Charles Wesley of Washington D. C. Rev. Noah W. Williams of St. Louis Mo., Dr. R. 11. Wright of Philadelphia. Rev. B. G. Dawson of Atlanta, Rev. J. C. Caldwell, Rev. H. Y. Tooks. Dr. Edward J. Howard of Texas and Kfv. D. Walker of Cleveland, the latter being a late entry.</t>
  </si>
  <si>
    <t>                                           t?   ^ "s a surP ise even lo ourselves lo **     -^ obtain such values!!!  1 HOSIERY 18  li3  That you pay 79c for Rrgularly jj \^y 2 Pairs for 75c Durable Service Weight!. ~^]~J Crndle Shape Solei. High Twitt Chiffom. Bett Summer Shadef. Mesh Hose Children's That formerly sold for     $1.00 to $1.25  OX 59c 5c 2 Pair $1 Pair Friday and Saturday House of a A      I J ~% 91-93 Thousand jfc  1 I Y. St. Bargains" Vfi   h V s. W. t?   ^ "s a surP ise even lo ourselves lo **     -^ obtain such values!!!  1 HOSIERY 18  li3  That you pay 79c for Rrgularly jj \^y 2 Pairs for 75c Durable Service Weight!. ~^]~J Crndle Shape Solei. High Twitt Chiffom. Bett Summer Shadef. Mesh Hose Children's That formerly sold for     $1.00 to $1.25  OX 59c 5c 2 Pair $1 Pair Friday and Saturday House of a A      I J ~% 91-93 Thousand jfc  1 I Y. St. Bargains" Vfi   h V s. W.</t>
  </si>
  <si>
    <t>                                           um M ] only negro daily newspaper in the world  5, NUMBER 102 ATLANTA, GA.. WEDNESDAY. JUNE 1, 1932 PRICE FIVE CENTS</t>
  </si>
  <si>
    <t>                                           DISMISS 3RD JONES AVE. CASE                 2 Young Boys Threw Rocks at Home of Morton                 BARRET IS ATT Y                 Another disturbance growing nut of tin-- Junes avenue residential conflict betwen races, the Iliird within the last two weeks, was brought before Judge John L. Cone in Recorder's court Fricl;iy and  against two white boys. Durrnll f.armon and Lewis Posoy,                 charged with throwing rocks at Negro passersby. were dismissed. In dismissing me cases. Judge Cone      mothers of the i wo youths as to the danger they were placing their sons If they permitted 1 to disregard laws and suggest' d that officers be placed in the Jones avenue district to prevent a further flare-up of racial differences over housing. The two boys w re pointed out to Detective? Newton ;ind Jones by Mrs. Sam Morion, of 364 Gray street, who said they had stood in Durrell'si house at 429 Jnnes avenue and hurl d stones at her while she was sealed on her front porch. She positively identified Posey. whom  say was arrested once bi fore charged with the  of iin"t1'~T"_'~^ n* T^eg .~ occupied           . Cicero Sims of a Gray street address told how he watch' d the ' action from his front porch. He said the two with several other white boys had at first become engaged in an argument, with another colon d boy named Charley Jackson. The while boys then went In the house and begun throwing the rocks, he said. Lending the defense  f the. white boys was Coucilmun Ellis Barrett of the Thirteenth ward. Mr. Barrett, in his argument sought to belittle Mrs. G.         , owner of the property in dispute, and said that she was attempting .to place Negroes in the l ront yards of white residents on Jones avenue. He charged her with having placed dynamite, which was discovered July 15 in the front yard of Gus Beasley at 451 Jones . Beaslcy was bound over Thursday under $100 bond by Judge Calloway on charges of malicious mischief growing out of an alleged bombing of his house on July 16.</t>
  </si>
  <si>
    <t>                                           Another disturbance growing out of the Jones avenue residential conflict between races, the third within the last two weeks, was brought before Judge John L. Cone in Recorder's court Friday and cases against two white boys, Durrell Carmon and Lewis Posey...</t>
  </si>
  <si>
    <t>                                           Mrs. G. S.: You state that your nine-months-old baby boy weighs 29 pounds and is 321/2 inches tall. He is very much overweight for, his height which is that of an average 22-months-old baby. Because of his weight, you should omit sugar and butter from his diet as...</t>
  </si>
  <si>
    <t>                                           jf TTffTTYf        ft*   ?t   TT VVy?yi TTT                        Tf f                             . j I BuylFrom^sg^World gg^          f ....^^Q.^^t^^A^ii^^.t.*" iri?</t>
  </si>
  <si>
    <t>                                           Rev. and Mrs. Samuel Rutherford, Messrs. J. H. Freeman, Sylvester Dickerson, Rev. P. S. Dotson and Mrs. Ada Pritchett.</t>
  </si>
  <si>
    <t>                                           A L Capone at last confined in the Atlanta Penitentiary for tax evasion. Out of all the crimes he has been accused of the minor offense was he convicted. The people of the United States seem to be at ease since this man has been confined and no expense was...</t>
  </si>
  <si>
    <t>                                           Mister Al Fresco invites you. He yodels out a joyous "Come on" to the golf link, to the tennis court, to the long, straight, smooth roads where motor cars chase along in endless streams. Al knows what is good for you. Sunlight to put zip and zest in the system. Fresh air...</t>
  </si>
  <si>
    <t>                                           Throws Ham Away When Law Arrives                 A Styled by police as  one of the most elusive men they h:;~l ever chased. Walter Jackson of 213 Lon- don street. ; a hC tic seven block chase, was  Sunday night by Officer!* Leo Nahlick. W. M. Holland and Deputy Sheriff Davis, after their suspicions had                 become aroused by his queer . According to' the policemen, Jackson, when they first saw him, wax calmly milking down Hemphill  with a large ham  his left arm. When Nahlick nought 10 question him about how he -hould be in possession of a ham at 11 o clock Sunday night, Jackson throw the chunk of meat at the -er and fled, leaving his coat which the policeman had grasped. A hurried  ended In further  for the officer when he struck a fence and lost part of his equipment. Later Jackson was found hovered beneath a hedge on 14th street near Hemphill. He submitted to arrest without resist' . The ham was " as being I he property of the White Provision company. Jackson wua jailed slightly less than six months ago on a disorderly i- charge  but was freed by a jury In Fulton   court.                 Autos Crash At Piedmont And Auburn Tho  au'" collision in loss1 than a week to occur at the corner of Piedmont and Auburn avenues, resulted Sunday  in slight damage to llic cars driven by F. C. Wise, white, of 149 Pryor street, and Lorenzo Gresham nf Avondale. Gii., and a Murdaugh brothers ambulance which was parked near the curbing. According to police reports Grcstiatu  east on Auburn  hit Wise's car over the rear       wheel knocking ii more than fifty feet into the ambulance.     - was Going on Piedmont avenue. Both drivers wcrn chained with  'Iriving. Wise was  n copy, but Gresham was jailed when Call Officer.^ J. B. Kinc and C E. Floyd arrived. Two women passengers. Mrs. F. C. Wise and Mrs. R. W Tliorpe. were slightly . The accident  ed about S:.*).^ p.   REELECT  OKLAHOMA City. .Inly 25- (AN P) Dr. Charles B. Wickham. grand chancellor of tlic Pythians of Oklahoma has been re-elected for his fifteenth term. Dr. Wickham is also vice-supreme chancellor of the Supreme Lodgi- of Pythians.                 Relatives Say Woman Jailed Is Demented Said i" have been confined recently in Mllledgcvillc J'or than a. year. Miss Annn Muc Turner, who relatives in tin- rear of 593 Tmlil street declare to be demented, was jailed Sunday night and will bo examined by county  today. She was brought to jail without shoes, after  said they  nut put any on her. They told police thai the woman is subject to mental relapses utter Drinking too in mli coin whiskey.</t>
  </si>
  <si>
    <t>                                           The St. Raymond Giants "ran the Melpomene White Sox's tongues out" for the better part of seven innings then did some bill running themselves in the eighth semester when the "Eagle" Lambert became peeved at Umpire Roe and took it out in wild heaves to the...</t>
  </si>
  <si>
    <t>                                           Sack Holders Fail to Hold, Sack Forever                 Charlie Pope and Willie B. Allen believed that the race was 10 the swift when they jumped from a stolen car at the corner of Fort  and Houston  early last Wednesday morning and left four   to hold the sack I so to speak but they reckoned without host for Officers Tuggle and Hoper, who followed behind I them in the merry chase, assisted by Officers Smith and Ellis, and the Fulton county grand jury, had different ideas about tlio affair. The pair were Indicted Tuesday for stealing an automobile from V. H. Luke, 950 Ponce de Loon Avenue. A few moments after - ing the news of the theft. Radio Officers Tuggle and Roper spott- ed the car. They stopped on. the gas but the two abandoned the machine jum as the police car I pame alongside-.- Misses Maggie Pearl Lee, 327 Hcrrits avenue and Miss Essie Price 241 ~.i Vernon Place along with Joe Melvin. 5C0 Linden street and Robert Ward. 249 Vrrnon place, were left behind to face the music. They had accepted a joy ride, without knowing that the car! was stolen and were, abondoned by I the guilty culprits.                 ELECTED BAPTIST LEADER NEW ORLEANS, La., June 1- (ANP) Rev. J. G. Scyplon was unanimously elected  of the Louisiana Negro. Baptist Freodmcn's association during the opening session uf the annual convention.</t>
  </si>
  <si>
    <t>                                           ODDFELLOWS  CONFAB                 PHILADELPHIA. July 20.- (C NSj Actinn under the , laws of the bodv. the committee of management of the Grund United Order of Odd Fellows in Amerka met here last Wednesday i and decided to postpone the Bienn'al Movable Conference, the                 Grand Household of Ruth. Past Grand Masters Council and Grand Patriarchy until August 15. 1934. The B. M. C, scheduled to have met in convent:on here this August was postponed because of the "present financial and industrial conditions" did not warrant the large expend ture necessary to hold the convention at this time. The necessity for economy apparent throughout the country, the primary duty of the order and its local lodges to care for the sick and distressed and bury the dead, the monetary losses suffered by persons who would be delegates to the convention, were among the j reasons cited for the postponement. At the same time that the formal proclamation of postponement was issued, the committee on management made it clear that the order was without debt that its  condition was unim- paii-ed. An expenditure of over SI 0,000 s estimated as the cost of the na- :ional order alone to hold a con- 1 Continued on Page 2, Col. 1                 Odd Fellows (Ontinued from I'aire \-Mi'.:on this . in  in::. other .-n.-' on :iu- local  who -.vould hav.; K. :i:iv :nivc!i::i:r '.M'? of 1; '~'~'~v . Jt was cK-dan-'l : ii" !:ia:t.--.~.r,f  I)us:n.~ss nc  :u vu .before the cn:~.(~.-:\-Mv a: :in.    '. "This Order." in.- .. "h:i.-- had il.- rru.-'t-ni for more than "J" v-aiv: utv f..r ~~--~--r  for over   -:m;-. a,m     :iri-.-: P'li'ct.'ir. in im.:ii: ..I :-.;     -r fw over six vears: aim it .;)ri.-~Oiit Auditors Tor more nic.n    ." thls..;;;;:i;^' -f!-- wish - i-i,..uir:. make the u..-tl".:  -men' i;iiv.-:.m-; Thi- i-- i-.i-.i--.u ::i!-u v.unt en     :i:-'  roir.nr.f.~- Iments for ffn-    .. I....,.;:nir lo-.van! til- l!'^- .-.WK.av, and " then: i" m"' l:' ..{     a ~'Ji-i:e^:~ii t-.-iu---! iii H'^- r.e the ,,:-.:a;.!..f.;^'!'- a-_ ,.n T. Thon.a;. .l"M.v. I',; A .a...</t>
  </si>
  <si>
    <t>                                           PHILADELPHIA, July 20.--(CNS)--Acting under the general, laws of the body, the committee of management of the Grand United Order of Odd Fellows in America met here last Wednesday and decided to postpone the Biennial Movable Conference, the...</t>
  </si>
  <si>
    <t>                                           WHAT WITH the relays at Tuskegee and the Derby in Kentucky. there seems still to be life in the old world: and while ther's life, they say, there's hope. Surprising to me!</t>
  </si>
  <si>
    <t>                                           Up From Georgia With My Banjo By Thomas Jefferson Flanagan THE ENGINE S SONG Note: Stand out and listen some quiet morning to a distant train1 exhausting along the valleys and it will occur to you that the engine says: "Jake Dawson's sick/* I stand here in the window and I watch the drivers k:ck, And listen to the engine puffin' out: "Jake Dawson's sick! Jake Dawson sick. Jake Dawson sick, 0 he s a pretty song, En if you d not heard him before you d think Jake didn't have long. He gits his start, now sorter slow, The tracks are wet en slick. En he turns out long en low His son, "Jake Dawson's sick." I heard him when an idle boy, !ong, long years ago. When he swept the mountains en the nightly tunnels so; En he contented of h mself that day at his old trick Tellin' all the valley 'bout this dame Jake Dawson sick." En blows his nose of c  where the flanges hug the wheel, He sometimes slides his trombones sendin' up a * squeal, En then he pulls a sequel, in his ' lick Whether you want to hear it or not, that poor Jake Dawson's. sick. What cares we    ol" Jake dies, or had d Cd years ago, We never knew that feller, en besides the train shoul' kno', That we ve troubles of our own with Tom en Tarry en Dick, i En that it s no news to us about Jake Dawson sick Jake Dawson sick, Jake Dawson sick, he s mak n' now a hill: Dawson.' Dawson". Sick, Sick slow he sends a thrill: Sick.' sick! Dawson, Dawson, now the poor boy stalls He sprinkles sand upon the track en gives the flagman squalls. He makes the grade en down the hill ho sends it loud en quick: Jake Dawson's sick. Jake Dawson's sick, Jake Dawson sick, sick: Look out everybody section hands with shovel en pick Run en leave their t:' for they hears Jake Dawson's sick. He beats it into Macon, now he s (lusty, tired en hot, We take out all our baggage, en tho' he stands, he ain't forgot: For as we pass to say good-bye with short breath like a tick, He'd last have us to understan' that Jacob Dawson's sick.</t>
  </si>
  <si>
    <t>                                           'THIS RECKLESS AGE*! With Ruil.lc Itnsrri*. Clinrlio II B\ JtuffBlcs,* Krnncrn Dec, jg I'cttKjr Shnnnon *yW ^^l Horaoe Heldt Cnllforalunt ^7 H VPrtr 11 it X!r'~ClEx:':;:-.H Money! Money! CASH MONEY!! BUY Auto Accessories AT THE GOLDEN EAGLE STORES GET ATLANTA WORLD VOTES YOUR CHURCH MAY WIN A CASH PRIZE!</t>
  </si>
  <si>
    <t>                                           In the Realm of Music                 Bv BEULAH MITCHELL HILL                 JOHN  and hi* Singing Buddies scored a decided hit on Sunday night when they presented a splendid concert at Warren Memorial M. E. Church, winning the plaudits of a large and  ostic audience. Mr. Whitaker was ably assisted by Miss Joan Hargrove, talented young dramatic reader. Thu program opened with tho singing of the Theme Song, "My Buddy," by the unseen trio, composed of Norton E. Evans, L. Eugene Dixon and Percy J. Moore, Sr.. followed by a harmonious  ent of Grieg's "Morning," and "Marcheta." Norton E. Evans, tenor, received much praise for his rendition of "Thou Art Risen," (Coleridge-Taylor.) Miss Hargrove waB well received in a delightful reading, "Aux Itnlienne." The trio achieved some unusually melodious  with its presentation of "Absent," and Victor Herbert's "Gypsy Love Song." L. Eugene Dixon, tenor, displayed  voice wh ch he put to splendid use in his rendition of the favorite "Last Rose of Summer," from the opera, "Martha," and "Silver Threads Among the Gold." "Trees." was the vehicle chosen by Miss Hargrove for her next reading. It was enthusiastically received. Percy J. Moore, Sr., baritone, rendered Currie Jacob Bonds' "Just A-Wearyin' for You." with much art stry and feeling. However the climax of the program was reached with the trio singing an original arrangement of "Wade in de Water," which received thunderous applause from the del  auditors. This was followed by "Tramping," and "I'm so Glad Trouble don't       Always," by. Dett The program was closed by the hidden tr o singing the Theme Song. John Whitaker presided at the organ  the program.</t>
  </si>
  <si>
    <t>                                           Young Jim Cagney's millions of admirers will be glad to know that he has been elevated to stardom, and that he will be seen at the "81" Theatre tonight. Monday and Tuesday next in Taxi!" a Warner Brothers and Vitaphone picture.</t>
  </si>
  <si>
    <t>                                           TIM TYLER S LUCK                 A -Persistent Visitor                 By L$   Young                 BILLY S UNCt*E                 'TELLING TOMMY"'.                 'By Pirn                 'iS^HMTitftt/t^                 /DARNIT;                 B\ Cfortes McMaKv^</t>
  </si>
  <si>
    <t>                                           Up From Georgia With My Banjo By Thomas Jefferson Flanagan By Thomas Jefferson Flanagan THE STORM From sky    land the night black eagle soars, And with his thunder trombone slide he roars I And dancing fire legs prance wherever he goes. The aged hill before his pinion sweeps And clashing wild beneath him grinds the deeps And yellow floods plough thru the landscape when he weeps. The skipping stars all drunk fly far in pace All mingled with the rocks that tore their base Earth's transient glory folds beneath his face.</t>
  </si>
  <si>
    <t>                                           Mr. William Henderson, Jr., who has been confined to his home under the care of a private physician is improving. His many friends wish for him a speedy recovery.</t>
  </si>
  <si>
    <t>                                           Lola Carcore ... Club Lady" and ... Christine Quires, are ... murdered in the former's department. Scorpions were the ... of death. The police suspect Guy Everett, the last person to see christine alive. Lola had blackmailed Everett. He...</t>
  </si>
  <si>
    <t>                                           BACK HOME                 ADELAIDE HALL Famous "Blackbirds" star, who returned to Harlem at the Lafayette theatre during the week of July 4. Miss Hall if widely acclaimed the successor to the late Florence Mills.4 She hat been touring the countrv for several months.</t>
  </si>
  <si>
    <t>                                           Black, lustrous hair makes HHBKi^u2!5~?^~     Wliy pit  l .ii  \        BBSanHMBfaRffff' .^t j  ur-rr ? Doll  tip.       !a.'.'  ..A  WW*BH  Imir   you ll lip j( (1 lp(,  ym)'~~        ,,HP h to HI  .  -lf  nnd . ^B If l.nl   r  Blrnialilcnrr*    ), pi?.(, ,1(,llI(, $1/(!r, (tnx     ,n ro;,t. H  mmk  Imir turn ml. ^ray nr (, SnI11, t.    ,n Jlnf, ni(1IK,y )lt  H         f.~iv ynn    mnlir any I  lr t,p t ,MfUlc mL ,)p fIr Htnro to, H 1 In'nnl 1 1" I Mr.(i nun *K 1 if 'I In I .1 ll"U ^H      -        I- Vrt-  Colnrini:- Apply Hie onr 1i(~ nml in PW7VHBOTHRnB5V#9BiHH l,    your Imir will      mmt Jgff^T'^ f *      ^!*I^^^B , s iti,  jr t Mack ymt 0HMBHnMttaflHBHHMi^HB .taB;'~Trt"X o.i i;  1w gjj^:s^"k. mu. ,nd il "ill r.t.l ruh or    .li . Try Scn(, pll, ot o;lc(,   l .if Lnripuic French Hair Colorinc. I ^^y^^l^ ,   ,t tn make my Imir n beautiful -~1  ^^^MTiIrBT=BrH lull rum lil.irl;.  Jl.2^. tax Kl t4 i M V Kl 4 paid, (.i nr   n.~t   l^to*nbn B9Wf9VTlHBi ~"^^^fS^^Km^^^t^^B^^Ki N'.'int*' ^~~MiBjnvj!             ^~~Hagjl^gg^ i;ity Sintc Let Me Cure You! DON'T DELAY! CALL AT ONCE I J For 23 yean I litre bwn CURING people  here In Allnnta-  of  4 No mailer what yoor trouble la, no ma It ft how Bf-  your  maj be, I urce joa to call and ice  st oner. 4 Trratmcnt Is   In . No dangerous  or  . All d(*  (~l wHh my purp  - with ,*1   In  caif. MALE OR FEMALE CALL OR  DR. T. Y. YOUNG</t>
  </si>
  <si>
    <t>                                           v;oNLV :       DAILY. NEWSPAPER IN. THE WORLD 5y*',A HfriTT Editor and PubtUher "rank Marshall Davis        * Editor SUnSCRIPTlON RATES '.On.     . 19.50 t Monthi.  S.O0; 3 Month..  2.50;       . SOc  DAILY E. SATURDAY. AT 210 AUI1UBN AVE.. N. E. TELEPHONES: WAInot HM  nd 1   Br. mi secoRd- matter  t the post office at Atlanta. Ga.. under     act of March 3. 1879 MEMBER OF THE  NEGRO PRESS THE. WORLD  no  for unsolicited manuscript Hut into      T7'' ADVERjnSrNq REPRESENTATIVE W. B. ZIFF CO., Cblcaro. New York. Los Ancrlea</t>
  </si>
  <si>
    <t>                                           TUSKEGEE, INST., Ala., May 9--Spectators at the sixth annual Southeastern Intercolleigiate Tennis Championships here last week saw their dope run true to form when Nat Jackson, number three ranking singles exponent of the nation and joint men's...</t>
  </si>
  <si>
    <t>                                           MISS ODESSA HART. Miss Mor-lene Ferrell and Mrs. Robert Love-joy motored to Tuskegee to witness the track meet. They were the guests of Mr .and Mrs. Abbott and Miss Thelma Lucas.</t>
  </si>
  <si>
    <t>                                           For Your 0 %* Next Cake Use Ef^BAKING ^^ ^t WotiafheTuieTexhite M 2 SAME PRICE S 40 YEARS %25 ounces for 25* m - AUTO ACCESSORIES BUY FROM GOLDEN EAGLE STORES GET VOTES FOR YOUR CHURCH</t>
  </si>
  <si>
    <t>                                           AT^#T^WIP^cI\LL' ' NEGRO ?N^~  *ER 7h tST WO^D SOUTHERN NEWSPAPE11 SYNDICATE, ISC, PUIll. w  .._     *l     *   ,  baits On*    , I1   ..  3 M.nlh.y ~.M WfVh, 2   PUBUSniO  AT 1 0 AUBURN AVB.. M. TILIPBOMiSl        14     d Ml   tan4 H MCM4-       t Ibr PMt        l AUuU,   .,   4 I     act ef March 1871 ADVERTISING REPRESENTATIVE W. n.  C0_ . Ntw York, ho* Aazalw</t>
  </si>
  <si>
    <t>                                           Delta Mu Literary Club Entertains for Friends                 I On last Frulny Eveiiinj: the Helta Mn Literary work   from its literary work anil spout !ui evening of pleasure with il:i many fronds of the younger set. at the home of Miss L. Smith on I Asliby Street. The beautiful home of Miss Smith was a picture of                 beauty carrying out tlio color schemes oC the Delia Mu .backed with a garden "f dunning beauties: Mi.ss Crystal Parker, Miss Syblc Carter, M'ss Contncy, Miss Ituhic Thomas. Miss Myrtle K. Wilson. Miss Lillian Thomas, Miss Preston. Miss Willie Hall Tharpe. M:*s Kirkpatrick. Miss Carrie Colpruc, I Miss Beatrice Smith. Lillian Iloliday and Dorothy Cobb were beautifully gowned. Quite a few debutantes were seen dancing. Miss Kirkpatrick the charming f: of Mr. Bcnnic Wright.'Miss Hazel Hill, Miss Evelyn Zanders, Misses Krmn and Evelyn Gantt. Miss Grier. Mr. and Mrs. Wesley T'llnian, Mr. and Mrs. Domircck, Miss Gricr and Mr. Willie Martin were graceful dancing: Also M'ss i Martha Richardson. I The males present were: Doyle, RichaA'd Broady, Willie Martin, Harvey Hill, Arthur Smith, Bonnie AVritcht. B. Davis Doni'reck, Wjlliam Pace. Marion Webb, Jack Wilkinson. J- B. Kvans, Doris Cobh, Turner, James Banks, Oliver Knox. Stokes Poters, William Lyle, Lewis Brown, Thomas Campbell, Henry Shorter, Tillman, 1 Gurfray, Caldwell, Daniel Hall, Trutt, Burley. Charlie Zanders and others. The faculty members  (Traced the occasion with charm: Mrs. A. M. Carter, Mrs. E. B. Wlrtc, Mr. Alex Champman, Miss Carmcl Butler, Mrs. Coatnoy, the  mother of Miss Cnntney also  the occasion. Mrs.. Thomas, the mother of Miss Lillian Thomas was a picture of  beauty watching the  couples as they gl ded by. Mr. Richard Broady was happy during the evening because of the pleasant dances that he has with i Miss Thomas.</t>
  </si>
  <si>
    <t>                                           On last Friday Evening the Delta Mu Literary work and spent from its literary work and spent an evening of pleasure with its many friends of the younger set. at the home of Miss L. Smith on Ashby Street. The beautiful home of Miss Smith was a picture of...</t>
  </si>
  <si>
    <t>                                           To my readers I wish to say when most of you read my column I will be on the highway bound for Savanuah. Georgia where the Undertakers Convention is to be held. I took advantage of this trip to give my physical and mental self a rest. I guess most of you are...</t>
  </si>
  <si>
    <t>                                           I never will forget the time that, quite innocently, I was the accomplice to an almost perfect escape. The reader already knows that during spare moments, in my cell. I conducted the equivalent to a public stenographer's business for the benefit of the six hundred...</t>
  </si>
  <si>
    <t>                                           Bank Cave-in Was Cause of Death by                 Qlllnton Clark, 24, 604 Atlanta avenue, Dccntur, who was drowned Sunday afternoon while  in the Yellow river, about seven miles below Lithonin, in Gwfnnett county, did not die from cramps, as it was previously reported. He was on the edge of the bank jM* to enter the river when 5tT*         gave way. catapulting him into thc stream, rtc apparently struck his head on a rock while I (ailing or in an effort to regain the shore. Funeral ~?rvices were held ul the Antfoch A. M. E. church. Decntur, wtih  in the New        church hear Stone Mountain. Hanlcy had  of the body. Attempt, to Kill Another Fireman is Thwarted BATON . La:.. July 28- The sheriff's  considered a  attempt tn kill John Pierre. Negro Ilrcrrwin for the Yazoo and Mississippi Valley railroad, iis"          a recurrence of the violence that has claimed, the lives of a half dozen Y. and MV V.1 Negro fire- j - in Louisiana    1 Mississippi {SjVpnst- month*. Pierre sn!d an j  while man Hhot at him  wilh a rifle at close range near the local railroad yard:'north of Baton Rougc^. and that he and his assailant both run. Pierre has been employed by the Y. and M. V. for 20 years. d</t>
  </si>
  <si>
    <t>                                           MOTHERS                 COD S MASTERPIECE The bet. of His     ! HU   weet  nd Ime: Ahd of them .U. hb  cct. rv.r" Mother . U YOU.I                 (Poaed by    . WiltUm       .         Photo by Kelly)                 THIS BEVY OF LOVELY  makes up Sigma Chapter of Delta Sigma Theta sorority of Clark University.                 -Photo by Kelly. Atlanta.                 CHAMPION ORATOR- Students at Washington high believe Miss Gcno Hargrove will win the Elks national oratorical contest to be staged at Tallahassee on June IS. She won the Georgia state contest last week at Macon. She is seen standing beneath replica of Washington's  In front of the Atlanta school.                 -Staff photo by Mackay.                 A YOUNG MOTHER AND HER  LITTLE DAUGHTER- Mrs. Julian Mayse, 726 Loath PL, Memphis. To Miss Eleanor Mayse, the word rose on Mothers' Day will moan a nice comfy' rose silk bed in ' s arms.                 -Photo by Coleman, Memphis                 MRS. J. H. CALHOUN, Jr., and winsome daughter, Nina King Galhoun, of Birmingham, Ala., have been visiting relatives in Atlanta and Greenville, S. C.                 -Photo by Kelly, Atlanta                 ART AND BEAUTY COMBINE in this charming pose of Miss June Cotton, daughter of Prof, and Mrs. J N. Cotton of Camden, Ala, Miss Cotton left this week for North Carolina where she is the (West of                 her . -Photo by. Cloud, Birmingham.</t>
  </si>
  <si>
    <t>                                           Midhiard Sim sS Denied Re^triaL to IMk in I^     ^M                 SIMS DENIED RETRIAL IN HEARING                 Others Will Be Given Hearings Before Pomeroy                 3N0 DATES SET YET                 BU1 N                 Judge Edgar E. Pomcry today denied a re- to Mose While and Richanl Morris, who had been sentenced to die in the electric chair for participation in the holdup slaying or Detective "Red" Foster a few months ago.                 Richanl Sims, convicted of first degree murder along with two other youth.s in the  of Detective Frank C. "Red" Foster, was denied a new tr Iiil in a hearing i before Judge John E. Humphries of Fulton* Suocrior court'          . I                 The case of Sims was brought before the court by Atty. C. Mortimer Maonru who defended the youth at thu time of his conviction. In over ruling the motion for a new trial for Sims, Judge Humphries decreed that the youth had received n fair and impartial trial. No ante for Sims' execution has bi.~cn set. Sims along with Mose White  Richard Morris were sentenced^ _tp,_be electrocuted at Millcdgeviile -on -Iviay- 12; -but were granted a stay ot execution by a court order signed by Judge E. E. Pomeroy. Atty. Mason sought to prove that hia client had not been given 11 fair trial and that Judge John E. Hutchcson of Douglasvillc, who presided at Sims' trial, showed a hostile attitude toward the defense . Judge Hutchesdn who sat on" the Fulton Suporlor  the week of the trial its u visiting judge to aid In speeding up the criminal calendar, became engaged in several heated controversies with Mason during the course of the trial. Foster was 'shot to death by Harold While, brother to Mose White, now condemned to die for the murder, when the four youths entered the Boulevard delicatessen on the night of March 15. Harold White died several days  the shooting at Grady hospital from a bullet wound inflicted by Detective Foster in an exchange of shots. According to  brought out in the trials neither of the o*ncv. youths who accompanied Harold possessed 8 at the time of the shooting. Hearing on a motion for h new -Continued on Page 2, Col. 6                 Sims Denied (Continued from page 1) trial for Mow White was  -d by Judge E.'-E. Pomeroy two weeks ago, but was not completed, according to Any." Hightower. who presented the motion, und defended the youth nt- his  trial. Richard Morris, th,e third youth, who wng sentenced to be electrocuted for the shooting, was also granted a hearing by Judge Pomeroy, which .has not as yet been presented. Morris was represented by Atty. Jesse B. Simmons. Judge Pomeroy is now on a two weeks' vacation.</t>
  </si>
  <si>
    <t>                                           Richard Sims, convicted of first degree murder along with two other youths in the death of Detective Frank C. "Red" Foster, was denied a new trial in a hearing before Judge John E. Humphries of Fulton Superior court Thursday.</t>
  </si>
  <si>
    <t>                                           KEE.LY-M5 :S#: 10 Big Days July Special,^ ^0*^1 ^'-v^^'jSi Prom- July 22nd to; July-, 31it We y b i I '^^HjHBflRra! offering .to mo Ice two photograph* off.iny '.^^HQ^Sp^BB^rBi Uind- cr., for the price of one t\~cU ^fi Only- those holding  arc e I J g 1 h I c ^f ^^^9^   to.lUU offer. .You may  your ^^B ff??^^ (L,Jsi pen*  our r.      or at our. for V v^^Q^'. If you l^    mndo your   all^~Sh^   8HK and u''u t''af nd'2ml'" of $5.00 and 50 HHBHs^^hI ri?tpi:     'ly to the onr, ([ the  wmm ~-sa^?s" COME. AND SEE US M.i. 5731 239 A"'""-". A^~.</t>
  </si>
  <si>
    <t>                                           Will funs, I realy started something0 when I advertised White Water creek several weeks ago. The following morning I was much in the predicament of the man who advertised for a cat and found his place crowded with cats the next morning when he arose.</t>
  </si>
  <si>
    <t>                                           G. L. WENTWORtH Successor To MILAM COMPANY Auto Bodies, Fenders Repaired; Seat Covers and Top Work V,. I'.  17-19 I'icdmont Aye;; N. '~$~$ WAlmit S970 Alinnia, Gh.W?~!~</t>
  </si>
  <si>
    <t>                                           Up From Georgia With My Banjo By Thomas Jeffeison Flanagan IF I HAD A MOTHER I'd pen the loveliest card today jf I had n. mother: I'd worship at her gentle gray If I hod mother. The soften Iovclights of her eyes (Vouiu Mclit thV path where doubts arise And bright would break these hanging skies If I had a mother. 17':.'. My rose would be a flaming red If I had a mother: 7; I'd listen in where blessings spread -If I had a mother: The soothing beauty of a prayer Would breathe about that hearthstone \ In youth she shouldered all uur care If I had a mother. J The church bell chimes would sweeter sway If I had a mother. Her faith would light love s lamps today If I hnd a mother. In tears I lift my feeble song With a saddened broken throng Whose cries  the old gates long! 'If I had a Mother."</t>
  </si>
  <si>
    <t>                                           HOLLYWOOD, Cal., July 30.--With Paramount cameras set to make exclusive pictures of the salvaging of the Lusitania, Sam Katz yesterday began picking players for the film that will commemorate this feat of maritime engineering.</t>
  </si>
  <si>
    <t>                                           MRS. MUNN HI'MUTUATj MEDIUM WSljcI If unhappy,  '"Kot^hB  or Jotc. ^''Hfc^y- Xm If In (ma We. an happy, worried over         . StaMy or love affair*, this rifled clairvoyant and palmist will truthfully advise and      you; tells the put as you alone know it. (lie prr. as It ix and the     it will be; tells full name of whom .roil will marry. Rradlnjr daily, in n. m to S p. m. No  San* i*    or Krldarn. No cJfm. look for  Wiunlnjrton Lnkrwood enn in** door, Snecial Rertdinjff, Short Time. 50       lf.U l.~k-- At*. Atlmitii. SI RELIEVES   ECZEMA Soothing, cooling ZEMO bringa prompt relic! to itching, burning ekin; even in severe cases relief comes as  as ZEMO touches the tortured  skin. Eczema, Ringworm, Rashes, Pimples, Dandruff and other annoying skin or scalp troubles generally yield to this soothing,  lotion. ZEMO is safe and dependable. All Druggists. 35c, 60c, 51.00. Ertra Strength ZEMO. best lor chronic cases- $1.25.</t>
  </si>
  <si>
    <t>                                           OL' HOT By Ric Roberts</t>
  </si>
  <si>
    <t>                                           CHARACTERIZED BY PRESENCE of a colorful bevy of out-of-town guests, with the usual creme of local society in smaller numbers, and with music through the newly installed Sunset Casino microphone, the second annual Atlanta Tennis Club dance raised no mon', lotsa fun, and it jolly good time for you and you and you! The Florida trip ..., responsible for the absence of the nucleus of the local tennis club .... took its toll. Two days weren't enough to do justice to the overwhelming supply of inviations to a so-called ritzy...</t>
  </si>
  <si>
    <t>                                           53  ;Lf5r sh^"" a. m. Tap JJ         Looar-y RICHARD 1 I BARTHELMESS I U  Ilh MARIAN MARSH In Iff' V ALIAS, THE IB DOCTOR ^T</t>
  </si>
  <si>
    <t>                                           Night and Morning to. keep them Clean, Cleur and Healthy Write for Free "Eye Care' or "Eye Beauty" Book M.     ,    .n.S.,9B.OiMoSl.,CMc.l.1</t>
  </si>
  <si>
    <t>                                           Riches are indispensable to the communities through communities are not blessed in propotion in which money is diffused through all the average of families. Twenty millions of dollars in a village does not make that village rich if it is all owned by two men, but if that...</t>
  </si>
  <si>
    <t>                                           Have the Skin All Men Love You can t go against nature and it is nien B nature to love a light, clear soft skin. Of all known methods of clearing the complexion of ruinous, unnatural Impurities, blackheads, pimples, freckles and other blotches, Nadlnola Cream is tne simplest, quickest nnd most satisfactory Just apply this white fragrant cream at bedtime no massaging, no rubbing. Nadlnola quickly brings fresh, youthful  to your akin: restoring a soft textured, smooth, radiant, flawless complexion; closing up large, ugly       and leaving the skin Ivory-white, lovely. Don't risk your face. neck, arms and hands to cheap bleaching creams, ointments or lotions, but be sure to use real Nadlnola Bleachlnc Cream with its DOUBLE ACTING qualities found in no other product. Get a big 60c Jar of Nadlnola Bleaching Cream at any toilet counter: begin using It tonight, and tomorrow you will see a hint of the wonderful results to expect. Money-back Ruarnntee In every package.  BLEACHING CREAM M^/J by Sat tonal Toilet Co., I Pant. Ttnn, --~i i I</t>
  </si>
  <si>
    <t>                                           \6 T? STATE NEWS                 Griffin, Ga.                 The Southern Hiiriimnixcrs. wellknown musical organization, in  Recital at Si. Phillips A. M. E. Church. July 2!si program includes spirituals. plantation melodies, popular numbers, classics, instrumental ;inri  nlos..                 no, J. S. Wilkerson. tenor. J. Slade. bass; C. V. Troup. ; E. Walton, . A'lmission, adults, 25c. children 10c.  seats 35c. One of the most enjoyable occasions of the s- .iron, was ;i birth,day party Tiicsfay evening. July 22nd at the home of Mrs. Janus Henderson in honor of her daughter, Helen. Dancing and cord playing was enjoyed until a late hour after which a delicious repast punch cake and nuts was       d. Thoco Invited were: Albrrta Murphy. Margie H:ize Johnson. Lullcan Wllhorn. Cordia BoeKs. Ruth McDowell. Annie B' 11 Martin. Martha Lee Jennings. Mary Sue Martin. Annie Belli Hood. Marjorie Mathis. Rossie B' 11 Martin, Buuell Robinson. Ida Mae Robinson. Mae Robinson and Ola Nclnis. Messrs E. J. Martin. JoTin Alf Martin. Joseph Beek, Jr.. Joseph Harvuy. Randolph Andrews.     - Wlaker. Clarcnc Nclnis. Robert Otis Mathis. Algood Coplln, James Dukes. Joe Lyons. Albert Daniei. Jr.. John Richard Harvey. Charles Douglas Marshall.] Prince Holmts ;ind Lcroy Henderson. The  of Mr. J. H. M;:thews are praying for him n speedy recovery for an operation which heis to undergo at the Strickland Memorial Hospital. Mr. Marion Scolt of Dalton arrived in the city   n Sunday morning lo  the week with his part-nts. Mr. and Mrs. A. L. Scott. Miss Msiybellc Nutting is spending a few days in Atlaala visiting relatives and fri-nds. Messrs Charles C;^;oun. Haynes Phillips. Thomas . antl Malcolm Scott motored to Atlanta un Monday afternoon. Misses Oteele Koe=' Thclina Reeic Pearl Stargell. Mary Stargcll and Messrs. Roosevelt Varner and Willie Stargell of N'cwnan were visitors of Mrs. C- F. Sainc. Misr, Blanche Mann and Mir. R. GMurphy on Sundiiy .--n.</t>
  </si>
  <si>
    <t>                                           The Southern Harmonizers, well-known musical organization, in Grand Recital at St. Phillips A. M. E. Church, July 21st program includes spirituals, plantation melodies, popular numbers, classics, instrumental and vocal solos. Personell A. M. Blossomgame...</t>
  </si>
  <si>
    <t>                                           TODAY Mrs. Ernestine Scott Butler relieves me of the daily grind by contributing to my column. I am conserving my energy for Sunday when I take a real outing in Montgomery, Ala.</t>
  </si>
  <si>
    <t>                                           ggf? Flnt 11 S^y Sliowln* AM w-.- -,;1 Atlanta! L-^~y I RICHARD)! BARTHELMESS I with  MAS3H In    ALIAS,- THE I DOCTOR j ^^-~^'H-:iPA jy.)R'?E-;?::;;;;.-~~ r. jc^-y</t>
  </si>
  <si>
    <t>                                           What do you think of a husband that has been going with a woman four or five years and does not treat his wife right? She is very nice. He says she argues, but I don't think so. She is only trying to show him that he doing wrong. The woman had a relative...</t>
  </si>
  <si>
    <t>                                           Arrejguai25 Not Made at Pool Parlor                 Arrest Saturday night of 25 men In a police raid levelled at a rendezvous in the 100 block on Auburn avenue was not at' the poolroom  at !8G 1-2 Auburn avenue, invi  by the Dally World reveal. Reporls  rear of the  parlor was, the locution of the gambling i-ooms were found to hava been In error. SUNDAY NIGHT BURGLARS GET CLOTHING Someone entered the home of       Klmbly, 520 Rockwell street between 7 and 8 o clock Sunday  and stole a man s suit, ladies brown co:ii trimmed with a  fur collar. :i pair bluck men s shoes, and a ladles purs.'. Officers Whalvy and Owens Investigated the burglary.</t>
  </si>
  <si>
    <t>                                           I Off ice Houn 11:00 A. M. to 3:00 P. M. and hy Appointment Phone Walnut 1150 DR. RAYMOND H. CARTER EYE. EAR, NOSE THROAT      Carefully Examined Claiie. Fitted I*0.?"! 206 Odd Fellowt Bldg!</t>
  </si>
  <si>
    <t>                                           '^g^ FAIR Sunday. Highest temperature, past 24 hours, 84; lowest, 62; average, 73. C. F. von Herrmann Meteorologist, Wont her Bureau</t>
  </si>
  <si>
    <t>                                           SECTION II OF THE FOLLOWING PAPERS Atlanta Dally World (Ca.); Birmingham World (Ala.) Nashville and Memphis Worlds (Tenn.); Jackson World (Miss.); Jacksonville World (Kla.); l/ Weekly (N. La.) und Louisville Leader (Ky.) Cuiju Fear Journal, Wilmington, (N. C), Charlotte Post, (N. C), Kiehmond Iianot, (Va.), Dallas Kxprens, (Texan), St. Louis Argus, (Mo.)</t>
  </si>
  <si>
    <t>                                           Was opened on time with Supt. Gambol in charge. There is still an increase in our attendance, four new member added to the men's Bible class. The Men's Bible class Glee Club renedered one number during the Sunday School. One of our members is confined to his...</t>
  </si>
  <si>
    <t>                                           The Prairie Avenue 42nd Block Improvement Club recently held its election and installation of officers. Mrs. Samuel Ware Sr., its lot president, conducted the installation. The meeting was well attended and much enthusiasm displayed. Passing through this block...</t>
  </si>
  <si>
    <t>                                           Smart Fashions for Smart Women AFTERNOON FROCK  Nu. 7112 A fashion . of . of  sleeves, of a leading ..'~ r* are exquisitely *'~ ed in this . The pattern permit* wide variance in fashioning, so thai one might develop It according [u his own personal whims :"td ini-.s. In navy with white, black with white, brown with , or in print with  color the . would be equally as effective anil Sizes 14. 1G. 30. 38. 40. 41! Size 3(i requires 2 %      .s of HG- lark material an^l 1 yard ul 30inch fabric for i ontra.-.t. Simplified  instructions for culling and sewing are included with each pattern. They give complete  for making 1 di esses. All  have to du to obtain a pattern of  attractive model is t.. sen.l FIFTEEN CENTS (15ci in coins. Kindly be sure to  very plainly on each pattern ordered your NAME and ADDRESS and SIZE. New Fusliion Matpizi'il.  full of the latest i aris style news. together with color ^(t. can now be had at ten cents when ordered with a pattern anil fifteen cents when  separately.</t>
  </si>
  <si>
    <t>                                           Up From Georgia With My Banjo 0 By Thomas Jefferson Flanagan MY TREES BENEATH God's green open ij I" His balmy breeze, ^sF 'ovc toun6c  1 The tenting of my trees! V1 There's a spreading alder That thru the grey skies leaps And there s a  willow That hangs its  and weeps! A steady onk fs lifting Its arms with many . Where thu simple feathered Lift their .sounding song; T^t The leaping of my cypress Joins the elm s roam And I'm among the princes Tho humble be my home. The honeysuckle s robings In the aislo between With its yellow blossoms Blends the grasses* green And its wondrous fragrance Is woven in the air And its ancient whispers Of love is everywhere. :r" Here I ong and linger On Time's beaten tide And tho' I'm tossed asunder In the restless ride. I find a consolation p.' Amid tho wrecks like these Herc In this wide chapel AH tented by my trees!</t>
  </si>
  <si>
    <t>                                           I' flf BWjTT i L^^^"^ DARING ALLOWANCE K   9 Jm WE HAVE EVER OFFERED W \\^^i^^^^^^ v B^^s^Bfl^j^^B^B^^H^BliB tw f 3d3n*^^3*^3He^^a^aO^3BC SI^^^^^^^^h^^BSIhSIh sBB^HvaB^s?  iv^DQflsBa sv ^^^^^a A as ^ 119931    V* -fti* gft Men here s a. VALUE. trade in*^^ ^~f* nn Sh __jl a* Q Al Bi im^^^l III *Tth n4%^ your old watch and get this. beau-\^^B^r^k II, i H V BB ft^ B kiH MM ^BT TO c*^L.saP V *iful modern J35.00 EIBin Wriit* JB ~'UU ^^     A                  11       Watch for only (^n^MT i BEHtfl S U[~H  fl H li f ZjBBB V v\\\Vram  QA m^ ^*a0D Lady's beautiful 15-jewel Benrus ff^BK 7JC V' ^~T ^^fer^~k. Ji \   **L--^^^ Watch that 8e"~ W9.75-wlth*^^l "'3 ^^bS^^^W V MVVm^ your old watch costs only. unT MSi%r'^^~~~7 .WWWVn^* /i/ *T This smart Man's 17  Illinois^ ^  ^  Cil ^    -' W\\\\\m ^- ATlCl'X Watch that sells at ^42.50. Got ?15 ^V iU U \V\\\W\wL J/l llV^ ^J *or      watch and pay only.. j^r M mVm\\\a TftCK^~^-^^ Pay 75c Weekly TT T Beautiful new design shock.proof *tf ~\\\\w\\\T ^^^l^^^^^ Benrus Strap Watch sells regularly m \\\\\V^      ^ at $55.00- buy It with any old JJ  il I l ^^^NQsii^^^ c **L nrk S jg, Remember Cffl'^^ j*. Your Mother Thi. 15.jewel Benrus "Baguette,"C ^   . 0(1 ^aT^a# W V M.~   .. D.y  ^o.d^ath Tnd. .^3O V w,thh_. , Pay7ScWeekly Pay $1.00 Weekly W    mm j* V Get Rid of Your Old Watch-Get an Up-To-Date\ "^HJBEJsl^Slglh,-. U y] 110 WHITEHALL ST SW': w^^3^H^rd.f^ i^aj 11U W nil. B-tA LC-, Jl,, W.       in  ny old watch and pay only     M Open Saturday Night Until 10 O'clock      $1.00 Weekly TPW- V</t>
  </si>
  <si>
    <t>                                           KANSAS CITY, Mo., July 25--(ANP)--Never in all Kansas City's history has anyone been given as ... honor, either in life or ... as was given by Kansas City Negroes--of every walk of life--to the memory of the late Frank C. Niles, Kansas City...</t>
  </si>
  <si>
    <t>                                           mrs. munn mmi  Ai.  PScferfl If unhappy, n failure in ^mrV*_*GH  i:~ for you. If En . unhappy, worried   rr Intsinoft, family cr love . llm k*.     cUtr*     . Ani          will truthfully ml vino ni*ri Iir1ti you; .H ihr pint ni you  kno-.v it. the  n^ il ti mid (In-  a.s it will he;  full n..mr .,r       will marry. Rrndhtc . 10 a. m lo S p. m. No  Sun. day.* or Fridars. No Men. look for number Wanhincton I.      pa** .r, 183fi Ijikrwood Avr. Atlanta. Cn</t>
  </si>
  <si>
    <t>                                           LOVELY WEDDING in the "Land Flowers." Miss Gladys I. Speed, daughter of Mr. Henry B. Speed, prominent realtor of West Palm Bench, Fla., became true bride of Mr. James Peak of Lakeland. Fla.. recently</t>
  </si>
  <si>
    <t>                                           STUDENTS BROADCAST OVER I W. R. V. F. I I                 TALLAHASSEE, Fla., May 9.-! (ANF)- For the third successive year a unit of the Florida A. and M. College musical aggregation, broadcasted April 30 over station W.R.U.F.. the state radio station located at the University ot Florida, Gainesville, Fla. ATTACKED BY ZOO BEAR LITTLE ROCK. Ark.. May 9~, (ANP)- Charlen Williams,  at the Municipal zoo, was injur- cd Wednesday afternoon when a! large bear attacked . Williams nnd a white man were in the bear pit at work when the animal1 sud- 1 denly rushed upon Williams. Although he fought the animal with n shovel, he was unable to stop its charges until both bis       had been .                 DEACON 'JONZafffiMjM Wl V.  i^^m Bro. Boll  :."~^ gels  over  can reit.D-  uro    to^OjfiWisgMZ</t>
  </si>
  <si>
    <t>                                           BURGOO KING, KENTUCKY DERBY WINNER, GETS AWARD                 IiuiKiio K'nic. with Jockey Kujscmc .lames up,  floral reward at  s sUnd 1'  (if KiMilucky Derby ill                 Churchill Downs, Louisville. Lower photo shows view of race witli Economic lend nji'- HuitfOu King, one of Colonel K. It. Uradk-y's                 tries in lite race. Loo); the l(j:ul m thu stretch to win i:u:e will purse  l" more Hum $"iU,U(MJ. It w:is tlie Iliiril Oerl.y win fur Hnulley. j</t>
  </si>
  <si>
    <t>                                           Stays Neatly Combed A ; you. want your hair to stay w j?Jncatly. all day Ions, slis-  like spun silk.and your head i to ' from dryness and itching, make-this simple, inexpensive test: Lsc I La-Em-Stralt Hair Dressing for one  neck;' If it does not give your Iiair more life, gloss,  and-good looks  anything you  ever used, get vour monev hack. Thru its exclusive triple-. -glossing effect, I-i-Km-Stniit gives you what no other product on the American market can . It is  guaranteed to be.  than anything vou have ever used. It is just right. Not too heavy not too light. Non-greasy. Will not soil the clothes. Pure white and delightful in fragrance. Ends scalp itch. Promotes  of hair. Easy to use. Keeps the hair neatly in place all dav long. In tins 2"~-: and 50c. In jars 50c and $1.50. Sold everywhere. FREE: Send 10c for a:i-Day Package tof La Em Straitand a 3-Day Package {of Tantalizing Brown Skin l acc Ponder for your "Lady Friend" will he enclosed. Free. Ho-Ro-Co Mfe.Co.,Dcsk A, Sti Louis, Mo.. w BE THE WOMAN Vbu'0 LIKE TO BE STRONG, ROBUST, HEALTHY, AND POPULAR Don't wish for health'. Have it! Don't go around- complaining of petty ailments! Get rid of them. DonTt feel wretched, blue and depressed. Laugh and play as much as^you like! You .can be strong, robust, healthy and lucky in love. It's . Just  taking St. Joseph's G.F.P. and be the: woman you d like to be! This rich, vegetable tonic is  from Nature's'own roots and herbs which have been* used for over, a century, to invigorate and strengthen weak, run-down women. St.Joseph's G.F.P. helps to send rich, red' ' through. your veins, to build up energy and restore lagging; vitality, to banish those wretched! ailments and to give you. that certain physical charm which people simply can t- resist. Start- taking St.Joseph's G.F.P. today and see how  you up right from the start. Your druggist- sells the- dollar bottle.. of StJ. s.G.F..P. on an ''~r absolute money-back guarantee. St. Joseph's V; [Vtfe^JoMiinX)] Sonic</t>
  </si>
  <si>
    <t>                                           Lola Carewe, "The Night Club Lady", is mysteriously murdered in her penthouse apartment at three o'clock New Year's morning. An hour later, the body of Lola's guest, Christine Quires, is found in Lola's room. Christine had been killed first and her body hidden...</t>
  </si>
  <si>
    <t>                                           Joe Riggins who is said to be the most daring robber the local police have contended with in many years is now in the county jail here with several shotgun wounds which he received in a gun battle with the police Friday night.</t>
  </si>
  <si>
    <t>                                           On January 15, I met a young man about 3 years my senior. At first, he was very nice to me and he seemed to like me very much. After we had gone together about a month, he asked me to go to the show with him. I refused to go About four weeks ago, he asked me</t>
  </si>
  <si>
    <t>                                           HOLLYWOOD, Cal., July 26.--One of the tougher assignments of the year falls to Claudette Colbert.</t>
  </si>
  <si>
    <t>                                           OPENING exercises of the remodeled today at Cosmopolitan Church today at 11 a. m. Dr. A. R. Cooper with his faithful members are to be congratulated on finishing their job. It is planned to have a clearance rally today and appropriate addresses will be...</t>
  </si>
  <si>
    <t>                                           NEW ORLEANS, La., July 30.-- Bethlehem Lutheran Chapel, Washington avenue and Dryades street, will be rededicated in a special and impressive divine service Sunday night, July 31, at 8 O'clock.</t>
  </si>
  <si>
    <t>                                           La. Fire Does Damage to $6000 Property LAKE . La., May 4.- Fire that swept the Negro section of the city destroyed the Masonic Hall and a vacant resident nnd  a vacant residence, danco hall and two occupied dwellings .it Lawrence and Haskcll streets.</t>
  </si>
  <si>
    <t>                                           I Funeral Notices I                 OGLESBY- The funeral of Mr. JuIIUk Oglesby will be held today (Monday) :it 2 o clock from Ihc chapel. David T. Howard. Co.</t>
  </si>
  <si>
    <t>                                           OLYMPIC BET                 EDDIE ?OLAn'</t>
  </si>
  <si>
    <t>                                           Night  od Morning to keep ,                Wrlle/or Free "Eye Core" or "Eye Beauty" Book    !m   .    . H S..~ B.-      ..     .</t>
  </si>
  <si>
    <t>                                           She wanted Bess to come to San Praneisco for the two weeks, to bring aH the children, and stay with her at the Fairmont. Robin ihoutd have children to p!ay with, and they were his own couaina ...</t>
  </si>
  <si>
    <t>                                           Says Trio Beat Him On Way To Hospital                 BlccdinC about his lure and nose. A J. Woolf. Joncshnrn. Ga white man. camp lo Ilie police  1 Friday  nn.i  that he had  attacked by  Negro youths on the Piedmont Underpass between Hunter and Decatur Sts. Hc claimed that he was on his way to Grady hospital at the time. AccnrdiiiR to Mr. Woolf. one     tho cang hit him under the left eye and near the left  ide of his nose with some kind of blunt Instrument He said  they fled Hfter ho shouted fur help.</t>
  </si>
  <si>
    <t>                                           THIS STRENGTH BUILDING TONIC BRINGS HEALTH TO WOMEN I What kind of a woman are you? Famous ft F P Tonlf .Are you the kind who is forever  U.r.r. IOMC complaining about feeling bad, who BriflgS Results Qilkk 1rm^^ H JT ^ ^n-dowr, '          Tf vmi  T ikm vm, hij start taking ScJosepn's GJ.P. at  "o^of^/ imme* T*)}~*~ ^etable tonic is  diately and change things because !"a J? fr,~.m, ^a^ a own       a"''  if yT/don't  ? to suffer herbs w.   :    been used for over Uatunhappmessandmuchnusery. ^rc^^v4    ^X^om^ h Strong Healthy -Women ^^^'SM.^gSSS AIW3yS Attract Men an absolute money-back guarantee. V Men usually VfaU" for women CJ^,    _rn; j-. -.41  have lots of pep and, personal- AT. *i CISC ' S . Women who have abundant vi- ZZ^T i^ . and energy seldom lose in the tig T bC ^^afc S* game of love because they never ^~^B Alrl. JcT^a r  any trouble "holding" the love rs;^T,%r"^ T ^  ~:41:ch0!iCR one.    ^       ^OrUC</t>
  </si>
  <si>
    <t>                                           George Schuyler famous critic, novelist, columnist and satirist, dropped off in Atlanta Thursday and paid a visit to the office of the Atlanta Daily World white here.</t>
  </si>
  <si>
    <t>                                           Lola ... "The Night Club Lady", and her guest, Christine ... are mysteriously murdered ... the former's apartment. Scorpions were the instruments of death. The police suspect Guy Everett, the last person to see Christine alive. Lola had blackmailed Everett. He...                 A MOMENT later she was gone. Instantly Colt turned to Marshall.</t>
  </si>
  <si>
    <t>                                           .SOCIETY I! A        FOR ^U4/O J^  I           ! ^BL^ Dg BEULAH MITCHELL HILL, EDITOR- KttlPt:?lj</t>
  </si>
  <si>
    <t>                                           Mrs. M. I. R.: You should caution your boy to avoid all strenuous exercise after his appendix operation. This applies to any abdominal operation. The area surrounding the wound is a weak spot; sear tissue does not give like the natural skin, and the...</t>
  </si>
  <si>
    <t>                                           J^^^ Fruit*  ft J0^ Vegetables if Fancy Kentucky Wonder Pole Beans 3bs10c POTATOES n^5'dm.'. 1C -ll SI CANTALOUPES Tg. each iOc II "*M TOMATOES ftT 2 lbs, 25c jjl^ V ORANGES doz. *7~* ,/f BUTTER BEANS ld. Sc ^T CORN EAi 5c ^^^OKRA lb. i0~^/^ iBf" J H H B I ^Ji ^MH I PROCTER GAMBLE S YELLOW LAUNDRY SOAP O.K. Soap 3 10c 3 5c VEGETABLE SHORTENING Snowdrift 29c ECHO-DRI- PALE DRY Ginger Ale 2 -T 15c SCIENTIFICALLY "BALANCED" FOR SUCCESS IN ALL YOUR BAKING Pillsbury Flour =bbq 73c PLAIN OR IODIZED Ivory Salt 2 13c STOKELY S- TENDER,  Turnip  2 25c STOKELY S TINY GREEN Lima leans 2 25c U. S. Government inspected Meats A IN ROGERS MARKETS Mams ^ La 15c LONG HORN CHEESE lb. 15c BEEF CHUCK ROAST lb. 17c BEEF SHORT RIBS lu. 10c SPRING LAMB LEGS i.b 19c LAMB SHOULDER ROAST lb. 10c BEEF POT ROAST LB 15c SLICED BACON hB. i5c VEAL CHUCK ROAST lb 15c VEAL STEW MEAT i.B 7Ac VEAL CUTLETS lu 29c DRESSED HENS, 3 to 4 Lbs. lb. ,19c Cudahy's ^.a- Picnic Hams 11c Armour's Star Pure Lard 2 15c       -\v.~ Lunch BaUlnB   .~,l,r Paper XOc Calumet ca- 29c       I!,l no.~l Foo.ln Frtncli W Beans cnn 9c Dressing s not. 12Jc Suldrr'H Tomato Swltt'8 Brookrleld I Catsup s-oi. Bot. 5c Butter Lb. 23c i shredded Ice Cream Wheat rkC. 10c Salt 5 -u,. box 10c. OK Wmhlnc Amtrlcnn Dill Powders 2 9  Pickles a*, j,, 15c Welch** Grain Temple Unrden Oranga Pekoo Juice 2 ,5s1,, 35c Tea 2 i^Se Cranser Smokln Temple Garden OrangB Pekoe Tobacco 3 . 25c Tea ~-li,. pus. 23c Toilet Tlisno  i or Best Foodi Salad Waldorf 5 Ron. 23c Dressings 2    Toilet Tltsuo Bult Head Brand Scottissue 3 Roiu 23c Pork Beans 'J.^' 5c Cnmallon Evaporated Foater'a Milk 2 T1 15c Roast Beef an 12Jc NEW, 1932 PACK- BAMA BRAND STRAWBERRY PRESERVES if* 23c 8-02. JAR BEST FOODS MAYONNAISE FREE WITH THE PURCHASE OF ONE MAYONNAISE   7c KITCHEN FRESH- At a real low  :(~j KRAFT S  pa^ We OUR -WEEK-END CAKE SPECrAIi- CAimOLL'S Tufti Fruitti         ^7c</t>
  </si>
  <si>
    <t>                                           The whole of Atlanta should be proud of the fact that at this time so many young men are establishing some kind of business, the most recent being the Naborhood Delicateasen on West Hunter St.</t>
  </si>
  <si>
    <t>                                           /fine jf TEXTURE \m in your .^^m^ THE DOUBLE TESTEdE DOUBLE ACTING B ia/* baking! ivv powder  I ~^ 42      I 25 ounces for 25$ 9 % V\0 they  you by day and keep you wake at night? Dcm't  them. TktfU rain tout charm and ,          friends, Intuits* with your . When you re , Uke Dr. Miles' Ntrrine. W* the prescription of a ) Nerve Specialist, put up In convenient form. Dr. Hilei' Nerrine la now mad* in two forms- Liquid and Effervescent Tablet. Both      the same toothing affect on tha nerves. $140 at  ing store</t>
  </si>
  <si>
    <t>                                           FEATURED BY TILE TAP DANCE by debonair Kathleen Mitchell, neice of Mr. Walter H. Smith, well known Atlanta Life executive, the swelegant "house-warmer" reeled off by Misses Clara and Bessie Haywood at their lovely Ashby Grove "rezzy" (residence to you) was a thing of majestical beauty and social propriety. The gay Cincinnati girl so recently come unto the younger set of the Gate City of the South again collided with the same warm welcome which has stalked in her wake ever since her arrival here with her mother...</t>
  </si>
  <si>
    <t>                                           As the state prepares to prosecute StanIcy Puryear, white on the triple charge of hacking to death his wife and eight year old daughter, Mrs. Stanley Puryear, and Aurelia and fatally shooting Will Jamison, 26 year old Negro, with a shotgun, new evidences pile up against the...</t>
  </si>
  <si>
    <t>                                           WHEN America stacks up against the field in the coming Olympic Games at Los Angeles, the Stars and Stripes may not wave above the massed athletes competing in distance and middle distance runs. No matter what marks our runners...</t>
  </si>
  <si>
    <t>                                           EMPEROR OF ETHIOPIA TREMBLES                 ADDIS ABABA. Ethiopia. I .Tune IS.- (Special)- The spectre of  which all but disrupted this kingdom fast dissolved into nothingness when Lidj Jcassu, the former emperor who escaped last week from the captivity in  which Emperor                 Hailc Selassie had kept him for 15 years, was . He had fled into the hills of the Gojjam  and Monday was surrounded and captured in a  north of the nine Nile, according tOj government reports given here yesterday. ADDIS ABABA. Ethiopia, Juno 14. ) Rebellion and overthrow, long feared by the usurper, Knilc Selassie I. emperor of Ethiopia, was imminent last week when It was learned that the former boy emperor,        Yasu, had not only  from the mountain prison i)f Rns Kassa in Gojjnm province. Garbed ns a woman, but that he had also bogun to raise an army with  he intended to march upon the capital and  the reins of government Yasu's escape and preparation for wn r bring to the f ore a pa in i he facts surrounding his unusual history anil tho part he has played the recent life of Ethiopia. So little was heard of him two years n^o  when Hailc Selassie was crowned,  ft is difficult to belie vo tl;^t at that time when so ninny  dignitaries, were Ciiests in tho country and 100 000 warriors paid  to the new emperor, another mnn. more  to the crown than Hailc Selnssio was alive in the country. Y;isu is the grandson 'of the famous Menelik who whipped the Italian* at Adov/, in I89G. and  t v sovereignty of the country. He succeeded to the throne (Continued on Page 2, Col. 4)                 Emperor of (Continued from" P?;o 1.) upon the death of his father. But. having been educated in Europe i He wun fluent In English, French ami Gorman at- the "Re of 15) Yasu had more modern Ideas thun his : grandparent and propose! to relieve Abyssinia of some of her isolation by making contracts 3nd contracts with the surrounding peoples. Almost as soon- as he assumed his grandfather s place, therefore, lie emulated -the Prince of Wales ay visiting in. the surrounding :ountries on tours- of good will. The unfortunate aspect or thele .- was- that they were made.  countries. Abys4nla is a pround Christian coun.ry- Plotters-at .home spread re-; ports that- Yasu was adopting tho   of the?t Moh'ammedans '-and he church/of Abyssinia roso  lim.i This' caused "his" hold upon :he 'people to be 'weakened andr in .915; lie :\vas seized and . ric has-been-'a prisoner -thaf :lme until'- his escape tho other lay.-^ After he. was imprisoned.- his'  nother -was - queen regent ind  for fifteen years- until Halle Selassie is said to have be:ome ambitious- to seize power.- RCH ports persist-In the country; that the queen was poisoned to make way for the present  who is the son of Ras Makonnen,' a nephew- of Mehcllk. Soldiers recently:sent by'-the . to subdue and recapture- Ynsu' have deserted to Yasu and become part of the army with which' he is to march to tlie capital when the weather permits. Many. Ethiopians, an exclusive people,- resent I thP present emperor s tendency to deal with foreigners and Nvould j support Yasu in the hope of keep- 1 ing steady In the ways ot their fathers. However, if HaUe Selassie has made himself useful to any of the powers, they 'will probably supply him with the equipment to crush Yaau's rebels.</t>
  </si>
  <si>
    <t>                                           ADDIS ABABA, Ethiopia, June 15.--()---The spectre of trouble which all but disrupted this kingdom fast dissolved into nothingness when Lidj Jeassu, the former emperor who escaped last week from the captivity in which Emperor...</t>
  </si>
  <si>
    <t>                                           REDUCED FARES via A.B.~C.R.R. Specially reduced fares for week end trips on sale starting Fr'day each week, good return* ing by midnight Tuesday. Aid* reduced fares for two- and five-day trips. Call A. B. C. Railroad AGENT for additional information.</t>
  </si>
  <si>
    <t>                                           Read Every World .</t>
  </si>
  <si>
    <t>                                           The Daily World is I published especially I for you</t>
  </si>
  <si>
    <t>                                           READ EVERY WORLD</t>
  </si>
  <si>
    <t>                                           Montgomery next Sunday -- the Atlanta and West Point railroad is going to run an Excursion train to that city for the small fare of ONE DOLLAR a round trip. Think of Over one hundred miles there and over one hundred miles back for the small sum of...</t>
  </si>
  <si>
    <t>                                           JAKES SERVICE SHOP Formerly Located at J23 DeeaUir Street 1G Yrs. NOW AT 78 Decatur Street Shoes 3A Soled and Rubber Heels 75c Hats Cleaned and Blocked 35c We Invite Old Friends and Customers to 2ur New Place Jake Salsnto, Proprietor</t>
  </si>
  <si>
    <t>                                           Wrongdoings Reasons For Indictments                 A number of indictments were returned Tuesday by the Fulton, county grand jury. Evans Perry, who is alleged to have shot at Henry Simpson. 126 Glenwood avenue, S.E., with a pistol, June 5, must face trial for assault with intent to murder and carrying a pistol. Two men. Elmer Hall and Benjamin Smith alias Bryan Schwob. were indicted on several burglary counts. The two are charged with attempting to burglarize the Jewel Tea company. June 6: and the garage of Charles Eberlin, 145 Forrest avenue. They were arrested on the sixth for having burglar tools In their possession. John Jones, who !s said to have shot at H. M. Edmondson, 730 Peachtree street, June 11, is another indicted for assault with intent to murder. Another John, this time John Pittman, is likewise indicted on a similar charge. He Is charee with shooting at J. P. Smith. 2!)3 Brotherton street, June JO, using a shotgun as his .</t>
  </si>
  <si>
    <t>                                           Buy From WojM Advertisers</t>
  </si>
  <si>
    <t>                                           , MAY 4, 19.12 THE ATLANTA 1JA1LY , ATLANTA, 1A</t>
  </si>
  <si>
    <t>                                           j- ff.TTTmrt f T T f   TT  T T T f t * .jf T 1 T VT  t TT T T T  t VTTTTTf f T f Tf  T f t T T Tf TT  t T t f f T 1 1 T T T V   t f T 1 1 1 T   V ?T f TTTT TTTT TTTT TTT T f VHI The Atlnnta Daily World is your own newspaper, printed just for you, The Daily World has a staff of 60 Nejrrocs  every kind of job a. W^ ''1 '''-^H' I V /f^Bfl fl/* with news about you, and with your interests at heart. Only in its M BvjLymA daily necessitates. Only on a paper published by Negroes for Negroes H B I H  B columns may you expect to nnd those facts which would never be told in H f 1A/ H fi could this happen. The World is not only published for you but it is also B B 3 1 m/^' 3 A .\Jf  U A any but a Negro nc^. ^Y 1  published by the Negro. I J II V '^a?: 3</t>
  </si>
  <si>
    <t>                                           According to information sent the WORLD by Charles D. Wright of Birmingham, the veterans camping at Washington awaiting the bonus bill passage, may have to vacate the city in a few days. There are aproximately 00 Negro veterans encamped at Washington. Many...</t>
  </si>
  <si>
    <t>                                           The Merry Maker Social club met with Miss Cora Lee and Mr. M. H. Nimmons on Tuesday evening with the newly elected president, Mr. M. W. Nimmons presiding. Whist and auction bridge were the features of the evening. The next meeting will be at the home of...</t>
  </si>
  <si>
    <t>                                           ONE HAS TO USE SNAP JUDGMENT IN SELECTING GARTERS VTTTTTVVVTTTTTTTTTg I WANTED! I 20 GIRLS I FOR POSITION I at. I JORDAN S I Department Store I t 227 Auburn. N. E. 1  Apply Tuesday rft 4 O'clock* K</t>
  </si>
  <si>
    <t>                                           The Atlanta Daily World THE ONLY NEGRO DAILY K IN THE WORLD Classified Advertising Rates DAILY SUNDAY 14c a line Mo a Una Consecutive Insertions Dally and Sunday: Three times Ho a Una Seven times 10      Thirty times or more So It line. Fire  of   are counted a* a line. The   fcl the price ef two lines. Ads Taken Over Telephoned are accepted from  lisle! la IM telephone ar city   chirr*. In ' for this  tho  If 0       ed to  tho dor following . On oil o4          Mitt fcr ~*U  matt  tho . All Uecoallnoonceo MUST bo  In  ot tho WorM office ar fcr letter. Telipbaao ' ore NOT      . ERRORS If  nr error io modo, Tho AlIuU Dallr World ll  for  one Incorrect Insertion. The * In responsible for  Insertions. Tho advertiser should   If anr  la needed. CLOSING Adrrrtlsemrat* In Tho Atlanta. Dallr f. for the Sander World will be  up  P. M. Baterdsr. The  are open   8ander an(U f P. MV for the  of . I ATLANTA DAILY WORLD WORLD WANT ADS BRING. RESULTS. JUST CALL WAlnnt 1459 -find ask for an Ad Taker</t>
  </si>
  <si>
    <t>                                           CHARLES "CHICK" HAFEY, who slugged his way to the batting championship of the National League last year, receives a great many fan letters. It is that way always with champions in every line of sport.</t>
  </si>
  <si>
    <t>                                           At Long Money in Derby                 ''On Posl." a promising entry in the 1932 Kentucky Derby, against whose chances of  the Louisville classic the Winter books offered odds of 40 to 1. "On Post" is by "On Watch" "Kippy," and is owned by Lhc Loma Stables.</t>
  </si>
  <si>
    <t>                                           The 14th Annual Session of the Waynesboro District conference of the Savannah Annual conference of the Methodist E. Church will begin Thursday 8 P. M., with Rev. D. R. Cooper presiding. Rev. F. F. Mungin pastor of St. Andrews M. Church, Sylvania, Georgia, will...</t>
  </si>
  <si>
    <t>                                           [want Uds... HELP YOU TO ILK PLACE YOUR .JTKk U COMMODITY IN ^^l A PLACE .^E9*fcV WHERE A N ^    EAGER PUBLIC CAN VIEW IT -AND I N A VERY ECONOMICAL WAY SEND US YOUR 9 WISH TODAY. YOU WILL BE SURPRISED BY THE LOW COST WA. 1459</t>
  </si>
  <si>
    <t>                                           Rex Market 86 Broiul St.. S. W. Nut Lb. Oleo 8V2c Full Cream Lb! Cheese 12    Western Lb. Beef Roast 7y2c Fresh Lb. Spareribs 7y2c Bollinc Lb. Meat 6c Lcr Lb. Lamb IOV2C We lorn. Loin ,'iml Round. Lb. Steak 13y2e Pure Lb. Lard 6c rork Lb. Chops llx/2c Fresh Country Doz. Eggs 13y2c</t>
  </si>
  <si>
    <t>                                           Lily Lou Lansing, young and pretty telephone operator, gives up her opportunity for an operatic career to marry wealthy Ken Sargent. Ken's parents had hoped their son would marry the socially prominent Peggy Sage and threaten to have the marriage annulled...</t>
  </si>
  <si>
    <t>                                           c p j:, t r t  ^-^^</t>
  </si>
  <si>
    <t>                                           Soup Kitchen Helper Fined in Shoe Thsft                 I Cluirgcri by Miss /.. J"hn- s i!i Siiiv.r.R entered her hot:se a:;r( sl":e r. pair of her sho-.s. H'-nry Ci-.c.-.'.tr. .-in C!:ipl"ijn:c nf  n;'.;n:cip:i! s');:~i .cn, was ;i.:     I Si2 or ;v.-c:ity ci:ys by .J:id;;i- A. V.' C;/.l'''1.vay m Recorder's court Monday AO'-o:diii;: t.i Mis.- Joht^'Hi,  s)   ri:iur:iO'! ho;:ir Cl: ester was !:i liL-r iiu;;:-u ::it! r i a c i :-: vam'5 lu her. She sai l that she did not :mss the stv.es until he had j h:.'l. Si'Veral  ..-'i ::r.d testified :h;i- Chi?s'..r h;u: Ikc:\ in I their coi:ip:i:iy at the lime Miss' .I'li-.: declared he was in her house.</t>
  </si>
  <si>
    <t>                                           THOSE Fast Flying Floridian Buffaloes, that much heralded encourage from the palm fringed West Palm Beach atmosphere, recently piloted here by Monsieur Daniels, are down to brass tacks. Willie Bush, Willie McGee and P. G. Carson are working hard and...</t>
  </si>
  <si>
    <t>                                           Record Breaker                 Bon Eastman, track star of Stanford University, is shown as he  the tapo and the world'? I'lalf-milo record at Palo Alto, Cal.,' ecently. Eastman's time was one Aninute fifty-one- and three-tenths  The event was a feature pf the .triangular track meet in.volving Stanford University, the ~^Olympic Club, and University of San Jfrancisco.</t>
  </si>
  <si>
    <t>                                           Up From Georgia With My Banjo By Thomas Jefferson Flanagan PRETTY LITTLE WILLIE JUANITA Bless 'em bones an' beautiful hands Pretty little Willie Juanita: Angel  and like the sands Pretty little Willie Juanita Shed her kisses of blissful light An' heaven s glow, by their dripping made bright Shineth here by day an' by night 0 my Willie Juanita. Bless 'em brown the ' eyes Pretty little Willie Juanita; An' soft where the evenin' stardust flies Pretty little Willie Juanita With the soft of the grey shades tread The music of her feet and the halo of her head The sweetest songs ever sung or said:Pretty little Willie Juanita.</t>
  </si>
  <si>
    <t>                                           HERE IT IS almost time for the out-of-town college crowd to hit dizzy doings of the Gate City with a bull's eye, and only a rumor or two from that well known galaxy at alluring West Virginia State college--Institute West Virginia. That rumor goes to the effect that Miss Mildred Lucille Payne will do the celebrated processional for her sheepskin this May, while Misses Ethel Hanley, Annie Mapp, and other popular Atlanta feminines registered at the institution along the Kanawah, are slated to prolong their scholastic...</t>
  </si>
  <si>
    <t>                                           James Jordan and Andrew Levert-condemned to die July 29 for murder and robbery respectively appeared before Governor Miller and the pardon board Friday and asked that sentences be commuted to life imprisonment. Jordan told the governor that he was in Shelby...</t>
  </si>
  <si>
    <t>                                           ,         *TTTrrrTTTTTf                          DONT DELATI CALL AT ONCE! ^-S-ss^B Se,,CURIN0 s: i 1 II  No "~alt*r what roar . I,, no  how   ri(KH ^T'Sr^ Trmlcnmt in irrr  In coii,-' ^ No "r            . All ^          "*"^"''*'"1  mr pan natara -  " 'n       . BSfflroa"*1' 0R  I CALf, OH'WBITt       :"- DR- Y- YOUNCi Hggk^^B ,_'Uni TRB^ ?;ifis-,V-..-;'~ .TtTOBVO CnnJESR  AND  COMPOUND*! ?7" Olr.         A Cor. for  Dl*f.a.     Omu Mr. -V       -T A. if to f r.H. -v^1,"</t>
  </si>
  <si>
    <t>                                           Coach Cleve L. Abbott, director of athletics anti bead Coach of all soprts at Tuskegee Institute, left Sunday, July 24, for Los Angeles, Cal. Coach Abbott will attend the Olympics and visit friends on the coast. The trip as far as Phoenix, Ariz. will be made by motor, with...</t>
  </si>
  <si>
    <t>                                           Jewels, Cause of Prison Term, Found                 U  GTON". Julv V.t. (C.VS) .Miv. Catherine Ilo^an, wealthy while woman, after having a  i' colored employee sentenced to four years imprisonment, in the  Penitentiary for an  theft of ,         her honie. found Ikt expen-                 sive d:; necklace in the basement of her Cathedral avenue . Mrs. Kciran is the motherin-law of former United States Senator David' Klkins of West Virsrinin. Nathan (Graves nnd his \~.'iic, former  of Mrs. Rncavc, were  of the theft of the   al months atro. Mrs. Cii"aves was indicted, but wa.s .ted when the court ordered the  to return n not  verdict as tn her. Her husband was found " and sentenced to five . rri\e \ee \v:m Inter reduced tn four vear.s. Graves and his wife were                 ed after ;i   pas found in a I southwest pawnshop and traci d i to the pair. Graves contended  he found the I rn c: c 1  j t in an old tomato can while clean int-r the cellar i\i the Cathedral avenue house. He  lie did not realize is value and after h.- it around the house for some time he cave it. to his wife. When pressed for money he pawned it for He stoutly denied   about other   was reported mi.-'o1 inc 'is the  t:.mo. Vfter Graves was . Mrs. RcHiin collected $5,000 from Ian insurance policy which she had I op the jewels. Durinc  trial Graves and nis wife were, ren: c.- hv Attorney Nathan A. Dnhbins who announces tl'.at he will seek tn have Graves  and institute a 310.000  su l au  Mrs. Reean. I</t>
  </si>
  <si>
    <t>                                           WASHINGTON, July 19.--(CNS)--Mrs. Catherine Regan, wealthy white woman, after having a former colored employee sentenced to four years imprisonment, in the Lorton Penitentiary for an alleged theft of jewels from her home, found her...</t>
  </si>
  <si>
    <t>                                           IKF "Two Gljn" Has His Moments by ART H^fTA                 PHILO VANCE The Insurance Mystery ^3^.- ^_^AN _                 TIM TYLER S LUCK j?     '_First By Lym Younz                 l  LLI!    TOMMY" W"2__                 THEM DAYS ARE GONE FOREVER Vary this on Your Variometer.                 BILLYvSiUNClE nr</t>
  </si>
  <si>
    <t>                                           % GEORGIA ft OPEN 11 A.M. 15c 1 Purchase Price' n %~   P ( J^</t>
  </si>
  <si>
    <t>                                           Bisections] /^ft^^^^  ^B^TS WfWPM H ONLY NEGRO DAILY NEWSPAPER. IN THE WORLD 111 ^lini</t>
  </si>
  <si>
    <t>                                           TIM TYLER S LUCK The Mysterious Visitor By Lym Young                 TELLING TOMMY" r' 1^~^</t>
  </si>
  <si>
    <t>                                           Many To Take Part in Big S. S. Parade                 W;th half of the larger Sunday schools already lined up and many of the smaller   to take part, indications arc that the city wide Sunday School Parade, which will move s   four points of the city at 2:30 Sunday afternoon to thn city                 nud:torium,' will bo n hURC sue- cess. At least 5.000 marchers are expected to  part in the prosit I  demonstration, the Iirst of its k:nd in Atlanta, July Mayor Keyes has already Riven permission for the four point parade and each unit will probably be headed by a band. The  is  sponsored by the Atlanta Sundav SchooT Association to sti- I  more interest in Bible school work. A huge mass meeting at the City Auditorium wilt climax the afternoon s . Sunday afternoon, one scct on of the mammoth chorus that w ll provide music for the occasion had a three clocK                 practice at the Beulah Baptist Church. Another group met at L-berty at four o clock while the third section is practicing tonight at c=Kht o clock at Mt. Monah. Other practices arc  scheduled for the rest of the week. In addition to the speakers listed ;n Sunday's World, Rev. J. A. Nabritt, president of the Baptist State Convention and secretary of the National Baptist Convention, will dcl;ver an address. Musical numbers will also be presented by the Junior Harmonizers of the Bethlehem Baptist Church, a well known Gate City  I Section of the parade will leave from the Beulah Baptist church on the Norths;de: Ebcnczcr on the East side: Allen Temple, on the Southside. and Friendslrp Baptist on the Westsidc. It is expected that every Sunday school in Greater Atlanta will be represented in the . The aud:torium meeting at three o clock is open to alt.</t>
  </si>
  <si>
    <t>                                           With half of the larger Sunday schools already lined up and many of the smaller groups promising to take part, indications are that the city wide Sunday School Parade, which will move simultaneously from four points of the city at 2:30 Sunday afternoon to the city...</t>
  </si>
  <si>
    <t>                                           The Nashville Black Hawks and the Natonal Baptist Publishing Board's team gave 500 spectators thrill after thrill as they split over in their picnic day double header last Tuesday at Greenwood Park. The Hawks took the opener 7 to 4. while the Publishers took the...</t>
  </si>
  <si>
    <t>                                           Card of Thanks                 Mrs. Maria. Goolsby wishes to thank her many friends for their expression* of kindness and for the. beautiful .flowers sent her during her. illness., after undergoing serious operation at the Grady hospital... Mrs..- Goolsby, resides at J324}i .Auburn tAye. x</t>
  </si>
  <si>
    <t>                                           Rev. C. W. Francis of the Salem Presbyterian church, brought to his people Sunday morning a wonderful message. Rev. Francis preaches in Seneca. S. C. every first and third Sunday. On Sunday morning Rev. H. Bess supplied St. Paul Baptist church during the...</t>
  </si>
  <si>
    <t>                                           TODAY and ALL WEEKI First Atlanta showing [hat scorn Jnipossiblc to "A knockout t film Londeil with N. Y. Journal. dramatic   and 'if mn daro-    4% !" gPtV X. Y. Mirror. Ilumlicilg   lime nhd  to  it to you I With n Kicuntic cast ; * world-  drivers, nml ~~~;.S JAMES CAGNEY 5 JOAN BLONDELL ANN DVORAK  -,, 'it,  kt' f ^1- No Increase in ..,1 .:.'jjg Prices! /1:.?f;:~:'J?   I'gj;- 0PEN:ii:iM</t>
  </si>
  <si>
    <t>                                           Willie Willis, of 100 Crumley street, southeast, a driver for the Primrose Dry Cleaning company, was robbed of between $400 and $500 Saturday night when a bandit jumped into the back of his truck and struck a pistol in his side.</t>
  </si>
  <si>
    <t>                                           Honoring Rev. H. H. Coleman of Montgomery who is conducting the Spring Revival at the Beulah Baptist church was an elaborate supper on Friday evening given by Mr. and Mrs. William Pierce at their lovely home at 410 Lindsey street.</t>
  </si>
  <si>
    <t>                                           CHICAGO, June 17 -- (ANP)-- The early arrivals for the National Republican convention in this city were practically all from southern states whose right to recognition in the convention had to be contested.</t>
  </si>
  <si>
    <t>                                           Well, along came Tommy Burns and among the first to volunteer for slaughter was big McCauley. And what a time Tommy had with him. Mac towered over Burns in height weighed thirty pounds more and didn't know when he was hurt. It was Wednesday night when...</t>
  </si>
  <si>
    <t>                                           SUNDAY EXCURSION- JULtf 31st. BOUND TRIP --^H ATLANTA to MONTfiOHERY. ALA B^H TAKE A TRAIN 1UDE SUNDAY. CHEAPER THAN STAYING AT HOiiIE SPECrAL TRAIN H Lit. ATLANTA 7 AM: Ar. MONTGOMERY 11:30 AM ^f^ ^H Lv. MONTGOMERY 7 FM Ar. ATLANTA 11:40 PM flW LARGEST COLORED EXCLUSION EVER           ^H BD FROM ATLANTA. ACCOMMODATIONS FOR ^B i.OOO PERSONS. PURCHASE TICKETS IN AU^H VANCE. PLENTY OF ENTERTAINMENT Wf ^H BASK .L:- PULLMAN HURRICANES    THE ^H MONTGOMERY GREY SOX CRAMTON U6w;_ JH SPECIAL PROGRAM ^H MARATHON DANCERS NOW IN FULL PROGRESS. ^H WA3 PARK. LARGEST COLORED PARK ^H IN TlfE COUNTRY, SWIMMING POOL. PICTURE SHOW. OTHER ENTEniTAINMENT. DON'T MISS ^~^B rHI3 EXCURSION!  H9~^9 ^*e* **e Cure You! .'^^HHB^l DONT DELAY I CALL AT ONCE! 4 ^^^H^H^^In ^ar 2^ 7  ti I       CURING  right hen  H^^^^^^H] 'n Atlanta ( of them! 4 1 ^^^^^^^^^Rl No matter what year trouble la, no        haw     4 I^^HBbHb^Hi r^OQ* 9roar  nar he, I urge yon    call and are Ib^^b^b^b^b^HbM m* s' once. 4 p BmH^^^^Bj Treatment li Tery-  In coat, 4 Bs^bIb^b^b^bHB I*0 ^  or  . AH dl- Rfla^B^B^B^B^^H  treated with my pare nature herba with at* 4 Hla^Hl^l^  reault* in  , 1 a^KvHaiBS HALE OR FEMALE CALL OR WRITS 4       DRa    Yv youNG PI^^^TOa WITH  ORIENTAL HERB CO. CHINE8K 8 AND  COMPOUND  Herb A Core for Erery Dlaaaao of ttw     '     IpaclsIUt' Ml B4(4 Ate. WA. tilt AtUsta, Ga. U Imn U AtUaU Hoart^T A. M.      ^y;~A^AAA;</t>
  </si>
  <si>
    <t>                                           purse sums GET NEARLY S150                 A large sum of money was reported stolen from women Saturday nigh ws-the result of two purse snatching episodes Miss Helen Liston, 1068 Peachtrco street, apartment 1, the first to report, stated that a small dark Negro grabbed her pocketbook containing  65 in cash, a fountain pen, keys and other valuables as she stood In front of the apartment building about nine o clock. The other victim, Mrs. Oscar Burtell, 869 Capitol avenue, was  to tell whether or not her assailants were white or colored. According to Mrs. Burtell, she was robbed of her pocketbook containing $78 in currency and number of valuable papers by ono of two men who approached her about 11:30 that night near her home. One of the men held her while the other pointed a pistol at her and took her pocketbook The empty purse was found in tho bushes nearby later.                 Woman Runs .task: 2 Seriously Slabbed                 i Going on a wild  of stabbing. Hazel Houston of 357 Kirt street, had seriously wounded Miss Wllllo Mne DuPree of 262 Greon street and Gus Jackson also of 357 Kirt street before she was through. The DuPree woman received a deep stab wound on her left arm and cut on thn forefinger of her left hand when  attempted to take                 the - knife away from its . Jackson was stabbed In hig left shoulder. The exact cause of th"~j stabbing spree was not learned Sun. day night at Grady hospital whet-;! the two injured persons came    -] treatment in the emergency clinic. They were released. A case ww I made against Hazel Houston.</t>
  </si>
  <si>
    <t>                                           Brook Stars In Exciting Film Melodrama i                 Ddop. elemental emotions underlay the  oT "Silence," the now Clivc Brook Marporic Raniboau Pesrev Shannon melodrama, which conies to the Royal theatre Thursday for l\vo . It ;s a  story of a man s .il of the woman he loves, and his                 al  to a creator love when his daughter is imperilled by the misdeeds of h's own past. Clivc Brook plays the  role in this story which, as a staco , thrilled Broadway a few seasons ac-o. Brook is seen as the likable, weak and handsome crook, whose love brines heart-break to the woman who loves h:m- Twenty years  between the early and final action of -the story. Brook meets his . crown to  womanhood,  to bo married. Pier father s past threatens her , and Brook, awakes at last to his own worthlessness, sacrifices himself to save her. "Silence" brines Poetry Shannon, the - beauty recently seen in "The Secret all," in two roles,  wife and  of Brook. The two characters which' she portrays never meet  the action of the story, but the  to play two . roles cives this brilliant  new-comer to screen fume an extraordinary opportunity. Mariorie Rambeau. well-known and  stage and screen act.ress, has the other Icndintr feminine role. The  picture brings  of the most popular  melodramas to the screen. "S'Icncc." a few seasons aco, was one of Broadway's hits. Paramount employed its author. Max Marcin. to  the film script and assist in the direction with Lou's Gasnier. Marcin has lately turned to  . nnd, with Gasnicr  "The Lawyer's Secret."</t>
  </si>
  <si>
    <t>                                           Ddep. elemental emotions underlay the Plot of "Silence," the new Clive Brook--Marporie Rambeau--Peggy Shannon melodrama, which comes to the Royal theatre Thursday for two days. It is a gripping story of a man's betrayal of the woman he loves, and his...</t>
  </si>
  <si>
    <t>                                           Bamojut lf*~ ^S OPEN I ~^VfNOiW'l if  5* -A. M. BARBARA'^ni i I STANWYCK J  A In EDNA FCItDKn'B         ^'SO B*G"J</t>
  </si>
  <si>
    <t>                                           BAILEY S ROYAL THEATRE j MONDAY and TUESDAY The Screen's Must During ;iml Thrilling (JAM.'STEK Picture! j "THE BEAST OF THE CITY" With WAI/1'KU HOUSTON j BAILEY S "81" THEATRE COiM. SUN. M1 AND ALL WEEK JOHN HENDERSON BROWHSRffl" MODELS A'  By "THE SOUr  SERENADERS" SCREEN Sunday Midni Also Monday and Tuesday ~*:r A'Rk. of Action and Thrills</t>
  </si>
  <si>
    <t>                                           Miss Julia Mapp of Greensboro who has been visiting her aunt, Mrs. Stokes on D'Antignoe Street has returned to her home. Before her departure her aunt delightful her entertained with supper, having as Miss Mapp's guests. Miss Elizie Ferguson, Mrs. Elevlyn Murdorck...</t>
  </si>
  <si>
    <t>                                           Have the Skin All Men Love You can t p*n against nature nnd it Im '.t mil lire t'~ ' ;i li^ht, :Mrar, soil skin. 'M' ;(il  ?ds of clear! mk I Ik? implosion nf ruinous,  ,  Iy, .  ami  -ncs, Nadtiutla Civmih in uu- )!   t, quickest mikI        s.- just apply this    at   ?       ' tm m;is ^Mirintr. no      }l tig. XimI1iki!:i quickly brings fresh,  l^auty to  skin;  a .soft . .-. ,  : ~-l"sinu' up ,      "s .Kit! lo.- tho * -. lovely. Pdii'i risk  fnco. ii'*fk.  anc! h^ to cheap bleaching i-r-anis. (*nt*~ or , but  in n-:o i"\i1 Nitfllnoia Tt'na^l iir; Cmam with Us            in nn   l.   * a    ; .Iir i nr XatllnoJ.'i Blniirhhu: Cr^mi = ;m\ tollot :  ' it . and  you will sro a hint of tbf wonderful     1t :j tc . Money-back  in even* package. j BLEACHING CPE AM Manufactured hy Xttiniitf Tnilrt Co., Ptif.t. Tf.n.</t>
  </si>
  <si>
    <t>                                           Ben Davis, principal hope of the Gate City in the sixth annual Georgia Open net meet beginning here next Wednesday, August 3, is in the market for a good doubles partner. At present he is angling with...</t>
  </si>
  <si>
    <t>                                           , ECON PASCAL TO SKlN BEAUTHTj .^C LEAN SE YOUR SKIN /^~  )/!\ ^c ^ your skin  he clean. U^T^^^Jin^^ Ccnuinc Black and White CIimiim;^ Cream j \pl^5   "r^^Tyy a^ ^'rt 'in^   v.'hich c;~ii-=c      ; :v.v\ j !Hl PROTECT YOUR SKIN 4 Don't Id  nn and wind d. ;md rn.-ir rn yoni r-Uin. . ^\^%.wk Keep it Iisht and f.tir ami .~-no^tlt with ('i- R!-.n!: Iffl^ft ^V^ jJl^iB Ion- Contains       tlic n^Iit      :it u:  lo WJy^S^/ mildly bleach your ?kin. Lirsc jar nf Ccnuir.c 151.ick ^j   gS? an,j       Peroxide Cream only Z?c. ^m NOURISH YOUR SKIN ^^^   "^g. Give your  ihc nccc-nry oils to keep it ^oft. ^^^Jfl^ firm and your.i;  ihc r;'"si:   y*';n^. Rich ar.d /5mf**^2 ". Cc:: Bind: :tnd Whit-; ("old -irri ii l/^(dill*^~By^iB  ^' tone- "J\c  Uin and   :rr-- it !iv^nL^Sfe^jW fully soft, fresh and smooth. Large j.ir u( Genuine ~^ri".'  Black and Wliitc Cold Or^n only Me BLACKEWHiTE BEAUTY CREAMS IF YOU WANT TO Attract the Men LET THIS FAMOUS TONIC HELP YOU if  ou arc a weak, sickly, hugg-wl Here's Nature's Own Tonic woman, you haven t Rot a chance to win at love. Men don't like sickly worn- St.Joscph s G.I-.P. is -?;.,re ,,wn en. They want a woman who is strong, !t and  which vigorous and healthy, with sparkling havc ''~n.U5cd for ,morc ll"n -1 eyes and lots of physical charm.     'cto '.itc and strengthen worn\r    b t cn- Start IaltlnS today. Watch how YOU Can Be Popular, lOO quickly it helps to give you abundant If you arc weak, run-down and con- vii. and energy, how it makes you  ailing, make up your mind you simply bubble over with pep and are going to be strong and vigorous, health,  you lots of appeal and you arc going to end those ailments plenty of "it." Youc dealer sells the big and have all the men friends you want, dollar bottle of Sl.Joscph's G.F.P. on You can do ic with Stjoscph's G.F.P. an absolute money-back guarantee.</t>
  </si>
  <si>
    <t>                                           AS VETS STORMED CAPITAL                 Making a last  to  lo Congress for payment of the soldiers' Sonus before adjournment, these wur veteran!- of the Bonus Army in  running up the Cupitul steps .luring the  which nearly resulted in a riot. Inset is the leader of the California bonus contingent, Robert W. Robert . who /cil the "Death March" in front of the Capitol an -  u p.. 'lent  the adjournment of       lua.i.</t>
  </si>
  <si>
    <t>                                           UN SHOT FOP. DEMANDING BEIT                 Mrs. Pr:irl Phsctim!. 372 Omiiiilly street, was . but      seriously  wfi^n sho was shot in the neck and Md ni her fnce by :i discharge from n   by Jnin.'S Wilkc-~. ;i r-i-mrr,  five o clock Saturday . The trouble Is sold tci have  over tlv question of  rt;i:Ottlrers Plttmnn mid Tippen were  m find nny  ri the mnn who made Ills i-'. He  n single burr- lied slv.. Mrs. Pnsclial was token m me Grady where she was .</t>
  </si>
  <si>
    <t>                                           ^=3 Another murder, this with an axe, 5^9 Sunday boosted Atlanta's total for the ^H year to the  figure of 51H Only punishment to the full extent of H the law in those cases not proven to Bj be justifiable homicides will s op these atrocities.</t>
  </si>
  <si>
    <t>                                           1 GEORGIA i OPEN 11 A.M. 15c 1 THE AGE FOR LOVE 1 wait C  DOVE M</t>
  </si>
  <si>
    <t>                                           - YTTTYTTTTTTTYYTTTTTTTYTTVTVTVYVTYVYVTVVWVj M ATLANTA S m,m OWN  MAHKeT ALL UNDER ONE ROOF 3 Corner Edgewood and Butler ENTRANCES ON FOUR STREETS EDGE WOOD- BUTLER BOAZ BELL J t BARGAINS FOR TODAY AND SATURDAY OPEN SATURDAY UNTIL 11 P. M.- FOR YOU! k 4 D. F. HAMILTON BOOTH 52 *%~- HOME-PREPARED CANNED WH A BaHTI     foods H. UrtlLiBiq Extra Special!! ONLY 50 BOTTLES My Own Good t..,. r"m.~.i t "PEPPER SAUCE" llC\ic Was ISc; Now 10c  SATURDAY. ONLY s II BUM A Jams Jellies Pickles HfflmS .2Mb BT Preserves Produce  ^V ^P I MUNICIPAL MARKET Elbcrt:i Brand Direct from Farm to You The 20c Kind  Best Creamery I Kmgham's None Better I Bacon, lb. box 20c n *i Beef Stew, lb 7Mc BUlter OC j Beef Roast, Ib. _*-_15c I Pork Roast, lb. 10c Boiling Beef Sc I Lamb Sh'l'er, lb 10c Chuck Roast ..__j13c Lamb Leg, lb 20c Sh'Id'r Roast 18c J MUNICIPAL MARKET ,J Everything from Soup to Nuts I f BELL S-Booth 9 I MRS. W. K. BALLARD BOOTH 110  C APiriMAT PEAS. Fresh Shelled. 1ft. BELLS ORIGINAL J Black Eycil. Per Pt.   MAT1P My Home-Grown Cp       , AlAULi 4 J Squash, 2 Lbs r \     Pulton county-grown OR.  Alhli 1UJ Kmpl)~     . pt. 20; 2 pU0"1- FULL p,NT 15c ^ZSfZfiL* .Mude.,nd So,,, Every ply, Prices in town -4 r=    "l 3 r P 'P Darlffl 'Country Curd HamandBaconi  j J ~.r.ali;Ull* OJ Poultry, E,  , and         8,, t I Z:r..' '5 Ib. 25c r 4 J Dresscil Frrc While You 'Wait. All Sizes and Colors.</t>
  </si>
  <si>
    <t>                                           The Atlanta Black Crackers, hard-working souls that they have turned out to be are now on the long and weary path to Knoxville, Tennessee where they meet the Knoxville Giants, also of the Southern League in a three-tilt series. After that the Black Crackers beat it for Indianapolis meeting the A.B.C.'s Then they hit the homeward trail, opening up at Ponce De Leon Park against Tom Wilson's Nashville Elite Giants in a night game Monday at...</t>
  </si>
  <si>
    <t>                                           ZEMO RELIEVES   me h Soothing, cooling ZEMO brings prompt relief to itching, burning skin; even in severe cases rebel cornea as so*n as ZEMO touches the tortured skin. Eczema,. Ringworm* Hashes, Pimplea, Dandruff and other annoying skin or scalp troubles generally yield to this soothing, antiseptic lotion. ZEMO is sate and dependable. All Druggists. 35c, 60c. f 1.00. Extra Strength ZEMO best lor chronic cases- J1.25,</t>
  </si>
  <si>
    <t>                                           Over Grave of Submarine Dead                 ;A French Navy cutter and the submarine "Arione" are shown above the spot in the English Channel off Cherbourg, where the French submarine "Promethee" recently went to the bottom, carrying 63 of her crew to death. At top arc two survivors of the "Promethee's" crew with Captain Coistel du Mesnil,  of the ill-fated craft inset) These men were on deck when the submarine took the fatal plunge and were picked up by a French fishing boat.</t>
  </si>
  <si>
    <t>                                           ONLY NBsVo DAILY NEWSPAPER IN THE WORLD SOUTHERN NEWSPAPEIi SYNDICATE, INC.. I UM. W. A. SCOTT Koundn Frank Manhall Davia -Managing Editor MEMBER OK THE ASSOCIATED NEURO PRESS T1IK WOULD      / lor   MX 1 U 8UB3 8 Ont     , I7.E0       , I4.SS 3 Monlhi. J^IS _IT_i   AT 1.0 AUBURN AVU, H. K. TELCPBONIild: WAIoot 1469 Bad 148t ^ M      -~UM  at          0      at AllaaU.    .( HHiar tkt xt of Uarch I, 1 7  ADVERTlBrrlC REPRE8ENTAT7V* W. 8. iir*1 CO.       . Ntw York. Loa AsioIm</t>
  </si>
  <si>
    <t>                                           HIT ON HEAD BT AXE: IN DIES                 Bob Evnns. 363 Rhode* . who wiik severely cut over the head with an axe  6:45 Sunday  by Frank (Roy) Davis. Lawshe street, on Miirkham , died at 5:50 Sunday  at the Grady hospital, alter an .emergency operation. The body wns turned over lo the Hnnley Company, where funeral arrangements are being completed. The wounded man was luken to the Grady by Miircellun Wntkins. of 296 Fclton drive. His assailant 'escaped.</t>
  </si>
  <si>
    <t>                                           IT REQUIRES no clairvoyant to tell you that back in 1917 B. D. (Before the Depression) when Mrs. Mottle L. Jones' bad boy, Lucius. put his full-grown pedals upon Atlanta sod for the first time, no one lent any particular attention to the event. Certainly no one was excited to write home about the matter ... Fifteen long, exacting years have passed since that time. Op Man River has kept rolling on. And even now, no one has waxed eloquent over the doings of Mrs. Jones' fatal error. But say this much for the idiotic offspring...</t>
  </si>
  <si>
    <t>                                           I' .^COMING! .NEXT WEEK! "'ll BAILEY S "81" .:;iii Com.' Sunday Midnito' and ^All 'Week Ti(~X .''V-ii^jl JOHN HENDERS(ON-v.'v^iM (Formorly, of "ijT iJk;;     :  SKIN MODELS-'- ^;ti am il!</t>
  </si>
  <si>
    <t>                                           Rendered insance and hopeless by pellagra disease. Joe Hill about 45 years of age, 175 Rear West Virginia, fired two wild shots in his yard this morning at six o'clock and sent a third bullet through his heart. His lifeless body was stretched out on his bed...</t>
  </si>
  <si>
    <t>                                           One of the outstanding events in religious circles took place last week when the officers and members of the Pleasant Grove Baptist Church celebrated the 48th anniversary of their church and the 15th anniversary of their brilliant pastor, Rev. A. V. Williamson, with a week of splendid programs which ran through July 11-17.</t>
  </si>
  <si>
    <t>                                           WASHINGTON, D. C., July 25.--(CNS--)How itinerant teacher trainers travel from one Negro vocational agricultural school to another showing teachers how to organize and operate the farm shop courses given for the boys in these schools is outlined in a...</t>
  </si>
  <si>
    <t>                                           .FiineraJhHotjcesj                 MORTON- The friends and relatives    '-- and- Mrs. Roliind Smith Miss Rubie Smith. Mr. and Mrs. Charlie Bealiman nnd Mr Burdell Benrmm arc invited to attend     funeral or Mrs. Mattie Morion  (Monday) afternoon at 2:30 o clock from the Thankful         church, Rev. J. W. Tate officiating. Interment Dewituf. cemetery. Cox Bros. WRIGHT- Mi ss Cutlierlne Wright. of 451 John street, pussed away at a local . Funeral announced later. Dunn Funeral Home. 305-7 Marietta street. RAGLAND-Mr. .1. S. Ri'S'""'1 died at     residence. 10P Park avenue. Funeral announced Inter. Cox Broa.</t>
  </si>
  <si>
    <t>                                           DOWN TO Forsythe, Ga. yesterday (Sunday) where I spoke to the student body of the State Teachers and Agricultural college, had the pleasure of meeting the president Mr. Hubbard, who was proud to tell me the fact that the school was self supporting...</t>
  </si>
  <si>
    <t>                                           William Allen, Finder of Dead Lindy Baby, Calm Under Spotlight of World Publicity                 By Esther M. Ibirvcv                 NEW YORK, May 20-Wcek before last tlic  of William Allen wan unknown. Last week, with hla discovery of the body of the kidnapped son of Colonel nnd Mrs. Charles A. Llnbcrgh, his  is known throughout the entire world. His modest, poorly furnished home                 iit 43 Roonevelt street, Trenton, N. J., since Thursday has been besieged day ami night by newspaper reporters,, , motion  men, and last but not lcn.it the enterprising businessmen carrying contracts "and offering money Tor everything from personal                 in sideshows to endorsements this and that kind ot soap  cigarette. Saturday. I called to see Mr. Allen and despite a barrier oC silence  by his attorney. Max Levine, while, was admitted to the interior of his home, by saying the purpose of my visit was to see Mrs. Allen. Once inside the small story and a half house, one could easily sop tlie evidences or the struggle this now would famous Negro  has hail to keep his poor but happy household together. I was admitted to the parlor about noon time and for the next                 four or more hours trying to get an interview with her famous husband was about as easy as holding on to a. greased ptg. Despite the warning issued by Levlne, tho lawyer, members of the household did not keep their lips scaled as tightly as ho might have wished. But to get back to the story, when I was seated in the parlor to watt for Mr. Allen. I was not without company. There were two detectives waiting to take Mr. Allen to Col. Linbcrgh's  at Hopewell for further information on the case. Fortunatey  didn't guess my identity but mistook me                 for a friend of the t . Mrs. Allen Kept Busy For the next hour or so while  for Mr. Allen to come back I gossiped with Mrs. Allen and she told rnc of the struggles she anil her husband were going through on his small weekly wage. There nre throe small children, William. Jr.. 7 years old; Gerald, 4 years old nml Eleanor, 14 months old. There are three older daughters, Mrs. Helen Driver of Ponnington, N. J.; Mrs. Myrtle Whortenberry and Miss Elizabeth Allen, oj Trenton. Mrs. Continued on Pago 6, Col. 1                 William Allen (Continued from rage 1) Allen -me of the exciting  around the house on Friday. It is time for lunch but before Mrs. Allen can put the rood on to cook, somebody knocks at Ine door. It is a representative of iho Bell Telephone Company who has come to offer Mr. Allen a  free of charge as a token of  from the company. Mrs. Alien is mistress so far as the homo is concerned and  is the one who will have to  the telephone which would probably bo continuously ringing, so she gracefully refuses the kind offer. Offered Money, Furniture, Etr. Before the door is closed a radio expert comes up th0 steps with a radio from a well known firm. But who would pour oil on the present confusion around the home by adding a radio. This offer is politely turned down. Then  the furniture man with an offer to put in a brand new set of house furniture free of all cost. Mrs. Allen turns once more to thc stove to be  once more by men firm thc Fox Movie Tone Corporation, Warner Movie Tune and the Paramount all wishing to have a few minutes of Mr. Allen's time     pose und talk for the *. for which  promise he w*" Dc well paid. By this time the small children are hungry anil sleepy. They follow In her footsteps all around the house. Shc puts thc food on the table, they arc grateful. About 10 o clock at night they sit down to swallow a few mouthfuls when a crowd comes to congratulate Mr. Allen. He has lived in this same neighborhood for three years. They have seen his face every day inn { it looks new to them now. They have just noticed a beautiful patch of gray hair about the size of a silver dollar on the top of Ms head. He is 43 years old but this gray patch seems to have been with h'.m since boyhood. Thc family finally goes to bed about 4 n. m., and arises two or three hours later when Mr. Allen put on his overalls and went back to work with the Welling Titus House Moving Contractor of Trenton, N. J.. where he has been driving a truck for eight years. Dcs pile the prospects fa small fortune being dumped into his lap. he refuses to act hastily and is working at his regular daily task. Detectives Escort Allen Just as Mrs. Allen finished telling me this. Mr. Allen comes in with his lawyer. The  tell Mr. Allen that they have come to escort him to Col. Linbergh's home. The; the police tell him they will not thc police tel him they will not take Mm in their car. So Levine stays in the home. Levine cautions Mrs. Allen and the rest of the family against talking to reporters. He said they had aready told reporters too much and had not gotten a nickel for the interviews. Despite this warning I continue to act like a friend of thc family and Mrs. Allen goes right on talking to me though shc is frequently interrupted by members of- the family. Denies He Was  A short while luter. Mr. Allen comes back and for thc first time I get a chance to talk to 'him. He said that Orville Wilson, white, who was on the truck with him Thursday when thc Linbergh's baby s body was found, had been his helper     several  and emphatically denied the report that lie was Wilson's helped as hail been erroneously reported In the daily press. Allen said that he was the one who found the body and then drove the truck to Hope well where he notified Policemun Charles Wllliumson who immediately notified CoL H. Korman Schwarzkop ami other detectives who had been  the home of Col. Linberfih since the baby was kidnapped. X He; drove them W.the spot where                 the body lay and till credit for '.ho discovery at the child s bod'/ belongs to him. Allen does not like to talk about himself so he shifted the conversation by saying: "I am the father of six living children, one about the age of the dead  and I am in a position to understand the pain caused by the baby being snatched from its parents and being brutal!y murdered." Engaccs Lawyer He refuses to discuss what Col. Linbergh had said to him. but I was given to understand that Col. Linbergh had requested Allen not to sign any contracts and the contracts are numerous. There had j been onc offered him to appear in I a sideshow at Coney Island for six months at the pay of $300 per week. There arc other contracts offering him a lucrative vaudeville tour, appearances in movies, all ranging from $150 per week up to the $300 per week sideshow contract He received so many offers that he engaged Max Levinc. white lawyer, to advise him and he is taking all offers under advisement und doesn't know which onc he will accept. But in the meantime. William Allen- Negro truck driver whose name is world famous as the discoverer of the body of the world famous baby- goes calmly about his job of driving his truck, rejoicing more In the fact that his find has to some extent, cased the I minds of the child s brokenhearted parents than that it  him overnight the mOMt famous Negro in the world.</t>
  </si>
  <si>
    <t>                                           NEW YORK, May 20--Week before last the name of William Allen was unknown. Last week, with his discovery of the body of the kidnapped son of Colonel and Mrs. Charles A. Linbergh, his name is known throughout the entire world. His modest, poorly furnished home...</t>
  </si>
  <si>
    <t>                                           Are you worried over the problems of your domestic life? Are you in need of advice to help you overcome the difficulties which beset your pathway? If you are a subscriber, write to Mrs. Beulah M. Hill, Practical Problems, care, Atlanta Daily World, 210 Auburn...</t>
  </si>
  <si>
    <t>                                           This Ad Good for 10c on Any Shoe Repair Work or J Hat Cleaning. : CUSTOM SHOE  5 Hat Cleanins (Odorleu) Lndist' Mcn't Sold Sowed or J Vulcanized on (Non* Nailed) 4 11 Eduewood at 5 Points la. 4268 Downtown Deliverr^ 1</t>
  </si>
  <si>
    <t>                                           In addition to the causes mentioned in the last article upon this subject, there are several other factors to be considered, such as diet, habits, abuse of physics, actual diseases of the stomach and intestines, etc. These we will take up as we go along.</t>
  </si>
  <si>
    <t>                                           PROMINENT IN CHAUFFEURS I SERVICE CLUB- .Mr. W. L. King I 1862 Overtoil Pk.. Memnhis I                 Photo by' Hooiu'"Meinpliia</t>
  </si>
  <si>
    <t>                                           8B^ ONLY NEGRO DAILY NEWSPAPER IN THE WORLD l.^MMMIfwffll^jjl VOLUME 5. NUMBER 77 ATLANTA, GA., , MAY 4. 1932 PR1OB FIVE      )~</t>
  </si>
  <si>
    <t>                                           NEW YORK July 22--The fact that Harlem, already a fruitful field of inquiry for students of Negro life and c culture, is beginning to claim prominence as an art center was made clear so many art lovers who visited Harlem's first outdoor art exhibition last week.</t>
  </si>
  <si>
    <t>                                           A call from any part of Chi Will catch oar car while yet your cry.</t>
  </si>
  <si>
    <t>                                           Up From Georgia With My Banjo By Thomas Jefferson Flanagan j "~   TOO PROUD TO PLOW HUSH, little breadline   rr.sT;    Don't you cry, You'll get the railroad men By an' by. I see on the ''board'1 In English plain. "Central of Georgia. y Takes off a train." An' I look below 1 Among the numbers fine An" bless your soul 01 honey it s mine! Jcsonemore trip "~f2l To rush that mail, An' they ain't got room For me in jail! So yonder in the breadline I'll make my bow I've got a little farm But loo proud to plow.</t>
  </si>
  <si>
    <t>                                           Olympian                 Though not yet 18, this fair young         is already a veteran Olympian. She is Dorothy Poynton, of Los Angeles, who recently defeated Georgia Colcman in the diving event  t the Olympic final tryouts at Jones' Beach, L. I. Miss Poynton was the "Baby" of the U. S. Olympic swimming team in the 1028 games at Amsterdam, a</t>
  </si>
  <si>
    <t>                                           The La Fosse Club of young men will entertain Monday, June 20 with a luncheon at the Phillys Wheatley Center and dancing later in the evening at the Liberty Gardens.</t>
  </si>
  <si>
    <t>                                           The White Rose Florist Club met last week at the home of Mr. and Mrs. Preston Cloud. A lovely evening was spent by all.</t>
  </si>
  <si>
    <t>                                           Janitors For County Given! Cut In Wages!                 Thirty Janitors employed at the': Fulton county courthouse wore notified Friday of a 20 per cent slice; In wages, effective at once. The.oh-'; nouncement came after a meeting; of the board of commissioners.'^-; The cut, It is said, is only temporary, the wages reverting to the, for-' mer scale, after twelve .,"*,,- Five days pay w!U bo 'withheld from the janitor s checks for:,tha; next three months." and will -1 ed to continue their pay "during a' 15 days' vacation. V".j -"J'j,i ONE' DEAD. FOUR -IN*-'-? CRASn v.-.,.A.-;, BISHOPVn.LE, S. C. June U- S (ANP)- Dunherhough Iisher was" killed In 'an automobile wreck "i Tuesday night on the Blahopvllle-^ Hartsvnie highway and four        men were* Injured. :;SS? :*~*L;:^                 Ju3t is' ho ,Aiingfng?~la EEtitjKEi'aoiNamoiaJtjms</t>
  </si>
  <si>
    <t>                                           PENIf BANKER IN CONFAB .U.                 .I.K. V;i.. -Inly 20. Major K. I{. Wriirhl. president of the CitiziMis Soullprn Bank and Trust Company of I'hiladolplva. and pres  of thu National Ncto Buukcrls A., attended thj (  f (' Affairs held :it the University of                 Virginia . Wednesday, and was most cord;n lv  ved by Dean Maphis of (hu DeimrtmDiit of E- :onomic Recovery. At the clone of the sessions Jlu- 1 ior Wright said: "The discussions' were  interesting. I. made many notes, of the  on Market (Conditions. MarKet Management! and Bus'ness Management. Waste in production. Waste in attention to improper and invaluable things, Waste in expenditure of money, Waste: n the employment  on. that ;a.  more persons than ire necessary to carry on the business of a concern. Waste in ante and unnecessary salaries for  people, etc was  discussed. It was stated that Economic Recovery could not be  unless there should be a eform in these respects. "There was  not onl.Y nany subjects upon Economic Re:overy. unemployment. Religious Education and various organized  and problems, but manx  of subjects. I was Continued on Page 2, Col. 1                 Penn Banker I j (Continued from Par* 1) (~~truck by at least twj thi:;  . Tirst, was the cordiality  was extended to mo. and second, ;he  class of men that were used to Dre.' the various '.s. The round table talk wns  valuable in  '.s." Ab u result of this conference and the round table method. .Major Wricht said he will "- that round table talks be made a'- I the next  of ilu- Bankei.- j An=oci;:tion which will lie in Rich- mond. Scut. ^2 und 2S. On :he return  to Philadcl- i  . which was made bv moter. i Major Wricht  in Kichmond and  --s with Mrs. M:     " L. Walker, :). and K. C. Hurke. presid.T.;. m" -.he Consolidated Unnk and Tru-t C.o-.  and others on the cum;:;;.' .'is oi' the As.- in.</t>
  </si>
  <si>
    <t>                                           CHARLOTTESVILLE, Va., July 20.-- Major R. R. Wright, president of the Citizens &amp; Southern Bank and Trust Company of Philadelphia, and president of the National Negro Bankers Association, attended the Institute of Public Affairs held at the University of...</t>
  </si>
  <si>
    <t>                                           HELP YOUR CHURCH Buy at i Rogers AND SWELL THE VOTE TOTALS OF YOUR CHURCH Win a CASH PRIZE!</t>
  </si>
  <si>
    <t>                                           r                          '        $k **et Me Cure You!' hhJ^Hp^L;' I siai.i: on ii:mai.k cam. oh : jj^^^ DR. T. Y. YOUNG Oil. T V VOl'NU WITH THK .  CO. f -iE IIKItllS AND lll:. COMl'Ol.Nl)    "~i1   A t.'urn for V.\rry       .~r of l!:r HuTnnn        Hprcinli^t 132         4Ml Avc. WA. 2 1 H'; Allanln. (ia. 13 Yror. In Allnnla - 7 A. M. In 9 1'. ;                      ..        .</t>
  </si>
  <si>
    <t>                                           Last fall when the season of football was just jogging off, the columns of this newspaper carried items concerning Jimmy Snell who was making the scrimmage rush lines look like mince-meat at Clark. The hand of fate overtook him and laid him up for weeks...</t>
  </si>
  <si>
    <t>                                           I Tjy Lydla E.Vinkham's Vesetible Compound Too^-0ut" to go Another date broken Couldn't stay on her {cci a minute longer! Lyilu PinLIum's Vegetable Compound always relieves cramps. Try ic next .</t>
  </si>
  <si>
    <t>                                           CLASS OF 1932, Morris Brown University, Atlanta.                 -Photo by Kelly, Atlanta.</t>
  </si>
  <si>
    <t>                                           RIC ROBERTS drew the Happy Hunter-Speedy Freeman assignment at Cleve Roby's open air arena last night, and, folk, ho spins a beautiful yarn elsewhere on this page. Re estimated the crowd at something close to 2000 souls and was carried away with the Gilbert-Ruby lucky ticket idea, which resulted in the carrying away of a number of useful gifts by fortunate spectators. It is always' pleasing to follow Rie's boxing staff, The boy likes the sport to the core, so...</t>
  </si>
  <si>
    <t>                                           The number of robberies increased over the week end. The police were kept busy investigating the eight cases reported. One culprit was caught at the scene of his crime. The others have not, been caught.</t>
  </si>
  <si>
    <t>                                           You'll never know how good .^YSl a cigar can be until yo^^ {~2      55S*'*r^ more \</t>
  </si>
  <si>
    <t>                                           SUNDAY, MAY 15, 1932 THE ATLANTA DA11A' WORLD, ATLANTA. GA. PAGEFWiB;</t>
  </si>
  <si>
    <t>                                           Grocery stores, thanks to the C. M. A. movement, are becoming more and more popular as units of Negro business. In fact, it is becoming almost a fad to open a grocery store. But while this is a good thing, those who contemplate going into the grocery business should know, as those who are already in it have found out, that this is one of the most exacting types of business there is. The percentage of profit is very small, Yet a great deal of work...</t>
  </si>
  <si>
    <t>                                           The unemployed Negro citizens of Jackson, Mississippi, held a meeting at St. Mark's Episcopal Church a few days ago at which time resolutions were passed calling upon the president of the nation and secretary of treasury to use the influence of their...</t>
  </si>
  <si>
    <t>                                           CHARMING                 MKS. AARON DOUGLAS Wife of (he celebrated ind ta!    '~l        artist wlio paints in llic African , is  d one of Harlem's most charming          .</t>
  </si>
  <si>
    <t>                                           (LITTLE) Joseph F. Fielder Watchmaker 370 Peters Street, S. W.     . McDaniel St.</t>
  </si>
  <si>
    <t>                                           A.M. tSc 1 "SAFE IN HELL" J DO  Y  i' 1 MACK A ILL K ff</t>
  </si>
  <si>
    <t>                                           One Dead As Knives Find Human Marks                 BIRMINGHAM. Ala. June 11.- Once again Birmingham's black populace made Itself famous for the very thing it detest being associate.] with the switchblade. Again, when the knife  had finished weilding the  instruments the bodies of men lay heaped up with one dead and two very seriously -injured. The injured are Bob Grant, who was admitted to the Hilmun hospital, and Tom Watson. The dead man is as yet unidentified. In the case of the slain man, police are Investigating the case und so fai* have made only one arrest in connection with the case, that being Tom W.itson, who  at the hospital of raid. The man is alleged to have been killed in un attempt holdup at Sixth alley between 18th and 19tli streets south, Tuesday night. Watson wus arrested when he appeared ut the Hillman hospital for treatment a few minutes after the altercation. Bob Grant is in the hospital and sustained four deep lacerations of the back and shoulder. His assailant is known and is being sought by police. Ask Help For Health Depot On Southside BIRMINGHAM, Ala. June 11.- A special signed petition bearing the names of some of the most prominent Negro citizens of Birmingham will be presented to the Jefferson county board of Commissioners seeking aid for the Southside community center s health clinic. The statement and petition charges that due to the fact that so many patients are turned away daily from the hospital this organization is fostered to aid medically those in need of medical attention and who have not been able to secure it. The clinic with two nurses Misses Lowe and Jackson three eminent physicians of the city Drs. W. L. Brown R. S. Morton, and E. H. Ballard, boast a staff of long standing years of experience In their respective fields. The clinic is to' have a dentist join the start next week it was announced by officals. The organization is seeking aid for its maintenance. FIND WHITE BABY IN OLD WOMAN S HOME NORTH LITTLE ROCK. Alk., June 11- (ANP)- When detectives after being notified by neighbors went to the. home ot Mrs. Fannle Morman, the aged woman  to them a starving six-weekold white baby which Its mother, 10 years old, and her sister, bid left thore on Sunday.</t>
  </si>
  <si>
    <t>                                           -THfihSDAY. JULY 28.  ^j^^I^iTA. OA.      1VE</t>
  </si>
  <si>
    <t>                                           Up From Georgia With My Banjo By Thomas Jefferson  SUMMER The lazy wilier is leanin' to the whisper of the stream An' the corn is quakin' in the silkin' of a dream. An' where the furrows were callin' to the lovers of the spring, In the green grass blisses all their harvest trophies bring. The tired thistle fadin' on the dusty meadow s breast Droops in the sunlight as it longs for love an' rest, An' the bees are weary seekin' for their winter keep, An' beside the river hungry saplings lean an' weep. I long for home an' lovers an' the bubbles of the kiss That cost its glooming' roamin' or the rivers of my bliss, And with the golden summer I go longin' on the foam An' to the friends of trouble will they tell 'cm I'm not .</t>
  </si>
  <si>
    <t>                                           TRY THIS /*?%.~ NEW, MODERN P$~~P WAY OF J^mL;"'"  /fffl fj te/       SU.I-* Powder         -         on        ^- and  off. Your beard U off  and  1       can   with n . Maa^c Slmvlng Pnwtlrr retard* growth of  It la anll*   of bump* and              Ingrowlnn hair. Vmfd Iit women for removing  Itair. .ISr at  lru* More*. Or*      3So 1m ,      TODAY for biff, full-. lie can. Vrltr- ^IhrIr Shavtnp Towtler Co., Dept. E 5~%     , Ca. TIRESTiUBES- AUTO  f^ BUY FROM GOLDEN EAGLE I STORES j GET VOTES. j FOR YOUR CHURCH</t>
  </si>
  <si>
    <t>                                           I In Your City to Do Good for the Public ^SB MADAM  Ju!l wharton itl '~a'm'*'    * Clairvoyant BTTi faal -Vdvlcc in , lovi\ li I'l'~Ba ITiarrf"~c. divorce: How K1*I.I*J9kI to win In , , m^mH! hM lih and all affair* of HH9       . MADAM WHARTON  Jh gifted. One 'visit to F/f^^^^^H  occult  will repay yon for many disappointment*. ..ReaHIno for       and Colored SPECIAL READINGS- 50o IS13, Unwell Mill fetid. Atlanta C.%.  nn-fll Mill Car- SwobI Houjie from Seaboard Stop</t>
  </si>
  <si>
    <t>                                           Radio Theft Quartet Put On Chain Gang                 Equal justice was meted out to four young men, all of whom are said to have a penchant for stealing radios, when Judge Pomeroy gave them sentences ranging from 4 to 6 years Thursday afternoon after a jury had found them guilty of charges of burglary.                 The activities of the gang, each whom had special names as Smuky, Nub,     the like, came to a sudden end the night of March 6 when William Howard was shot in the foot near the Johnson                 niture store on Whitehall street. Howard, who hobbled to the stand assisted by several of his compan- ions, claimed that he was standing by the automobile when he heard the sound of breaking glass. He     shot by the officers soon afterwards. Ho blamed George Jones and Williams Harris for the removal of the radio from the broken show window and claimed that he didn't know what they were stopping there for. All three, indicted for the crime, were found guilty by the jury and sentenced to serve from 4 to 6 years. Howard also stated that he wasn't present the night or February 28 when William Harris, George Jones, and Cliff Peterson broke into the Abbot Furniture store and stole three radios. He did state, however, that he went out to see them the same night, although be bad no idea of buying one. The three were found guilty by the jury and given from 4 to 6 years. Judge Pomeroy ordered that the sentences be allowed to run concurrently, giving all an equal break.</t>
  </si>
  <si>
    <t>                                           Equal justice was meted out to four young men, all of whom are said to have a penchant for stealing radios, when Judge Pomeroy gave them sentences ranging from 4 to 6 years Thursday afternoon after a jury had found them guilty of charges of burglary.</t>
  </si>
  <si>
    <t>                                           Rogers Stores HANDLE ATLANTA WORLD CLOVERLEAF CONTEST TICKETS GET YOURS WHEN YOU BUY AND HELP YOUR CHURCH WINS A CASH PRIZE. Get Your Tickets!</t>
  </si>
  <si>
    <t>                                           Buy neckties with what it saves It Un't  to     KX or more to get qualify In dentifrice. Litlerine Tootb Pule, and* by      of Luterine, conn to you in a large   t 25*. Now kuw it       , Uautiflei *nd  your .                               '*3        50      - . Buy * you seed          *( -       *   u^. UraUrt           Gtt* LISTERINE TOOTH PASTE 25C /rne y TEXTURE ^f in your cakes^WU THE DOUBLE TESTCDfc DOUBLE ACTING H If    BAKING RV POWDER  9 , H 4 42YEAft$  i</t>
  </si>
  <si>
    <t>                                           The Dramatic club of the Washington Evening High School presents The Dreamy Kid with the closing exercises of the Junior High and elementary grades at Cosmopolitan AME church, Thursday evening, May 9.</t>
  </si>
  <si>
    <t>                                           The  soft.. Ivory toned appearance rendered to your  Is Irresistible. Your complexion          assumes new commanding beaut/ that inspires admiration wherever you so. Idealior evenIng use.. .will not rub oft or streak, jess^ ^Ka  ^KSjnigm Rachel Shadea              SOi MRS. MUNN SPIRITUAL MEDIUM  If .        ^ITSff^  or Iotc,  WJy-^W  b for joa, HWr^Sfl (f In . onh.ppr.  or.r , fiu.llr or      , Ihli rifted  and  will  * and help too; Idu the put u rou alona know It. the present ai It    and the (n. tare It will be; telli foil name of whom Too will . Reading , 10 a. m to a p. m. No reading* 8        or Frldar*. No lien, look for - Waihlnilon Lakowood can f*n door. Special Reading!. Short Time, GO  lill Lakewood    . AtluU, Ca.</t>
  </si>
  <si>
    <t>                                           Marriage Knots of Future May Be Tied  Red Tape                 Eminent Sociologist Predicts Issue of Licenses Only Xf Those Who Prove Fitness for Parenthood. Bootleg Nuptials a Possibility.                 KborDavzdSsbddon                 XlNINGtfp For LICENSES                 Whether or not the twain of the future lives happily ever after with the firl of hit choice will depend upon how he  the following question! i Will you make an "effective" husband? Can you support your children in the style which they have right to expect? Do you guarantee to provide for your family? That it according to Professor David Sneddon, sociologist, of Columbia University, who predicts that by 1950 only men and women of qualities giving high promise of being effective parent* will be licensed to marry and have children, thus eliminating the dire poverty due to great numbers of children being born to parents who are incapable of rearing them well. When it was pointed out to the professor that love has always found a way of overcoming the most formidable obstacles and that it will be just as powerful in 1950 as in .1932, the sociologist admitted that there are bound to be evasions of the law- just at there are of the liquor laws and every other law that  Ttr was made. But he insists that people could be drilled into accepting the new order of thing!. One wonders how any brand of legislation could Verhope to govern a woman s heart. The records prove that opposition erres but to intensify her determination to choose the mate on whom     bat set     heart. So we may look for the advent of the bootlegger iato the domain of Cupid. It would be deplorable indeed if a young  OUpU,~~uld not start life together without breaking the law by .l. to the altar with a bootlegged license.</t>
  </si>
  <si>
    <t>                                           Early Thursday morning officers from the first precinct received a call that a man had just staggered out of an automobile at S. Front and Poydras streets. The call stated that the man appeared to have been shot and bad fallen to the sidewalk.</t>
  </si>
  <si>
    <t>                                           Bannister's Belle?                 Her sis tent rumora making ;  ? rounds of Hollywood studio:- nre to the  that iN ur.cy Lyun (), lovely young Him , has  the place of Ann Harding in the affections of Harry , from whom Miss Harding recent fy  d u "friendly (.%" Miss Lyun. Iy year.") old. n::d d:ii:^.'r   f Slnle .Sciator CUar}   W. Lyon. :U she \i fond of Hunnihler, Lut</t>
  </si>
  <si>
    <t>                                           I have been a reader of your column and maybe you can help me out. Here it is. I am a boy 18 years of age and I am going with a girl six years my senior which makes her 24. And I am supposed to marry her in June.</t>
  </si>
  <si>
    <t>                                           'IgM PpggiS^SigSfgl ONLY NEGRO DAILY NEWSPAPER IN THE WORLD [BL^Tffl..WJlfc^^</t>
  </si>
  <si>
    <t>                                           An appeal for the freedom of Angelo Horndon, alleged Communists, through a writ of hebeas corpus was denied this morning by Judge Virlyn E. Moore sitting in Fulton Superior court.</t>
  </si>
  <si>
    <t>                                           She's in the Pink                 College life is not all brain-wrack. ing study of abstruse subjects. There's u brighter side to it, anil here it is. The young student so obviously enjoying herself is Anna Jolan of Brooklyn, N. Y., who ia demonstrating the method she  in winning the - content ut the  frolic u^New York University.                 M</t>
  </si>
  <si>
    <t>                                           HOLLYWOOD, Cal., June 9.-- Al Jolson's recent personal appearance engagement in San Francisco not only netted the comedian a neat sum of money, but promises to set a fashion in trying out songs, for talkie and musicals.</t>
  </si>
  <si>
    <t>                                           STARTING TOMORROW 1    ^/~Siie Lived Her Own Life of Racy! Pastimes and  Indiscretions j</t>
  </si>
  <si>
    <t>                                           IIAIli         -  been Hucccssfully  tor l J *. Write today for a trial outfit: Soiil )  or direct. I)RIS-KURjV MVG: CO. i-,0 Tatimll SU SW, Alfnnta, Ca.</t>
  </si>
  <si>
    <t>                                           Greatly Reduced Week-End Fares Atlanta to Ncw-nnn. $1.00; LaGrance, JI.50: West Point, $1.50; OpHika, $2.00; Auburn, $2.00; Chchaw, $2.00; MJIntcad, J2.00; and Mnnlcnmcry, $2.00. ^ tin wlr fnr All  Mch SAlurrfar  nil for train Iravlnr Atlanta A t n A. M.  Sunday *'*ooil  lo AUanU lant   Allniln 7:00 A. M. Mnndflr.        Af mUp.          4    Mlmvf             In AIIaiiIa and .         Mot CMld Train. Sm 11 ~"~1 38, Crownit l.. THE WEST POINT ROUTE Bargain Week-End Excursion Fares II Allanlii    CiivlnBton     ( return, $1.00; Soclul Clrols, fl.Ml i^ Miiillann, J1.50; Greensboro, $1.50; Union l , W.00;     . 1^ -, $2-00; WrorfilnRlon it; Thoniaoii, $2; A        , l*.';v:~li          n (~r All                   slop              #,  M ;~   (nr       No. 2 IfAvlnn Atlinla  BunclAf  1       * t 1^8  lo Alhnta loal train No. 3,  5l!~ C. ~-lFl*t*' \Pm           ..8           .   AllMM .!.    ""GEORGIA RAILROAD w/WM*~~tl</t>
  </si>
  <si>
    <t>                                           Early Democratic bandwagoners, like U. S. Poston and Floyd Calvia of New York, have already begun to place the coming presidential election on a "high plane." Their process is a simple one. First they declare in a signed statement, recently published, that...</t>
  </si>
  <si>
    <t>                                           4 GEORGIA I g OPEN 11A.M. 15c ^Street of Women I %:' Will KAV FRANCIS: S</t>
  </si>
  <si>
    <t>                                           LOS ANGELES, Calf., July 25.--(ANP)--Alexander Washington of 1911 Tarleton avenue, is dead, and Sol Payton is awaiting trial for murder, and recovering from head cuts and bruises as results of a terrific battle between the two, Sunday at midnight.</t>
  </si>
  <si>
    <t>                                           Buy From .World ^^^.AdvL^^Ov</t>
  </si>
  <si>
    <t>                                           TOMATO .1 COCKTAIL ECONOMY "f f{ DELICATESSEN \jC 233 Auburn Ave.</t>
  </si>
  <si>
    <t>                                           TIM TYLER S LUCK A Privilege Character By Lym Young                 "TFLLJyG TOMMY" T.y Pirn</t>
  </si>
  <si>
    <t>                                           I SUNDAY EXCURSION- JUI.V 31si. ^ai .sn  dM ATLANTA In MONTGOMERY. AI.A       A 1N HIDE SUNDAY  KK THAN HjH STAYING AT I1O.UK SI'IXtAI. TIS1MN B9S9 ''li- ATLANTA 7 AM: Ar.  11:110 AM $     MONTGOMERY 7 I'M; Ar. ATLANTA 11:40 I'M alB t. COI. EXCURSION , OI KUAT L HH KD  ATLANTA. ACCOMMODATIONS KOIl     HH i.non PKItSONS I'lIItCIIAKK TICKl'JI'S IN ADnUD HH van Cic. i'I.i:ntv oi"  1 8 p WH HASH HALL:- I ULLMAN     TUB SSH  ORKY SOX CHA.MTON .  BBJ Sl'KCIAI, I'ROdlJAM  H MAKA'I'lrON  NOW IN PULL I , BKj WASHINGTON 1'. l. COI.O11KI) J'AltK HH IN TI1H COUNTIiY. SWIMMING l OOI... 1' ^JHj^. SHOW,  . DON'T MISS HHHH nils I'.! ..-.i,..If.l.^.j]!]^Jii^Pi1'i!0i!i!?'l''i.    ^Miiiii   VyVVTVV7                "~VT'ryTTTTTTTT         '    ^ ,n Let Me Cure You! j ^^^BBrMljtffa DON'T ! CM. I, AT ONCE I Kfi^^i^^^ni r"r n l"vr (:~IllIN(; ~""  \'      ^W^A^^i^SBl Atlanta   f  I W ^ j 'T1'  y""' Iroub'e I". "n         now if- f iv^^*OBw^   1  your  may be, 1  you to call and  M K^ffi^^^^^Bl Treatment Is very  In . j K?^^Eh^^~ I No   or  . All     LOMlSuMfflW'' 1         whit my purp nature  with al* HHSrai^^'i ln    *      In every     . ^^RHS'^kL .MALE OH .i: CAM. OR  ..ife^^H DR. T. Y. YOUNG I p^x.             ^J;.tK"co;Si.o!m.. :vj i</t>
  </si>
  <si>
    <t>                                           ""MMSrAt.TKiii nli. Well, That'TBett  Nothing by AKT                 kv c c VAN DINE PmTTTVANTW The Skull Mystery _J?~ j_                 1 Ac^ops Sneak r--'ier Th?^. Words By LYM -YOUNG TIM TYLERS LICK rr- r- 77 m^'^^^P^^5^^^^^95^^^                 "TELLING TOMMY" 'by lJim                 BILLY S ___                 THEM DAYS ARE GONE FOREVER (A New Tune Each Day By Vincent Lopez)</t>
  </si>
  <si>
    <t>                                           Second Story Leap Made by Scared Girl                 Fea.      retaliation from her  after sho had stabbed him in the thigh wlth;a pair of scissors. Miss Grace Blackstor, 19. 103 ",4 Dccatur street, jumped out of a second story window just before midnight Wednesday. The young girt, clad in her pajamas, was picked                 up in tho street, where she fell, by officers, and -carried to the Grady hospital In a police car. Tho window* from which tho leap was mado. is about 20 feet above the street level. According to the -hysterical  pieced together 'ns it foil from the lips1 of the young, woman, them had been a general. falling out and the boy friend -liad worn the "Welcome" from' tho mat in front of the door..' However, ho persisted in continuing Ills .visits so she dc cided 16 put an end to their relations when ho called Wednesday night.. .The Eclnsors were the -so she used thorn. In her mad                 haste to get away and escape his wrath, she chose tho window, high above the sidewalk, as Ihe quickest and safest" exit Shortly  tier arrival at the j hospital, James Alexander. 11 Blandtown, came to the Grady to bo treated for his wounds. Only a fe minutes were required t care for the tiny Incision that had been made in his left leg. by the scissors. Ho  that his girl friend; whose name ho said was Grace.1 was responsible lor tho stabbing. The young woman readily admitted that she had stabbed Alexander. An examination showed that, aside from a general shaking up a sobbing spell both ankles were injured, her spine hurt, and shoulders brusied. An ex-ray picture was taken to determine the extent of the injuries. She was booked on charges of disorderly conduct and stabbing.</t>
  </si>
  <si>
    <t>                                           Fearing retaliation from her lover after she had stabbed him in the thigh with a pair of scissors, Miss Grace Blackster, 19, 105 1/2 Decatur street, jumped out of a second story window just before midnight Wednesday. The young girl, clad in her pajamas, was picked...</t>
  </si>
  <si>
    <t>                                           CHICAGO, June 17.--The Hoover Administration was upheld and the Republican National Committee was reversed in the South Carolina contest case by a thirty-three to fifteen vote of the Credentials Committee of the Republican Convention Tuesday night.</t>
  </si>
  <si>
    <t>                                           Once Lily Lou would have fled in dismay from the prima donna's lurid tales, and Elizabethan English but she listened now, smiling a...</t>
  </si>
  <si>
    <t>                                           DERMIS CURA IIAIIt  have been successfully used for lfl   -:irs. Write today Tor a trial outfit. Sold Iliroucb agents or       t. DRIS-KURA MI CO. 410 Tatnail St. SW, All;inta. C.a. TTie  soft... Ivory toned appearance rendered to your  Is irresistible. Your complexion liv  assumes a new commanding beauty that inspires admiration wherever you 90. Idea -lor  use...will not rub off or streak.       , Finh ,*J x        5                      ^   *</t>
  </si>
  <si>
    <t>                                           WAGON 1W1CKED: DRIVER GOES ON                 His wagon badly damaged when an automobile going in the same direction ran into it at 5:30 Monday evening, Will Hart, 454 Davis strr-et, made a complaint at police headquarters. The accident occurred in front of 830 Marietta street, N. W. Both vehicles were going east at the time. 1 According to records at the stats' capitol, the license tag on tlie Hupmobile, was issued to A. B. Alexander of LaGrange, Georgia. Mr. Alexander is .said to have left the scene of the smashup after refusing to have the wagon repaired.</t>
  </si>
  <si>
    <t>                                           A platform proposed by a political party in convention may be described as a monument to the stupidity of those voters whom it aims to please. Individuals plants seem strong as oak when the proposition is new, but age and the conclusion of the presidential campaign reduce them in the main to rubber. But by that time they have had their effect.</t>
  </si>
  <si>
    <t>                                           -Advertisers Wa^l^^~de H'i v I WS ~!3P" JBr i UB- A_ jL ''~X.' H- J *AiM^Br I Fruits and Vegetables Fresh, Well-Filled Butler Beans 4 Fancy, Sweet, Mature Cantaloupes 3 25  FRESH OnEEN-TOP U. S. .NO. 1 NEW WHITE On IlED Carrots u^    5c Potatoes; 5 9c FRESH TOP  CKY WONDER Beets bunch 5c Pole Beans 4c CALIFORNIA SUNKIST  TK. Oranges 17c Corn 3- 10c SUNDAY IS FATHER S DAY Have an Attractive Father's Day Cake on the Table for Him Sunday! CARROLL S SPECIAL FATHER S cAY I CAKE j?:^gl 37C i     GRAPE JUICE PINT f C.g% QUART ^   BOTTLE Am, BOTTLIi ^StC J'af Zturgun,  Krajft Kitchen Fresh I 19c Stokcly's or Pride nf Illinois CORN ~$ CANS J(9C NBC- Premium  ?E ACKERS LB. f 9^, TKG.  V I Arga Tattler       ASFARAGtFS: r. ii CAN JL 3C 1 1 ,1 l  s BcU Family j FLOUR ^LaB- 73C- ;'V-.      SJ.-C ~,,rc Gfood Co//co ft* IVORY  4c CANOVA ^-r 33c ff      Fine Fabrics With Hhrctlilcd RINSO pko, 9c WHEAT T 10c The Jlenllli Soup Vlomrblo'om Full Cream Lifebuoy 2 ca'^s I5C BUTTER V'^n. 23c.Where you nrc  of  only Mm finest  of U B Government       (~d MraU! = STREAK LEAN,  0' FAT Salt Meat 6c BEEF SHORT RIBS lb IQc-BEEF POT ROAST- ia U^. c BEEF CHUCK ROAST lb. 17c .'r': Sliced Bindleu 3 lo i-Lb. Atcrapo-Dreued' BACON lb. 15c. HENS; lb.     - J Swiirt Premium  Drcued- BACON 11 25c FRYERS ib :XHg. "rM HAMS ;c-- ^^-**-ifiS f *~!*.ff*   ;- Whole or Halt;.      ^- .1 Picnic;IIanis:.'            lb. iq^; ,j.; Beef. Short Rib \RM^}'M^'^iv^^</t>
  </si>
  <si>
    <t>                                           (                 No Farm Relief in Sight                 bv ART HUHTA                 PI5IL0 VANCE                 The Skull Mystery                 bv S. S. VAN DINE                 TIM TYLER S LUCK                 Niiihl Watch                 By Lym Young                 HOLY S -_</t>
  </si>
  <si>
    <t>                                           Gang's Gun Play Hits Woman Abed                 All innocent bystander, Mrs.Mary Mitchell of -151 Pulliam St. , was shot  the rient lee when a  of men betran  shots in front of her house  1 MO a. m. Sunday. Mrs. M'tchcll told police that, she was asleep in bed when suddenly she was awakened by the squabble of voices. Shortly afterward   and more than twelve shots were exchanged, she said one of the bullets   her w:      and  her in the  \pk.                 Officers T. I, Pope anil W. ITyson arrived. Mrs. Mitchell was treated at Grady hospital for the bullet wound.</t>
  </si>
  <si>
    <t>                                           MARKED BY DISPLAY of dangerous curves, feminine pulchritude, and other eligible attributes, the much-ballyhooed Atlanta Life picnic--that gargantuan annual event--is upon us again, and we are in the very midst of the day characterized by the colorful bathing beauty contest. This is the grand and glo-riotous day for policy holders of the Atlanta Life and the public at-large! There will be more than a carnival of fun--no sideshows 'Lis true, but oddles of other attractional. The hours today were nine in the morning till</t>
  </si>
  <si>
    <t>                                           ti i        _ ~~^^^w^-^a     -</t>
  </si>
  <si>
    <t>                                           REV. J.' E. FORD, pastor ot Bethel Baptist Institutional Churrn.                 Jueksonville, Fla. Photo by Wceraa Jacksonville, Fla.</t>
  </si>
  <si>
    <t>                                           WASHINGTON, July 20.--(ANP) A substantial gain in the field of business and increase in the number of Negro owned concerts in many lines together with the marked improvement in business practices; and a far greater appreciation of the Negro market on the...</t>
  </si>
  <si>
    <t>                                           ON L.V .O DAILY ^EK IN THE WORLD W SCOTT.. Editor  nd Publisher frank Marshall Davit Maiming Editor SUBSCRIPTION RATES 0   Year. J9.50 C Month.. J5.00 3 Months J2.S0        . 20c PUBLISHED DAILY ENCErT SATURDAY. AT 210  AVE., N. E. TELEPHONES: WAInut 1)58 and U60 SnUrrd as        - matter at the P0Rt office at Atlanta. Ca., onder the act of March 3. 1879 MEMBER OP T1IK ASSOCIATED NECRO VlCtSS THE WORLD  no responsibility for unsolicited manuscript sent Into the . ADVERmSINfi RErltESENTATlVE W. n. ZIFF CO.. Chicago. Nor York. Los Anielea</t>
  </si>
  <si>
    <t>                                           "Night and- Morning      keep I 1 ,'ClearuidHealthr I Write for Tree "Bye Cart" I or "Eye Beauty" Book I UiriaaC^;DitCI!.S,*B.          * J</t>
  </si>
  <si>
    <t>                                           Grandmother says that when she was a little girl soap and water were good enough for any woman complexion. There wasn't all this money ... for cosmetics, and complexions, were worth looking at then. They had freshness of color, whereas complexions now...</t>
  </si>
  <si>
    <t>                                           -:.?~:;{~                 WIDOW DUES *                 Murder indictment Is '% Asked; Action Not pi Yet Decided On :g FIRST NEGRO CASE5                 With Detectives Gmn ana Me. Garrity asking for murder Indictment against .Mrs. Beatrice Maxey,, widow of C. L. Maxey, veteran Georgia educator, evidence  the murder of Mr. Maxey,' Monday night, May 30; was present- ed to the Fulton County grand                 about one o clock this afternoon. Only a short amount of time was consumed in hearing the fact* In the case as only a few witnesses appeared. The action of the invest5-rf gating body will be known late; to- night. i The widow was not brought from the county jail to appear before the  grand jury. The Maxey case was ;the first colored cose on the heavy docket to be reached. Mrs. Maxey was arrested the Wednesday after the murder of her A husband at their home at :784:;:; Greens! erry , when a coroner s il jury, following an inquest at' the- -i Ivey Bros. Funeral home, recom.-;;-. 1 mended that she be held for furth- K er investigation. She was locked. up:.; without bond on a warrant sworn".;; out by the coroner. Accordingto Mrs. Maxey's - mony at the inquest she had been../ working on the records for the East Point public school of which she     principal, all during that Monday,:~ May 30, which was a holiday. The two had supper together and she went tocher "room to finish her work 7 while he went first on the porch'; and then Into his own room to do:c, some reading. ft was about eight o clock when -r on returning from the bathroom, she heard someone coming from the back door to the front of the house.::'; As soon as she discovered that it,-' was not her husband, she called tow Mr. Maxey to get his gun as there;,' was a burglar In the house. He followed the burglar into the;'; daughter s room armed with both hammer and pistol. In the tussle T* that followed, during the '; of which she said that she was out of the room, she returned In time to see the man wrest the weapon V, from her husband, leap up the stairs and dare him to follow. As the first shot was fired, she ran out of the room, hearing seve- ral shots afterwards. She added that her husband went towards the front door while she went to the. side door to calL Mrs. Cox. her next door neighbor and let her know thut her husband had been shot. Mrs. Maxey denied that she told anyone where to find the gun. J The neighbors ,the first on the scene, as well as the officers, who r arrived a few moments after re-  the radio call from head- quarters, all state that Mrs. Maxey told them that they would find the gun lying at the foot of the stairs. Although there was a phone In the house, the widow called next door' to Marcus Beavers who telephoned to the police. The  also brought out the fact that it was-1 some 20 or 30 minutes after the commotion in tho house before Mrs. s Maxey called for aid. _y Although the widow denied any 'ji trouble between herself and her j husband over the matter, it was-;brought out that Miss Beatrice Mnxey, honor graduate of Talladega college and winner of the Elkn Orn-Mj  contest several years ago, would not be permitted to reside under the parental roof when      completed her studies at TnlladcRtiN': this past term. She  ong the day that her mother wns or-",  held for investigation. It      also revealed that the young .wpm-   an had not' been allowed to live Lt;? home during her last three, visits'^ (Continued on Page C, Col. 5.) f                 Maxey Case (Conlinuotl from FnRp 1.) to Atlanta. Mrs. Maxey insisted that she understood her husband ami that his quarrel with Tnllade^a was that it was n co-educational Institution that gave its students permission to make various rips. Married 33 years the Maxeys have three other children. C. D..  nnd accountant of New York City, who has a master s  from Columbia: Dr. C. L.. Jr.. New York City dentist and Meharry graduate, and Miss Marie. Booki er Washington High school English teacher. Prof. Maxey. who was principal of the Decatur public school at the time of his death, hns been In charge of a number oC other schools throughout the state, beIing once head of the Booker Washington night school. He was a star baseball player. He was also adI mitted to the bar in both Indiana I and Georgia. Detectives Ginn and Me Gariity who directed the investigation, testified that they were unable to find any traces of the burglar s mode of exit after a very careful search of the premises.</t>
  </si>
  <si>
    <t>                                           With Detectives Ginn and McGarrity asking for murder indictment against Mrs. Beatrice Maxey, widow of C. L. Maxey, veteran Georgia educator, evidence surrounding the murder of Mr. Maxey, Monday night, May 30, was presented to the Fulton County grand jury...</t>
  </si>
  <si>
    <t>                                           NEW YORK, June 17.--The Secretary of the Navy. Charles Frances Adams, has written a letter to the National Associat on for the Advancement of Colored People in which he deprecates further agitation of the case against Lieutenant Massie and the two enlisted...</t>
  </si>
  <si>
    <t>                                           ALUMNI BOWL, Tuskegee Institute, Ala.--()--Old historic Alumni Bowl, is again recording another event that will most likely make athletic history, or at least presents the opportunity to the hundreds of athletes from all sections of the country to make a name for themselves in the athletic firmament. Thousands are present watching the prep youngstrs fight for a place in the sun.</t>
  </si>
  <si>
    <t>                                           The Crime Without a Parallel</t>
  </si>
  <si>
    <t>                                           YOUNG GIRL KNIFED BY SWEETIE                 Fuss While Mother Is Not at Home May Be Fatal I                 CUT NEAR HEART                 Slushed by :m angry i. who was visiting her while Nw  was lit work early     :ay . Miss Jessie Grace DiX'.n, 17. 387 Henry street, was brought 10 the Grady hospital in a serious condition.                 For more than twu  before she was admitted, Dr. U. A. Mehl worked steadily with her in the  in a frantic attempt to save the young woman s life. A number of relatives were summoned in an effort to obtain blood to replace the large quantity that she lost. According to Dr. Mehl, the young woman was badly slashed in two places. Considerable difficulty was experienced in stopping the flow of blood from the severed external jugular vein of her neck while, it was almost practically impossible to sew up a deep gash in her left chest due to It's proximity to her heart. Dr. Mehl stated that it was a miracle :hat kept her from dying instantly as the blade of the knife missed the heart by about an eighth of an inch. As it was. the outer sar.k of the heart was cut by the same slash that severed her breast and exposed her lungs. Nearly nine relatives were tested for blood in order to give the young woman a blood transfusion but up to a late hour Monday night, no one could be found whose blood could be termed compatible. Hospital attaches  that she would be able to pull through the night without extra blood being necessary.</t>
  </si>
  <si>
    <t>                                           Slashed by an angry lover who was visiting her while her mother was at work early Monday afternoon. Miss Jessie Grace Dixon, 17, 387 Henry street was brought to the Grady hospital in a serious condition.</t>
  </si>
  <si>
    <t>                                           Wiwr u4 PubllikM     . BUBbCKIPTIO.N "TM 0       tT.SO M.nlh.. 1(^25 a M.nlM. 52.2S 'V     . iO.  U1ILT iT J10  AVI.. K. :        U6  "J   M ^^.u.   zz$:xi A1"EU- c*- ul ADVMmSINO UKPKWSrNTATlVI W H. '2IPP CO- ChU*MO. New York-</t>
  </si>
  <si>
    <t>                                           WASHINGTON, July 27--(CNS) --Faced with a run which threatened to close their doors, officers and friends of the Prudential Bank of this city last week, not only averted what would have been a panic, but pushed on this week determined to make the bank one...</t>
  </si>
  <si>
    <t>                                           Office Hour. 11:00 A. M.     3:00 P. M. and by Appointment Phone Walnut 1150 DR. RAYMOND H. CARTER EYE, EAR, NOSE THROAT Eyes Carefully Examined I Glaxei Fitted III Room 206 Odd Follow! Bldglu</t>
  </si>
  <si>
    <t>                                           AT THE A. M. E. MEET IN CLEVELAND                 Here are some of the visitors and delegates to the 29th  conference of the A. E. church now in session in Cloveland. No. 1 Miss Yvonne Wnlkcr, daughter of the Rev. 0. Ormonds Walker, pastor of St. James A. M. E. of Cleveland. N. 2: Mrs. L. .1. Hoatre of Waco. Texas. No. 3: Miss Anita Jackson, secretary of St. James who helped  the convention. No. 4: Mrs Dr. Martha Keys of Louisville. Ky. No. 5: The Rev. A. W. Thomas,                  -Courtesy Cleveland Press v 5,-of Ft Huacliuca. Ariz. No. 0 Miss Thelnia Louise Taylor newspaper correspondent. Bottom picture shows the secretarial staff of the conference. First row left to . the Reverends G. T. Sims of Hot Snrncs. Ark.: J. C. Beckett of Kansas City, Mo.; Dili. S. Jenkins, chief secretary, and John Adams of Dothnn. Ala. Second row. G. F. Baitelle of Jacksonivlle. Fla. A. W. Ward of Chicajro: L. P. Bryan of Kansas City. Mo-: H. M. Collins of Chicniro. I</t>
  </si>
  <si>
    <t>                                           DENTIST IN TALKIES                 DR. MARY JANE WATKINS Graduate of Morgan College ami Howard University School of Dentistry, who is onu of the leading chai- :n "The Black K'ng", new talkie which hud its premiere at tin: Lafayette in Harlem last week. Dr. Watkins  leading role- in Ham's Daughter", produced at the Piovincetown theatre, GreuuwVli Village in New York City last February.</t>
  </si>
  <si>
    <t>                                           BATON ROUGE, La., July 27-- (ANP)--The state of Louisiana has just dedicated a new $5,000,000 capitol and inaugurated a new governor on the same day. The new state house a monumental, thirty-three story structure rears itself above the muddy Mississippi after...</t>
  </si>
  <si>
    <t>                                           Philadelphia Prophet? The "dad" of twenty-two kiddies so the Afro-American, a newspaper says is reported. It seems as if the phrophet had a Saints Rest that was occupied by his followers which were mostly women and it was reported that there were two...</t>
  </si>
  <si>
    <t>                                           The Y.W.C.A. Membership Campaign launched last Friday 14 now in full swing. The goal is 500 new members and the captains under the capable leadership of Mrs. Charles W. Greene, are out with the determination to reach the goal</t>
  </si>
  <si>
    <t>                                           Mrs. Eula Russell and daughter Mrs. Vashti Gaines, of Cleveland, Ohio, spent the week end at the Legium and the Dixie with relatives.</t>
  </si>
  <si>
    <t>                                           ONLY NEGRO DAILY N^WSPjKr IN THE WORLD [HT Jllifc "Ml Volume b, number  ===!5i Atlanta, ga., Iuksday, juLy 26, 1932 ZUL price three cents</t>
  </si>
  <si>
    <t>                                           Slain in Siege                 iHer gun Blazing wildly, Mrs. ,EHa May Thompson (above), of 'Loa Angelo3, emerged from her home, .after besieging police had bombarded her with tear gas bombs, to i .be instantly killed by bullets from half a dozen .police, guns. Mrs.  Thompson had fatally wounded, nn officer who went to investigate tha :complaint of a neighbor that Mrs. ^hompson had fired at her. She is believed to have been crazed by drags.</t>
  </si>
  <si>
    <t>                                           LITTLE ROCK, Ark., July 25--(ANP)--At a meeting held at the Arch Street Baptist church, a large group of Republicans turned out to listen to echoes from the Republican National Convention and as a further means of "steaming-up" for the campaign. The meeting was...</t>
  </si>
  <si>
    <t>                                           BONUS ARMY i By Edward DeJoi'e Bui-bridge Youihave travelled and your Pilerimacre Has only been in vain. The ..same brave heart vou took to '.'.France,. Once more is  pain. Ears that once so  heard Your  feet eo by, Todayare deaf to all vour pleas. Arid. fall to hear your cry. Trasrody upon your l fe Has-.blown his scorching breath. And 'hunger stalks upon your trail As .once more you face death, Those who called you. Soldier, Laueh at your  -wear But they re the ones who stayed at home. While you were over there. Thofceh the' breaks have cone  Vou, v And it s very hard to stand, Just, grr t' your teeth" and force a Bmile. Show   a man. BONUS ARMY i By Edward DeJoi'e Bui-bridge Youihave travelled and your Pilerimacre Has only been in vain. The ..same brave heart vou took to '.'.France,. Once more is  pain. Ears that once so  heard Your  feet eo by, Todayare deaf to all vour pleas. Arid. fall to hear your cry. Trasrody upon your l fe Has-.blown his scorching breath. And 'hunger stalks upon your trail As .once more you face death, Those who called you. Soldier, Laueh at your  -wear But they re the ones who stayed at home. While you were over there. Thofceh the' breaks have cone  Vou, v And it s very hard to stand, Just, grr t' your teeth" and force a Bmile. Show   a man.</t>
  </si>
  <si>
    <t>                                           A series of disagreements and diferences over money matters resulted in the fatal shooting of Sam Williams, 32, of the Southern ... by his wife, Mattie Williams, Thursday night at 10:30 p. m. The shooting occured at the residence of a friend on 21st...</t>
  </si>
  <si>
    <t>                                           i FRinAV JULY 29. 1932  THIS ATLANTA OAlLV ). ATLANTA. GA. l AGE FIVE</t>
  </si>
  <si>
    <t>                                           i EB IT1 r* ''BB1 Money at Work " me the man or woman with a savings account, one that is added to regularly," declares an outstanding business leader, "and I will point out to you a useful citizen." Systematic saving is real thrift. Put your dollars to work for you in the Savings De-' partment of this bank.         NATIONAL BANKyv^ Checking Accounti Savings Accounti Trujli Commercial and Personal Loans TRUST COMPANY of GEORGIA TtuitM Investments Mortgage Loons Bankint "FOREMOST IN  SOUTHERN BUSINESS" ~'""streams in the desert "MOSES drew near unto the thick darkness where God wai" (Ex. 20:21) "Hast thou a cloud?" Ex 20:21 "HAST THOU A CLOUD?" A sickness weak old age distress and death? These clouds will  at thy last faint breath v Fear not the clouds  hover o ec thy barque? Making the harbours entrance diro *nd dark I The cloud of death, though misty chill and cold, Will yet grow radiant with a fringe of gold God cometh in that cloud" IVEY BROS.. MORTICIANS "The Inititution With A Soul" H Ambulance Service 4. Phone.: MA- 2567 492 Larkin St., Si'W.^; JA- 8875       ,.  .</t>
  </si>
  <si>
    <t>                                           Tuskegee institute Choir 100 Highly-Trained Negro Voices in Spiritual! of the Old Plantations. Most Famous Spiritual Singers in the World. Half the house reserved for Negro Patrons. Seats on sale Friday at YATES MILTON1 PHARMACY ,228 Auburn Ave. Prices: 50 cts.. 75 cts., $1-00 WESLEY ^E^ HALL Monday Might, May 16 830 I CHEAP EXCURSION FRIDAY, MAY 13th S7.50 Round Trip: Atlanta to New Orleans, La. $7.50 Also Mobile. Ala. $7.00 and Pensacola, FU. $7.00 Round-trip. Also greatly reduced Round-trip Pullman Excursion Fares to New Orleans and Mobile. Ample day coach equipment will be*provided. Tickets sold for trains leaving Atlantn at 6:10 A. M. and 4:30 P. M. Friday, May 13th. Return' up.  good leaving New Orleans last train 5:00 P. M-; Mobile 9l04 P. M.~~':'and Pcniacola 9:20 P. M., -Sunday, May 15th. Don't ,    -,lo take advantage of these exceptionally low excursion *"* Sleeping car reservations should be made at once. v-i THE WEST POINT ROUTE</t>
  </si>
  <si>
    <t>                                           REDUCED FARES via A.B.~C.R.R. Specially reduced fare* for week end trips on  starting Fr'day each week, good returning by midnight Tuesday. Alto reduced fares for two-day and Five-day trips. v Call A.B.~ C. Railroad AGENT for additional information.</t>
  </si>
  <si>
    <t>                                           ^S FRESH FISH! jV IN ROGERS MARKETS RED FIN j U CROAKERS 7V2C FLORIDA i MULLET 9c DRESSED- RED SNAPPER 19t FRESH PAN TROUT 19c i RED Snapper Steaks 25c Cooked Shrimp '"20c 111 Strip Fo*m f UNO 1011/, IF YOU WILL tf5   I l I  re, i flu         I *      vfl, I S. S. Van Dine's Newest and Greatest Mystery Thriller M Sta^s Sunday K ATLANTA DAI LY WORiyp</t>
  </si>
  <si>
    <t>                                           ^"~'~TTyTTT^**''^, Hello! ^l^k THURSDAY at 4^~^~ 1 Atlanta World ^Mj j Readers Will y% Marvel at I Saul's Super-Values! SAUL S IS ATLANTA S FASTEST GROWING DEPARTMENT STORE ONE OF THE FIRST AND MOST CONSISTENT ATLANTA WORLD ADVERTISERS THE HOUSE OF A THOUSAND BARGAINS! Ji THE ATLANTA DAILY WORLD j a I "THE ONLY NEGRO DAILY NEWSPAPER IN THE WORLD" I -.ji ~~%</t>
  </si>
  <si>
    <t>                                           Miss M. M. Hill, a faculty member of the Samuel Houston college was the week end guest of Miss C. N. Wilkerson.</t>
  </si>
  <si>
    <t>                                           ==ft0 \STATE NEWS V                 West Palm Beach, Fla:                 Bv     . I1. M:                 Dr. V,\ V. Cummin^. Ic- j iif V.Y'c; P;il:r. B'-acii, Fin., with; j  now :ii N'-w OHcnns. l,:i in i :i \v(?lco!nc v  Wusl P;ilm P.  with Ihrcc   ;-u- j buds.. Misses M. Rawls and T. M. ! of Ni-w Orleans, av.d                 Mis S M Mo:ico:uir.ek n1.1 N-"'.1.'                 Oi'ai:.-. are Ir.e plc;is:i::i :i"---i' ;;ucs!s of M:-.-, Joe A; . "in;    :".!i Si They express '.r.i- l;rrn- es; ci'-!ici'.t  a lii'-ir first v:~-il ir. iVie i-ily. T/.e  la. lies arc (each- ~:s in -.he p'.;b!;c s-lvn!;; i f N'--w Orlenr.s. Tiic p: .tlr. v]-:1i:::'. A a::ci i\l C Bothun: airl C\~ :ii;n;.'.:: ;~nd 10. \V. C. while n: l-'iun-!-;. j  i*xi"-ct:-. Id  ^i'.-i'i vi-i'. i 'I'jllii'.ii-pa. Suni-ci U.'v.i! Eii!i.m-! iii.ivs -a-i-vi- m :i i- :ii:s ;k-'-1'!':   1 1  Tamp i M li'.'. :   _i'i'.- i:.'if!C'm~:n[ Mondily : :il ll t O.lri Ki:llo\   Hall. Til-if bus was l':     j i  : "0 miles n'.ii '1 Ta:r.p:i. iu-.ii- Arcadia. Y\ 'Vr.c a-.cn  badly .-hak'-n up Onr '::-.s--l:-. ll'.i" "a.-s V1.-I::1.. v/a- I i ciii-.ple((;ly ili Sf.'. IIu--. (iic o:-c!ii sn n  iI-.cmv i.-:-.i:a-;'-'iv.cr'-t ali l a:~? .'-Intel     ()l.'i\* al iiic CVboH" '.-:! al a  :at'- Mi-. H. V.'. Sailii'!(-;-s. (in: r.:a:-.ii::c-r. w^. no'.iiiC l bv l(i:m ::.1?    ' (n,;.-.iu-,- wi'.ll '.Ml-. W. P. MM'-, -lie li^lu p:'C'ir.o(er. .-'.nil D:-. .1 C Hedges. I'-f; :~i mice '.~i n-r.!rr r.rsi j aid. Mi.-sc-- Missouri V.'a.-hin;:l"" anri Mriryilui-i'.c Haiti ,-s t :t:ii-:o': - at Tampa. Julius IliUhcrioid of BO'i Divi.i.n: ?. I:1-':; in the nii i):U'- ff (li j M'.-al Fiuirral  . li!J.i-.-.  lalji^Crl Frici   - ! i-u R"se:r.ai*y . IU;, a;^'' -f vera-s. J was i -n an errand fur his  -. an ar^ arose over  ^:imc ci cords wil:; \l -i L. Gri'lsen. \v!m r.'.n away froni (he .score aral wr.s later ta!:'V. in by officers. Iluthcrfo: d jived j u':'.a !lir. parents. Mr. mid Mrs. F.vans IUuliCi'ioi-d of SOfi Division '.  here from Vicnni. fi.i in June. 191!6. He is i,;i:-viv. ii l-y      :;. ( si.-lers ar.'l a' bn.i(hcr-l!i-law. nil rci.i lins al ; Divir-ior. ;e. Fuin'riil a:-ran(^cmc:Hs not yc( cor.i]. a. i H B'innei-s of (he Ii!i-nl Fi.:iC;al I Home, has ; nf (In- \itH.y I ST. JOSEPH AID SOCIETY :)5TH ANNUAL SESSION CONVENES Bv Gco. P. MnHurv West. Palm Beach. l-'lor:ila. July                 I I ;ih. Thnl-day '.'llL'. Deal' (.''i-;:.'   Another  l!.-!S IKli-si tl and we lire        'ln meet .'iL ain. (Iji li::k has iu en hro- l:oii. 1)U'.  r air ~;y,:yud. The o-'i li j :~!)!iu:il s;:.-.-;d;) f(  St. .. Aid Sf.iMC.v '1 iii West pj'.lni I iii-.-ic n wit';: Kxcpl.-ior I.m'.irc ill it .".nil Morninir ( I'/Tjl'- Afti-r niu  i*xi.'ivi.-''."" int'.'i-o.^ i;.-! wore . Tin1 :-ir!cii!. l.-:nlv l-'annie ThoiiKi:-- prr.-: lh-'     :Lr'.% .- \icrv *':n:oii! ncr and Lrave \\:f -'atos a (n*'.      .~l;iir(i hv Ncil'ir I-'.. .1. S;n;.!cr- fi Tarimn SnriiiL'- i \v!iic)l was vl VV ir i k Eadl .-t'^ \v;   woi! atU  'and .vud :~v al!^ A!! claim- \vc!"0  a:ui '^iio  paid- i  T. U. R. Walker. .Ir.. (i. C. V;,-,'.: !l. K. Hal!. G. K S.. C. C lU:l;t- I Aisistanl.</t>
  </si>
  <si>
    <t>                                           Dr. W. F. Cummings, formerly of West Palm Beach, Fla., with offices now at New Orleans, La., is a welcome visitor to West Palm Beach together with three rosebuds, Misses O. M. Rawls and T. M. Parnell of New Orleans, and Miss. S. M. Moncondrick of New...</t>
  </si>
  <si>
    <t>                                           Mrs. Mary Lou Ford Williams of Warm Spring, Ga., is here visiting her relatives.</t>
  </si>
  <si>
    <t>                                           CHICAGO, III., June 9 -- Big names or gulf will stud the entry list for the Western Open Golf championship at the Canterbury Country Club here, June 20 to July 2d. Robert Ball and several other good golfers from the Windy City are expected to be on the...</t>
  </si>
  <si>
    <t>                                           An event of decided interest to smart Atlantans was the dinner party, intimate yet elaborate, given by those celebrated hosts. Mr. and Mrs. F. A. Toomer at their artistically appointed residence in Sunset Avenue on Monday evening, in honor of Miss Sue Bailey and Rev. Howard Thurman, whose engagement has become known as a definite fact after weeks of persistent rumors to that effect.</t>
  </si>
  <si>
    <t>                                           Smart Fashions Smart Women                 SAILOR-STYLE WAISTLINE                 Pattern No. 717                 I-JvciythiiiK's KOinjr up up up in Sprincr styles! This frock has all the "Wither-up" features of the new Spring fashions and will send your spirits soaring. Waistlines way above the belt and button in sailor style. Necklines come close I to the throat and button, too.                 Sleeves stop just short of the shoulders and are puffed. Colors ure just as charming. Contrast between the skirt and blouse, contrast between the blouse and neckline, contrast in the sleeves. In a white crepe blouse with a blue crepe skirt and sleeve bands and bright red buttons for the popular tri-color combination. Or in  silk for the blouse and brown Wool for the skirt and trimming bands for a two-fabric                 and two-color combination. Designed in sizes 14, 1G, 3G, 38, 40 and 42. Size 3G  2% yards of 30-inch fabric or 2% yards of 39inch material and 1-yard for con- trusting for upper blouse of HO- j inch material and V* yard of 39inch material. Simplified illustrated - j tions for cutting and sowing are i included with each pattern. They: p;ive complete directions for mak- 1 inpr these dresses. I To Ret a pattern of tlvs model send FIFTEEN CENTS (15c) in coins. Please write 'very plainly your NAME AND ADDRESS. STYLE NUMBER and Size of each pattern ordered Our new fashion magazine with color supplement and Paris style news is now  at ten cents when ordered with a pattern; and fifteen cents when ordered separately. Southern Newspaper Syndicate 210 Auburn. N. E., Atlanta, Ga.</t>
  </si>
  <si>
    <t>                                           The Big Chief Didn't Knbw! "Their dollars look exactly the same! When Joe Blinks became advertising - Joe took out a dollar bill. ger of the Blank and Blank stores in At-  T onk rft this r can spend j,  Jama, the stockholders looked like -  ll lake money. Got it from a colored crs. Profits had Ron e on a vacation. The fellow. He borrowed it. Used to work for books at the end of each fiscal year looked me ,)ok it  Docs it [ook different like black ink was out of style and there was from t],e on,cr do]~ars? And while you re a company law against using anything ex- looking, think about the red ink Blank and cept red. t Blank had to use last year! Get the point?" "You wouldn't object to making money, The Big  got the point Re got it i would you?" Joe asked the Big Chief. wcl, he ca]~C() his GCcretary and had her Joe was told that was Bhnk- and Blank find Negro population of Atlanta. company s aim, even if they hadn't hit the He found he d  missing the money from  morc  M-000 of l^ls C1~-J' s 270^36  lation. He found chat while many Negroes "Fine," said Joe. "Now about news- read the three white papers in which Blank paper advertising. What papers have you iind Blank advertised, the larger percentage been using?" of (hese passed by his store because they There were three. All were white. didn't know how they d be treated if they "That covers everybody who might have stepped '.-.. a nicki; or a dollar to spend here?" The Big Chief thought it did. Hc foun(1 j'80 lhat whc" ''c P"' adver" "How about foreigners? Any foreign^ t.s.ng^copy in the paper publ. ,by mem- language papers here?" of tl.c Negro race, he raised the  of  will in those colored customers he Not enough foreigners in town. \         had and brought Blank and; Blank "Many colored people live here?" company directly to Negroes who had never The Big Chief didn't know exactly. He ""^V?^?1!?1 ,^i figured there were plenty because he d sec Maybe, by the end of the ^next fi^ them every time he was out on the street" year he can use black tak in  his Come to  of it, he (old Joe. he hadn't books. By that time he w.ll f ,ml the. only seen so many in the Blank and Blank. store. difference in Negroes money Is in.dimming But then, he wasn't so particular about sell- the lustre of red ink or getting rid of It .en-, ing them anyway. . The Atlanta Daily Wdrli The Only Newspaper Needed to Cdver I Atlanta's Mote Than 90,000 Negroes</t>
  </si>
  <si>
    <t>                                           Fake Police Steals Auto; Then Jailed                 An attempt by Jack Aski'W, white of 969 Capiiol avenue to steal an automoble b lunging to HilJman Dailey of 310 Mary avenue, Mucou, was -cl Monday afternoon by police who placid Askew in jail. According to Dailey he had driven his cur into a filling station on south Pryor street when Askew stepping up on the running board informed him that hi' was an officer and that In? was going to carry Dailey to jail. Taking the driver s seat, Askew,                 Dailey said, narrowly escaped running into a street ear and several other cars in traffic. He was  when forced to stop at a red  light. After they had driven several blocks, Dailey told police that Askew said he would lei them go if you buy me a drink of liquor and a dime cigar.' Dai ley was accompanied by his wife, Mrs. Nellie Dailey, and had just arrived in Atlanta from Macon.                 BYSTANDER HIT I? SMSiT Tom Rush, 64 Butler street, was accidentally shot in the right hip about 10:30 Monday night when a bullet, intended fur Melvin Reed 113 Davis street, hit him. The shooting took place un Decatur street near Ivey. in front of the Metropolitan r.'ife. Lloyd Rice, also known as "Papa Head" whu fired the shot, was captured several blocks away by Officers Hood and Priest. Mr. Rush termed the shooting -accidental" at the Grady where his wound was treated. He said that the two were looking at the giin in the shoe shining place and thai he was shot shortly after he got down off the . The  went on through the fleshy part of his hip and lie was     return home after treatment. The wounded man was brought to the Grady by Willie Thomas, 893 Ashby street. According to Mr. Reed's version of the story, Rice, who was drunk, told him thai he was going to shoot him. The bullet, however, instead of striking him, hit Tom Rush. Rush told Of. icers Priest and Hood, who were Hose by, to catch the man and Rice was caught by the policemen after a chase of about three blocks.                 Fine Woman, Dismiss Man in St. Noise Arrested by officers who were attracted to the scene by a  s screams, Miss May Jones and Clmrlie Pierce, both charged with disorderly conduct were brought before Judge A. W. Calloway in Recorder's court Monday. Miss Jones was fined $12 while the ens? against Pierce was dismissed by Judge Callpway : the man explained that he was attempting to get the woman, whom he said was intoxicated, in his car. The woman began screaming. Pierce said.</t>
  </si>
  <si>
    <t>                                           ^ONL?  ^^PEK IN THE WORLD Eatond - matter at Oie port .  t Atlaata.   .. a*tn    id ot March 3. 1879 PUBLISHED DAILY EXCEPT SATURDAY. AT 21  AUBURN AVE.. N. E. TELEPHONES i WAInnrHM ml   0 MEMBER OP TI1E ASSOCIATED NEGRO  THE WORLD unma no  for    nit Uito  jg a_  Editor wul PnWIihcr Prmnk M. D.ri.        * Editor SUBSCRIPTION RATES Ono    . 15.50: 8 M.. 15.00; 3 Monllu, : Wttfclr. 20c</t>
  </si>
  <si>
    <t>                                           '~~~~~~~TTTTTTTTTTTTTTTyTTTTTVrTTTVTTTTyTTTTTTTT'., CAPITAL CITY SHOWS i "A MIDWAY OF MERIT" FUN- FUN FUN I High Class Shows and Riding Devices j PLAYING THIS WEEK *$ NORTH AVE. AT LAMBERT ST. $ .ii.ii..n.1 1</t>
  </si>
  <si>
    <t>                                           SmartFashions for Smart Women Dalnly Dance Set PATTERN No. BID Simplified Illustrate.!  ins for outline  sewing arc Inoliicleil with c:ich pattern Thi'.v           (u  fur  these . . that s delightful nii.l practical in :i   m I! It's ,  in line, comfortable, j ;H\ 1J I 'ir' and simply  fur ihu lj".nr..convenience in   bri^ is iadc in that d- si ruble uplift st\^;; with a si nan low back, anil little tucks     Miire a  fit. The panties :                    made will) a y..ke 10 give u , ; line around tin- hips. Sizes H, 1~. 30, :ia. -10. tt, 41. Size 3   requires 1 3-4 yards ot 36 material, 1 5-8 yards ot 3Uiiicli material. To ^L-t a pattern oi' this m;~di I saml flt l EEN CENTS Hac) in .:     . l^l^iiii*- write very plainly your WAME AND ADDRESS. STYLE  : SIZE of each pattern oi\!ei"eil Our new fashion magazine with ci.lor  m an"   in is  news is now available at ten cents  oi  w:;h :i pattern pud  en ct-nts when  tl separately. Send all orders     tin- Southern Newspaper           \ 210 Anifuni Avenui-, V. Ii.. AllalUa, Gu.</t>
  </si>
  <si>
    <t>                                           ^    ^3JPfflpMM^**iffi.y$l *$?;**</t>
  </si>
  <si>
    <t>                                           "Union Depotf'Today's j Feature at Bailey's Royal Theatre                 Ill a  of ^f-'itt ''-:: "Uni"H Depot" the First Nr.li  I'lrndiictiim whi.h r.-,,mc:; ki t ;il Thcalrf Ifilay      .~ :i.; ...ii.  [ Uic biK .~i"5. II is bi;: in L-v.-i-y w;iy in , in t-.ist ;nul m line.                 I 'Union Orpol"  lias Uou-;- I las Fairbanks. Jr.. and J..:m I3I..M- I iWI at the head of ;i cast .,f :).0!ifl, I is tlic :-tory .if a group of p.-opie thrown lop- by circumstances in mil- of the  r-at railroad terminals nf the . Tlv- drama covers i. four h"tirs nf a day. but il is packed with thrill and r.i. mane, one nf the fastest action stories brought to the Ui.-alre in many Masons. Jl originally was a play, written by   -no (Great Mouthpiece) Fowler an. I .In Laurie, Jr..  was :n:.--cl to the  by Walter D.- Lvn and Kenyan Nicholson. Kulvc G'asmini and John Bright. ..f Tuhlic Encniv"      "Siiwrl Mon.-v" fame  Ilia ... Alfccd E. Gicvn. v.lin did the   ')  .' "Disraeli" with G "Ac Arliss. dii . For this production, the ;csl Interior set cvv built in H^Uy. woi-ii put t"       . tin- structure  an I'li'.h i- .~~Mitt-d st:~sc - mire  n city block. The east of "Uni.m " is. I .     \sti"n. one of Ih? ( j ^vci' brought .-thcr for a                  :     . Tin to arc ni:i-iy 1 "name"   .- than IJ.OOf) .tn.il ~)l:  len.l " I.. I ho sl'.ry. Til. y arc literally           nf types in the  . in keeping with the realism of the story and tin. IMVKTuction. Realistic in Ihr ".  story is I Iri in i lie  many Hltlo human :;ImH,-s of traveler:: of all  and c7..1ns. Mr. Fairbanks is  by Joan IJIoniloll as leading la.iy- Guy Kibbci\ Alan Halo. CidrUf -ner. David Landau. Maty Doom. Rita Flynn. Polly Walters. Ruth Hall. Ma.- Madison. Geoi ue MacFarlan-. Earl.'   . Louis King. Frank McHueh. Lillian IVmil. Spencer.Ben Toscnrt and Rob.-rt Humans. Animi!.: thi- many  .-s who play characters in the "Uninn. n.'p.il" crowds are Clairo McDnw-11. DickiV Moore. Ruyinond Turner. Junior Ci.Rhlan and George Ernest. "Union Depot," as a whole, is .!cd as one of the finest things brought to the.  during this .season an. I sets a mark that will make Hollywood step to duplicate.</t>
  </si>
  <si>
    <t>                                           In a season of great pictures "Union Depot" the First National production which comes to the Royal Theatre today bulks as the of the big ones. It is big in every way in story, in east and in setting.</t>
  </si>
  <si>
    <t>                                           *T10 I" Gold l-       [~ 75Q :ffl In  Sqljt Open To The Negro Churches Of Atlanta f! ONLY ONE MORE WEEK TO GO GET YOUR VOTES IN!  from the Merchants and Businesses Advertising on this^^^p^^ I I share in the substantial Cash Prizes being awarded on the basis of buying arid the payment of bills. 1 "'"M Any church m*y enter and at any time during benefit'! of mutual benefit ih  you an Whatever constitutes the evidence of the .transact ;he fifteen weeks of the contest No cost or red tape opportunity to help your church without extra cost to tion will be  in each advertisement If i{  to\any church entering the contest Simply you. You will continue to receive the best possible should be a cash register receipt and it shows      you .the contest manager or telephone your, entry prices .":ul the best quality merchandise for your .'..Entries may be made by the pastor in behAlf of his money v. hen you buy from; ;these merchants. 3 I"'1 3,2 con 3' f or instance: the, .receipt, sales Aurch,.or by. the chief officer of any  sub- You will be accredited with one vote for your f P; J? h\M*       oi\     division of.the church Only one sub-division of any church for each Z^ wfth these adverti" fact*at y0U 32 votes for, your church . may enter, however, and it is advisable that ers, or pay on account; provided .you vote with the VrJr^T"8  ar?.,IT*! by ^".y "CLOVER the whole congregation be solidly supporting the con- Atlanta World, through your church or  com- LEAF they W1" be issued "i-the,     ,of one      ea*~ mittee the evidences of such. purchase And watch for each cent spent ,.v  The merchants whose names appear on this page, future issues of the Atlanta World for announcements Simply start saving your evidences of purchase n cooperation with the Atlanta World, are making as to when these evidences of purchase or receipted now today Anticipate the entry of your  this campaign possible As its name implies, the bills may be voted. Im some 'cases  be the cash At the close of the campaign $375.00 in grand capi CLOVER LEAF" is designed to be of mutual register  In others it .'may be a coupon tal prizes will be awarded. SOAP I Read Every Advertisement Carefully  I -~-V--.~; "7 H?"  s+ t% if=\ s* w rx i rr ^This Ad Good for 1Oc bn^ ^MBfSMy C 5 H! J L' Pk I I" S 'Any SKbeRepalf 'Worker: OcUlon -Clniliier.Oct.lon Powder j Hat Cleaning. J  s well a* Oelazon Soap Wrapper! r-.. r 'TT^T**'"' '4 .. ROGERS STORES. Offer. Y^iii V "'w ,1111 m I -K'-S] ^^H'oT".,, An Opportunity to Help I rH ^XlSB i  S^^B^ 1 ~"f?^^^^x 10  VftiiB* f^^h^ 'iB k'^I I I "vi k Hi I AUTO TIRES I If you arc interested in helping your church share ll^aSM^fll^HffKSiTlHll^^M'llPmli^Ml  Lndiea'    '.                .~ I in the substantial cash prizes to be given to   j^^^^^MMMBMaaa^       ^C^SH'i'             on (Nona      )'~ churches in 1 J II Edsowood.at B Poiota \^5  THE ATLANTA WORLD S CLOVERj-EftF CHUR H CONTEST .:[^~  ^~ A /^~nT7Cr\    f?G ^uy your groceries your meats produce ev erything in Kogers Stores' complete stocks and DE. AKjKjVjOKJIXICjO  your CLOVERLEAF CHURCH CONTEST COUPONS YOU are entitled to one vote for every cent Tires, Tubes and Batteries tou  with ROGERS . A HftVMtnitiL'ri ifH I There's one in your neighborhood ."When you buy the following items from ROGERS -wRES you gel a *~U JL VJVlVDUlJBljp I fin DnlHr   he work DOUBLE VOTE VALUE the ROGERS COUPONS which are good for one. vote (or each cents the Item cost! ft you and one vote for each cent np to the maximum, retail value of the package carton or , cap: ^J  I.ILY FLOUR for every penny you  Mnd for While votes Snve and      the OCTAGON CLEANSER CANS ta.ch 'I f*f\lAan *la  Flour you set a vote coupon and when you vote the WtalU I"""1 Tr five vote..   Uly Sjck,  rt ,t ,ral wu., to f. ^r siu^eLn^SuALFy36.r;o^c7ker7^rf1 ir^0 e^ sss Buy That Coupons You buy White Lily In all . one vote for each cent you       for them  what you -~T Company OCTAGON SOAI* AUo OCTAGON SOAP POWDERS-*.". .Also get for. tho wrapper* when you vote . iNCW u. sue OCTAGON CLEANSER And  SOAP BANDS Sav. DOMINO SUGAR When you WdOHINO SUCAIt from Kuu-' 1H "e er. S. H.'. 3383 t,, OCTAGON SOAP WRAPPER af^r you have dipped ^1^00^3 ^OU^NS6.T1.' .^3 X". %' TUFVPnT 17T 228 Pcachtre. St. W A. 0.47 coupon out of It Tho wrapper with .he coupon removed I. worth l.~       you      j^ un^u-nl- w^  m LUt. V KUJLJli 1 108 W Crt Sii. Uecitor De.  871 voU* You don t have to cut the coupon out  you want    ln ot,,,r word,  you LuyDOMINO SUGAR from  you Kel a' V.'* OCTAGON SOAP    ch Is  ood for five  VOTE VALUE. FROkf!^*1. VOTE OUR RECEIPTS ^_i i EAST POINT j mg%m i GET A BIG ! -DRUGS--: CLASSIFIED CHEVROlS GO. r- DON'T forget the DRUCs and^ AMOS votes for -Also,buy three grand prizes mo* !  \VhenYouUse Buy That Used Car J Allen Smifh to be awarded at the YflteS MHtOli PR"6 STORE "AifiBi-. ^* J.  OIlllUl I a Ll/O- IX JIM I LU1I. "Tli. ^l.t. With,.. RcaLSerrlc.:1  Whether If. a New Cr.or^Ulcd 0. enU OX -til e COnteSt. Two ConveDlenCs'tor../. j MILES G. AMOS, Ph. C. Mananer. I H MII.HI1IH You Cet One Vole With EacJS CMg "Whla'P Tj.IV "-Alaii-' A.hby  t Hunter St., S. W. . You" Spend ^Ittf ^31 TT1ULC ^"J 1st Pri7P S5200           and Sc.fl Drink. Phone.: Main 6122^6123 'UH.I.I' If U 111.11 CApt Dniii* Flour nze ~^uu 0 n^ gl^sified ^Ads East POIHt  F ".h F1 2nd Prize.., loo ^     *\\~ "Pt^'/.SS^- One Vt;te t Ea* Ce"1 Chfevrolet  -SS'i.rv^.'S 3rd Prize 75 ^^ub1?- E" I^^ift^ atL^w^o -^v Church /67 Fair St., S. W/   . 4114 Your Church.- -i .CLASSIFIED ADS ALSO MARIETTA SPRING -?i r rrr ^7i ..'.'';..'i j SUGAR I RADIO RADIO CIRCULATION; f AKES-r  Buy BUY For Every New Subscriber ALL CARROLL CAKE' TO- W-^-S nr A J. I VOTES FOR YOUR  s; :,~WRAPPER^E M v e ao n s K v- A V I C t ro Id church nav. drf :-'i: :.{ ^ M 1v ti V t i"''' I One Yiarj f: church, wherever Crroll. Cik*. ui -and .ave the wrapper. or ^/~~OT//t/ S^. A. i ^.crip^ __...1.000 Vo^ j r for yOUr church! Al.o the frf /f/////#' ToMm1          -6'  '"~   BUT u *rapi from: J^              S00 Vole*      CARROLL CAKES ar. ~'M^   "r T"te To      i, Month. ,H,~     from ROGE^TlJilES Bamby Wholewheat CUP AD u Jub.cription 250     .' 7   JouM. wfc^^ji.-  And Enjoy the Best in Radio .Reception o'n  Monih T0.to:f?r   yt     -.  " BrCad i ri- = Jv. L One Vote With EacBCiit You Spend for R. C. A Victor Radioi SiTb. ...80 Vote. pead for C.mll Qi^   ^   . Bamby Tea Rolls And Help Your Church SUBSCRIBE TO = tZ?T*   "^ '^ Every Domino Cartoon v -Fram The Following Store. .rhon yoT Tole tl^~~TOU!~lrt Bamby Junior Loaf Ev"y Dom'no tk"~d Thai Atlonio     ^jr^^yj. TlnmLv cjI,       =f T" ote'^r '^.rV"'^^''^"^^,..! for RHODES- MUTUAL IP'' Hllalll3 for    5*i -?j. "Sweeten It with Oomlno" 288 Decator St., N. E. 41S Marietta, N. W And, Help Your Church v- VRE ATLANTA S FAyOWTE B^BiBHBHBBHHi' i ^ ri   L';- r 'l-.'Z v\r^</t>
  </si>
  <si>
    <t>                                           No Bill Voted on Arkansas Sheriff                 Another chapter in ilie now :amous ''GcdrKia-Tcmii'sscc  prisoner c:isc" was  Kriday  the Fulton   jury returned a no bill against Sheriff L. H. Nelins or Hardeman . Tennessee. The Tennessee  was accused of  John                 Davis. Negro prisoner being held In Atlanta, and taking him to Tennessee against his will without lawful warrant or authority. Davis, who was arrested he.re by Detectiv.-s Hnilon a n d Harper; some 40 days :    . was wanted at; BoIkmi-. Tennessee, fnr     murder i nf another Negro, and a fallow employee "f    -' PHunan Con-  company. Friday morn- 1 ing. .July 8. Attorney George Fintli. his legal adviser, appeared before Judge E. D. Thumas of the Fulton County Superior court and instituted habeas corpus proceedings. Judge Thomas, after listening to evidence, mole the matter under advisement and issued a court order giving tin'  until Monduy iiu i iil itf. July 11. 1  "l0 n's papers. Tills notion automatically stayed any further action against Davis until that date. The same Friday, however, Shcrifi Nehns appeared at the city jail to got Ilis prisoner. According to Aitorney H. A. Allen, who is representing tho Tennessee officer, ho advised him of the procedings but the sheriff went on and got his man. It was testified that Davis was spirited to the Delcalb county jail within a few hours  the court  had been made, and later returned to Tennessee by a circuitous route. Lut" Saturday. Judge Thomas signed papers charging Chief of Pollco T. Sturdlvant with contempt of court for falling to regard Ilis court orders and permitting the                 prisoner to be removed from the jurisdiction of his court. The !. set for Monday, was finally held Tuesday morning, at which, time the police head was released of the - In connection with the , and advised by the judge to Install a system whereby such "unfortunate incidents" would be avoided In the future. It was brought out In the trial that while others at the  station knew of the habeas corpus action, that the chief was unaware of the transactions going on, The   a office was Instructed to prepare an Indictment against the Sheriff by Judge Thomas who also directed Mr. Boykin to prepare papers so that that officer could be arrested if and whenever he entered the state again.</t>
  </si>
  <si>
    <t>                                           Another chapter in the now famous "Georgia-Tennessee kidnaped prisoner case" was written Friday when the Fulton county grand jury returned a no bill against Sheriff L. H. Nelms of Hardeman county, Tennessee. The Tennessee sheriff was accused of kidnaping John...</t>
  </si>
  <si>
    <t>                                           Results of Albert Jackson's plea to the state prison board to commute his death sentence to that of life imprisonment will not be made until Jackson has been resentenced by the judge before whom he was originally tried in Peach county, it was learned today.</t>
  </si>
  <si>
    <t>                                           LiMemorianr                 In memory of our Dear * mother, Mr*. Mary Jnne Baker, who" departed this life ten years ago . She 1b eone but will ~^ever-rbe, forgotten by her family 'and irlen ds.'  on Dcnr Mother wo ex  to meet vou Borne sweet day ^n xne land, of rest where_ parting ''will- be no more". Mrs. Ulit'e T. Kinit, , Ga. ^'"Mr. P. H/ThomaB, B.on, Atlanta, ''li'-jQa. I Rev. S. W. Peacock, B. D., AtJanta, Go. VCKIWren I.:</t>
  </si>
  <si>
    <t>                                           G. P. CONVENTION CALLED TO ORDER                 Telephoto show, Senator Simeon D. Fess. chairman of tin' Republican National Committee, as he                 cs  ;fcc convention lo  'n Chicago Tuesday. (International Illustrated.)</t>
  </si>
  <si>
    <t>                                           TWO DROWNED JN AUTOMOBILE DURING STORM                 TRAPPED III BELL ST. POOL                 Pair Attempted t Drive Through Water Hole                 I FAMILY RESCUED                 One of the worst rainstorms in the history of Allanlu Saturday night cost the lives of two unidentified persons, who were reported to have been drowned when  in a coupe automobile, as they attempted to cross a  pool of water near Bell and Pratt streets. The water completely covered the r machine. The car was not discovered until after police had opened two manholes near the scene of the  to permit the water to flow off. The water, which floated down into the low place in Bell street from  districts, served as a trap for several other machines. The drivers, apparently, fooled by the smooth surface of. the water, mistook it for asphalt pavement. One car, in which were  a man, his wife and two small children, was half way covered by the murky water, when in it heroic effort to save h!s family, the man "broke             of       'r, and lifted the stranded people through. Three other cars, occupied by white persons, were  in the pool, but suffered no serious . Arrival of police aided in  and warning; other motorists of the place.</t>
  </si>
  <si>
    <t>                                           v.    ft Open To The Negro Ghufchfes Of Atlanta Only Two More Weeks Now + Don't Wait! Buy from the Merchants and Businesses Advertising on this page and Help Your Church in its effort to I share in the substantial Cash Prizes being awarded on the basis of buying and the payment of bills. fc Rules  Regulations Any. church     enter and at any time during  of  benef it in that it provides you an Whatever constitutes the 'evidence of the--: the fifteen weeks of the contest No cost or red tape opportunity to help your church ^ extra cost to tion will be shown in each advertisement pjv attached to any church entering the. contest Simply you. Yoii will continue to receive the best possible should be a cash register receipt and it shows that you write the contest manager or telephone your entry prices .-.id the best quality merchandise for your spent 32 cents, for instance, the receipt, \s?lep Entries may be made by the pastor in  of his money v. lien 'you buy  these merchants. U       n^^ cic will be an evidence   nf    ,e Ch.ief    f "I  TP?      , 8ub" You will be accredited with one vote for your fact that you arc entitled to 32 votes for your chur ch- rnf the  Only one sub- of any h h f6 h d with these advertis. l J d b of the "CLOVER $h??X^y Cnter' t-~Tr' v^ A m af Isab'e that ers, or pay on account, provided you vote with the LEAF" they wUl be issued in the ratio of one Vote^' the whole congregation be solidly supporting the con- AtI'anta World, through your church or church com- ^EAF,  rr^ mittee the evidences of such purchase And watch for each cent spent ^'T11,w3,    The merchants whose names appear on this page, future issues of the Atlanta World for announcements Simply start saving your^ evidences of P^~~ in cooperation with the Atlanta World, are making as to when these evidences of purchase or receipted now today Anticipate the entry at your  this campaign possible As its name implies, the bills may be voted. I:: some cases it will be the cash At the close of the campaign ?375-00 in grand  LEAF" is designed to be of mutual register recast In others it may be a coupon tal prizes will be awarded.</t>
  </si>
  <si>
    <t>                                           B MAE CLARK li M GoMen Volead'Croonef '^m :H ^BERT PARKS. 'H W AFFAIR" jl     DOROTHY. ,~   %  :WM BALCONY JS OPEN 15c ..11: anytime ''Bj''":;'.^'^.-1*"!;,</t>
  </si>
  <si>
    <t>                                           BAR                 10ITY HAS HO RELIEF FUNDS                 Whites Enter Room; 400 Negroes Stand in Hall                 WERE TOGETHER                 More than 400 Neeroes were barred from the public  on unemployment relief held this  :n the Countv commissioner s office after the  ith about 150 whites had assembled in front of the courthouse  nri together marched to the fifth                 loor of     building where the  s office is located. KHer the whole  had pa  waited outside of the closed  about thirty minutes,  officers came out and sum- all white persons in=ide he room. Neeroes were told that hey were net to enter with their. brethren, with whom they lad assembled to demand food and unemployment relief for their families. The order to separate the croup accord np to the color of their =kins it was said came from Wal:er Steward, county commissioner who addressed the whites in the "whites only" meeting. .Inside. Stewart told, the whites that" wo\        have equally affected all of the relief demonstraters-. He  to the  that he would ask Henry M. Wood, veteran secretary of the commission, to call a special meeting of the body either today or Saturday lo take immediate action on relief measures. Steward urged that unfortunates present who had relatives on tho farm, to contact these kinfolk and attempt to migrate back to the soil. ; that the county might even furnish transportation for families, in cases where it was badly needed. Two white spokesmen for the  demanded immediate action, but leaders from the larger (croup of colored persons were not consulted. Steward, added that re'.icf, should it be granted would go to both white and black alike : that no discrimination in the doling out of funds or food, would be shown. The meeting this  was the result of a circular letter distributed throughout the city Wednesday  those in need to assemble in front of the court house at 10 o clock. The letter  by "the unemployment relief committee," called a mass  for the purpose of deI Continued on Page 2. Col. 2.</t>
  </si>
  <si>
    <t>                                           More than 400 Negroes were barred from the public meeting on unemployment relief held this morning in the County commissioner's office after the group with about 150 whites had assembled in front of the courthouse and together marched to the fifth...</t>
  </si>
  <si>
    <t>                                           Funeral services for Bob Evans, 263 Rhodes street, who was fatally beaten over the head with an axe early Sunday morning by Frank (Roy) Davis, are being held this afternoon at the Elizabeth Baptist church on Mitchell street, with Rev. Florence officiating.</t>
  </si>
  <si>
    <t>                                           ONCE again the cry of the French is the immortal slogan, "They shall not pass!"</t>
  </si>
  <si>
    <t>                                           Buy Prom World Advertisers</t>
  </si>
  <si>
    <t>                                           here! SPECIAL SALE OF ..i COUPES PRICED TO MOVE QUICK WE have too many Coupes to'. stock and more to -7*U BUICKS I '31- SOS Sport, . $665 '31- M Business  595 30- 41-C Country      ,"V ~'*SO'? 30--IG-S C Wire Wheels. CC/JK De Lou ^Orto  20-10 Business  4QK coup.- ...i... **~a 30- 1G-S a Wire Wheel!.:  r. Sport i '"-I..,""-"1T .....$345 j -'"jS.S!"'".'".... $295 2*- 311 Business  nc .r,  roar    it 111  cash  only on above. Buick Sedans 3I-~T 4-Door. wire  ST4~! wheels, clean    *a 31-30 "8" 2-Door 4CQC I Sedan .   ?~~P 30 17 4-Door Sedan.        Standard 6     !~V V  30-10 2-Door Standard C/1QC Sedan ***~7~* 30 17 Maraaette 4-Door, C9QI? leather  V*'*'0 1'29 31 4-Door , ^^    a  "I"5*? '29- IJ I-Door Matter. 49/UJ i le. upholstery "  ^V 2~~- !0 i-Door  v Standard Slija 50 T-Passenier, t1Q^ clean V \PP. 28- 10 2-Door ti /IK Standard 0 28- 20 Standard 0 499^ De Lnje $~~9 Standard 0 VJ OTHER CARS 311 .CadlUao ,3-Iass.. Sport . Sedan, clean y"" 1927 La Salle 4-Dooor ^OAH Sedan   'tO I!i2  Mariaoa "Llchl A"    *1 OR Sedan $1 O 1929 Roosevelt Sedan "8." * (I    1928 Sash I-Door Kecal  tO4C Sedan      1929 Pontlac 2-Docr CtOVK Setlan vA P 1930 Fnrd Sport   V***3 I 100 Cars to select from, $50 op. Sydney C. Johnson j 270 Pcachtree W^ 7314 I LOT- Sprlnjr and' Baker Sts. MA; 6930 -,'T 'r f:;*" ~~(  A5F ^ SOMMERS I USED CARS I ARE thoroughly conditioned and fully guaranteed. Lowest Prices in "l6 Years. USED CM*. LQT 375 Peacht'ree St.,' I At Forrest Ave. 1330 Chrysler 77 Sedan. dJC-Ttr Extra Rood $D C j I 1930 Chrysler 6 Sedan. flJ^OC j A fine value yT-^ 1330 Chrysler 6 Coupe. (tOCA Extra clean       . 1928 Dodge Vic. 0 C19C Broasham **  5 1029 Hudson Spt.    -~ QC' I Coupe. Eitras. V.**!!?. I 1929 Hupmoblle 6 Se- (fO-Clli I I dan. Special ..^. I 1331 -Essex Sedan. Like " new i;;..... .^.."jP.w.il."/- 1923 Pontlac Sedan. A CO-OC good one............. 1929 Oldsmoblle Sedan.'      (":. 1 1 Rcfinlshed 1M0 De Soto 8 Sedan, De'Luxe/ model. 6 i^CCii"1928 Bulck 6 Spt. Road-  "i j Roadster. Special .^Uit.O. 1929 Bulck 6 Sedan. Spt. . 6: wheels -~P?tM, 1929 Studcbaker:8Ser (t^'QCi t dan. S wire .:-.- Vtp.dt 1920 Nash 6 Sedan.  t9*~C' Spec. 6....         1929 Nash Spec.., 6 CjOfllC: Coupe. Twin Ign -'; 1931 Chrysler 8 Caupe. Jr-tyP*, Kad. Very law price; .' 1931 Chrysler1 8 Sedan. A fine. car. Lato aeries, at less than j half . 1931 Chrysler De Luxe 8 Sedan^ 6 wire i wheels. 1932 Chryiler De luxe 8 Coupe.. G wire wheels. r i,iv 1931 Chrysler 70 Spt.- Hotdster. lato- : V-type lUd, like. new. y'.'j" '.'.-vrt""i!-      ; )v "'60 Others at Lowest PrleeTPt TERMS'"" -* tt Harry Spmmeviap v vsta"    -*      k 375 Poachtret.Strat Forrwll AW WA. Ztii'-- ';6peh-.teV0:M:-Ig-Hi{ t.</t>
  </si>
  <si>
    <t>                                           All types of sugars are used for candies and confections. The desired result of course, determines which sugar shall be used. Granulated, powdered and brown sugars are most frequently used, but corn syrup,honey and molasses are quite often necessary to give a...</t>
  </si>
  <si>
    <t>                                           Congress Calls to Three in Missouri                 ST. LOUIS, Mo.. July 17- (ANP)" -A Negro candidate for U S. Senator and two for congress la the record of which bt. Louis boasts for the oncoming election.                 Peini Abcrnuthy, a real estate , is In ihe field for U. S. Senator, and has  il as a repub.. Joseph L. McLemore is ; as a candidate for congress on the Democratic ticket from the St. Louis distict,  Crlticndon E. Clark, is n  for -ut- un the republican ticket.                 Mr. Abernathy formerly president ot the St. Louis Business League, attained public notice a year ago when his son was Involved in the Busch heir kidnaping case. He asserts that Negroes should have nine of the 96 senators In the U. S. Sinute and that should not  and ask one as a favor but demand it as a right. Attorney McLemurc ran four years ago for congress  a creditable race against a  on Pace 2, Col. 4                 j Congress Calls j (Conliuui'il  I'ani- li a:i :.,!i,!~\ He lias :ln: U^x^j^ i m uf the dt-':[ :c  ki'.jmi.:,i;i...i in j '.lie city, j CnliL-ncii.il Clark is :i i.nd j a fonr.-r -uf-~n-\uL- i r 1 S:.~ Loui.-;. Ho h:is ! be.-n ~):i,:..:iu:il ;:i local P"l;tiCS 1:1 St. L,- i 1 s ai:J I lias the backing of Kit.' m.i'.c }\t:-. N.; i::e for elr-:;u:i !l:is I y.-ar  o:k- 1j Qinliiici picked by tile bosses of :he He- 1 .'i party in  slat'.' Dr. E B. Clements, ! i-:;;:;nm:i-o- !irm. Arthur M. Ily.'.c-, L1 S Se- I i- of AEriculturi; an,: Goveniui- Caulield. Mr Clark i-  ." of tin; Mr.- ;..d^- uf, Missouri.</t>
  </si>
  <si>
    <t>                                           ST. LOUIS, Mo., July 17--(ANP)--A Negro candidate for U S. Senator and two for congress in the record of which St. Louis boasts for the oncoming election.</t>
  </si>
  <si>
    <t>                                           Memphis College Prof. Kills Self                 C.H.CHELL SHOOTS SELF IN HEART                 Educator Found Dead in His Room With Gun Near Body                 WORRY IS CAUSE                 MEMPHIS. Tennessee. June 30.-                 Professor Charles H. Condell. professor of languages and ethics at LeMoyne College and for eight years director of the summer school at the college, wns found dead at his residence. 714 Edith street. Wednesday morning with a bullet hc.c nior.'im' his left side n??.r tiie                 Eton of the heart. A pistol discovered lying on the bed near the body of the veteran teacher indicated that he had taken his own life sometime between Tuesday and Wednesday morning. Ill health and grief arc the apparent causes of his act. The suicide tragedy was first brought to light by Professor BorTS-                   .-o*  science at LeMoyne, and Dr. B. Braithwaile, dentist, an intimate Jriend of Prof. Condell. They went to the home of the educator about nine o clock Wednesday morning and Dr. Braithwaitc discovered the dead body lying on the bed. Pror. Condell apparently killed himself during the night or Wednesday morning because he still had his night clothes on. The body was removed to Hayes and Sons Funeral Home where burial arrangements were being made at the time of this . Neighbors of Dr. Condell were not able to offer any in.'ormation concerning his death. Mrs. Haste. 704 Edith street, who has cooked and done domestic work for the educator since the .death of his wife, was as much stunned by his act as  who had only known him in his official capacity as a Continued on Page 2, Col. 1                 Memphis Prof. Continued from Pa*e I teacher. When sought by a reporter for a statement she said that ~*e was too upset to say anything. A next door neighbor, however said that she saw Processor Condell Monday evening around seven o clock. This was the last time she saw him alive she- stated. It was further reported by several neighbors that the lights in both back and Iront rooms of Dr. Condell s home had been lighted all night long Monday. The following Tuesday night, however, the house was dark. Dr. Condell, because of falling health, resigned his position as director of .Lhe summer .school just prior to his death. Dr. Frank Sweeney. President of LeMoyne. \vho is at present vacationing in Massachusetts, accepted the resignation and appointed Proiissor Boris Alexander director. Mr. Alexander went to Dr.  s home to get some documents relative to his new position. The fact that the resigning professor had not been at the college also created much concern on the part of his associates and students. So three of his .students accompanied Mr. Alexander went to Dr. Condell's home lie what had happened. They knew lie was ill but no one anticipated finding him dead until several knocks at the door failed to bring a response. In keeping with a  of Dr. Condell who told Mi's, Haste to notify Dr. Braithwaite in case something should li.ippen to him. Mrs. Haste summoned Dr. Braithwaite to his home. The dentist and Mr. Alexander enl':r*ed thi house while the other parties' remained on the outside. Dr. Braitlnvaite entered the bedroom and the mystery of the past two days was cleared with a suicide                 death as the solution. Dr. Condell shot himself to death with a .38 calibre pistol. Dr Sweeney -was immediately notified by telegram of Professor's death. The new director of the summer school dismissed school for the rest of the aay and began to help make whatever arrangements the tragedy necessitated. Dr- Condoll was educated in London. England. He received his B. A. at the University of London and his N C P and L.C.P. at the College of Preceptors at . He was widely known throughout the south as a profound educator, although he was quite retiring and did not venture much beyond the confines of his teaching position. Three years ago his wife died. Since that time Prof. Condell has not been himself. Ill health added discomfort to his life until he hastened the end. A note found near the body of the educator said: -Tired and gone to Jupiter for a rest. Fooled by fools think of it. Be back in a couple thousand years. ^y, who cares? The best one does is always discounted. Entatc quite solvent. See Dr. Braithwnlte." Professor Condell was u member of the British mathematical society and held a law degree from the University Io1 Chicago. He h  been offered the chair of mathematics at the University of Mombay. India.</t>
  </si>
  <si>
    <t>                                           Professor Charles H. Condell, professor of languages and ethics at LeMoyne College and for eight years director of the summer school at the college, was found dead at his residence, 714 Edith street, Wednesday morning with a bullet hole piercing his left side near the...</t>
  </si>
  <si>
    <t>                                           The Fidelians entertained on Tuesday evening with a beautiful party honoring a bevy of recent graduates. They included Miss Lillian Holliday of Clark University and Messrs. B. J. Evans, Henry Shorter, Willie Collins, Thomas Campbell, Richard Flanagan and...</t>
  </si>
  <si>
    <t>                                           e d i t r i a l + nwn^4</t>
  </si>
  <si>
    <t>                                           Oscar Walls and Sargent Jim Douglas, leaders of the local semi-pro pride--the Pullman Hurricanes--will have their arms full tomorrow (Saturday) afternoon at 3 o'clock: on the red hill of Morehouse college when they match strategy with that smart baseball...</t>
  </si>
  <si>
    <t>                                           Bargain Week-End Excursion Fares All;uit;i to Coving-Inn anil ri-, Sl.Ofl; Social Circle $1 50Miiilisnn. Sl.SD; Orcnshnrii. SI .50: Union Polni. J3.00;'craw. , $2.00; Washington ?2; Thomson, $J;' Augusta $2 iw T.W'1'''-.'''/ ~''"~'~"''I l"          H.,! .M r-* ,n .~(l.,,   l.,l tr.ln No. .1. , 5:  , ^C'T"; nnr . 8 mr       ; (rum al.ovt mentioned  lo AtUnU  rr tirn. WA ""GEORGIA RAILROAD lVA 3 HW In Greatly Reduced Week-End Fares Atlanta to Ncwnnn. S1.00; LaGninRC, $1.50;      I'olnt, $1.80; Opollka. S2.00; Auburn, $2.00; Chcliaw, S2.00; Mllstoad,  2,00j and MonlffOiucry, S2.00. I Tlckil. ,,n  alr (or nil Irnln. Mrli H.lut.l.,  n^ ~,.,~'n( Alt.t.t. V.\ i/*f $,""1?" ,r "~         bit train       (   Adinli 7:00 A. M. Mnndar,  data of  ala. 8*   raUa  from above             lo Atlanta and          net im4  a Traltu Koa. 37 and 38, Crwnt Llmltrt. "7"7" THE WEST POINT ROUTE WA.Z726 MA,</t>
  </si>
  <si>
    <t>                                           Rev. J. W. Jordan. Rival Divine Clash at Funeral                 ev. jordan angered by? EULOGY                 Music Played When Pulpit Argument Gets Too Loud                 ORGANIST FIRED!                 By Eusrene Lowerv White                 BIRMINGHAM. Ala* June"                 Coming somewhat as a surprise to the congregation attending the' funeral services of Felix Marshal, of Z ion City, and probably rising' to heights never heard of before the much heralded Jordan-Baptist feud was renewed again. This marks the second such incident                  outburst, of this type ,at funeral services in the past week. The  came last week when Mrs. Annie Crook drew a.  upon  Mrs. Virginia Love Thomaa as she attempted to view the remains of Miss Mary Jane Scott, the daughter of Mrs. Crooks. The verbal battle at this funeral service occurred just one day  than that occurring between the two^-Women.;Tlio funeral was be-' ing conducted at the Rev. J. W Jordan's church, Mt. Zion Baptist church at Zlon City Wednesday and the Rev. J. T. Lathan, pastor of the Ebernezer Baptist church at Ketona, was preaching the funeral oration at the request of relatives of the. deceased due to the long standing friendship between the bereaved family and the minister. Trouble Brews Over Sermon j'"; Rev. Lathan. who is a  of thp Birmingham Minister's Union which organization ousted Revr Jordan recently because ot his at-' tacks on Baptist divines, aroused the pastor s ire with certain state-' Tients made during his deliverance; 3f the funeral sermon to which Rcv^ Jordan arose and answered in . These  created  i confusion In the services that the . Miss FranHe Wood took ler place at the organ and played" n an effort to curb the verbal bat!e. She was stopped by the pastor. In his remarks over the  Sev. Lathan spoke very com pll-' Tientary of the late Felix Marshall.' :fe declared that Marshal had picn.y of sense and no one  nev^*  that he had been out n: Jefferson county. He further com-,.  on the statement by remarking. that some people thought; -hat because of their extensive -' .el that they were wiser and had' nore sense. He used a bulldog tp^ Uustrate his point, declaring -that.; 0 thq.fact that on . occa-,  Tiiu extensive travel has  1 was. a dangerous animal. Whtri he hod finished 'his riis-! :ourse. the Rev. Jordan arose ana? Jegan flaying the minister. Rev.-,  said that if he was going; preach the- funeral oration ho-: ;hould do. that and not attempt tcr; ,out hints at him. Rev. Jorian felt that the ir^ hnd  his accusations at him due1 ised -unfairly against him, It w:u aid. .J Calls Minister Mad Doc Rev. Jordan said that n bulldog night be bad but not quite us dan-,  as n mad dog. The  continued. and finally Mi.sj Vood arose and begun softly .ploy- ng the piano In an effort to try drown out the quarrel and re-' lind the divines of the  fthe meeting. She was ordered' D stop by Rov. Jordan. Later inne  at the church conven- (Continued on page 2; Col. 1                 Rev. Jordan Continued from " Or.e lion meeting ,the  was dismissed. Trouble Arose Over Jordan', Speech The  between Jordan and the Baptists is deep routed, originating from a speech delivered by the minister Si a women s meeting and an attack in the papers by the Baptist  flaying the divine; an open loiter in another paper by the divine; a court scrape I and a refusal on the part of the 1 ministers to allow him to preach i in a church pulpit as a. member of the Baptist Ministers' union are some of the few exciting episodes j ha. taken place in the past few weeks.</t>
  </si>
  <si>
    <t>                                           Coming somewhat as a surprise to the congregation attending the funeral services of Felix Marshal, of Zion City, and probably rising to heights never heard of before the much heralded Jordan-Baptist feud was renewed again. This marks the second such incident and...</t>
  </si>
  <si>
    <t>                                           (I.itti.i;) 'I Joseph F. Fielder I WiitchriKiker .'170 Peters h . S. \V. I. Cor. Alt-Daniel St. i</t>
  </si>
  <si>
    <t>                                           Ml LMH  V/I\LI/  ONLY NEGRO .Y NEWSPAPER. IN THE WORLD         M 1   IMW =-- -= ..M,,,v ,,.v ,.,1, I-I1ICE FIVE CKtffg</t>
  </si>
  <si>
    <t>                                           Bonus Petition Presented                 The Rev. Father James R. Cox of Pittsburgh Pa.; spokesman: for' the Bonus Army," is shown as he presented a petition, signed by thousands ,f ex-service men. to Vice President Curtis. The petition demanded  payment of the soldiers1 bonus. W.-B. Cox, of Portland. Ore.,~u at . Inset is Walter Waters, who has-been chosen an commander- of tha Bnnm ATv          -~~ tK. ^.^.~.i</t>
  </si>
  <si>
    <t>                                           Grady Slaughter, 310 Rear Trenholm street, who was sent to the police stat on by Officer J. E. Wifey late Monday night after he had been treated at the Grady hospital for a large number of stab wounds, was released after investigating officers found that...</t>
  </si>
  <si>
    <t>                                           WASHINGTON, July 20.--(ANP)--A substantial gain in the field of business and increase in the number of Negro owned concerns in many lines together with the marked improvement in business practices; and a far greater appreciation of the Negro market on the...</t>
  </si>
  <si>
    <t>                                           Mr. T. E. Scott made a business the to Wrens Tuesday.</t>
  </si>
  <si>
    <t>                                           CLEVELND, Ohio, May 11-- (ANP)--The fight being made by certain of the Bishops and clergy upon Ira T. Bryant is seething beneath the surface or the conference in session here. Bryant who walks about the _Woodland Centre immaculately attired and...</t>
  </si>
  <si>
    <t>                                           Millen, Ga.                 The. Millcn Giants played the Vayncsboro Hard hitters with Wayncihoro having the belter end.  10-2 '~vcr M'Hen. Tlv-  was shocked over ihc dc;.t!i of Mrs Molly Mountain. Dr. .1. W. Powell and Mrs. P. M Rnuticllreo have  firm the Grand I, which was \\~-A in Corriele. The  or Miilon arc  tn have a Cannir.i: Department winch Prin. J. H. Twitiy i'-  fur (he colori il people. On Tuesday . of next wce.c  thore will be .-c Riven for  Athletic Association. Music by' Fcss Mitchell and his  cotton choppers. On last Sunday. Mrs. Joe ScorhoroiiRli had as her . Mr Hebron Williiims. Miss Gladys Campbell. Chas. Artisi Scorb-. Miss Ev"lyn Campbell. John H. Cosby ami Miss I. J. Campb.'ll.</t>
  </si>
  <si>
    <t>                                           YTTYYYVYYTYYYYYYYYVYVr'-YYYYYrYYYYYYYYYYYYVYYYYT" I ^^'i] ^e* M* Cure 'You! = D^- T. Y. YOUNG uit- t x vol^o.  tmk oum:nt.m. Mi:itit ~"n (IIINKSi' lli:i(lss JSH III.'.    .MI'ii~:MI 4 Kuraom Herb A Inrr !,.r l),,rn.~ ll i- Human ll.Jy Bl)~ 132 i:     ,.~J Air. WA. Zlltl AlUnla, 1        In AtUuU - 7 A. M. to 9 I". M</t>
  </si>
  <si>
    <t>                                           WEAKNESS TIRED FEELING 1 Dm feeling that hangs on, dar mil night, whether you work or not,       away following the use rf CarduX With Improved strength, monthly periods quit bringing so much of the suffering that women Iread, and pains due to a run-down condition, are overcome in a , natural way. ~^^ much with BoTero         $     ! Besa In- my back.                  At times. It     - hS^S^^S^!"*^ d I  not $5ij i llv?     :S!2      It. When I ^'T. would      to l*=S??'t?~)'f''Sa'/~~*s i Und on my feet     /:.*    9j3gH!          WM ver/ S^Bfe^rS^Sf^ bad. I would let ^r, SsPr   k I knew I    'K^J-?*/' must take lome- wS^V'^iH1'**^ . I had heard *'  .'%~~~;   *'V'x''  much oJ Car- ;:,?~'        /~v. dul, X decided to '^tZp i'i-ZZZ.'P try It. After tak-       *5 r; Inj two bottles, I S*'-.'2?      '?vT felt nil right. I       : *?% ^Ig^^:     . Cora Smith,     *V-! ''"JSSSsS Montgomery, Ala. /T ri  i Thousands of       women  that Cardul helped them. Build up your strength \\'X.\ the assistance of Cardul, a h:.i medicinal tonic   hay taken for over fifty years, e ~~^Cardul Is sold ot.0rus-BtorcJi.v.~^c.4 f9?. Weak. RUN;?.93   W?i^E:</t>
  </si>
  <si>
    <t>                                           Important Notice To Clubs! Qn'.and after, SATURDAY, MAY 7, 1932, no club notices will be published ,in the Atlanta Daily World, FREE, unless the CLUB is a regular subscriber 'to the World, with paid up subscription for 3 months. 6 months or    year. ..i The subscription must be taken out in (he name of the CLUB, not any individual^ subscriber.</t>
  </si>
  <si>
    <t>                                           Ill 91"93 whitehall w A L/ Ji I ^Bl Rl MM ^k dm H ^1 wt  flH H^ bBH      bSn^^H^ BB^^^^^ ^^^^^^Bh ^^^^^S^^B ^^^^^^^H SHHHj Sc //ere VVAen t/ie Doors Open       fli Ai COLORS: STYLES: I^      SSB ~% 4  H^ B   JVM Jh and Pastels Smartness and  ^  P Bi^B OhftflL Polka Dot! Clevtr Styling. MHH Wm BH Bk a^V SB BA  n "TffTTiP and Prints $1.44 takes choice. HHIbI Silks, Sport Flannels and newest Mesh ma. c..  terials. Every one a new style, good ma- i"'~:s 91-93 WHITEHALL</t>
  </si>
  <si>
    <t>                                           SmartFashions Smart Women Molded Graciousness Pultern No. 281 Simplified illustrated instructions for culling ~"4 sewing are included with euch with each pattern: They give complete directions for making these dresses. The fashion-wise woman will include such a frock as U8I in her wardrobe. The skirt sweets from the slim wold at the hip.s  _v pleats the knee, lending grace to the figure. The blouse is comfortably .  a lapel collar of contrasting; shade that  just below the belted waist The modified bell sleeve has inserts of the same contrasting shade as the collar. Des:p;ncd in sizes 34, ;tR, :is. 40, 42. 44. 4li and 50. Size '~K requires :ir:ii yard of .'iC-inch fabric. :i% yards of H J-inch fabric, and 'l/i, yard of either .'IC- or :ll)- for contrast. To tot a pattern of this model sent FIFTEEN CUNTS (15c) in, coins. I'lcase wr tc very plainly your  AND AlllJltESS, .STYLE  and  of each  ii  ed. Our new fashion magazine with i color supplment ami I'aris style; news i now available at ten cents', when ordered with a pattern anil fifteen cents when ordered separately. Southern Newspaper Syndicate 210 Auburn. N. E., Atlanta, Go.</t>
  </si>
  <si>
    <t>                                           fl^5  "E==   'T R I A L; BnuaiM</t>
  </si>
  <si>
    <t>                                           EYELET FROCKS frocks of ORGANDY tffc AQ frocks of DOTTED SWISS I  A g% frocks of FLOCK DOTS Uj H frocks of VOILE Shop High1. SATURDAY you ll get the  -of .your life! Such . VARIETY to "elect from I' Many "Georgiana" frock.! Solid color eyelet. TWO-TONE . flower-garden print. darker print. i cri.py organdie! Get two or three and LIVE in  THIRD FLOOR ln49 Uears of Ti Mderg^H'w^</t>
  </si>
  <si>
    <t>                                           SALE! Every Summer Hat Km PRICE $7.50 Huts Now $3.75 $6.75 Hats Now $3.38 $4.98 H;iis Now $2.49 $3.98 Hats Now $1.99 $2.98 Hats.... Now $1.49 $1.98 Hats Now 99c 500 Felts, Crepes and Straws to Go at the Above Sale Prices! MILLINERY, 8 FLOOR J. M. High Co. "10 Ynn of UndiritUlat AtlmU" SALE! Every Summer Hat Km PRICE $7.50 Huts Now $3.75 $6.75 Hats Now $3.38 $4.98 H;iis Now $2.49 $3.98 Hats Now $1.99 $2.98 Hats.... Now $1.49 $1.98 Hats Now 99c 500 Felts, Crepes and Straws to Go at the Above Sale Prices! MILLINERY, 8 FLOOR J. M. High Co. "10 Ynn of UndiritUlat AtlmU"</t>
  </si>
  <si>
    <t>                                           World Announces New Low Subscription Rates A drastic reduction in mail subscription rates to The Atlanta Daily World, effective immediately, is announced today. The  prices will enable readers who want their World delivered hy mail to effect enormous savings over the old price. The prices, effective immediately, are: Old Price New Price One Year S0.50 S7.50 Six Months ?.ri.00 S-1.25 Three- months 5 5n S-25 SiiiKlc Copies cents cents daily cents Sunday</t>
  </si>
  <si>
    <t>                                           Hold GOP Political Rally in Ark.; Negro Support Urged                 LITTLE ROCK, Ark., July 25(ANP)- At a meeting held at the Arch Street Baptist church, large group of Republicans turned out to listen to echoes from the Republican National Convention and as a further  of "-up" for the campaign. The meeting was                 sponsored by the Fred Douglass Republican club. Honorable Osro Cobb, young white U. S. assistant attorney, wan one of the main speakers and served as an added attraction to the affair. He spoke in forceful terms and urged the colored people to "be on their toes," have themselves properly qualified to vote :md turn out at the proper time; he further urged them to be sincere in their efforts. Following the speech of Mr. Cobb came the well-known W. A. "Bill" Booker, attorney. He appealed to the audience to not desert the Republican party in the time of need, in the day of stress and strain, when the party nnd its principles are undergoing the greatest test since the days slavery. You can t cut the name of                 Hoover from the Republican without cutting the party, he said. "What you do to one you do the other and this of all times is inopportune to leave the ship In a spirit of mutiny when trouble overtakes us arid gives challenge to our loyalty, our courage and our statesmanship. Stay in the party and fight. Stand with the party where you can at least get a hearing. It is better to preserve your Interest in the Republican party while in this crucible of trouble, than to run like cheap politicians or poor huntsmen who seek quail in new fields and know not their hunting grounds." /Mr. Booker closed by mentioning that many of our Negro corporations had been helped by the Reconstruction Finance Corporation nnd that this idea is  credited to our President as part of his relief measure. Honorable Scipio A. Jones, veteran attorney in Arkansas, spoke briefly but effectively on the Issues that are confronting the Republican party in this campaign. He said: "I have been a devout                 Republican all of my lite and have never let up in my fight on the Democrats. I have taken issue with them in their principles that have caused our people to suffer unnecessarily and I have stayed on the scene and fought them. I cannot see the wisdom of our breaking ranks at this time and deserting what hns taken us a life time to achieve by and through the Republican party. "As to the depression, all of you  stop and think know enough to know that no President of either party in this country could have headed off the great crisis with which we have been faced since the latter part of 1929. We are suffering now from ills left by the last Democratic administration and this is and has been the re-. But with less bickering and more patience, greater sympathy for those who lead during these trying times, I am already constrained to believe that the political clouds are lifting." Judge Jones stressed the necessity of our people being prepared and properly qualified to vote.</t>
  </si>
  <si>
    <t>                                           LITTLE ROCK, Ark., July 25-- (ANP)--At a meeting held at the Arch Street Baptist church, a large group of Republicans turned out to listen to echoes from the Republic an National Convention and as a further means of "steaming-up" for the campaign. The meeting was...</t>
  </si>
  <si>
    <t>                                           Read The World Read Every'worid</t>
  </si>
  <si>
    <t>                                           Up From Georgia With My Banjo By Thomas Jefferson Flanagan THE FORGOTTEN MAN He stands above the fertile hedge Where once he staked the cotton; On life s uncertain frazzled edge That brother is forgotten. Ah pity him in poverty s blight Old man Depression's target His lands, they taxed out  His goods could find no . They came an' fooled him out his vote, Then dropped him in the trenches, I An' cruel fate his exile wrote To slumber on park benches. I When you ask him of his fare He tells you times are rotten, I Teeth an' toe nail hide an' hair That fellow is forgotten. j</t>
  </si>
  <si>
    <t>                                           Behind The Scenes                 In Hollywood                 By HARRISON CARROLL                 HOLLYWOOD, Cal., Juno H.- Broadway stands to lose Zita Johann for  Her new picture has pleased  officials and she starts work directly in another, "Thirteen Women."                 This is the Tiffany Thayer best seller which has been causing R-K-O officials headaches because of, the many feminine parts to be cost At one time or another, most of the unemployed actresses in Hollywood and there are dozens 01      these days- have been un der consideration. Miss Johann, however, draws a . She plays .the Hindu Ri'.'l who is the chief  in this unusual story of murder by . Irene Dunne is the only other actress in the cast with a role of equal importance. Some other players chosen are Hicardo Cortez and Jill Esmond. What with this official approval  of her work in "Tiger Shark." for which she was loaned to Warner:. Miss Johann may now set about buying    .l home in California. When I talked to her, soon afier her arrival, the  sne was holding off to sec what happened. Her -first try in the films, you know, was disappointing. The much joked-about studio "conference" comes in for another dig from Al Sanlell. Th2 other day, says Al, lie walked into a room and surprised a group of men in earnest discussion. "Pardon me." he excused himself; "I didn't  this was a *." I "Oh, that s okay," reassured one of the men, "Come on in. We'll I talk about someone else." j HOLLYWOOD OBSERVATION POST I Estelle Taylor has the only lawn i in Malibu. To get it, she bad to scoop out the sand in her backyard and have dirt hauled in by the truck-load. The ex-Mrs. Dempsey, by the way, has had six stage offers in a week My story about the South Sea natives pouting over; the salaries they ' from Doug Fairbanks gets a rise out of Doug's publicity department. They would have it known that he Rave a bonus to everybody who worked on the picture and that he left substantial donations for the leper colony and for the Pierre Loti memorial That case be- tween Blanche  and Ral- ph Lakq, the independent 'piv-i y ducer is progressing. Saw them dining quietly at Stark's Cafe .But it may have been a bit prema^Vlure to revive, the .romance ol Georcef "Raft and Peanuts Byrom. The; dark-eyed actor, who bears a resemblance to Valentino, now has transferred his attentions to Maxinc Lewis, petite blues-singer at the Frolics Latest novelist to have a whack at.. the talkies is Irving Fineman. author of "Lovers Must Learn." ;This Pure Young Man." etc He"s .1 his typewriter in '.CM. P. M. .It's .SilUc' Dove now                 will take a house in Malibu And Carole Lombard and .William I Powell arc .renting the Beverly Hills mansion that Llta Grey Chaplin built out of her divorce settlement. With the gambling ships oft the California coast due to disappear as soon as Congress gets around to passing that bill, some of the smarter gentry have invented an entirely now idea. A luxurious 285-foot steamer will shortly institute dally cruises (two on Saturday and Sunday) for those who like a game ol chance. This vessel, originally built I by the British navy as a war-time] mystery ship, and later devoted to I Ensenada cruises. will be the last word' in appointments. It will fly a foreign flag, so when I the 3-milo limit is passed the liquor i supply will be unsealed ami drinks served,, across the bail Superior cuisine and a dance orchestra will i  c added attractions. I These  will be G hours Ions, returning the revelers to port about 2:30 a. m. Backers of the scheme insist it is entirely within tnc law and will nim for the movie trade. Vessel accommodates 28S  I "Baby" Fexcy Montgomery is back .ui Hollywood- only she is J3".i I years old and already something of a young lady. For the last three years, it seems, the former child star has been living with her par-  on a dude ranch in Laraminc, j Wyoming. She has been going to 1 the same sch,ool-house used by f Douglas Fairbanks for his picture. I "The Man from Painted Post." Though this film dates back to 1915. several of the sets are still standing. It was due to Fairbanks that "Baby" Peggy carp" to Hollywood in the first ^-Doug had gone to the Grand Canyon to photograph another early picture *A Modern Musketeer.'" While there he met Jack Montgomery, chief governnment ranger, and spoke  ingly of the young film, capital. Later on. Montgomery came to Hollywood, bringing his wife and little girl. The last picture "Baby" Peggy made was "Helen's Babies." Sol Lesser produced it back in 1825. If the proper offer develops, you may be seeing Peggy on the screen again. DID YOU KNOW- That Mae Clarke's father is a former organist in a motion picture theater?</t>
  </si>
  <si>
    <t>                                           HOLLYWOOD, Cal., June 14-- Broadway stands to lose Zita Johann for good Her new picture has pleased studio officials and she starts work directly in another, "Thirteen Women."</t>
  </si>
  <si>
    <t>                                           Mr. N. H. Brown has returned home after spending several ... in St. Petersburg., Fla.</t>
  </si>
  <si>
    <t>                                           REV. and MRS. B. R. HOLMES, left the city Monday at 6 P. M. for Cleveland, Ohio, to attend the general conference and to visit relatives and friends.</t>
  </si>
  <si>
    <t>                                           .~                      : 'This Ad Good for 10c on* "Any Shoe Repair Work or Hat Cleaning. CUSTOM SHOE  1 Hat Cleaning (Odorless) J Ladict' Men's Soles Sewed 01*4  Vulcanized on (None Nailed) I 11 Edsewood at 5 Points    . 4268 Downtown</t>
  </si>
  <si>
    <t>                                           M ATLANTA S m OWN jm  MarkeT ALL UNDER ONE *V* ROOF Corner Edgewood and Butler ENTRANCES ON FOUR STREETS EDGEWOOD- BUTLER- BOAZ- BELL f -C. 0. JUHAN-64li^rA. GATLIN CALIFORNIA Lamb FAATfV  GENUINE SPRING *AJ\LY BRUITS SHOULDER 10c NOTHING BUT THE BEST! SMALL LEGS     We Are Making Fancy Fruit, our ALL CHOPS *UC FRESH , TOO NIC HAMb I DC 64 -C. 0. JUHAN-64 n^S BACON 12c F P RFlin FRESH YARD ..'BOOTH 84 EGGS 17JC HENS- 15c FRYERS" 20c All Sizes and Colors, Alive and Healthy "WE DRESS 'EM FREE" ^-52 SMITH MARKET 'j^VwrViVr Under New Management HONEY srj?  . ALLEN- gc THE VERY BEST! *'   "     m Per Lb 7C IF YOU LIKE HONEY, lamb legs. *jr YOU LL LOVE THIS! P" Lb 10C MMS- JELLIES- PRESERVES EGGS-BUTTER-PRODUCE *T^~      to Nut. under one root. Frcih Coun52 -HAMILTON- 52 try Produce at .t pried. M ATLANTA S m OWN jm  MarkeT ALL UNDER ONE *V* ROOF Corner Edgewood and Butler ENTRANCES ON FOUR STREETS EDGEWOOD- BUTLER- BOAZ- BELL f -C. 0. JUHAN-64li^rA. GATLIN CALIFORNIA Lamb FAATfV  GENUINE SPRING *AJ\LY BRUITS SHOULDER 10c NOTHING BUT THE BEST! SMALL LEGS     We Are Making Fancy Fruit, our ALL CHOPS *UC FRESH , TOO NIC HAMb I DC 64 -C. 0. JUHAN-64 n^S BACON 12c F P RFlin FRESH YARD ..'BOOTH 84 EGGS 17JC HENS- 15c FRYERS" 20c All Sizes and Colors, Alive and Healthy "WE DRESS 'EM FREE" ^-52 SMITH MARKET 'j^VwrViVr Under New Management HONEY srj?  . ALLEN- gc THE VERY BEST! *'   "     m Per Lb 7C IF YOU LIKE HONEY, lamb legs. *jr YOU LL LOVE THIS! P" Lb 10C MMS- JELLIES- PRESERVES EGGS-BUTTER-PRODUCE *T^~      to Nut. under one root. Frcih Coun52 -HAMILTON- 52 try Produce at .t pried.</t>
  </si>
  <si>
    <t>                                           Struck several terrific blows over the head with a hammer last Tuesday morning by a roomer at his home. Walter Beckly, 40, of 1162 Ayers street, died at General hosplial the following evening at 6:30. Although his head was battered to a "pulp" and his skull...</t>
  </si>
  <si>
    <t>                                           BUCK FACE MIT IS KILLED                 Dead Man Prominent in Texas Society; Disguise Perfect                 SHOT BY POLICEl                 COPPUS .    ., July IS.- With his face thoroughly *"i*cci to dir-Kuit..- h:r;iit:if ;us a mnn of African , Asa Upton Wright, 25 year old, society l-.-adur and prominent wh.it.' business man of this . wpr-.t  to hold up the Tuxns" State Bank and Trust                 company. lie sac-ceded in effecting an entrance and put a gun en Arthur Va:-. Horn and Biilie Huebinner, two of the b;ir:;: employees, who hsr.ried him ov. r $11,550. Wright would have r:i;.~!e (rood his escape had it not bren for H F. Waters! :        vh" s.tw him coming Out ihe rear ~'f-r;. Waters hurried to a phone n-arby and surr.mor.ed police. --A  has just robbed the state bank.'' he raid. Slain by FrI-ml Policeman Letter Smith, a friend of Wright, and Officers Fred Bar- j rera nnd George Pnvo; rushed to j the scene. 'There goes the darkey," Waters told them, pointing to the masqueraded Asa Wright, who  attempting to get in an auto. The three officers, b.; (heir culprit a black mar., opened f:re . ordering him to halt. Wr;r,ht fell mortally . I An ambulance was near th-% scene I and Wriphl was placed in it ar.d rushed to Spohn hospital Tii'-ro I his face was washed and his idem:- j ty was reveal.  d. Had Prrfect Disffiiisc j At the .- of the -up Wright! wore o\'. He had .* j Bcij;!:;cs that hn.d been s uck to his face with adhesive tap-'. He hail j a has'; for the ma:-:e-i;p .~:;d tired I burn d  on his face to ciw, him an African .--. This] cork h.vd been carefully rubbed on I over a lar^e piece of chewing Kurnj that he had plied on his nose     the appearance i:f  nv.-ir.hor of his f-ifc. T-i m.iko h::;: .ace i i 1- he hr-ri st-.-.fted ."t'.'.'n 'n! his .laws ,ind between his lips He l;a(!'par.!ff:n on bis  ai'.d wn:\- 1 kill ^^o^es to keen from ]vav;nc.' any . I. Comment M.idc Since crimes all nature arc ::1'';! in this section by whre men uv.;ri:;~ ciis^. very )it;ie   was ;)aj;-e'.l on tlu.- case. V.":-:pli: r.uie from one uf tho i ii!".-'. ari..'.'~cra;ic families in Texas. He was second lieutenant in til*"1  reserv.. aad  recently participated in a ~:ity beautiful m:.'.--:r,''nl for Corpus Cllns-. His body was sent to .Jefferson. Tex., i wher.. his  is a well-known  a::d director in the State1 bank of J'fferson.</t>
  </si>
  <si>
    <t>                                           CORPUS CHRISTI, Tex., July 15.--With his face thoroughly blackened to disguise himself as a man of African descent, Asa Upton Wright, 25 year old, society leader and prominent white business man of this city, went forth to hold up the Texas State Bank and Trust...</t>
  </si>
  <si>
    <t>                                           MESCAL IKE As He Was Saying ByARTHUHTA^                 PHILO  The Skull Mystery by S. S. VAN DINE                 TIM TYLER S LUCK An indispensable Servant By LYM YOUNG                 TELLING TOMMY"                 DAYS ARE GONE FOREVtK (A New Tune Each         Vincent Lopez)                 BILLY S UNC1</t>
  </si>
  <si>
    <t>                                           The Mt. Vernon Baptist church Sunday school picnic. The Mt. Calvary Baptist church sponsored a King Solomon Wedding Wednesday night.</t>
  </si>
  <si>
    <t>                                           CHICAGO, Ill., June 15--(ANP)-- The absence of a contest for the presidential nomination this year made a great difference in the aura surrounding delegates. There was no herding them off by lenders anxious to keep them in line for a particular candidate since...</t>
  </si>
  <si>
    <t>                                           ONLY NEGRO DAfCy-NEWS PAPER IN THE WORLD W.-X. 8C0TT Editor and PabllihH r Frank -Marshall Darls .m-~_Mw.. Manaslnr Kditer SUBSCRIPTION RATES Om Thi, H.H Monlhi. ti.~0: 3 Monthi. U.SO; W^klr. 10c PUBLISHED DAILY AT :io AUBURN AVE.. N. E. TELErnONES: WAInnt HS9 and   0 Bmtmni u  -~laaa matter at     mt . at AUaaU. Ga.,  tk. .-.= art March 3. 1875 '1 '~~~I-/-- MEMBER OP WIE ASSOCIATED NKfiRO PRESS 7' THE- WORLD - no responsibility for ^sited  mt  Ik* .</t>
  </si>
  <si>
    <t>                                           The Daily World is published especially for you The Daily World is published especially for you</t>
  </si>
  <si>
    <t>                                           I  e D tt ORIALMaaMt</t>
  </si>
  <si>
    <t>                                           About ten years ago there came to this city a family by the name of Rhymes, in which was a girl bearing the name of Rosa Nell. At that time Rosa Nell was only a small girl at the tender age of eight years. She was placed in the Public school here where she...</t>
  </si>
  <si>
    <t>                                           Last Sunday morning I was to attend the Congregational Sunday school at the invitation of Rev. Faulkner and Dr. T. H. Slater but on account of the opening of the hospital of which I have heard such favorable comment the good Doctor Slater informed me he could not...</t>
  </si>
  <si>
    <t>                                           Imam' c n IT OR lAL-f-HMJ Imam' c n IT OR lAL-f-HMJ</t>
  </si>
  <si>
    <t>                                           HOW THEY DID WANT BEER!                 Delegates of "wot" states arc seen parading with beer mugs at' Republican national conven-                 lion. Illinois, New York nnd New Jersey paraded first, in the order named.                 International Illustrated Newc photo.</t>
  </si>
  <si>
    <t>                                           PATSY KINC. . POLICY j mac.nah: dik.s                 i 'i! if.\i;ci. r ii 1.'. { AM'i v.-l Hi.- i-:si !v 11 i i 1 wi; 1,1' Mil- ill L-"! 'if till- l.n'.H V ;.;,iii.' ~{: Clni-.-iir"  ii"il .Mm:h::i.v. Kir-i: v.l-.n rr.'L'lii-.l ' I lii"1'    ' ".M ii-." .l.'lin.-iT. ami  .Mfll.-,. \v:i-  ril In '   '-1i lll-'l^ ::i PM'.rl v.</t>
  </si>
  <si>
    <t>                                           At a briliant afternoon reception on Saturday, Mrs. A. B. McCoy presented her house guests, Mesdames C. T. McClendon and R. C. Ward of New York, to Atlanta's society.</t>
  </si>
  <si>
    <t>                                           ROMANCE ENDED                 Her eyes bright with  tears, Zasu Pitts, noted screen comedienne, is shown in court nt T_os Anitelcs a?  told the end of her romance with heT husband, Thomas S. Gallery, sportsman and former boxing manager. Miss Pitts was grunted a divorce on the grounds of desertion.                 i</t>
  </si>
  <si>
    <t>                                           DAYTONA BEACH, Fla., July 17--As this article goes to press, Ralph Long, erstwhile Georgia and Southeastern net champion and ninth ranking national player, pride of the Atlanta Tennis Club, has successfully edged his way thru Charlie James of Jacksonville and Lil Gaines of West Palm Beach in successive rounds, and must meet C. Burroughs, top seeded player in this tourney and the champion of Nassau, for the right to enter into the semifinals against the winner of the quarterfinals match between defending champion E. R. Lewis...</t>
  </si>
  <si>
    <t>                                           Grady Thomas, 22, 1808 Lawrence street, well known in the Orange Mound subdivision, shot once from an ambush by an associate of his last Friday evening, July 8, died four days later on Wednesday, at 8 a. m. at the General hospital. The gunshot wound which proved...</t>
  </si>
  <si>
    <t>                                           WASHINGTON, July 26--(ANP)--The National Benefit Life Insurance company is keeping faith with its policyholders who have accepted the modifications program under which the organization is now operating. In announcing the modification plas. the Receivers...</t>
  </si>
  <si>
    <t>                                           Mrs. H. L. -- Canned foods especially prepared fora babies, are penmissible. There die several standard brands to choose from. Do not boll child's milk. Use either raw certified or pasteurized milk. Boiled milk mny be the cause of the constipation. When given to</t>
  </si>
  <si>
    <t>                                           Your Loved Ones Bury them out in beautiful SOUTHVIEW CEMETERY Eitabluhed  nj operated by colored  for the burial of  dear to them. Lots For Sale Phone Wa. 0922 BEN H. TOWNSLEY, Pre.. LEWIS G. WATTS. Sec.</t>
  </si>
  <si>
    <t>                                           At last the huge and sprawling state of Texas, famous for its steers and Negrophobes which rank in intelligence in the order named, has made some move to leave its sister hotbeds of racial antipathies and oases of morons by one of its courts coming to the commonsense conclusion that Negroes have a right to serve on juries, at least where other Negroes are being tried.</t>
  </si>
  <si>
    <t>                                           Piloted Death Car; GetsManslaughter                 After deliberating for  hours, a jury in Judge Moore's courtroom found Ben Morris, Scotts Crossing resident, guilty of involuntary manslaughter late Thursday afternoon. Mores was the driver of the automobile in which Clarence Bell, 25, Box 332                 Kiverdale, Ua.,.met his death Saturday night, April "16. Judsre Moore gave him the alternative oi I                 paying      or froing to the chaingang for s!x months. It has been  that Morris will pay tho fine. Young Bell, whose parents. Mr. nnd Mrs. Daniel Bell reside at 1015 West Fair street, was riding in tho front seat of a light delivery truck- belonging to a local               oa      6/    .3 :i.k.. v,. V                 Piloted Death Continued from Page One ware company when it collided with a city truck.. Investigating officers reported that Morris was! drunk but he denied the charges. Witnesses did' state, however that the l!ght truck ran through two red lights as it, travelled west on Edgewood avenue. The fatal crash took place at the corner of Piedmont and Edgewood about 7:30 that Saturday night. Mr. Bell was rushed to the Grady where he died shortly after 11 o clock the same night; A hole in his chest made when the rod that holds the hood together pierced him, and other injures arc believed to ha.ve caused his death. Morris, who was arrested on charges of reckless driving, and I drunkenness was later indicted by the grand jury.</t>
  </si>
  <si>
    <t>                                           After deliberating for nearly five hours, a jury in Judge Moore's courtroom found Ben Morris, Scotts Crossing resident, guilty of involuntary manslaughter late Thursday afternoon. Morris was the driver of the automobile in which Clarence Bell, 25, Box 332...</t>
  </si>
  <si>
    <t>                                           TO RE-SENTENCE ALBERT JACKSON                 PRISON BODY HOT TO ACT                  Jackson Was to Die Today     Respite Comes to End                 SAVED  Y GO V.                 Results of Albert Jackson's pica, to the state prison board     his death sentence to that ot life: Imprisonment will not be made until Jackson has been resentenced by the judge before whom he was originally tried in Peach county, it was learned today.                 Jackson was snatched from the death cell by an order from the governor giving him a 60-day n- the day of his scheduled                on May 20, moving the fatal date up to July 20. He was found guilty of murdering Mr. and Mrs. Green Hartley, aged farmer and his wife, on January 21. 1930, after robbing them of $400 which Mrs.  carried in a belt around her waist. Atty. George B. Culpepper of Fort Valley, representing Jackson, made his final appeals to the state prison commission on Wednesday. July 6. Two other appeals to the trial judge and to th^  supr reme court was denied. Just when the trial judge will resentence the doomed man Is noi known, but until ttm- date of his electrocution is set the stale prison commission will not take any action The appeals have been based on an alleged fals.- confession which was admitted as evidence in his trial but which Jaclcson denied having made. I Another prisoner, named "Shorty" Anderson -told a plot between himself and the warden to secure a I confession" i^om Jackson. The plot was denied by a deputy. When Jackson's respite came from the governor on May 20. his .l had been shaven and wa?n-ady Idhie last march to the death iu:l. The Hartleys wiTe beaten tu Ue:itM with sticks.</t>
  </si>
  <si>
    <t>                                           KNOCKED DOWN BY AUTO                 . Rosa Lee Klmbrcll, of 70 Hillianl . who was knocked down by an auto about 8:30 Tuesday night, was given medical  nt the Grady hospital for bruises  the  legs and a small scratch on her right knee.</t>
  </si>
  <si>
    <t>                                           'Rail Hugging' Car Crushes Signal Box to Ground                 Riding the street c:n- mils. Henry Thornton, rear of 700 LuUwatcr road,  for J. T. Clarke. 790 Lullwater road, crashed Into on automobile driven by Mrs. Thomas E McCuire, 1106 Lullwntcr road nt the corner of Moreland and Ponce tic Leon, about ten o clock Saturday morning. Mrs. McGuirc waa making a left turn at the time into Ponce de Leon. Both cars were badly smashed. Mrs McGuiro stated that Thornton wan going about 30 miles an hour at the time. Her car was hit sit the center ot the crossing while I li0 Clarke machine careened to the coiner, knocking down a. police signal box down and coming to a halt some distance down the street  in the opposite direction. The chauffeur stayed around tno scene of the accident for sometime, finally leaving. Both curs were sent lo the Spider garage. CHICAGO NEGROES EARN HUGE SUM CHICAGO. May 2-~    . -According to occupation .statistics      released by the Census bureau. 128. 407 or 8.3 per cent of the workers in this city werc Negroes 3the average wage for these workers was the low sum ol sou a month for that year, this group earned 577.080.200 in 1930.  per cent of which probably went to support white business institutions.</t>
  </si>
  <si>
    <t>                                           F. S. Fields, the asssitant manager of the F. W. Woolworth company will be transferred to the Montgomery branch of the five and ten cent chain store. It was reported Thursday.</t>
  </si>
  <si>
    <t>                                           Beautiful hair is worth a lot. But it need not cost you much. Just use genuine Black and White Hair Preparations the finest in all the world and enjoy the economy of big packages L and money-saving low prices. ^pes**aam*mma^ V Then use genuine Black and White Hair -^'-^ jHy \A Dressing. The instant you  this sweet- scented preparation, each strand becomes \j^ soft and silky and you can dross your hair ^^^^^'^^^^^^''f^^ in any style you like. Yourhairsfays dressed, f^-1551^^-^^'! too, always looking smart and lovely. Ask     =:5^5i0    \ your favorite drug s+ore1 or toilet goods W^i v^^^^  \ counter for genuine Black and. White Hair Ip5s Ull^w^JlA Dressing. Two kinds: Amber 30c, White 5Cc.    ^,\ On  J_ Jff^^l^.,,  AND TwW BEl B H F K you cannot eel Genuine Black and White i i ami address, together with retail prices of B b IS)!! (lnP^(S^  desired and we will sec that you Ml B A a Lr\/ Lr*  . VI^ *   fl ff arc promptly supplied through your dealer, 1TU "SB B Ok        SB tfW^1 B  ifi'  B all charges prepaid. Address Black and White 8 lf% B ~*%..- E3E? KJ^^Sg S^^Cgy Company, Chicago, 111. -^pt^ Grow Long Hair j^^ I rtj^^GROWER^j Use genuine Dkck and White Hair q. ^ri/ 1A/U ITC U^^^^^^j Grower and let its  ^WM II C W ^^^) ingredients quickly make your hair grow HAIR  B X^S^2^/. long, beautiful, luxuriant. Large can 25c:' 'I Jtouom Don't Burn Hair *^ crv/icu/rUL Usc-  Black and White Glossinc /'^3^H^ffl\ BLACfeWHITE and  your hair -f? 1?urning wth fev^^s^^ hot irons. Gives wonderful lustre and   *^^Z*~I!2% GLOSS I N E sheen. Used by beauty parlors every- ^$^f=====g#^ -where. Large can 25c. i.^  .~ "i-r-rry;' {,-~</t>
  </si>
  <si>
    <t>                                           She's in the Pink                 College life is not all brain-wracking study of abstruse subjects. There's a brighter side to it, and here it is. The young student so obviously enjoying herself is Anna Jolan of Brooklyn, N. Y.. who ia demonstrating the method she used in winning the watermelon-eating contort at the campus frolic kt-N'ew York University.</t>
  </si>
  <si>
    <t>                                           The Atlanta Daily World THE ONLT NEGRO ** IN THE WORLD 'i** Classified Advertising Rates DAILY SUNDAY He a lino Mo a line Consecutive Insertion! Dally and Sunday: Three times lie UM Seven  100 a line Thirty times or more 8c a line Fire  of   u* counted u . The minimum charge U ihe price tl two lino.     Taken Over Telephone:) are. accepted from  'lilted In the telephone or city directory, ail memorandum . tn  for   the  expected to remit the imy           . On all   "~ail  muni accompany tht 'order. All Discontinuance* MUST be made. In person at the World off fee or or letter. Telephone  in NOT . ERRORS If anr error ta     . The AtlanU Dally World Is  far  one incorrect Ineertlon. The  la  for  Inaertloiu. The     If anj.  fSi needed. closing; i Adrertliemente In The AtlinU DallT for the Bandar World will be accepted up until p. M:        ..The  are open  except Snndsr  t. P. M. for the * of *. ATLANTA DAILY WORLD WORLD WANT ADS BRING RE8DI.T8. JUST CALL i WAIntrt 1459 -nd ask for aa Ad Taker</t>
  </si>
  <si>
    <t>                                           HOLLYWOOD, Calif., July 27-- "If I Had a Million!"</t>
  </si>
  <si>
    <t>                                           Hive Prizes for Best Interracial Studies                 Three awards of $100 each and two of $50 each have boon announced by the Commission on Interracial Co-oper.ition, with headquarters here. ior race relations studies in Southern schools and colleges. Tlio recipients wove          State Teachers College,                 Cnnwiy; Churles H. Brown, a stu- 1  in the University of Okln.homa at Norman: Virginia Davidson, a student In the high school ot Fayettcvill';.       :is; R. J. Reynolds HiRli School, Winston Salcm.                 North Carolina: and the high school or Kirksville, Missouri. Th0 award to Arkansas Teachers College was in recognition of exceptional work in an educational project entitled "Tlic Quest for Understanding,' which was promoted in  colleges of the South by the Interracial Commission. Th0 entire student body of the Arkansas, school, numbering  i., was enlisted in the project, which featured the development of an educational approach to the problems of race relations. Other institutions doing exceptional work on this project, the Commission announced, were South Georgia Teachers College, Birmingham-Southern College, Ashcville Normal Collego, and the College of the Ozarks. .Mr. Brown's award of $100, offered for individual student papers on "The Quest for Understanding,'.' "was won in competition with more th:in u hundred excellent theses representing thirty institutions in cloven states. Miss Davidson was thc winner in a similar project promoted by tlio Commission in thc high schools of the South, entitled ''Americas Tenth Man." School prizes fifty dollars  for collective work on this project were awarded by ihe Commission to the high schools at Winston Salem and Kirksville. In this competition a  number of high schools participated and several hundred papers were written.</t>
  </si>
  <si>
    <t>                                           Three awards of $100 each and two of $50 each have been announced by the Commission on Interracial Co-operation, with headquarters here, ter race relations studies in Southern schools and colleges. The recipients were Arkansas State Teachers College,</t>
  </si>
  <si>
    <t>                                           MISS CHRISTIAN ENDEAVOR and her . Miss Clementine Williams was selected by vote to represent the Local Union Alien Christian Endeavor of St. Paul A. M. E. Church in a mammoth silent parade In Jacksonville, Flo. recently. Her escorts are MIks Eater Morse and Mr. WUllam D.                 Sweet. Photo by Weemn, Jacksonville. Fla.</t>
  </si>
  <si>
    <t>                                           BB ^fl Hi 19 bw ^^B HB ^B IB ^B HT^Bfl Bl eh i^h ^^^TH ^B ^B w^^^^ ^^^vSn BB iBK t^m ^B^B ^B^^ ^^^^hB* HB JB^H Hi KPT* BW^vI^h B^^^ BvBI ^B i^b^^BB'-'-^"' ^B.J99   . WBk 1ft JB B9     ^^H Bn JH BB    BH HI BBI BB Hi IB WH vn BB BH ^B ^BHv ^B ^B bH BSfl BB n Ha ma ffw  HB Bfl w i^b BB. "B-; BB                 SAYS HE S NOT GUILTY                 'I Was Victim of a Conspiracy' Says Noted Prelate                 GRIEF STRICKEN                 CLEVELAND, Ohio, May 10- (A Nl'i- "I am not RUilty. I  been dealt wi'.h . I have L'ftin cri c.'fiol unjustly," said Bishop Wm Tccumsch Vcrnon. in an   to the Aancliitcd Negro Press Inst Saturday.' The  was leaving the holl                 where the 29th quadrennial  of the church to which work he ha* gl v-m the major poi-^ lion ot his life,  just - him. His step was s'.nw.     face haggard, his powerful framo shook with emotion as he dc:'  those whom he said Iui3. denied him h lair chance. "I was the victim of a con;spiracy, as dastardly a . as was ever hatched in a body, supposed to represent the followers of the cross. Mnjiy men on the Episcop.il committee which tried me were candidates for the bishopric. Vacancies are needed. "I was driven from the door of.. 'ther.'JEplscopol.. Committee rooms when I begged to come before' them and explain. I was denied the right to explain where tho money was spent. The charges arc distorted and false. "I was tried without dates being given, without specifications of any kind or by any sore of regular proceedure. I was denied tho right of appeal. "I was charged with receiving money for Episcopal Residence us is customary with, most bishops.' The amounts named were pur-  padded so as to seem unreasonable. The penalty according to our church discipline or laws. Is that if a minister Is guilty of taking money wrongfully ho is to make re.-titution. Suspension Is not a penalty prescribed by the church : I offered. If proven guilty, to muko restitution. I was denied this privilege while others wero permitted to do so. "I was given no opportunity to care for myself, but wan  disgraced In the  of laughter and hooting. Thoy wero like a mob of lynchers. The  witnesses were men whom I had removed from office for  Shorter college funds and church funds during my bishopric in Arkansas. My friends wero not untied to testify In my . "My case was hopeless from the beginning. I did not have a chanco before mob rule. Instigated by the men of a 'district whore they destroy bishops. Here is tho story of Arkansas for tho past four : Bishop Connnrj persecuted. Up died crazy. Blsfiop Chappele, drugged through the courts. Bishop' Ross, hurried and harassed until ho fell dead at the railroad station Continued on Paito 5, Col. 7                 Ousted Bishops Continued from Page One in Lit tic nock. Now Bishup Verr.on is disgraced. "What will  l"o. "I am GO  nl l. My best days have been given in i ho := "f the church. I :im l.fl without salary ur support. This is my reward." Technical Wronp Bishop .fi. A. J'jiK's, former   of Wilberforcc. likewise siM In1 might  dour wrong ti .'illy but ii"l nmr.-illy. lie said: "Accepting   as . I can   I have put buck into tlic churches of my district S50.000 more  Uic $2G.000 the prusi cu iion claims I had reci.'ived. Ail moneys wura spent v/ith pastors ami  ciders. The  between these  represent my personal . "Charges were filed unexpectedly Saturday ami I was to be tried Monday. I hod not time to gather my  for defense and had to defend  as best I could against a prosecution Unit was built         . judge and jury, and which had formed its opinion. It was steeped in prejudice created  propaganda. Practically all of the jury had combined to make vacancies on Hie bench of bishops for which they themselves aro candidates."</t>
  </si>
  <si>
    <t>                                           CLEVELAND, Ohio, May 16--(ANP)--"I am not guilty. I have been dealt wish unfairly. I have bean ... unjustly," said Bisaop Wm Tecumseh Vernon, in an exclusive statement to the Associated Negro Press last Saturday. The bishop was leaving the hall...</t>
  </si>
  <si>
    <t>                                           BACK HOME 'N' BROKE! Daytona Beach was a veritable paradise. Stately palms ascended high above the surrounding landscape and gave one the impression of innumerable ostriches with plumage up and heads buried beneath the sod. Rich vegetation germinated on all sides. Every took and niche was supersaturated with rich foliage. The happy larks made music the livelong day and the bull froggies trumpeted by night. Crickets chirped merrily both morn and eve, and squirrels darted to and fro. But more beautiful...</t>
  </si>
  <si>
    <t>                                           Have the Skin All Men Love You ciin t pi against nature and it is men s nature tn love a , r., soft skin, "r ;ill known methods of clearing the complexion of ruinous, unnatural Impurities, blackheads, . freckles and other , Nadlnola Cream is the simplest, quickest anil must .satisfactory -Just apply tills  I'niKrniu cream at b"~!(im'--~m' ^inK. no ;. .Vailinnla quickly  fresh, youthful  I"  skin: restoring a .'-.Dft te.\    '(l. .     "ih. radiant, flawless       ''\*.  up . m;ly   : the skin Ivory-white. Invcly. Don't  ymir fare.     -  . arms ami  to  bleaching rr-ai is.  or lotions, but    ! sure to use real Kadinoln Blenel In:; Cream with its DOUBL.K ,   In no other product. C.~ a Mr:   0e Ja: of Nndlnolu  Cream al :   toilet counter:  ^ 11 t'~nii;iit. nnd tomorrow you will see a hint of the wonderful  I" . Moncy- guarantee In even' . BLEACHING CREAM           ,J tv Kullntnl UiUl Co..</t>
  </si>
  <si>
    <t>                                           When the wail of the people went up all ever the land id Egypt that one dead was found in each house. Pharaoh rose that sight and told the Isrio lites leave quickly, for he feared that God would send upon him anal his people some mom terrible punishment. So the...</t>
  </si>
  <si>
    <t>                                           THOSE Fast Flying Floridian Buffaloes, that much heralded entourage from the palm fringed West Palm Beach atmosphere, recently piloted here by Monsieur Daniels, are down to brass tacks. Willie Bush, Willie McGee and P. G. Carson are working hard and...</t>
  </si>
  <si>
    <t>                                           Battling Bozo, local comedian of the ring, took his antics too far in the Memphis fracas with Joe Jordan.</t>
  </si>
  <si>
    <t>                                           Mrs. C. G. To get rid of the milk crust or Cradle cap, apply olive oil to soften the crusts. Use a fine-comb or a piece of gauze to rub the pieces off. Then apply Lassar's paste or a similar ointment, several times a day. Most of these conditions are allied to the skin...</t>
  </si>
  <si>
    <t>                                           DAYTONA BEACH, Fla., July 18. --Suppressed in men's singles and doubles and ladies' singles, Atlanta's brilliant net trio (Ralph Long, Laura Demery and Almenta Hill) decided that was enough, and, after two sensational long-drawon-out finals matches, came thru with flying colors in the mixed doubles and women's doubles. Demery and Hill topped Spencer and Holland of Jacksonville in straight sets in one of the sternest battles of the tournament, 7-5, 6-4, Long and Hill stepped on the gas and went places in the finals of the mixed...</t>
  </si>
  <si>
    <t>                                           ,            TAIR THURSDAY ; Ihunilcrthuwen Frldny . Lowest , part 24 hours. 70; highest, DO; , 80. Arthur II. Scott. Mctcoroloclst, Wcnthcr Bureau.</t>
  </si>
  <si>
    <t>                                           UAMf4M E p I T VL V:X':l^:'.'^::SBiaM^</t>
  </si>
  <si>
    <t>                                           ^^~:.^..^-,. ~.-iv'-, VIRGlNl/^' :'1 "^':-i?;^! .V</t>
  </si>
  <si>
    <t>                                           Lots Carewa 'The Night Club Lady', and her guest, Christine Quires an mysteriously murdered in the ... apartment. Scorpions were the instruments of death. The police suspect Guy Everett, the last persons to ... Christine alive. Lola had blackmailed Everett. He...</t>
  </si>
  <si>
    <t>                                           The sixth annual Georgia Open Tennis Tournament, of which Thomas H. McCampbell is defending champion, has been shifted from July 20, 21, 22, and 23, to August 3, 4, 5, and 6 in order to permit play of the tourney not to interfere with the summer school...</t>
  </si>
  <si>
    <t>                                           NEW YORK, July 26--(ANP)--George S. Schuyler, the famous Negro author whi made a trip last year to Liberia to investigate conditions there for the New York Evening Post, a Curtis publication and wrote a book on his return. "Slaves Today," has come to the...</t>
  </si>
  <si>
    <t>                                           Mrs. Jeanette Riley of Jacksonville, Fla., formerly Miss. Jeanette Adams, of this city, is spending a few days here with friends and relatives.</t>
  </si>
  <si>
    <t>                                           DEACON JONES                 By L P. Reynold!                 -i.'-S Tho Pnntor said to his flock, mr Brother Bell picked up i Brlck,-T?   If you nil arc with mo you wilt lia.vo to keep up with mo. ::~p-i</t>
  </si>
  <si>
    <t>                                           Return Pro Dough                 Desirous of being restored to amateur standing, Suzanne Lenglen (above), former tennis queen of     world, has been informed by     French Tennis Federation that ii order to obtain reinstatement rm must first refund all' the         1   as u professional.      LonKlnti refused to  informed of the Federation'!    piston.</t>
  </si>
  <si>
    <t>                                           i I Start with a Dollar End I with Financial Security i The hardest thing- about saving- is getting- started. Once you have a Savings Account and add to it regularly for a few weeks you ll find that habit will make j the path to financial security comparatively easy. Resolve today that you will start. As little as a dollar will open an - account at this bank. I erf* FIRST i I NATIONAL BA NY.y^/ 'k* Cheikinn Acc- S.ivu^s Account! Truils j Conimrrci:ii  Pertonal I. I Tltl'ST COM!" A XV OF K I! (I 1 A j Truils         -ntj MnrlKnirr Loam Unnkiuc j   FORF. IN FINANCING SOUTHERN BUSINESS"</t>
  </si>
  <si>
    <t>                                           'ft? wmtt The  of sirens and tlic  or fire belli Ion often announce :i tragedy- a de.illi. Always    announces Ji ?! loss; v.a.s(c There arc     ways of making your home and buildings relatively safe From fire  the   for ; fires In the broom ami the oilier clean "lip tools that it .-. Clean homes and  run little  or fire and loss. There nro Innumerable preventive ,. may take. BANKERS FIRE INSURANCE CO. Atlanta Kcprcscntatlvcs  ALEXANDER 250 AUBURN AVE., N. E. ,-i?#~~*JE-.S?A,</t>
  </si>
  <si>
    <t>                                           MESCAL IKE Oh Well, Better Late Than Never                  VANrR "he Skull Mystery by S. S. VAN DINE                 TTM TYLER S LUCK The Reception Committee by LYM YOUNG                 "TELLING TOMMY'' 'By Pint                 DAYS ARE GONE FOREVER (A New Tune Each Day Ety Vincent Lopez)                 BILLY S UNCLE</t>
  </si>
  <si>
    <t>                                           MESCAL IKE Muley's Like That I by ART HUHTA                 PHILO VANCE The Skull Mystery                 I  Th rpr *=; n Crowd By Lym Young TIM TYLER S LUCK  d Cr0Wa  JLmummm</t>
  </si>
  <si>
    <t>                                           Mrs. M.I.R.: You should caution your boy to avoid all strenuous exercise after his appendix operation. This applies to any abdeminal operation. The area surrounding the wound is a weak spot: scar tissue does not give like the natural skin and the...</t>
  </si>
  <si>
    <t>                                           Eddie Kid Pruitt, local lightweight favorite will soon leave for California to join Ward's stable. Pruit's endurance will, get him somewhere, just watch him.</t>
  </si>
  <si>
    <t>                                           The Sunday School Rally of Grace M. E. Sunday school came to an end Sunday, June 12th. Each teacher made a good report. They were as followers: Miss Sarah M. Stokes primary class, $1.32; Miss Sarah Thompson, intermediate class No 1. 40c; Mr. Summer Lovelace...</t>
  </si>
  <si>
    <t>                                           NEW YORK, July 20.--(CNS) -- The Inter-State Tattler, weekly paper here, last week declared editorially that Elmer Curter, Negro Tammany leader and alternate to the Democratic National Convention lost his opportunity to speak on behalf of his Negro...</t>
  </si>
  <si>
    <t>                                           Read Every Weft Id</t>
  </si>
  <si>
    <t>                                           The Builders Bible Class met Sunday morning at 9:15. The lesson Was very plainly taught and discussed by Mr. Reddick. Mrs. Ella Williams was reported ill in Grady hospital. All members are urued to visit her and Pray for her early recovery, We won the...</t>
  </si>
  <si>
    <t>                                           Battling Cyclone, scrappy little featherweight glove-slinger under the managerial reins of Ralph McGill, sports editor of the ATLANTA CONSTITUTION, is a periodic caller upon this department here at the Atlanta Daily WORLD. Cyclone, in the midst of a lull in...</t>
  </si>
  <si>
    <t>                                           jn ERE THEY Gil SPECIAL SALE. OF COUPES PRICED TO MOVE QUICK WE have too many. Coupe* In -f stock and more to come- oU' t BUICKS '31 ."C-S Sport,        ' .cat *31 5fl Uatlocss  Coupe *~~W 30- fil-C Counter Clab, CCQCi Mailer ^OOT .-10--KJ.S fi Wire Wheeti,   CAC Dk I.uic pOf*O *30 JO  *~A/\~ Coope ^~*OT '30- 3ij-s a Wire Wheels.  Sport      7O i ':to :tii HualntM ^3 AC Coupe ' '20 1C, nu   l v Conpe      - 29 in  0     Cogpe ^~157O. j.WV.. u**u  ear  t IU m* tual cash value only- on  boTo.,,.. Buick Sedans '31 07 "A" 4-Door,      **7/,C wheels, clean ^~I**O '31 5y -81* ^-Door ; tv Sedan $030 '30-1? 4-Dour Sedan, Ct^/IC* j Standard (J  pO*IO. 1 *30 to 3-Door Stsadkrd *~Af\e Sedan ^KilTD' IV 30 :c Marquette -t-Ooor, *' Irather upholstery  J*O*7   jjv 1 .'SD 51 I-Door Ilroucham, C1QC a beauty ^OIW '29- IT I-Door Mz-ter. C^AC I* I leather upholstery ^~O*   - v '2  - n-Docr  Standard f! ^A57O t-" '28 SU T-, ifl AC' clean  pl?7O J *I0 --Donr CIVIC1 Standard fi  pl*tO' lt 2K- 39 Standard   Dc Luxe ^    27- it) 2-noor Standard 6  pJ*3 OTHER CARS 311 Cadillac 3-rais. Sparl       l' Sedan, elf an ^AiJO 19?; l.a salle 4-Dooor    1C I Sedan        i 13-'K MarmfiD "Lleht 8" {inc' Sedan Vpl!7O: 1020 Roosevelt Sedan "s," *OOK-" 1 8 wire  ^~^!7O' 1928 Nanh 4-Door Recal CO AC Sedan ^1*43 2029 Ponllac 2-Docr ^0*712*' Sedan $4/0 1930 Fnrd Snort O/1C Roadster I 100 Cars to select from, $50 up. I Sydney G. Johnson I 270 Pcachlree WAi'7SU': LOT- Sprint: and Baker SU. MA.-' 6930 .i .c--;.s tli)    OAKS AKE  T  USED CARS ARE thoroughly . and fully guaranteed. Lowest Prices in 10 Years.. USED CAR^ LOT 37S Peach ttee St., At Forrest Ave. 1930 Clirysler 77 Sedan. (tC^C Extra good.  J) 3 j 1330 Chrysler 6 Sedan. tf*/~.OC. A fine, value. ~~)tmK);. r 1930 Chrysler 6 Coupe. (.I Estra clean JpjOU/jy 1928 Dodge Vic. 6 *~.   : Brou-haru            1929 Hudson Spt.  t1'OI! Coupe. Extras. V I'SfyV: R 1929 Hupmnbile 6 Se-  '!!    . Special.......... $  )'U:jv 1931. Essex Sedan. Like f}*7C 1 new 9 1929  Sedan. A.iJI.OC Kood one 9 1929 Oldsmobllc Sedan. (OAC Rednishcd $~"~ 1B30 De Soto 8 Sedan. De .'~i model. 6  CCCA'!; wheels    )OU'; 1928 Buick, 6 Spt. Road-      r Roadster. Special.. 1929 Buick GScdan. Spt.. (   i nr- j model. 6 wheels iP. j; 1929 Sludcbukcr 8 Se.r (JinK L j dan. 6 wire wheels.     ', t, 1929      6 Sedan.  fc?-9C Spec. 6....... ' 1929 Nash Spec. G C9QC-': Conpe. Twin Icn.!.  p6~/O' 1931 Clirysler 8 Coupe. V-     . nid. Very low . Z 1931 Chrjslfr 8 Sedan. A fine- car. Late, series, at      than. half price. 1931 Chrysler. Dc Luxe, 8 Sedan., 6 wire wheels, ,i 19.12 Chrysler. De Line,! ConjrB.,, G wire .'R. V, j 193L Chrysler 70 SpL Itoadller.; Late . V-typo ^ad.,. W*?,, fy! new. i   rt."p rir.-.!: 60 Others at' Lowest Price* i I.-./ terms^ -,'d ^5 Tttmtm if* Harry Sommers; $ USED CAB-. LOTv,.'(i;' k:J S75  St,--         (AY*;.     WA.- 2127 ~-,r Open to 0}JO:P.:  ? jjf, iVf</t>
  </si>
  <si>
    <t>                                           POLICE KILLER DIES                 CHICAGO. Juno 28.- (ANP) Sandy Spears, restaurant owner,  who killed Policeman William Gagler. white, in a pistol duel last week;. died Sunday from the effect of wounds inflicted by the officer before the battle ended.</t>
  </si>
  <si>
    <t>                                           JoLA V^ dazzling, beautiful, enigmatic figure in New York's gayest night dubs, WAS \^ /^          IriarcKer Colt Ha'd tried to prevent1*1' :      ^^y hex murder. Then in breath-taking  Sri \y$k. succession, two other persons died ://*     IwS^ ^7. *e samc maddeningly mys- i hJm^K ^)~Si  agency before the famous V^    I super-detective o;en learned what J % killed them! i Here is a masterpiece of mystery- a story that maintains^ j its peak of interest from the opening instalment to the 1 surprising solution. It is the most exciting      in the career of Thatcher Colt, suger.-. ~^^~^""*""i Tte Murder of ilie NigKt Club      S % ';7':\ \by ANTHONY ABBOT; '\*\$ i \ "Murder of the Choir Singer"' ._.'%^p S and ".The .Mya$cei]r of Qeraldinc' 7 1 .~~i""*i::V yr- ^-Jf$~ '% -Begin Reading It Sun day in J THt  DAILY  J</t>
  </si>
  <si>
    <t>                                           TUSKEGEE INSTITUTE, Ala., May 9.--Given pre-Olympic rating, taking place in gargantuan Alumni Bowl before nearly 8000 wild and pop-eyed fans, bringing together more than 550 athletes from almost seventy colleges and universities and secondary schools of the South, and attracting Wilberforce University all the way from Kenai, Ohio, and Roosevelt High school all the way from Gory, Indiana, the Sixth Annual Tuskegee Relay Carnival has just closed in a halo of athletic glory. Eleven Tuskegee Relays records were shattered.</t>
  </si>
  <si>
    <t>                                           I IMgg Let Me Cure You! WH DON'T DF.I.AYI CALL AT ONCEt SBjK     2]       t have Kwn CURING people  here 9Sm I" AtUnli  of ! mSgt .   matter whit jour ' ij, no matter how  . MBb .i, mir if, I  you, to call  nd ice me  t . SB Trulment li Terr  'In cost. WB No   or  . All '41 3BW ^I with mr      n.tuto - with       \*t\ H K7LUC OR  CALL OR  DR. T. Y. YOUNG 9    S WITH THE ORIENTAL HERB CO. ;r.  "J CHINE8E nEHM AND HEnnALCOMPOOND SSluitSf IM "'"oJ aT. WX 118  AtUMU, f a ^   . u p. u.</t>
  </si>
  <si>
    <t>                                           Miss. Emma Greenlea, teacher of Thomasville, spent the week-end visiting relatives and friends.</t>
  </si>
  <si>
    <t>                                           NEW ORLEANS, La., July 30-- Bethlehem Lutheran Chapel, Washington avenue and Dryades street will be rededicated in a special and impressive divine service Sunday night, July 31, at 8 O'clock.</t>
  </si>
  <si>
    <t>                                           GOOD RECORD                 JUDGE  E.  One of the two colored judges on the Municipal Bc-ncii in New York City, who made an excellent record for his first year. Judge Toney hold 020 non-jury trials, 135 jury trials, conducted 516 Inquests, heard 1.392 motions, 6,313 summary proceedings and two cx-parte actions. There were twenty-two appeals from his decisions In which the Appellate Court uphold  in 8" cases, and reversed him In 13 cases. Judgo Toney Is a  of Alabama and has practiced at the New York bar for more than 25years. He was elected on the Democratic ticket</t>
  </si>
  <si>
    <t>                                           Formal demand for the dismissal of Captain P. H. Randall, superintendent of road work in Spalding county, who is facing charges of beating to death James Thomas Lassiter, was made to the State Prison Commission Monday by Spalding County commissioners.</t>
  </si>
  <si>
    <t>                                           (GEORGIA 4 OPEN 11 A.H. 15c 1 'Purchase Price' 1 With BARBARA M  (I DERMIS CURA HAIR  have been  used for 1!) years. Write today for a trial . bold through  nr direct. DRIS-KORA MFG. CO. 179 Talnall St SIV, Atlanta, Ga. AT     .()0  ^rr--7-?;.MHU(i STORES ,])iA t,co3nl,,d Remedy     RlieufiMlIc^! "JNcuNlinuHcr..pt. W      ,t,.     , ih.'n BlooJ Ruk ,nd IU,l,kr. Bu.Wi      9ll, ,nd Vl,of               Wky Sudll? rs</t>
  </si>
  <si>
    <t>                                           Wednesday night and Thursday. Lowest temperature, past 24' hours, 66; highest, 86; average. ..70. F. von HERRMANN, Meteorologist, Weather Bureau.</t>
  </si>
  <si>
    <t>                                           Monday ...... a church picnic ...two big trucks ..the pastor running hither and thither setting his members tickets for the round trip.... Watermelons being loaded in the trucks.... Sun blazing down on the overloaded trucks.... one of the big fat sisters runs up...</t>
  </si>
  <si>
    <t>                                           lose$20,000 In G i I m e r Street Fire Fire of an unknown origin which broke  in a garage at the roar of 120 Gilmer street, threatened to  * homes Wednesday  be.'ore it was placed under control at 10 o clock. The Atlanta fire department received the call at !):20 p. in. The Ijiiiklini;. property of the Bycr's Ice   :am Conu company, was ; used as a store house and . Eamai'i. was estimated to be near,ly $20,000.</t>
  </si>
  <si>
    <t>                                           AMERICUS, Ga.,_July 21--Early Tuesday morning a large number of delegates, church workers and ministers from all over the state poured into Americus and were received with a cordial welcome by the citizens of both groups to attend the General Missionary...</t>
  </si>
  <si>
    <t>                                           ^ \_pfA7E NEWS                 Florence, S. C.                 By Alex Stokes                 Cab Calloway und his Cotton club orchestra stopped in the city for u while Sunday morning enroute to Savannah, Ga. Many pedestrians  to see their radio star as he sal in  car in front of the Central Hotel. After selling him a paper, Alexander Stokes,                 boy, in an          \v asked him wha lie had to say, his remarks were, "Tell them I am down here and I will be glad when I return." Mr. and Mrs. John Rainiy motored 10 Wilmington, N. C. Monday accompanied by Misses Little Mae Rainey, Anna Mae Rainey, Louise Hainey and Mr. Mitchell Rainey.      will spend a few  ilh relatives . Ted Watson of Ea.-t Malbc.ro street is a new subscriber tu the Atlanta W.. A birthday party was given at the home of Mr. and Mrs. Black on N. Wilson street last Wednesday honoring their noice Miss Pansy Mosely. Miss C. C. Godbolil. East Marion street is on the sick list. Mr. Ar.dnw Huggins. of S. Gilliard street has returned home after attending summer school, a: Livingstone college. Salisbury, N. C. Mr. Huggins is a memb. r of the Upsilon diaper of Phi Beta Simga fraternity. The Ladies Aid Sorioty of the Cumberland M. E. church held their regular nv cling at the home of Mrs. Bertha Wright, on Easti Cheves street Wednesday .l July 13 with a goal attendance.) After the usual business a delicious' course of fried chicken potato salad, ice tea and cake was serve'!. All present \ ssed having .spent an enjoyable afternoon. Mrs. James E. Ranee and children. Misses Virginia and D.-ha       anil her , Mrs. Virginia Alberts, of Waycros-. Ga. motored to Hawkinsville Sunday to spend the day. The Ladies Aid Society of the Cumberland M. E. Church is putting on a dress shirt contest to be' h' Id on the i-hurch lawn Monday evening, July 20th. The man holding the lucky number will receive a nice shirt and the lucky lady will receive a dress. Mr. Irwin Barnes passed away uii July 14, at his home on Boyd street. Mr. Barnes was fireman  Atlantic Coasi Line for 2!) years. A class Nader and choir member m' the Mt. Zidi A. M.   . Cliurdi. He will be greatly missed by his friends and relatives. The funeral services w. lv held July 17th at the Mt. Zion A. M. K. Church. Mrs. John Buchanan was hostess to thr 500 club on Friday even- j ing. The ladies were lovely in their organdies and sott -.-. Kive hundred was played for two hours which  with Mrs. B-  White winning a beautiful p/.lr of pajamas. Mrs. Daisy Moody  second and received a lowly pair of hand embroidered pillow slips, and Mrs. L.-e, the consolation, a pillow. The menu of .d eggs,  potatoes, chipped salmon, , potatoes ~. jnd bu-                 nana split, icv cream was . Mrs. Buchanan proved herself an; artist in die profession of enter1 taining. The secretary of the' district Nortli Carolinu Mutual Ins. Co.. is not only :in .-Xpert in thai fi. Id. but on hist Friday night sh" was declared a perfect ho^ess. Her new home was beautiful with decorations of  garden Nowits. Mrs. Susan Green, the hostess entertained fur niece of New York. Mrs. Hilda B. Daniels. Shi- was assisted by Mrs Gardi-nia Hincs. Mr. Lyman FliilpoTls and the radio  mu-ic fur the occasion. NOTICE The Dant/le Drug Store. 305 N. Dragon street, is headquarters fur icv cream and fountain drinks and tin; Atlanta Dally Wurld. Subscription r;:tf 20Y per week. Alex Stokes : and reporter.</t>
  </si>
  <si>
    <t>                                           Cab Calloway and his Cotton club orchestra stopped in the city for a while Sunday morning enroute to Savannah, Ga. Many pedestrians stopped to see their radio star as he sat in his car in from of the Central Hotel. After selling him a paper, Alexander Stokes...</t>
  </si>
  <si>
    <t>                                           Behind The Scenes                 In Hollywood                 By HARRISON CARROLL                 Copyright, lo..-, Features Syndicate I Inc.                 HOLLYWOOD, CAL., May 16- Lean and brown from his stay in Iho TnhlU Douglas Fairbanks! breezed into the United Artists Studio and immediately hud tlie place in fin uproar.                 After he looked at some rushes, I had lunch with him. Part of hia staff was there, also Joan Crawford, who was 'taking makeup teats for Sadie Thompson. There'll be only four days of .s to mko at the studio,  "Robinson Ciusie of the South Sean" will.be completed. Doug will assemble It and have it ready for release in September.; Here' are some  impressions gathered from (ho luncheon talk. Doug lost 6 pounds In the picture. Chuck. Lewis, once :i javelin-thrower In tho Olympic games, threw a spear native fashion 25 feet farther than the native champion of the islands. Th'e  fellow was so downcast they had to tell him Chuck was champion of the world. There's an Englishman in Papeete living on. DO cents ti week. If he didn't smoko.hc could save money. On the island of Rapa there arc 20 women to' every man. Eddie Sutherland Iiad a Polynesian maid instead of a valet. Her salary 'was $8 u month. The natives, gave, everybody poetical names. They called Eddie '."Poto." "Cp his chagrin, it translates "shorty;" The only motion' picture theater                 In Papeete shows  three years old. The news-reels are even more . One displayed tho  of President Hording. Doug gave a benefit for the Leper colony. Walter Paulman, Doug's prop-mnn. was the admirable Crichton of tho party. He surpassed even tho native artisans In hU manufacture articles from cocoanuts and bamboo. The Polynesian music Is  of only 4 tunes. Lyrics are improvised freely. Bernlc Weinbery says Sidney Kent's economy  impressed Hollywood so much they vo even cut the  of sin. Or did somebody else sny that about something else entirely? AND SO TO GOSSIP. Clara Bow probably won t return to Hollywood until just  her picture  In July. Will Rogers wears h powdered wig and knee breeches In his new picture. Only In one episode,   . course because of Ramon Novarro's big following in Europe. M. Gl M. Is shooting scenes of a soccer football game to insert into the foreign version of! "Huddle." Our college game isn't understood over there. Rori, the Tahitian dancer, who appeared in "Tabu" and later in the Follies, will interpret native dances here at the Biltmore Garden Roof next Tuesday. Did you know that this dancer s real name iu Anna Chevalier? Walter Winchell  his first studio appearance with Jimmy Durante as guide. i Everyone is commenting favor- 1                 on tnat voluntary  alary cut of Dick Bnrthelmess.'i 'He was the  big star to get In line. Dick will have Dorothy .Jordan us one of his leading women .In. ''Cabin in the Cotton." Warners hove just  the arrangements to borrow her from M. G. M. Betto Davis, one of tho studio contract players, will have tho other lend. Michael Curtiz directs. DID YOU KNOW- Thnt Irving         , the' director, onco wins Lllllnn RussellV leading mnn? 'JH</t>
  </si>
  <si>
    <t>                                           HOLLYWOOD, CAL., May 16-- Lean and brown from his stay in the Tahiti Douglas Fairbanks breezed into the United Artists Studio and immediately had the place in an uproar.</t>
  </si>
  <si>
    <t>                                           I just got to look out and walk straight now. Lucius Jones is on everybody's trial. I don't do any thing wrong but he might think I am thinking wrong and write it in his column.</t>
  </si>
  <si>
    <t>                                           \^A1E NEWS                 Spartanburg1, S.                 The services at the Majority chinch were extraordinarily good j Sunday in spite ol the  weather. There  to be a growing interest of the young people In the  Alter a thought provoking sermon delivered by tho i pastor. Rev. J. w. Colemon. D.n                 on the subject, "Strength' of Unitv1' the members exhibited Ithiv strength by reporting through their . $150.00. Victory can        be gained by united efforts. We  home our  from various schools. Some of those ^ho; have returned are.* .Misses Louise Gilmore, ltom Hampton Institute, Rosa Lee Pressley from the business school in Atlanta. Ga where ahe completed her work Josephine White from Allen University. Gladys Coleman from Bene diet college, Columbia, S.C. The friends of Dr. J. S. Earl were  to welcome him in the city  after a visit to bis  in Washington. Don't fail to look for the  news from Spartanburf}.  We are sorry to hear of the illness of Mrs. Chapman who Is confined to her bed. The Mysterious Art and Socia) club met with Mrs. Flora G. Robinson on Gcrogia street out in Maxwell Heights Thursday . Mrs. Young the president presiding. Wo had a lovely meeting with several new plans brought forth. The next meeting will be held at the home                 of Miss Littlojohn. The   were present. Mrs. Bcrtliii Vounu, Miss Addie Mae I. Mrs. Rosa Youiis, Miss Mary H Jrlinson, Mrs. Sallie Mae Hicks un.l Mis. Flora J. Robinson.</t>
  </si>
  <si>
    <t>                                           The services at the Majority church were extraordinarily good Sunday in spite of the unfavorable weather. There seeems to be a growing interest of the young ; people In the BYPU After a thought provoking sermon delivered by the pastor. Rev. J. W. Colemon.</t>
  </si>
  <si>
    <t>                                           ALABAMA  NEWS                 Mobile, Ala.                 Mobilians were highly entertained this week by one of its own daughters. Miss Ariel Williams, who rendered a splendid musical recital :,t t lie- Big Zion AME Zion . Miss Williams proves thai she in worthy of national and not only loi-al emulation. She is now con  with the Oberlin Conservatory of Musii: in Oberlin. Mosi Mobilisms remember Miss Williams here as the daughter of the late Dr. and Mrs. H. Roger Williams. The Mobile Tigers will play the Black Pelicans of New Orleans, for the second visit her,, this season. Gamts will be called at Brooklyn Park, July 24ih and 25ih at tw0 u'- clock. The Tigers took two games i from the Pelicans on their previous schedule here. Manager Andrews is very confident of winning this s;rie:; and is taking no chances but is sending his air tight batteries the mound and behind the stick viz. Bbck and Williams.</t>
  </si>
  <si>
    <t>                                           Ltini  r\"?*- r'-.':- "^'.-r*!:;''^~1'.'p'**1'W.*'-flV/.:','4]^J</t>
  </si>
  <si>
    <t>                                           WASHINGTON, May 15 --(ANP)--According to figures obtained in the 1930 census, Negroes in the state, own urban or nonfarm homes to the value of $15,325,200, if the average value of these homes is placed at the probably high figure of $900.</t>
  </si>
  <si>
    <t>                                           The sixth Annual Georgia Sectional Open Tennis Championships get underway in Atlanta on Wednesday, Thursday, Friday, and Saturday, August 3, 4, 5, and 6. For the benefit of the Tuskegee delegation, all men's events will he held over from August 3 till August 4. Only women's and junior vents, will be played the first day (Wednesday). It is more than a mere likelihood that the matches will gain momentum on the Spellman college courts...</t>
  </si>
  <si>
    <t>                                           'Pansy'. Is Nabbed                 T .NEW , Juno 17- "Lindy" Brown, 22. was arrested Friday    several motorists on the Grand Concourse. "Lindy" was dressed as a woman, and was  arrested when his hat.  fell off as he was  with a man. He was hold without bull Sundav morning when Magistrate DeLuca, found "Lindy"     been sentenced on March 6 to serve, GO days in. the workhouse Tnr impersonating a woman. STEAL  HORNS When Will Elder! who Is janitor at the home of Jack Zcworner. 1071 Highland avenue. N. E.. went to his work- Thursday, he discovered that, someone had entered the basement during the night and made away with four ''~ horns .that were stored 'there He reported the loss to police authorities.</t>
  </si>
  <si>
    <t>                                           The Searchlight Club No. 4 and the Moonbeam Club No. 3 met Monday and Tuesday night. July 11th and 12th respectively and both meetings were well attended and enjoyed by all who were present.</t>
  </si>
  <si>
    <t>                                           MRS. MUHN SPIRITUAL MEDIUM WaScl Tf 7, a failure '      ^Hl business or love, this H^^TV message lj for 70a. ^H If In , 7, worried1 orer ,  or lore .    and  will   anil help ;oa; tells the pa.u    71m alone Know It. Ihe present al It Is and the fa. Hire, as It -III he; tells foil  of wham 70U will . Readlnr , 10 a. m to s p. m. No  San0 7  or Fridays. No . look far number- Washington Lakewood turn pass door. Spcci'aI Rcndinsi. Short' Time. SO    3t Lakewood Are. AtlaaU, Ga.</t>
  </si>
  <si>
    <t>                                           JACKSON--Friends and relatives of Mr. Henry Jackson of the rear 535 Courtland Street are invited to attend his funeral today at 2 p. m., from our chapel Interment, Lincoln Memorial Cemetery Hanley Company.</t>
  </si>
  <si>
    <t>                                           Daily World advertisers want your trade</t>
  </si>
  <si>
    <t>                                           V S^ATE NEWS j                 Anderson, S. C.                 To the Anderson Subscribers of the Atlanta Daily World, greetings: We take this method to convey to you our thanks .'or having  a reader of our paper. It shall be our purpose to serve you with the only NEGRO DAILY PAPER IN THE WORLD. We have appointed s our agent. Mr. E. L. McAdams who we  is one of your most worthy young men. Wo ask for him your most loyal support by  your bill promptly at the end ot each week. You have agreed to do this and we arc quito sure you will  out your agreement. Yours tor service, THE ATLANTA DAILY WORLD, L. H. Ruckcr;  manager. To the Anderson Subscribers ol the AllanJ'a World Greetings: We take this method to convey lo you our thunks for having become a r. of our paper. It shall br our purpose to serve you with the only Negro Dally paper in th? World. We have appointed as our . Mr. E. L. McAdams who we br lieve is one of your most loyal support by paying your bill promptly nt lhc end o.'-end of each week. You  agreed to do this and wo arc quite sure you will carry out your agreement. Your ror service the Atlanta Daily World. L. H. Ruckcr, Dlst. Mgr.</t>
  </si>
  <si>
    <t>                                           WE INVITE COMPARISON OF OUK PRICES ON PRESCRIPTIONS We Call for and Deliver Them Quickly AMOS' DRUG STORE  At HUNTER ST. Phones: Ma. 6122- Ma. (U23 I</t>
  </si>
  <si>
    <t>                                           THE LIFE of a collimnisk is a random sort of a thing. Prying into Madam X's memos, eardropping the "sassy" who's always seen on that familiar corner, peeking thru Mr. So-and-So's keyhole, and snooping around in the dead of the night while the city sleeps....any ole place where collim dope might crep up... is all part of the day's work! A successful collimnisk knows his town, knows his people, and knows his "tips" and contacts. A collimnisk, then, first of all, must be a man about town. Ladies and gentlemen, fair warning to you! Your...</t>
  </si>
  <si>
    <t>                                           The sixth annual Georgia Sectional Open Tennis Championships get underway in Atlanta on Wednesday, Thursday, Friday, and Saturday, August 3,4, 5, and 6. For the benefit of the Tuskegee delegation, all men's events will be held over from August 3 till August 4. Only women's and junior events will be played the first day (Wednesday). It is more than a mere likelihood that the matches will gain momentum on the Spellman college courts...</t>
  </si>
  <si>
    <t>                                           Mrs. Willie Edge was hostess to the Y. M. C. S. club Sunday, June 26 at the home of Mrs. Lee, ... Ira St. Meeting opened at 1:30 o'clock with the president presiding. Business was briefly discussed by the president. Visitors for evening were Mrs.</t>
  </si>
  <si>
    <t>                                           Smart Fashions for Smart Women . nui;ss PATTERN No. "~2 I Rca.lv k.l-~l :i lil'-'l.v ail find  :i; '.In- :t:-.i'!11 . IIik -k i:n-.. Ire it l() Willlli'M who lake pi ale III llie;l' hoi;-c .    - youthful ill I"'' w.:i: :i I"'1 in;; ,'ul!:ir. ~:.-rt .-- II. ;n tup two :-mart It.nr-. ;uM nut'-lK-il   with I 1 1 1 1 ti:!:1.miii^ The Htnpliciiv ..f Ih.s .;iy!r in. ktl I. I ;i.;;  .l:ii)li- I" :i sports -ilk a- j well :i- a morr.in;: pnnl. It's as tl) 111. kc A 1". I.. I'"'! "I-"1-'.:c Kic.ni:cal I n'.-~i;:i!C(! in :.i/.cs M l'"~. I .c: -Ill Si/-.; Wi rf rn:".-'- ^~'~j 1 - of M-iiR-Ii :. :i v:rd- ol :',!l-: -. 1-2 y;;r,i ..i .ii.- or .'iO- c-ont:-a-.:. Si:!iol illustrate! ui- li"'"'for i.' :in;! :--ov.'iny air- in-.l v.-iih .-:i.-h paf'-'in. 'Vll li-.v: .- .'.":l:: f"i' ::: these il:-e?.--i:s. Ah you !i:~vu ('n 'ri o.i:ai:i a. r,:ife:v. or this a- '.r.-clive jm..l'.-l i- ici -cri.l Firn-:EN CENTS in coin?. Kindly bo Mire write very nl.i.nly 0:1 a-ich pattern orde.c! ;-nui- NA:.:r; a.vi .ss i SIZE. N'i;w I-'a- ll M.i^J/!r.e. five s fn!. or 1 he kites; Pan- :e n.-'.vs. I together willi eol-ar -.-nien: can now Le  at I c- e'-n's whe:i ordere.l with ;i pa;l(.-::i ai-.ii !ifi.-e:i ecus v.lii.n  .'.rly.</t>
  </si>
  <si>
    <t>                                           Smart Fashions  Women Adorable- Apmn Dreis I  No. 774 V.V:r.e:i can never have cn":;f:!i -~f '!U\m: practica'. wrap-.d a;::*oi; dresses, iind when V::o. pattern ii-: ~;:ni)lo to make ni-.d as :i;:hifi;i :;i style as this, :'-'$ easy 10 hnv :::.iny . There's ;i certain  jss about this  '.;".;"t makes an it:'.in-.'d:ale ;,p;:.al Ti;~: sath is wide and ties ia ar. ..'ira-uvc bow. The pocket is nice .i!~i  for usefulness. Tiv  is beco:. And the  [l.ro r:v, a pleasing finish. 13    ',i-.c: 1:1 siz.:; 32-34. 36-33. -10 V2. -:i-;6. -IR-M. Si^e -!0 and -t2 ';:is -i yar.Js of 3C- fabric, ;i :i-S  of :i3-incl\ fabric. Siinpiificd  -      for  anil  arc   each p.. Tiny    for ; Ihi'sc drf! scs. All ymi .- to do 10  n  c: this att: nn-del 15 In ..i-:id  CENTS 1      :n ['in:'Kin.;lv be .'.urc to write very plainly i.n each pattern op.l-red y..:ir '"AMK and ADDRESS ar.d SIZE. \v l-'ar:-.:on M.iK.t;i:ic.  ';:l "f the i.iten Paris ." .j i"::r:iicr -.vi h  supp!e:m ru. can had (en cen s when     --:v! '.v th a  and  ii.r.'-. v.i.'-n     ly. Si-;i:1 .'.II 'Tilrri lo the Southern I Nrwsi).      Symliratr. 210 Auburn Avi-i:iir. N. V... Aliiiila. (5a.</t>
  </si>
  <si>
    <t>                                           IN MEMORIAM                 In loving memory of young Dennin Hubert, who mot his untimely  two years ngo   t the hands of n ruthless gunman. Gone but not forgotten. Rev. G. J. Hubert Mr*. Peiirl Hubert Mr. Johnson Hubert Miss Janette Hubert Mnstcr Leon Hubert Miss Oilcsaa Parks</t>
  </si>
  <si>
    <t>                                           rr/ STATE NEWS                 Thomasville, Ga.                 Mrs J P- Rogers is out of  for the summer  her daughter. Mrs. Kussi-U Aiken. of W.,.r.~nca .                 street. J/ t)* and social  c:eties to  Rev. and Mr.,. RoUyer, J to^^   service each week day J^s0-Loni.sCU,rk.,fCo,dc.lo Ga. motored to Boston Ga. on ^  Dr. and Mrs. W. A. J .' Wh-le in Borton they were the dinner  of Mis. Maeeie Phelps and M as Eloiae WRevnknd Mrs. A. J. Washing n. Miss Mary A. J. Washington. Mn. I L. Taylor, Messrs. J. H. Bi\ens and J- A. Fullins motored to Boston -Surfdav to attend the funeral services of Mrs. Matt.e W.mams. The many friends of Mrs. Estella Me Caulley regret to  i of her illness and recent death. Her funeral was held at Spnwliil1 Bapt:st Church of which  hc watt member. The Rev.., Mr. Mtchell of/. She leaves to mourn her loss, a husBand. one sister, and friends and relatives. Please pay vour paper bill by Tuesday morn nir. If vou fail to do so we shall be forced to drop your paper. We can not afford to eons who pay their bills. When cooperate with these requests you put the  Co. -n a  position to serve you with Rood fresh and  news. Please do not  this notice.</t>
  </si>
  <si>
    <t>                                           Mrs. J. P. Rogers is out of the city for the summer visiting her daughter, Mrs. Russell Aiken, of Waycross Ga.</t>
  </si>
  <si>
    <t>                                           C. C. Moon sausage salesman who was fatally wounded in the holdup of the Hartman Cafe 105 Luckie street last Thursday morning before daybreak, died early Monday evening at the Grady hospital. W. D. Hamilton. night manager of the restaurant, who was...</t>
  </si>
  <si>
    <t>                                           In Memoriam                 In memory of our dear w:ie and mother who left us a year ago to i"in that innumerable caravan. She was a (rood wife and mother. As she lived she died: peacefully      ~:our;i"?ly. The pain of her  will be with us always, but 0 Thou who took her home to stay Hear Thou our prayer we pray Help us to live from day to day So that we all can meet for aye. Henry C. Edwards, husband, J. H. Edwards, Arlena Edwards Johnson, Ocle^a Edwards Hardaway, Gladys lie Michael, ri-- Kdwnrds. James Edwards, children.</t>
  </si>
  <si>
    <t>                                           Sterling Brown of Howard university has written a new book of poems that every Negro should get. There is one poem I would like to commend to every Negro teacher as a motto--and as an excellent reading piece for young classes. It is called, "Strong Men."</t>
  </si>
  <si>
    <t>                                           Mr. and MRS. W. A. SCOTT accompanied by Emel J. Scott, left Tuesday morning on a motor trip to Chicago, where they will trip to Chicago, where they will remain several days.</t>
  </si>
  <si>
    <t>                                           Today I sit and write in Dallas, Texas, where the Democratic Party and the state authorities received yesterday the sad news that their latest effort to restrict the voting rights of the Negro race has been declared unconstitutional by the United States Supreme...</t>
  </si>
  <si>
    <t>                                           Lifetime Guaranteed GOODYEAR SPEEDWAY, Supcrtwist Cord 1 New Value for the 1932 Dollar! ^_Look at these prices! Fnil r7i7n of I Kncli In Or,   /~ I Kuril I'~   -?fl.tl.)n-2il $3.95 $5.83 20s(.r,n-2f 4.50! 4.17 .inx-t.nn.2i! 4.37! 4.23 2.7r.-T.ii 5.17,! 4.97 2iix-l.7.'i-2(   5.20 5.~~4 2:ix.-.(iii-i:;: 5.39 5nZ3 .-!0x.-).(in-?.    5.45 5-X9 :iix.-i.nn.2i! 5.7X 5.56 .)ix^.:.-.-2   6.63 6.43 :;ovt'/; I 3,^7 3.46 F. Goodyr'r Spoodwny 'i ubc.i at '. low coat. 1 i1 TUNE IN Goodyrar I 1 C(W3t-to-Co;ist N.U.C. K;k!Io Programs. Wed. Sat. I L_ __i Carter 6c Hairs ONK-STOP SERVICK STATION Aulhorirrii       -,\r Dealers 2     Auburn JA. 705.1</t>
  </si>
  <si>
    <t>                                           Section II of I World Published Atlanta Dally World, Birmingham World and Memphis World i by Negroes</t>
  </si>
  <si>
    <t>                                           Rev. L. LR. Barber. filled his pulpit Sunday at Zion Hill Baptist church and preached two wonderful sermons.</t>
  </si>
  <si>
    <t>                                           I remember when I gave my mother a bunch of flowers either for a wedding anniversary or a birthday she smiled and remarked "Give me" flowers while I Live. No need to pile them on my casket when I am dead and cannot see them." And so I am writing this to.</t>
  </si>
  <si>
    <t>                                           THE CURTAIN RISES AT CHICAGO                 1ER.BE.R.T Cl,a.rk                  1 Charges I I Curtis I</t>
  </si>
  <si>
    <t>                                           Cards That Foretold Murder Used by Police in Manhunt                 jp ip -T. Chicago Detectives Balked When Seance With "Death Pack" Fails to Identify Slayer of Grocer Whose Death Was Predicted in Wife's Fortune.                 Vies                 /ui Bam,Ox-"T                 Y Ths Fatav                      Since CcorBe C.rl   . found .hoi to dea.l. in the rear room  f h" grocery .tore in ChieEEo. the ma.tcr mind, of the Windy City Deteetm Bureau ha. been ,c machine collective head and ..king .Uelf whether CarP, death      n,~inS  or ..there      '"~ fortune- racket after .11. For the Brocer mU,r.d"^"' foretold her husband', murder. At th,~ .e...on were all t'''~jT',   M  have in .tore.                 %</t>
  </si>
  <si>
    <t>                                           FAIR FRIDAY, and Saturday. Ltiwr.tl temperature, past 24 hours, G5; Iilghrxt, 83; , 74. C. F. von , Mctcnrulogliit, Weutlicr Bureau</t>
  </si>
  <si>
    <t>                                           Five Year Old Is Lucky When Hit By Automobile                 Five - old Authur Harper. Jr.. son nX Mr. and Mrs. J. A. Harper, 157 Elm street, had a narrow escape from serious injury about 4:30 Thursday afternoon when the right fender of :i truck knocked him down at the corner of Fair and Elm streets. Acording to C. P. Askew, driver for the Sanitary Dry Cleaning , he was coming down the hill when the boy darted from behind a parked car and ran into the street. The driver believes that the fact that -he cut his car as far as possible to the other side of the street prevented the youngster from being run over by the wheels. He had slowed up preparatory to stopping on the other  of the street. A bystander who was talking at the time of the . stated that although, he did not sec the actual impact, knew that the truck was travelling -at a moderate rale oi speed. Another truck is said to have been parked across the sidewalk, obstructing the corner. The 'youngster, along with his father and mother were brought to i the Grndy hospital for examination. His tears were soon slopped and doctors told the parents that he was probably, alright with the exception of a few scratches on one knee. I</t>
  </si>
  <si>
    <t>                                           NEW YORK, June 29.--Negress are advised not to go to Boulder City Nevada, seeking work on the Hoover Dam in a letter addressed by Secretary of the Interior Ray Lyman Wilbur to the National Association for the Advancement of Colored People.</t>
  </si>
  <si>
    <t>                                           SIGNER SIGNER                 C. C. SPAULDING Nationally known insurance and ban lemur executive who, at chairman of the Executive Com* mittee, the National Negro Business Lea sue, signed the "Statement on Wfcgro Business" issued by the Committee recently. The statement "commended" recent evidences of business improvement, praised the press     its support, and recommended that more Negroes who are making good in business become affiliated with the League. C. C. SPAULDING Nationally known insurance and ban lemur executive who, at chairman of the Executive Com* mittee, the National Negro Business Lea sue, signed the "Statement on Wfcgro Business" issued by the Committee recently. The statement "commended" recent evidences of business improvement, praised the press     its support, and recommended that more Negroes who are making good in business become affiliated with the League.</t>
  </si>
  <si>
    <t>                                           Funeral .Notices I and Obituaries Aik Your Funeral Director To  Them Publtihed On The FRONT PAGE Of The Atlanta "' Only Nofro     " Daily</t>
  </si>
  <si>
    <t>                                           BBSZLiM Let Me Cure You! Wfiff^~SmM noN T delay! call at  pPiC^Sm^KI For 23 year- t have b*Mi CURING people       hen    K^^Sfll^B'l l" Atlanta- * of them! 4 ~-k90^~ No  whnt your  I*, no mutter how 4 ^Myv9%B^Kbl r ou   y0Ur rt     hf, I   tn call And    4 ^*3^WmB^Bb1 Trratmfnt In vry rf*~       In rant. 4 '^^RBaHPn 4Nll'('' (rented wfth mr pure        herb" with 4 [^IrViVl^ MALK OR  CAM, OR  4 fil^lg DR. T. Y. YOUNG SrlriiiM  THE , IIKfW) CO. Kimotn      A       fnr Kvi-rr        nf     Human IWxtr    ..IUl     .~*  , JtMB AtUnta.C.2 STREAMS IK THE DESERT Feed on Hi.           .~ (P.alm. 31: R. V.) "There it  of trouble across my path. It is black and deep and wide Bitter the hour the future hath When I cross its swelling tide. Bui t smile and I sing and I say; I will hope and trust always; I]" bear the sorrow that comes tomorrow But I'll borrow none today." IVEY BROTHERS, MORTICIANS "The Institution With a Soul" Phones: Ma. 5267- Ja. 8875 492 Larkin Street Atlanta, Ga.</t>
  </si>
  <si>
    <t>                                           Didn't Stop at Sign; He Blames Drink                 Failure to stop at a atop sign at the corner of Jackson and Irwln streets brought on further trouble for Ed Norman, when officers on handing him a ticket on the first charge, said that they detected the odor of whiskey on his breath. Judge John L. Cono in Recorfler's court Monday bound the man] over under $100 bonds for operating while under tho  of Iquor. Officers Bishop and Carroll who placed the man under arre*t testified that Norman     not intoxicated. i'.'i                 HAD 188         By I. V. Reynold! ^?    He unlit ho would 'ay/ life for tho truth that  but D- If ho won t lAy-a^SBi down before lie doos ~~^;4ctn^ffl</t>
  </si>
  <si>
    <t>                                           The following is a list of names of the city of Bainbridge and the surrounding counties who attended the various Summer Schools offered by the state:</t>
  </si>
  <si>
    <t>                                           Nancy Cimarcl,  of the lute Urltisli steamship magnate, who built up the Cun.ird liners,  also well known in   JiiteriiaWftiiat^social circles, tins t:ilo n up  ai a Harlem , Kolng (here on !ier  in U. S.  a few</t>
  </si>
  <si>
    <t>                                           GRIFFIN, Ga., July 22.--()--Investigation by a grand jury into the death of J. T ... July 13 by "sunstroke" and of fortures and inhuman practices Spalding county convict camps is being continued here today.</t>
  </si>
  <si>
    <t>                                           Smart Fashions for Smart Women Spurt Truck PATTERN No. 758 The Innumerable  of   call far just this typo of frock make it urg. nt thai you Include it \n your . It lends itself charmingly to print or plain color, silk or cotton. The pert sleeves and pockets are utterly youthful. Thr front buttoning is always very trig, nnd the collar is trimly becoming nnd smart The skirt is gracefully and subtly flared. Sizes 14, 18, 30. 38. 40 and 42. Size 3(i requires 3 5-B yards of 30- inch fabric, or 3 3-8       of 40-inch fabric and 2 5-8 yards of 54-inch fabric. For contrasting collar, 3-8 yard of 36-Inch  Simplified MliWIralPd Instructions ror cutting anil sowing are IncliidIA U 758 cd with each pattern. They Rive complete directions for making these dresses. All you have to do to obtain a  of this attractive model is to send FIFTEEN CENTS (15c) in coins. Kindly be sure to write very plainly on each, pattern ordered your NAME and ADDRESS and SIZE. New Fashion Magazine chock full of the latest Paris stylo news, together with color supplement, can now be had at ten cents when dered with a pattern and fifteen cents when  separately. Semi all orders to Ihc Southern Newspaper Syndicate, 210 Auburn Avenue, N. E.. Atlanta, Ga.</t>
  </si>
  <si>
    <t>                                           WASHINGTON, July 22--(By J. A. Jackson for the Associated Negro Press) -- "Since becoming acquainted with some of the activities of Negroes in business through my professional work and through contact with your office" said Malcolm A. George, a...</t>
  </si>
  <si>
    <t>                                           l WHY BUY NEW! II We Can Make Your Old Ones .Look Like New! DRY CLEANING nJ?      S PRESSING REPAIRING  I AND 0F ALL -m II REPAIRING 8^SLS5!,,$1 11 PARK S CLEANING SHOE REPAIRING  I WE CALL FOR AND DELIVER  I 9Oi punter Street Phone Ma. 4632  l WHY BUY NEW! II We Can Make Your Old Ones .Look Like New! DRY CLEANING nJ?      S PRESSING REPAIRING  I AND 0F ALL -m II REPAIRING 8^SLS5!,,$1 11 PARK S CLEANING SHOE REPAIRING  I WE CALL FOR AND DELIVER  I 9Oi punter Street Phone Ma. 4632</t>
  </si>
  <si>
    <t>                                           Mr. Dorsey L. White left Wednesday night, June 22nd for Washington, D. C. where he will spend the summer.</t>
  </si>
  <si>
    <t>                                           Don't take your complexion for granted, beauty-quester. A complexion of good disposition, behaving nicely, looking fit can suddenly become rebellious because of neglect and go all to pot. The things that can happen to it are too sad to tabulate.</t>
  </si>
  <si>
    <t>                                           I read your column every day and I thought I would come back to you again for help. I am a young girl of 18 and have been going with a young man 20. He has drifted away from me of course. I wrote to him but I didn't receive on answer. Several days ago I...</t>
  </si>
  <si>
    <t>                                           NEW ORLEANS, La., July 21-- The crowd booed him as he jumped into the ring to substitute for Esau Tex O'Guin, 145 pounds, who made such a miserable showing in the first round of St. Raymond's feature boot that he was chased two minutes after he pared the ropes.</t>
  </si>
  <si>
    <t>                                           SEEKS ARREST OF RECKLESS MM                 The  of  persons, one of them, D. J. Quinlan 1063 Truitt street, landed Charlie/Shy in the state" prison for a term of from. 8 to 5 years as the aftermath- of a  spree April 10. Shv was convicted by a jury late Tuesday night and sentenced was passed on him Wednesday He was defended by Attorney J. W. Boltoh. From the evidence presented.- n family row that afternoon brought about the shoot ne climax, and it was between four or five o clock that afternoon that Shy crabbed hU  and started  all over the landscape of the Bush Mountain section. The list of wounded, most of them only silently included,' Guy Carter. 1162 UnVorsity avenue. Miss Emma Thomas, 1271 Lndd street. S. W., Nathan Jacobs. 1238 Lndd street, S. W., Cosby Brideos, 10J0 Holderness street; Miss Mary Gilbert, 1248 Lndd street, Joo'Ar- nold, 1271 Ladd street, Charles Arnold. 1271 Ludd street, nnd-D'. J. Quinlan, 1053 Truitt ..;'1:</t>
  </si>
  <si>
    <t>                                           E PIT OR I A^'^MBBBBBIi</t>
  </si>
  <si>
    <t>                                           sThe following, persons served on the Usher Board Sunday, Mr. David A. Williams. Lee Robinson, Theodore iSster, Malachi Stokes and Olex W. Stokes.</t>
  </si>
  <si>
    <t>                                           Rev. J. L. Shorpshire, pastor of the Bethel A. M. E. Church preach ... 2 sermons Sunday at the 11:00 o'clock and 8:00 o'clock services which were enjoyed by all present.</t>
  </si>
  <si>
    <t>                                           I  e D I T R I A L; B3]</t>
  </si>
  <si>
    <t>                                           Burglars had a big night Wednesday but obtained little loot for their trouble.</t>
  </si>
  <si>
    <t>                                           0,Why Not Buy A NEW HAT For Mother? ALSO'LiAUGE FLOP -'STRAWS All Sizes  md Colors MILLINERY 130 ARCADE 132</t>
  </si>
  <si>
    <t>                                           The Start to Finish Club met Sunday evening at the home of Mr. Leroy Baker on Stone Mountain Street with the president presiding. The program that had been planned was carried out. After business refreshments were served. We adjourned to meet next...</t>
  </si>
  <si>
    <t>                                           Segregation as the sequel of slavery is history repeating itself. At first there was some objection to systematized slavery, but the oppressor consulted his god who approved the institution as the just lot for the infidels. Now when the system became organized and...</t>
  </si>
  <si>
    <t>                                           FOR YOU,' V Join the vast Radio Audience of the earth listen to the big air favorites keep abreast the times buy a Radio! { See the Radio on display at l Yates and Milton's Drug- Store.- ;It!s a combination Radio, Clock and Book Rack/ and .is your for.?4p. cash- or ?50 on terms.;</t>
  </si>
  <si>
    <t>                                           only negro daily newspaper in the world li*^   *~ -T7^-g-           ?-    ATLANTA. (JA.. THURSDAY. JUNK .'50. 1932 PRICE FIVE C</t>
  </si>
  <si>
    <t>                                           I Aged Man On Way To i Police Station, Dies                 MEMPHIS. Tonn.. July M.- Tim Youmk, corner or Butler rind Main, who wr. picked up by I'.vo policemen on the  that h- v.-:u unbalanced, died before the officers could reach police headquarter1; for . Patrolmen George Abies and I. V. O'Guit  were not uble to   whether it \    fear or illness that  . The boily was removed to tin: General Hospital where on  was performed to determine the cause of hi3 .</t>
  </si>
  <si>
    <t>                                           .es                 JORDAN The remains of Mrs. Mildred Jordan will be .ient to- day (ThurHday) to Washington, Ga.. for  and Interment. Hiinlcy Co. VAUGHN- The remains of Mr. James Vaughn, of 156 Davis St., N. W., will be sent today (Thursday) to Waco, Go. for funeral and interment. Hanloy Co. JACKSON The funeral services of Miss. Mudge Juckson will be conducted tuday (Thumday) at 3 p. m. from our chapel. Interment Lincoln cemetery. Hanlcy Co. WATKINS- Mr. Clyde W. Wutkins. of 609 Gasporo St., N. E., passed away Mny 11, 1932. The funeral services are lo be announced upon completion, of arrangements. Hanlcy Co. CAMPBELL Tho many friends nnd relatives of Miss Eva Campbell, of 57B Ami St., S. E., are invited to attend her funeral t'~day (Thursday) at 2:30 p. m. from our chapel. Interment Washington Park cemetery. Hanley Co. HOPKINS- Tho friends and  ol Mrs. Eusle Hopkins of D04 Hunter- street, N. W.; Mr. William Hopkins, Mr. and Mm. Albert Butler nnd daughter, Mrs. Carrio Whltmore, Mr. Albert Foster. Mr. and Mrs. F.W. Foster, Mr. and Mrs. Ernest Oglesby, Mr. Mrs. Edward Foster, Mr. and Mrs. Leonard Bell and Miss] Lclia Pearson, Hre Invited to attend the funeral of Mrs. Essie Hopkins this (Thurndny)  at; 2 o clock from Glenn SL Baptist church.-Rov.. Thomas, assisted by Rev. G. W. Baltic, will officiate. Interment South View cemetery. David T. Howard Co.</t>
  </si>
  <si>
    <t>                                           I have been reading your problems in the Atlanta Daily World and I see where you have helped others and I am sure you can give me some advice. I am a girl 19 years of age. I have lots of girl friends, but it is seldom I have a date with a boy friend. Of course...</t>
  </si>
  <si>
    <t>                                           John Asburyj Resigns U. S.i Alt' y Post,                 PHILADELPHIA. Ju!v 1H. O NS~- -.lohn C. Ashury, for ni:inv wars outstanding political fi^'.Kf b.-re anil in the Kcvslone ^ta f lias resigned his position as I'i-'.i let Attorney. I r, M v w lie n m m I r rs of 1 h e li'- City Com mil tee took o!T re Ashburv was unanimously di i.'U'il tii represent the Th'rticth Ward. District Attorney KeNcv  j A.' t no choice of remaining as    distant District Attorney or i  ne hi-; scat in the C:tv Cum- j . Ashurv ?.i:i! that he  he  by William S. Vare. who has heen bis political advisor for the Ins-t HO year:". Mr. A.- announced h:s rcPi cn.'ition from the District Attorney's office himself and will  Ml his time to the City Committee. He was the truest oi honor nt a   for him at the Union Baptist,  not loner avo by the P. Orjranizat'on. headed by William S. Vare. It   , rumored that Mr. Asburv xv ill be  a  -and dollar job as an as.-essor- Also that State Representative Wm. II. Fuller will ho m ven the position vacated by Mr. Ashury. Monday Row Lands Pair in Hoosegow A f cht. about, two o clock Monday afternoon at    ;i) .TeTf cr--on . resulted in two men ; locked un in tho city jail and a  man .-  out. of  despite the fact that he was hit over the head with a rifle bv one of tho  men. Accord'ntr    officers, tho battle which  deL '.eii into a free for all. started owe Mrs. Mattie Wells. 5-ltt Jefferson place. Her husband, Kred Wells. was placed under arrest bv Officers' I\ L. Williams and R. I,, . who were summoned to tf'.o scene of the conflict after Henry Ivi Smith. fi.U Houston . N. had been shot through the left  hv the  husband. Smith, who was also hit over the head, was - to the Gradv in the patrol  and returned to the siat:on afier receiving treat^icnt for his -wound And lacerations 0:1 his head. Willie Stephens, address unknown, who was  over the head with tho   Mr. Wells, failed to .-lu.w up for treatment. Brother and Sister Fined For Fighting A CiKhi  br.-lh T nnd  (iver '.t r ^irl Si::".'iay eri Icl Moncl.-iy with ill three- b'-::ij; cH on fines of 57 r te:i nays in (he stockade by Judce A. \V. Calloway in Recorder's court. The fii;ht,  t.i officers. drew many spectators to the corner oi1 AVi.lis avenue ar.il Pine street. The three save their names as Beihcl nnd Mattie Glenn and Zenobla. Pale. Thi-y wire-  v.-i'.h disorderly conduct. JAYWALKER HIT BY CAR Said to have been jaywalking about 100 feet east of Ivy street on Decauir street Monday noo:i. Luther Ivntr. Ti5 Decatur street, bumped into the side oi ar. automobile bei:ur driven hv Mrs. Mae Garrison, who if connected w:th the carnival at Boulevard and Irvvin streets. The man. who was only  injured refuse, I to iro to the hosp ial. Patrohni'.r. IV E. Moon d:(i not make a case against the Mis. woman.</t>
  </si>
  <si>
    <t>                                           Smart Fashions for j Smart Women i GUMS AI  TlVi: PRINT PAT;-:-:!;:: n-~. K1. r: v;ii;:,;' .ih. i:i  s'"lo will j :,ppi-:,!' iiw i:r..wi:-.q ciii It's: ji:-. -i;.!i:,::o-il',: -:!'i-:i!h t" i"'1!-'1 (HI. .'i:-'! c i J I i 1 : 'if" : l.rr rr.nli.-r. i tin- n: i lit- pri!:ic-l - :ii) I -v.-!r tin1 ri- tie s;r.h. Tiv ni-i-: "i.i: '.!ic I  l-:it h:i. l"c:i:urc-l  ~'~~^''~m i,, -.v,-,:.!-..-- .I:.-.- Tin- -Ic-vi-. :.i:n'.v :ir,:thcr!. .n:.i ..-I:.:'' :'.-UC-Cfli;iv f: I ir. i/i- i!. H' V-- .'in'! l; S.::^ ill r.-.;:;iir; J :-:i y.-.:'.l:. tir.:: .r -cw::::: .ire i:i',!        v::\\\ caci i .'if.-.Tr. Ti:-.1-1 :'.:vi' 1 1    -: r-.V f-i-v- "Y.I-'.l-T tl'.C-l! I iri-'."-:- i AT. viii h:,vi- :i- 'in r.lr.i:!-, Of '~:v r. I i.  i-!i'i i-mkt=-:?:n c- i:~~ i K M.-ily hi1 me r 1 1 f? v.-ry jln: or ~:f':n nr- l'.-:-~:c! i 1 v.:n:- N,\:,:r, ..:i'l AIM'HiKSS six:-: i I -he I I'.i:-::- -^yl.; ::c.vs. 1  vi-r v.-:1.:: rnic: .--.1. 1 c1.- be- Ik.-! .it 'CTl cctv.~ '.v: on I i v: :h a p:";'-::i :i:i'l lifu.-.-n I</t>
  </si>
  <si>
    <t>                                           A minimum total of 11 and a maximum total of 21 years will be required by the state of Georgia of four young men for the theft of $13 from L. J. Price, colored grocer, 1313 Jonesboro Road, about o'clock on the night of March 31.</t>
  </si>
  <si>
    <t>                                           Mrs. B. T. A coated tongue is very often a sign of some digestive disturbance or it may be due to a faulty diet. The mere fact that your child is never constipated, does not necessarily mean that she may not suffer from some form of Lidigestion which...</t>
  </si>
  <si>
    <t>                                           FIRE HYDRANT IS DiuiiiGEy r cm Driven by a N^gro, said tn have  drunk, u Siulz  ar crashed into a parked ear belonging to MrsJ. M. Ellis at the comer Capitol and Woodward  about 7:-lS Sunday morning, and endi-d up by breaking ufl u city hydrant1 and doing considerable damage to the sidewalk. The  part of the Stutz was completely demolished while the li-fi rear fender oC Mrs. Ellis'  was bent. Miss Joanna Payton 280 Gray street, who was u -r in tlie "staggering Stutz" Wiis treated at tile Grady for a bad  of her cheek. T h e license -r of the car. which was  to the Spider garage, is</t>
  </si>
  <si>
    <t>                                           ^H ll lf n ft 345           Avenue           MAin 5890 g '."~W;; { I Used Car Parts of All Kinds</t>
  </si>
  <si>
    <t>                                           YESTERDAY the, writer was in Tuskegee Institute, Aabama, for what, for the sake of convenience, we shall call business, Coach Cleve L. Abbott, athletic director of the institution, was contacted for several minutes. The subject of the conversation dwindled down to three major points, none of which will be given In detail ... that is not at this stage of the game. Captain Neely, Messrs. R. S. Danaby and Taylor, and the rest, were extremely cordial in...</t>
  </si>
  <si>
    <t>                                           ONE OF the truly striking features of the fifth annual Florida Tennis Association Tournament at Daytona Beach is the WEALTH of tennis material of high quality in the various Florida cities. West Palm Beach in particular has an awful lot. Your writer attributes this condition to the fact that players like Tilden, Allison, Van Ryn, and Vincent Richards linger at this point most of the winter months, taking advantage of the extremely impeccable weather, thus enabling those tennis-excited West Palmers to get an...</t>
  </si>
  <si>
    <t>                                           The class in American Democracy of the Gate City Summer school made quite an enjoyable and interesting visit to the U. S. Penitentiary. This visit was made possible through the efforts of J. W. Smith, instructor of the class, who secured permission from the...</t>
  </si>
  <si>
    <t>                                           Above EIGHTH GRADE GRADUATES                 of Hyde Park School, Memphis! Prof. L. Bucknor. DrlnclDal.                 Photo by Jones-Purdy</t>
  </si>
  <si>
    <t>                                           s ^i^M 'L-. % SUNDAY, JUNE 19, 1932 THE ATLANTA DAILY WORLD, ATLANTA, CTA. PAGE '.FIVE</t>
  </si>
  <si>
    <t>                                           JAIL TWO IN STABBING OF WHITE                 Went to Oil Station With Assailant of Operator                 STABBER KILLED1                 Char/;  ] with being accessories ..~ th'.' fuci in i!ib ."tabbing Saturday or C. H. St'.v:ill. white filling station      .itor. by Ernest Ray, who w:::.   by police, Sam C!:i. whu aci  R:iy t.. the scene of the . ami Will Stinnon. wno is said                 to have carried R:iy away in an automobile, were bound over under $500 bonds by Judge A. W. Catlowoy in Recorder's court Tuesday. Chief witness against the two accused men were Tom Jackson, Continued on Pace 2, Col. 1                 Jail Two (Continued from f'.ii:~- D i. i!"-- -~~~~~1":::. S,,'}^'' n. K'^-- .-,..f. ,--'atk:;"r" :,-vn Tr'v:^;'' h:,','i -o his c:-.u-:i:^-- ;t:..irn. -.- H;~v- wi-rt' i-i-.'.::u:u-   a i:;:l)i Gndiii    (-. .i.-,:.-:r..TV. SMii :Utci::-,)'.i-:: iV;ikf Hay U-;ivi.- !n-["u.- lr,.Mbl.- tiw a,".l m.-.:-.. !ni: iii-. .nt'.-rii-'n-i1! i'i :it h::n Tins w.is o.:-.:.!1::.1'1! ^;::is,ri cii-. I pii-ki'.i     H;iv :n :i!~ :)-:":5"-"" \v\-.vi.   - l'-w ^a':' Ii-cm s'-.b wt.nn.is which. '"~,'P" ,mri.c!~i by St-.vMi: ,:u:-".; in'.' :! 'l.r.V.v.-l'.vi.:".'-'" :"=-=  --i with 'in- '.vi-.ii':- Rav v.-as -.! .a in. mm' "r. T;i.e , :_:.-;n- -1i::-!- ~~!:i;';J''  .1.; wn-.:n.li.'il '.'.vie- :r- '.':i- a:1;:! --y iin:i.l .-i'^i.-u l-'.v.il:--' "p,V -'"-i vid -nO b'.-~ ..~i-i:-.1--:-"...A-oi :--i'-- ~;':;i--:' \,.rs.u-~\ .-.I 3;'^ Spr.r!/ a--~J 11,.. I-,-; ui</t>
  </si>
  <si>
    <t>                                           Charged with being accessories after the fact in the stabbing Saturday of C. H. Stovall, white filling station operator, by Ernest Ray, who was later killed by police, Sam Griffin, who accompanied Ray to the scene of the stabbing and Will Stinson, who is said...</t>
  </si>
  <si>
    <t>                                           PINK SALMOJTlii ^I^T90 I SOI.I) ONLY IN I MTS OF 10 AT THIh I'KICh  sv^DE5 Lbs. 15c PEANUT BUTTER y^^s  ck 10c LIFEBUOY SOAP 3 for 20c HELMET FLOUR So 24 lbs. 59c PERKERSON S MEAL     19c EGGS ^iA^Kn^Lemcst2k^^UGEDox- i2^c BUTTER LB 2ft1C LARGE CRISP LETTUCE 8ic JUICY CALIF. ORANGES 15c GRAPES sSr LB- 10g YELLOW OKiONS 3 lbs. 9c POTATOES       0K 5_lbs_]5c QU- MEATS IN OUR QUALITY MARKETS j  -i?^d Lb. 2jc HAMS Saohs-'o^olds ib. 13-ic EmjZ1 S!*SL**B  size, nfiA/IV RIND LB. 17C  oi r sliced, PIG LIVER sliced LB 7ic WIENERS ]^F LB 12c BEEF POT ROAST Lb 15c Pure Lards, GliADFLb. 7~-c</t>
  </si>
  <si>
    <t>                                           /FINE ^~W Tj  TEXTURE %^~ I in your cakes.^WgR THE DOUBLE TESTED R DOUBLE ACTING S If BAKINGS IVUpowderI ~'for over m d5 ounces for 25 'r</t>
  </si>
  <si>
    <t>                                           To obtain an Astrological reading write SYD SUNNY in care of the BIRMINGHAM WORLD stating the year, month, day and if possible the exact hour of birth. Enclose 10 cents in coin to pay cost of mailing. Be sure to inclose self-addressed envelope. For...</t>
  </si>
  <si>
    <t>                                           CARTER DIES AGED 90                 RICHMOND. Va., July 24- (CNS)~ Wiilianna Carter, a widely known colored woman of this city, died recently in her 90th year. Mrs.1 Carter was gifted with an unusual memory ami  in interesting young and old with anecdotes. of the past.</t>
  </si>
  <si>
    <t>                                           Up From Georgia With My Banjo By Thomas Jefferson Flanagan THE BONUS BATTALLION. Or 'sheriff got a hammer cm bailiff pot an ax. En they levy on my pockets but I can t pay    lax: LcF Vnc spring ' en that or mare n' mine Gbin" up to Washington in the        line. '/Went to Newport News, en frum  to Brest.  there to bloody Metz en Cul only knows the rest: 'Thank God I ain't at Flanders ' poppies up, 'Roun' here is the buddies holdin' a bonus cup. The " us sorry en at our ' smile. But it beats the pushin' of a plow-stock by a mil.-:  En whan we git this Bonus where your tax cold Rio' We're ' to write our congressman lot us have some Imo.' I Ol' sheriff got his hammer en bailiff got his ax. But honey ain't we happy, we don't pay any tax      dead its dead is buryin' to hell with all the crops; We'll scratch them ol' camp cooties until our Bonus drops.</t>
  </si>
  <si>
    <t>                                           Rid Your i^gr Skin of All "Blotches" That  beauty that capt^.v vales may bo yours because ,~ secret of It Is a light, smooth, satiny  skin. Dr. Fred Palmer's Skin Whttenor Ointment soft n b .and lightens tho darkest skin, clears up pimples, blotches and tan marks, and does away with that "oily, " look.     thin preparation regularly to make your skin soft, delicate and charming. This amazing Ointment la made In the famous Dr. Fred  s Laboratories whero are also made those other beauty aids you know so well: Dr. Fred Palmer's Skin Whltcnor Soap. Skin Whltencr Faco Towder. Hair Dresser and Hid De-         . which may be had at all drup  for SET. cents each or will t be sent postpaid upon receipt of price. Dr. Fred Palmer's Laboratories, Dept. F, Atlanta, Qa. Send 4c in  for trial- Mample of Skin Whilcncr, Soap and Face Powder. DR.. FRED PALrWERlS SfuiflVfutener 'KEEPS YOUR COMPLEXION YOUTHFUL' SOUTH SIDE TAXI CO. SSI -A Fra.er St S. E. FIRST-CLASS TAXI SERVICE,... Day or Nicht Courteous. 3?   Safe Drivers PHONES JAckion 912S 9128 ItakeT 'train ride! ANNIVERSARY DAY is TRAIN TRAVEL DAY ON THK Southern Railway System June 18, 1932, Is the Date ONE CENT FOB EACH MILS TRAVELED Father! Mother! Sister! Brother! Ton cannot afford to miss this feat  redaction. Make It family matter. Get ae-     with a train      * Visit relatives, friends, n to the city, to to the country, to for the simple pleasure of a train ride! Follow I the crowd! Safer Uun staying at home! RETURN AT YOUR  ANY TIME PRIOR TO MIDNIGHT. JUNE 26, 103Z These tickets will be honored on all trains (except Crescent Limited) and will be accepted lor passage In sleeping and parlor can upon payment of Puttman charges. I This exceptional redaction In I fans is offered in (ion of the thirty-eighth  ol the, formation of (A* Southern Railway 'Company, also to afford the young folks an opportunity to enjoy the thrill of their first train ride. Buy your Train travel tickets well In advance; It will enable us to provide extra cars and I extra trains for your . Remember these tickets win be sold from all Agency Sfa^  to nil stations on' 4R Southern Railway. System. XSe' I to many points on other, lines, I Make your sleeping car  NOW. Consult Fassennr Traffic   Ticket Agents for full Information, FRANK L: JENKIN8. Passenger Trafflo Manarer Southern Railway System</t>
  </si>
  <si>
    <t>                                           Today, May 12, at two o'clock, on the Morris Brown College Campus, David T. Howard Junior HI-Elementary School is staging its annual Field Day exercises. Coaches W. A. Smith and Fred (Rip) Maise, both Atlanta University grads, have charge of the...</t>
  </si>
  <si>
    <t>                                           I {Saved a Quarter of a PeB^;. j li ===] "All I had to do was to turn" out one-tpj }..;.' i the electric lights the children were usin '- "3^)^^^ an^ in an hour I had saved a quartet' or Yy ^^^M\fch a cent- Isnt that, marvelous!"   5~^^ ""m)? You probably never have  a. state*" .X Jk ment like that, but there aresome  who ^.j jT do not realize how little their electric service: ]S L- "= actually costs them. Skimping on lights is That's the way your i something no mother would do at the at' -      'iT pense of  priceless eyes. And- your rate. there s no need for it when a JO-watt bulb i will bum 20 full hours and not add more than five pennies to the electric bill.   ^, ^AD PI A v Don't waste electricity, .but use what- you f vJ'' J-' -feK^ n2   . Its price is lower, the quality of elec  vg$, cOM^wr tnc ECrvice is higher today than ever  in        '. It's one modern blessing we all I still can afford in .    --\ C I T I ZEN W H E R E V E R WE ,.SERVE</t>
  </si>
  <si>
    <t>                                           The Battle Hill Patient's Aid Club asks that the friends of Battle Hill Colored patients collect and send to aid needy patients who have papers and magazines. These papers will be said and the money use to aid needy patints who have neither relatives nor friends to...</t>
  </si>
  <si>
    <t>                                           MESCAL IKE (Hisself) Comic li c r of the r. Wcm. Now   in j Atlanta Daily World</t>
  </si>
  <si>
    <t>                                           Ka^ -and Hubby Reunited j                 t was a joyful moment for both when Amelia Earhart Putnam, only i-oman to fly the Atlantic alone, and her husband, George Palmer Putiam. New York publisher, were recently reunited at Cherbourg, France, in Putnam's arrival from the United States. The happy ladybird and ler hubby are shown as they smilingly acknowledged the  well-wishers from the saloon window of the Evadne.</t>
  </si>
  <si>
    <t>                                           MAKES RACE                 EUGENE F. CHEEKS                 Editor uf the Cleveland Guide, wbo Is  the rare for Congress from Ihe 21sl Ohio district, as an independent. He is 35 and single.</t>
  </si>
  <si>
    <t>                                           The many friends of Mrs. Geneva Miller Smith, of 225 Young St. will be glad to learn that she has returned home from the John Nina Hospital where she under went an operation ten days ago which was a success. She wishes to thank her friends for the beautiful' flowers...</t>
  </si>
  <si>
    <t>                                           Miss Green ... on of the few Negroes in this section holding a degree from one of the large universities. She received her B.A. degree from Iowa State university in 1925 and has held teaching positions in accredited high schools and junior colleges She Is president of the...</t>
  </si>
  <si>
    <t>                                           TIM TYLER S LUCK Troubled Waters                 By Lym Young                 "TFiiYixn TOMMY" ^'                 LILLY S UNCLE                 THEM DAYS ARE GONE FOREVER                 v; lib; A GKEA'r LIFE Il^YOU             "                 ^                 DOROTHY'JMRNtT                 By Charles HcMari^i</t>
  </si>
  <si>
    <t>                                           The long awaited trial of the six alleged "Reds", whose indictment under an old law enacted in 1861 primarily for the purpose of keeping down slave insurrections and carrying with it the death penalty for the creation of an insurrection, came to naught...</t>
  </si>
  <si>
    <t>                                           During the past few months my files have received many notations on the affairs of our business enterprises and, regrettable as it may be, the phrase, "Gone into the hands of the Receiver," has become quite familiar.</t>
  </si>
  <si>
    <t>                                           NEW YORK, June 29 (ANP)-- Before a representative audience assembled at the Little Gray Shop in 145th street the Y. M. C. A. Membership Cabinet dinner, heard Dr. Adam C. Powell, junior pastor of the Abyssinian Baptist churcle fluty modern Christianity...</t>
  </si>
  <si>
    <t>                                           BAD IKE                 By I. P. Heynoldi                 If you ,ir* hit on onti cheek. turn the other- I tried it nnd got H busied out of Lhe  .</t>
  </si>
  <si>
    <t>                                           ATAUOOOrj^rf-T^ STORES OP A :cj Remedy lor           '(ft! " Putter. M.I.C. thin Blood Rich .r,d Hcjhhy. Build, Stren3th   d Vijbr. Alwjyt Effective Why Suffer? l*^ \S S-JI 60. u,. ,1,'iim  j MRS. MUNN  OB( spiritual ' I?^    If unhappy,  In  '39  nr lorn. ;  *   In for jpu. IT 're jr.lc.'.por:  '  *r- A T"'""".  or lor. mff.ln. thin' WS fT5w if  Vt  nd   '" will Jf"~      u ,ou along know t.      It In  nd the (n. mr. It will be;      ..m..of whom jou will m.rrr. Rmdlnx AII7. 10 m In n. m. No rra '         . or Frid.yrt- Nr. ilrn.: lo.tr f or "~    'doo"rV**h-n*  " Ll^"    1, I8J6 IjilipiroM'    . AlUnU. In Your CII; to Do Good hr the.Fdltlle MADAM VSm wharton KBtfflB PrUrnljt  nd CUIrrorniit ^^n ^^B   In ,       ~'Ll'M*""****! : Dow  TrlM'  .win In     , . .^~+M.~        all .ff.lr. .J I-lp^f-flU..1 MADAM  HT,      " ro  0O*l. trw are ~'~~J  cl tcd. Ona' Tblt   "a I^'A  . ..occult  a^aVk^J-rV wfU rf pay 70Q far  ;.          far Whlu and Coloro) SPECIAL READINGS- SOe   13 Bowfll Mill Knf. Atlaabt Gi. Harirtu Bcrwftl Mill CaTS^ Hoaaa from 8rabo.nl 8ta5^^</t>
  </si>
  <si>
    <t>                                           CRUSADE Sheila Slliart (From the Chicago Tribune) There is no journey'." ending To draw me on my  a lost voice sending Mo forth again to stray. There is no lovely vision To lure my restless  the faint derision Of one I shall not meet. Yet though too late in starting. I cannot choose but go. Forever now. departing From all these things I know. Whatever I am seeking, Whatever paths I ride. An echo haunts my speaking A ghost goes by my sido AND AGAIN from the Chicago Tribune I,IFE IS MY LOVER Infatuation Life Is my lover Winsome and gay When she Is charming She sweeps me away To wild il roams of love. Unknown bliss On every breeze She sends me a kiss. Realization Life Is my lover. Relentless ami cruel: Her green mocking eyes Call me a fool. She flouts me.  me. Passionately, then. She Rives her false kisses To other men. Resignation All. life Is my lover. Capricious and vain. Queen of all courtesans She will always remain. When I say that I'll leave her; Bating her br  She accuses her rival A woman named Death. Keeper of the Stars. NOW IT CAN BE TOLD that the one who has Incurred your wrath or your pleasure by conducting this column has been one Lucia Mao Pitts, whose pen name has for some time been the Lady Called Lott and who has used the I latter initials In signing ye Fine I Points of the Pen; that she has been but a temporary resident in the Gate City of the South and now packs her belongings In the old knap sack to return to the Big City stretching off Lake Michigan; that she bids you all one fond   now signs herself for the last .C.L.</t>
  </si>
  <si>
    <t>                                           "You'll ruin your voice, you darn fool:" Gavin wired her from Long Island.</t>
  </si>
  <si>
    <t>                                           POLITICS OR A SOCIAL CALL?                 JeiieitUi tile  of thib informal cnac  Governor Franklin I). Jooaevelt (h fi: Democratic Presidential nominee.    ! Colonel Edward H. House the p. may be a Jca! of significance, when one considers thai the Colonel, an intimate adviser of the late President Wilson, i= or,~; ot the vorld s greate.it political  Kirts. The Governor stopped off at the Colonel's home in Beverly Farms. Mass., vn route lo AHiany niter * his vacation cruise alon^r the New England .</t>
  </si>
  <si>
    <t>                                           Meet Philo Vance The great detective created by the molt  matter of modern detective fiction* S. S, Van Dine. Beginning thU Saturday, The Daily World bring! for your entertainment in strip form  ix       each week a continued  thriller written by S. S. Van Dine featuring- Philo Vance. Thi. is a. feature, which can be duplicated in no paper  here. You've read about the   in "The Scarab Mnrder Ca.c," "The Canary Murder     ," "The Green Murder Caie," and  , but this it your tola opportunity to meet Mr. .Vance him.elf in picture form daily. Beginning Sunday</t>
  </si>
  <si>
    <t>                                           The Atlanta Daily World THE ONLY NEGRO DAILY IN  WORLD Classified ty Advertising Rates DAILY SUNDAY 14c a line 14c a line Consecutive Insertions Daily and Sunday: Three times lie 11 line Seven times 10n a line Thirty times or       He a line Five  of  length ara   i Un*. The minimum charge ft tlie       of twp line*. Ads Taken Over Telephone: re  frum person*  In the * or city directory on  . In return for thin  \\\k  Ih ex( to remit Ihe day fallowing Inirrllon. On all  Kent by mall      must ac^uni party thn . AH UlxcontinonncM  be made in        at thr World of fire or by Irltrr. Tftfphonp  are NOT . ERRORS If any error , Ihe Atlanta Dnlly World    * Me fur only one Incur  Initvrtlun. Tho *r It  for     *. Tlir Bdvrrlir.fr  notify  If any correction U . CLOSING Advertlnrmrnt* In     Atlanta RaJ'a f.~r thr SMndayWorld'H- up until 9 V. M. Saturday.       are  daily except Sunday until' 9 I*. M. for the convenience of patrons. ATLANTA DAILY WORLD WOULD WANT ADS BRING RESULTS. JUST CALL WAInut 1459 :iml ii.sk for an Ad Tnker</t>
  </si>
  <si>
    <t>                                           HAD VISITOR                 DR. I. W. YOONG President of Lancston university, Langstoa, Okla.. who was paid a visit by Governor William II. Hurray la.l week. Dr. young succeeded Dr. Z. T. Hubert of Georgia in this position. Governor Murray was moved by the singing of the students, and addressed them informally in the chapel.</t>
  </si>
  <si>
    <t>                                           SWELLING REDUCED Ami Short B.            -~~        by unnatural collation of ~~'~r in      Kv .     . Trial fack.^  MEDICINE COMPANY I     . 501, Atlanta,   . j I ATAlJLGOOD^rp^ STORES I Vr' ^5 sgx (t'i )p A 3 Kemtdy lof Rlit- L((~. j Pm.fUr. Milcd iMa Blcod R.cli ind Hdllky. Build. Sl,,r3lk ,.d V,9c,. ^-i AU.yl EB.cli.t Wky SuS.-?    y\ wim.. ao. l.h l!;o</t>
  </si>
  <si>
    <t>                                           DETROIT, Mich., June 28--(ANP)--The National Independent Funeral Directors Association, a national organization whose growth has been so rapid and substantial until it now embraces most of the successful morticians of the group throughout the country, began its 7th annual...</t>
  </si>
  <si>
    <t>                                           1 GEORGIA i OPEN 11 A.M. 15c 1 THE AGE FOR LOVE % With B BILLIE DOVE Sf</t>
  </si>
  <si>
    <t>                                           WEere Nme Were SBbt ib Red Rjot^                 Above arc some of the nine Communist demonstrators who were felled by machine gun fire at Jlelrosc Park, Chicago, when an unauthorized meeting refused to disperse and clashed with police. More than 1,000 .men and women were in the mob. which police say                 attacked officers who had been sent to  the meeting. James Bronze, a  " a Thompson sub machine gun was thrown to "the ground by rioters and the pun he carried wus fired in          bursts inflicting minor wounds on nine persons.                 ABCD</t>
  </si>
  <si>
    <t>                                           'MPm^i IWfetyiiJIi ONLY NEGRO DAILY NEWSPAPER IN THE WORLD O^JByBJhtotiJLfcl VOM1MK R.  Mfi ll^l- A' 'lV" -=</t>
  </si>
  <si>
    <t>                                           Mysterious Hindoo Mascot "Bele" the mysterious Mascot of (rood fortune of India has been brought to America to  (rood fortune to those who carry her about with them and have faith in her. His Royal Hishncss. the Prince of Wales, has a "Bclo" Mascot. Cost $1.00. Address Charles Park in care of West 46lh St., New York City.</t>
  </si>
  <si>
    <t>                                           EXCURSION Round Trip One Cent a Between nil points on A. B. C. R. R. And to points on in.iny other fines, including1 Washington, D. C. St. Louis, Mo. New Orleans, La. Etc. JUNE 18th RETURN LIMIT JUNE 26TH Round-trip Pullman Fares Reduced 25% For complete information Consult any agent of the A. B. C. R. R. TiREsI  ACCESSORIES BUY FROM GOLDEN EAGLE STORES GET VOTES FOR YOUR CHURCH</t>
  </si>
  <si>
    <t>                                           deacon jone;                 Br I P Reynoidi                 When the Pnstor nnd the Buldlngji* Commltteo disagreed tho' Pastor -jj said he would need the Blblo to ox-.K plain. Tho newly called  on*'? the building committee said, whon^ he got through throwing BRICKS' BATS, D if tho Pastor wouldn't^ need tho Doctor. -cijS</t>
  </si>
  <si>
    <t>                                           THE WIND from the sprinting bodies and flying heels of certain</t>
  </si>
  <si>
    <t>                                           I Bargain Week-End Excursion Fares At!;ml;i In CnviaKton ami , SI. 00; Snclnl Circle 51.50: Miirlisnn. SI. 50: Orci'ii^. SI .50; Union Point, $2.00; I'r.-, $2.00; Washington 52; Thomson.  2; fc AukuhU. $2. Tirkft* nn file tor nil -. *iurr-  rlin!    -d In   Saturdv.  for Irnin N" 2 ^- AtUiil* fich JiunHaf          7:25. a. m.  ri  I"      :    In" !"m Nn. 3.  m.. C. T.. Moni.ny . Hamc        from  n^  to Atlanta *a.~~ GEORGIA RAILROAD WA ,w</t>
  </si>
  <si>
    <t>                                           (GEORGIA  11 A.M. 15c 1 "SAFE IN HELL" J</t>
  </si>
  <si>
    <t>                                           Rev. Reese holds his regular weekly meetings. Class meeting Tuesday at. 8:30 P. M., Teachers meeting, Wednesday at. 8:30 P. M. Prayer meeting, Thursday at 8:30 P M.</t>
  </si>
  <si>
    <t>                                           Every World</t>
  </si>
  <si>
    <t>                                           Each of these fine creams h made especially for your .skin. That's - they bring freshness and charm to your complexion much - any other creams you can buy. THE BEST MONEY jUg CAN BUY MgSk Smooth on t(i(29"'    $jS Kranc, snow- \~~       $y IV.ack and While i  C:eai:i and -co hn-.v it  yoi:r  kin a;:ainst the da: :, co,it.-.: effect? of ?un ami weather. Sec inv.' lone it make* Jacc rounder May 1 1 And sec how it Keeps your s!k;:i  fair, too. l-       ihi-; i-K.,  cont-int ji:'t  :it:lit .l n{, peroxide to li^'i-.tcn .--kin in a :m!u i..""r.cr. Larj;c j.ir c.f Gcmiinv- Black an:! While Peroxide Cre.uu only 25c. The MOST THOROUGH YOU EVER ENJOYED If you wan: your skin to fairly " with i.-ni:ant freshness and t-cauty, he si:rc that you keep it clean. Qer. Blaclc and White Clcarnini; Ocani penetrate* deep down into the pores and removes nil dirt, ~; ard impurities which c.n:*c bi:mpi .-.i-.d bii: pores. Kccpi your ,~kin , radiant, lovely. I. can of Genuine Black ant! White C!ca:~ infi Crea:n only 2Tc. THIS MAKES ARE A,L' ^^^pi PLEASURE i^S. Icli your ace. Don't \-ffi}      $! I;     you unhappy.      use Genuine Blnck and White Cold Cream rc^ul. ;ind  .Kkin will always keep youn^. This wonderful crc.tm is 50 : and ;nft ar.d fraj:rar.t, you ll !;~vc to  on your . And love to sec how it  wrinkles, and . .~~kin Fnft, 5:r.oot[i and (jlA youni;. Lar^'c jar of Genuine B1aej53 and White Cold Crcrfm only 25cr*    7lUl4    BEAUTY CREAMS</t>
  </si>
  <si>
    <t>                                           NEW YORK, June 17.--The Secretary of the Navy. Charles Frances Adams, has written a letter to the National Association for the Advancement of Colored People in which he deprecates further agitation of the case against Lieutenant Massie and the two enlisted...</t>
  </si>
  <si>
    <t>                                           HOLLYWOOD, Cal. July 16.-- Most talked of subject in Hollywood today is the forging of another link in that curious chain of coincidence which seems to connect the destinies of Gloria Swanson and Constance Bennett.</t>
  </si>
  <si>
    <t>                                           Satisfaction Expressed at Final Awards                 Complete . has been e:\pres.-cii by c 1 1 1 involved in the i."~ Week ?7"iii Clovorleaf Church contest sponsored by Tlic Atlanta P. World. Sunday :iip;ht pr'/.es v.-orc  at.  churches who shared in the. grand final awards.. C. A. Scott, .-l manager and as;sta:it ! manager of Tin: Daily World, awarded tlio ?iU0 chock    V,'e--t Mitchell Ktrcre'. C. M. K., vhich took first, and to West ilu:it i" Baptist,  won third placo and ?75. Frank Mar-hai! Davis. ni;ma^in^ editor of The Jlaily World, made the presentation ;it Mt. Zion Baptist, second piace winners of the $100 money. Short talk s on the value of cooperation and why the Daily World should he supported, as- well  for the cooperation iri'-'rn by the churches, were; also made. It is possible that another - of this sort may he arrant'1''! sometime in the future. LAY CORNERSTONE FOR NEW ELKS HOME WASHINGTON. . (ANP) Under the  Usaiteil Ruler .lohn S. Ulmi.-s. nf Mcrninjr Siar Lodce iiii--- th i "": oC O.v wv; ~-.~~pi-of the Alexandria Virginia 1 i ^r f- of I. M. P. 0. Klks of tl:r \Vi,:i.:. a beautiful sii;!cy"nis ne e in-i!~; . w;l- laid a! L!:.':u ~.ri- day afternoon, with si iv.ial nv- i ices attended bv a  e i j  i  Klks ant] .- :":-ir. other .. f Ira ml Kxal'.eii i; .1. Kinlov Wilson was ine.-Mii.</t>
  </si>
  <si>
    <t>                                           M GROCERS PUN CD-DP BUYING                 I White Wholesaler Promises A i d at Meeting- j                 TO FIGHT CHAIN j                 JACKSONVILLE. Fl:i.. July 19-At a special meeting or the N'ccrn Grocer* of Jacksonville, held in the nu  of the Clara White Mission. We- evening. Oliver Frieseke. I"1 wholesale dealer, mid the colored merchants jh:it '.lie [~risi- h:   mi- tor the small                 i dependent  in foodstuff, and 1 ih.i! never more Man now was it il'.nlc necessary that the smaller merchants combine their buying power to meet the drastic competition offered by the chain stores. Mr. Tricseke pointed ou; the benefits of combined buying and Rt- advertising. He stre.-scd t j r.ccd for organization, to the end 1 (h;~t She ;:roup       [ combine "ii such  as window decorations, advertising in newspapers and , group buying in large amounts ami the mapping out of a system lor promotion of the r   businesses. Mf- Frioscke  his assistance to the NeKro  in  their problems, guaranteeing that he  quote Negro' buyers' Ihc simc prices! on their combined orders as were i (( white . and   f(; to mccl any price -~ lion from other local wholesalers. I The meri h;in!u went int i n  discus-inn c:f their j. after the departure of the speaker. B. J. .'k ain. one of ;he most  Nccro  in Jacksonville, and lead'.nc spirit In the movement to co-npt iatc local Ncf4ro .'hants. was  chairman of the meeting. He. appointed a  cnmi'"~eil of John L. H,ii-ri:.on. S. M. Giildsmith an.; K. L. Dimilry mi draw up a set of tentative rules and regulations to Govern t he propped oi Kanv.ation The  agreement will be  to th.i'^e  who failed to attend the meeting, many of I whom have evidenced a desire to become a part  f this contemplated ;; [organization.</t>
  </si>
  <si>
    <t>                                           JACKSONVILLE, Fla., July 19.--At a special meeting of the Negro Grocers of Jacksonville, held in the auditorium of the Clara White Mission. Wednesday evening. Oliver Frieseke, local wholesale dealer, told the colored merchants that the crisis has arrived for the small...</t>
  </si>
  <si>
    <t>                                           CHICAGO, May 4.--(ANP)--Mayor Anton Cermak, democratic mayor of Chicago, who when he was running for his present office a year ago, promised Negro voters that the would appoint a member of the group to the school board reniged on his promise last week. With two...</t>
  </si>
  <si>
    <t>                                           ZEMO BELIEVES ITCHING HMG ECZEMA Soothing, cooling ZEMO bringa prompt relief to itching, burning skin; even in severe cases relief comes as      as ZEMO touches the tortured  skin. Eczema, Ringworm, Hashes, Pimples, Dandruff and other annoying skin or scalp troubles generally yield to this soothing,  lotion. ZEMO is safe and dependable. All Druggists. 35c, 60c, S1.00. Extra Strength ZEMO best lor chronic cases- $1.26. YnllETpVrN Night and Morning to keep them Clean, Clear and Healthy Write for Free "Eye Care" or "Eye Beauty" JBook Mnrioe Co., Dcpt.Q. S., 9 B. Ob!o Sl.</t>
  </si>
  <si>
    <t>                                           Ollie Hopkins, the night watchman at the Odd Fellow Building making his last "go rounds."</t>
  </si>
  <si>
    <t>                                           The Atlanta Daily World is three months old today. It began publication March 14. In just one quarter of a year it has grown and developed from a novelty in the minds of the public to an established and undeniable achievement unique in the annals of Negro journalism. It has placed Atlanta in the limelight of worldwide publicity, for no where else can a Negro daily be found. It has given the "Superior" Northerner a mark at which to shoot.</t>
  </si>
  <si>
    <t>                                           Miss Florence Gober and Miss Lula King were joint hostesses at a surprise birthday party Wednesday evening June 9th at the home of Miss King on Montgomery St., in compliment of Miss Rachel Longstreet. The honoree was presented with many useful gifts...</t>
  </si>
  <si>
    <t>                                           Reading the newspapers, I see that Miss Marian Cuthbert has succeeded Miss Eva D. Bowles, in her former position of promoting segregation in the name of God. I have never seen Miss Cuthbert: but, judging from her pictures, I would say that she is a pretty...</t>
  </si>
  <si>
    <t>                                           Mystic Hoodwinks j Woman Out of $200 Cash                 OYSTER BAY. L .ruly i:i-Ti:'l,r;c .Voroy remanded C:'-s It. Wnlinnis. bolter kn-iwn ;i:; ~~['i-'1 Willlims. to jai: in a-.vait action of the grand jury V/:*day in the charge of grand    :i ny preferred by Mrs. A. A. Morris, white, who s^ys Williams ! her S200. auu an extra S2.:"in fur "consultation"     \ she win to him for  of an ailment1 she ?ays            hori been  to clir.. She cays Wjili;ii:is Mid a black cloth on her '.v aiv! said "magic" words, .-uul si-.,; paid him $102.50 on aCL-nun:. arm left  she would . Shi- later paid the balance. .u:d a'.'.cr  no cli. :n her , Ci'.eil ill., .                 I BAD IKE "T By I. r. Reynolds "S^ek  yc shall find."  (he Rood  lo the hungry, rugged, unemployed  iin. "All right" was tlie , "find If T don't soon find. 0 if won t seek ond TAKE."</t>
  </si>
  <si>
    <t>                                           ;  J LINCOLN THEATRE 401 Mitchell Street M X "THE COOLEST THEATRE IN ATLANTA"    SUNDAY MIDNIGHT, MONDAY TUESDAY m ^ N m Walter Jean Wallace- M HUESTON HARLOW FORD '$'~ in- -~-   The Beast oS the City ALSO CHAPTER EIGHT' 01^ :i iA^%~p x h "THE LIGHTING WARRIOR^V With George Brent and Rin-Tin-    ? g</t>
  </si>
  <si>
    <t>                                           MRS. MUNN mnm SPIRITUAL MEDIUM nE^cl If ,  In   or Ion.       -j1        la for yoo. ^Wk If In . unhappy,  OTfr ,  or lore .. Ihli rifted    !    1nt and  will  a4vlu and help youi  the put aj rou alone know It, the promt    It la and the la. lor. u it will but  full name of whom rou will . Readlnr . 10 a. m to p. m. No  Bun. dara or Fridara. No aim, look for number- Waahlutoa Lakewood can Daaa doer.         Reudinsa, Short Time. 60 canti lilt Ukewood At*. AtlaaU, Ca. Your Loved Ones Bury them out in beautiful SOUTHVIEW CEMETERY Eitabliehed and operated by colored people for the burial of  -dear to them. Lots For Sale Phone Wa. 0922 BEN H. TOWNSLEY, Pret. LEWIS G. WATTS, Set.</t>
  </si>
  <si>
    <t>                                           The Christian Charity Club met at the home of Mrs. Sumpter with the president in charge. The scripture lesson was read by Mrs. Sumpter and discussed by Rev. Giles. Four members were reported ill. Four visitors were welcomed also. The next meeting will be at...</t>
  </si>
  <si>
    <t>                                           Here it is nearly daybreak and I have just a broken rear axle on my car, a black serge suit that once was white, and aching joints all over trying to start this car of mine. All hope to get home has been dismissed from my mind. May be I'll wrap my troubles in dreams, and dream my troubles away. It would be a splendid idea at an rate. I'll try humming myself to sleep. A few hours ago I was living, loving, and laughing with the Joymen. There's Arthur "Fat" Standard, "the Connoisseur of Beautiful Wimmen," he is wearing that smile for...</t>
  </si>
  <si>
    <t>                                           GROCERY BARGAINS!! SEE FRIDAY S FOOD SECTION</t>
  </si>
  <si>
    <t>                                           Monday night at 8:30 o'clock July 25th. Reserve seats for White people.</t>
  </si>
  <si>
    <t>                                           80UT1.N NEWSPAriCB . INC.. .ISIIKtlS Fr.  " *      Vinyl." "ZllZ"'..Z' .   ^ Kdimr  k4 .~  . -1 BlinHCRIPTION KATES W_H, 20QM Y,.r, 17.50 Month.. U5 -1 M.nlh.. ~.2i W"M?- J0~!  UAII.V AT Jlo AL  AVE.. N. K. TEMPnONKS: WAInul 14U "J XmfrW u ^..d-cl^i m.tfr .t P"-' "1" ^tl..U. Km.. ..dir tl. mtt oi Msrtn 3, jb/~ ADVEKTlSINC REPRE8 W. B. 2IFP CO..      . New York. l-o. Amtdra</t>
  </si>
  <si>
    <t>                                           \__3? STATE NEWS                 Warrenton, Ga.                 Mrs. James Dawson. of Atlanta wns in the city Saturday and Sunday visiting- Misses Carrie and Irene Dawson. Little Miss Dorothy Dixon returned with Mrs. Dawson to Atlanta an indefinite stay. Mr. Allen Kinsey left the city Saturday for his home in Atlanta, after visiting his wife Cur a week. Mrr Misses Mayonia and Gonzclla Murray and Virginia Dnwson asd Mrs Ethel Curtis, of Warrenton, Ga have returned home after attending summer schoot at Forsyth. Ga. They report a. very enjoyable stay there. Mr Edgar Pets, of Crawfordsville ,Ga. was in the city Sunday visiting friends. Mrs. Lula Brady spent the week end with Mrs. Fannie Smith. Everybody is invited to attend the organization of a social club at the home of Miss Perkie M. Gilbert at her home on Depot street Sunday afternoon at 5 o clock. Misses Artie Burns, Aide Baxter and Emma Lewis were visitors ol Misses Annie Belle and Mary Jones Sunday morning. Misses Carrie Latimore and Zenola Haynes ;.re expecting Mr. Matizon and Mr. Walker from Lincoln University soon. The'A. M. E. Sunday School will convent Thursday at Mascana. Ga. Please pay your newsboy.</t>
  </si>
  <si>
    <t>                                           George Schuyler, who enjoys an enviable and justly deserved reputation as a writer, critic, lecturer and novelist, seems a little worked up over two editorials which have appeared recently in The Daily World concerning him. He now lakes me to the literary...</t>
  </si>
  <si>
    <t>                                           Even a Desert Has Some Damp Places                 By JESSE THOMAS In recognition of Ihe services rendered the community by Professor Thomas J. Elder, principal of the SandersviUe High am] Industrial school at Sanilersvllle, Georgia, at the recent commencement exercises .the name of the school was changed from the above mentioned to tile Thomas Elder Hitih and Industrial School. This is one of the few. if not the only time this type of recognition lias taken on concrete form in this manner. The resolution making possible the ;chango. was drawn jointly by the City Council and the Board of Education, and was signed by the president, vice-president, secretary and treasurer of the Board, the Mayor and six other members of the City Council. In addition to the above organized representatives, there were a number of other white people in attendance. This is a testimony or the appreciation of the services rendered by Professor Elder as head of tills si- for more than forty years. One of the things that keeps us going in the midst of obstacles Is the fact that occasionally you come across little moisture in dry places. There are at least one and some times several white people in every community whose interest in human Welfare transcends racial lines and political sub-divisions. TRAIL AUTO THIEF BIRMINGHAM, Ala., June 11- Police were certain that within twenty-four hours they would apprehend Willie Walker, 28 year old auto thief who stole a Nosh coach from Charlie Clark, of Columbus, Ga. Walker has been seen on the Southside in Birmingham by. police who are hot on his trail and after a long distance call from Columbus they were certain that the man suspected is the thief.</t>
  </si>
  <si>
    <t>                                           Weekly I peruse about seventy-five colored "exchanges" that come to me from all parts of the country and I carefully scan each advertisement for in each ad a story is told if one is observant enough to unfold it.</t>
  </si>
  <si>
    <t>                                           Cordele, Ga. was host July 11-13 to the K of P Grand Lodge. More than 100 lodges were represented and as large a number of Past Chancellors were present. Cordele was ready with comfortable homes and plenty of the best to eat. The local program was good and the...</t>
  </si>
  <si>
    <t>                                           NEW YORK, July 26--(ANP)-- George S. Schuyler, the famous Negro author whi made a trip last year to Liberia to investigate conditions there for the New York Evening Post, a Curtis publication and wrote a book on his return. "Slaves Today," has come to the...</t>
  </si>
  <si>
    <t>                                           Despite the inclement weather a great crowd is attending the revival meeting at the First Baptist church. Great soul stirring sermons are being preached by the visiting minister, Rev. Weems, of Atlanta, Ga., and many are coming to Christ.</t>
  </si>
  <si>
    <t>                                           Results of Poll Inspire "Oregon Editor                 PORTLAND. Ore. June 29.- (ANP) Although she fell far short of  nominated in her i race for the Oregon hou.se of rep- :, Mrs. Beatrice Cannn- dy Franklin. Republican aspirant n the recent primaries, and editor Df The Advocate, local weekly, re- mains undaunted. Thouprh there are only 3,000 Necrrocs in Multp.omah county in which she ran and only 1.000 of them are registered to vote, Mrs. j Franklin received 7, COS votes,  seven of her white compet- J itors. Her campaign expenses amount;d to only ?1 0.00. She did no newspaper  njr,  to have her name, picture and platform included in the Republican voter' pamphlet which was dis-  to every voter in the county and wrote no letters. "I feel elated over the outcome of the ." she asserted, "and w ll run  in lOo-l" Father Devine Leaves Jail; Bailed Out NEW YORK. June 2fl Released in $5,000 b.-iil nn a  of  , F: Dcvino  :~\ Stepped from Suffolk Coiiniy jail at Rivcrhead Saturday to the music or hymns  by his followers on the jail slops. Disciples immediately laid plans for n big mass meeting :ind  Sunday   ;ln ;i Harlem p;irk. More  20.(K)0  of the "new Mcssinh" . SentrnrCfl to a  in jail    1 a $.r)00 fine on the ground that "Hcavon." his revival establishment, nt Snyvitln. I,. 1.. is n  nuisance. Father Devine w;in freed  the efforts of bis colored ; .Tnmcs C. Thomas. The writ wis  by Supreme Court . Bert Jay Humphrey in Brooklyn. 15 YEARS FOR KILLING WIFE WAXAHACHIE. Tex.. June 29 (ANP) Fifteen   in the  was the penalty assessed Cnn-oll Garner. Ennis. by a Distriot Court jury . he had ple. Ruilty to a  of murder in the slaying of bis . Gardner was shot to death on February 4. this year. The  testified that as he came in the front door of his home. :i voodoo doctor wont out the back. The jury was out  two  In its deliberations. C^N'T EXPLAIN BRICK Struck in the head with a brick thrown by her husband. Mrs. Ruby Smith, of 330 Mobley street, could give no reason for her spouse s strange actions when- questioned by, doctors in the emergency  oi Grady hospital;</t>
  </si>
  <si>
    <t>                                           MESCAL IKE                 There's a Limit, You Know                 PHILO VANCE                 The Skull Mystery                 by S. S. VAN DINE                 TIM TYLER S LUCK                 Creeping Shadow                 By Lym Young</t>
  </si>
  <si>
    <t>                                           CHICAGO, June 15--(ANP)--Although there were only twelve colored boys entered in the eleventh annual collegiate track and Pell meet held at the University of Chicago Saturday afternoon, the lion's share of the meet's glories went to them.</t>
  </si>
  <si>
    <t>                                           EIGHTH GRADE CLASS AT GEETER COUNTY SCHOOL.                 -Photo by Coleman, Memphis.</t>
  </si>
  <si>
    <t>                                           The white advisory board of the Girls' Service League, which is sponsoring the concert of the Tuskegee Institute choir Sunday afternoon, May 15, at 3 o'clock, announces that interest is running high among music lovers all over the city. The performance will be held...</t>
  </si>
  <si>
    <t>                                           JUST FINISHED LISTENING to the Boswell Sisters sing some of their low-down blues, and what a feeling they do give one! I rather hate to come back to life, but ah me, the woik of a working girl is never done! Here goes:</t>
  </si>
  <si>
    <t>                                           M BRIBES MINI! BURNING ECZEMA Soothing, cooling ZEMO brings prompt relief to itching, burning skin; even in severe cases relief comes as so*n as ZEMO touches the tortured i skin. Eczema, Ringworm, Hashes, Pimples, Dandruff and other annoying skin or scalp troubles generally yield to this Boothing, antiseptic lotion. ZEMO is sale and dependable. All Druggists. 35c, 60c, 51.00. Extra Strength ZEMO beat lor chronic cases- $1.25,</t>
  </si>
  <si>
    <t>                                           N. Y. Minister Battles to Obtain Democratic Control                 REV.  FIGHTS FDR CONTROL                 Battles Regulars for Democratic Power in Brooklyn                 ^ HITS HIM                 BROOKLYN, N. Y., July 20.- "Fiphlinsr T m Marten" from York. S. C. out to wrest the political leadership from the veteran Wesley Younir of      .H Countv, and dicta'/e all  and  coming to the race. Brooklyn, being clty                 w:thin the Greater Citv of New York with 100,000 Neirroes, makes the pol tical  tne Democratic  worth  after. So the militant Rev. Thomas Harten. pastor of the JIolv Trinity Baptist Church for the nast ten years, founder of the Notional Afro-Protect've Leacue, and vice president, of the National Hiiplist Convcnt'un. U. S A.. Inc., has at last come out in the open to do battle with the "time-worn" leaders of the "old order." and to usher in a "new day" for his . That the present "so-called leaders will not  mi without :i  was made perfectly Hear last week hv a f:erc-o attack on the Rpv. Harten in a local       \ Rev. Hartcn. who is the         ever to  irot en Oovrnov Franklin D. Roosevelt to address a "(: weet -"^ the (CnnUnued on      2, f.'nl. 1)                 N. Y. Minister I (Contiuurd from, l use One) Roosevelt bandwagon for* President and organized a Koo.-President Club. The regular Democrats became "jealous, it is charged, because the Rev. Harten "stole their .-r. and came out with a "belated cn dorsement of Roosevelt, then to cover their faces for being last, launched an attack on the Rev. Havten charg:ng that Ins effort was a "spasmodic polit cal attempt." To show that the Rev. Harten meant business, he  a delegation of about Is of the leaders of his group am! marched on the editorial offices of the paper which carried tlio objectionable story, and after a Heated conference of two and a half hours. accord:ng to reports, thev left "completely f.at . It appears that the story published carried"a number if mis-statements and slurs against the Rev. Harten. which it is claimed wet-" inspired by the opposit:on, and he and his followers resented the story so  that whatever reparations the paper agreed to make left the fighting Brooklyn parson all smiles In two fiery speeches in his ;ck last week, one Wednesday night and the other Thursday night, in wh ch he aroused hug" thrones to a fighting pitch when he told them he was willing to die on the cross of Calvary" for them if they would stand by him. Women screamed and men yelled that they would stand by him to the last. With th:s reassurance the Rev. Harten. who fought with Calvin Coolid^e from the time he was an alderman to the time he went to the White House, decided he would no longer stay in the background, but would come out in the open and take  the Democratic leadership of Brooklyn, among colored people. He s a'd that for years both the Republicans and Democrats have begged him to take over the county leadership, but he refused. He is taking it over now, he said, because ihe feels he is in a position to bring to the race the recognition which it has been deprived of for years. "I have Bought peace while these political traitors have started confus on." he said. "I extended to them an inv  to come in and help form the Roosevelt Club, but thev stayed out. These  would-be leaders have made their attacks upon rile because they see their  ?. They have worked for themselves in campaign after . while our  sons and daughters have been deprived of the r rightful ;tion. Thfv have kept '.vou in political bondage. But with your cooperation, under ;God, I expect to hrin" this  S)f mine out of political choas." Continuing h's  attacks. ' undoubtedly will revolutionize' the politics of Brooklyn. and Hi the shouts of thousands reclaimed him over the old order the !Rev. Harten. with renewed zeal       declared: "I  any man. white or black, !n Heaven, on earth, or in H to 8av that I have ever sold out, or have ever been  even for a    DollHehl speech. I've sacrificed my, life blood for you. I shall  at the close of this                  political  on. in proportion to our vot njr . Have you received it in the past? (Shouts of Nci, No!) To do this, for me- it means a trip to Calvary. am on niv wav now. Will von no with me? (People stood and , go on! go on'-) If you will HO w:tli me, I'll bear your cross.     me die: 1 want you to live. But after my death you will hav.~ political recognition and have it in :. We must stand together, or we must wo down together. 1  every war veteran to arm hir self not for physical battle, lint for political battle. 11' you w!ll stand bv me, I'll bring about a new day i or the Neeroes  I' Brooklyn, and will set the political standard for the         of tin' world. '"Yes, they are after me. The  s wort- after Moses and the Israelites;  se the crooks were after Christ. But the? Master triumphed, even in death. Whsiv were those  tr. when Nejrro womanhood in Brooklyn was" outraged; Where were these Negro political traitors when our men were clubbed without cause by  ee officers'.' Where were . I say. when Ruth Krown, a woman of color, was convicted and sentenced to die in the electric  Thev were like ground hoes when they see their shadow. They shoot their hot air in mass meetings then run into their holes when they face the wh te man at the  irate. "I fear no man. not even d"ath itself. I have tried every wav to avo d a . The Hcly Trin'ty church of which 1 am . looks after me . but I owe it to the valor of Negroes who have  their blood upon scores of battlefields to see to it that political Pharonhs let mv people iro. '"Ladies and gentlemen, we are ?. (Screams and shouts of I approval). S'nce I sought peace, they have started battle. I'll  to a finish, and I w ll not stop until I have given the citizens of Brooklyn the most representative political organization in the c;tv." Rev. Kartell ;s making five speeches in Brooklyn this week. Several doctors and lawyers are lined up with him.</t>
  </si>
  <si>
    <t>                                           BROOKLYN, N. Y., July 26.-- "Fighting Tom Harten" from York. S. C., is out to wrest the political leadership from the veteran Wesley Young of Kings County, and dictave all, patronage appointments coming to the race. Brooklyn, being a city...</t>
  </si>
  <si>
    <t>                                           i HAIl.KVS 1 Xooi1 ROYAL LAST TIMES TODAY1 T; Biinkhead in "MY Sl-V'_. f H U R S7- F RID A V "Suicide   COOL WU81M TODAY- TOMORROW John Muck Brown and Wallncu Beery in "BILLY THE KID" THE GREATEST WESTERN</t>
  </si>
  <si>
    <t>                                           The Daily World is published especially Xor you</t>
  </si>
  <si>
    <t>                                           - To  , i,   that  tbt hair !.            without the uu ot       or ' combs.- Too can t fall to make bis  *~7 7   *k selling.  and other    ^. Only a limited         of .% yH\ tw appointed In each Wlcerr.mun)iv. WriU a=c- tor full particular* '"Withow* *. Mar (ball      ;cn toe-, *'l'A3 ThUd-ar. Korth, Blimingbtm. Ala; S-BELIjEVE IJigCR^lJ DtBOOD LUCK , Mow, BuMmm. Leva,      Mimt, Swccwis, tc.Wf * no ^mm                  .    *~~ tn LUCK?  don't YOU            Mtclat mur  J.T tor two.-* MM Fftcc tuH UdT U P.S.BUREAU.    1P.O.</t>
  </si>
  <si>
    <t>                                           The day of miracles has come again! Not-since that Great Man Who walked the sea of Galilee or was resurrected has such been witnessed before. Wednesday was the memorial day when the dead arose and stood erect for when Albert Moore 3809 Finney avenue...</t>
  </si>
  <si>
    <t>                                           Head Every World</t>
  </si>
  <si>
    <t>                                           The Thrill of Popularity IF YOU want to feel the thrill of popularity to catch the admiring glance* of handsome men, to hear their eager compliment, and be showered with their attentions do what thin ( has done. Bring out the full bloom of your loveliness use the world s finest hair PJ"CDaration, the wonderful Hi-Ja Quinine Hair Dressing, to grow the long, lustrous, silky hair you have always wished for let the superb Hi-Ja Lightcncr Creme quickly whiten your skin and Rive you a rich, , cream-like complexion, soft as velvet and smooth as . Remember your beauty is priceless It means every thing to you. Don't neglect it; get these dainty, exquisite Hi-Ja preparations now Hi-Ja Skin Lightcner Cremc: Hi.Ja Quinine Hair Dressing HiJa Cocoanut Shampoo; HJ-Ja Skin Clearing Beauty Soap Hi-Jn Vanishing Cream Hi-Ja Face Powder; Hi-Ja Tiilcum Powder and Hl-Ja Perfumes. All at your druggists. 25 cents each, or unit postpaid d  from us on receipt of price. Don't put this off, road the special trial offer below, and mail us your order today. Special 50c Offer Send 50c immediately to Hi-Ja, Inc.. Dept C. Atlanta. G*., for 2 packages of HUa Quininr Hair Dressing and you will receive free one package of Hi-Ja Skin Lightener Crcme or your choice of  ny of tlie other wonderful Hf-Jn Products. AGENTS WANTED We want it reliable agent in  community to introduce the  Hi-Ja line of beauty a Ida, Big commissions, valuable . Write via about . Hi-Ja, Inc.. Atlanta, Gn Hi-Ja., Inc. kz^s V. nox 508 UfffflgJ*t-ji\ Af.~   ,        .. :5~^^^C(A</t>
  </si>
  <si>
    <t>                                           i Mysterious Hindoo Mascot "Bele" the mysterious Mascot Kood fortune of India has been brought to America to brine; good fortune to those who carry her about with them and      faith in her. His Royal Hiehneis, the Prince of Wales, has a "Bele" Mascot. Cost $1.00. Address Charles Park in care of West 46th St., New York City.</t>
  </si>
  <si>
    <t>                                           What threatened to be an open break betwen Richard Arlen and Paramount appears to have been satisfactorily ironed out. Sam Katz, the new boss at the studio, agreed with Dick that there was no role suitable for him in "Hot Saturday." Rumors my that this...</t>
  </si>
  <si>
    <t>                                           Miss Sadie L. Brown of 12th street motored to Waynesboro last Wednesday afternoon to attend the funeral of Mrs. George Rountree.</t>
  </si>
  <si>
    <t>                                           The South Atlanta Community club No. 1 met at the home of Mr. and Mrs. W. C. Dorsey, 50 Park Ave., Sunday, July 18th. Mrs. Rosa B. Harper was acting chaplain. The scripture lesson was selected from the second chapter of Peter. All members are requested...</t>
  </si>
  <si>
    <t>                                           NUMBERS! HOT ONES ONLY Arc you playing the numbers without hitting? Well here s your chance, to get your . numbers free. Send Miss Tucky WniTen $1 tor 4  of her Lucky Perfume and you will set 3 hot numbers each week for a month. Or send 25k. lot one week s . DoitU 'delay i  this will be your lucky week. Print name address plainly. PLEASE SEND NO STAMPS. MILLVILLE NOVELTY CO. Millville, N. J. Cash Prizes! -ARE .OFFERED EACH WEEK -.TO .CHURCHES SHOWING THE LARGEST TOTAL OF 'TICKETS. Ask for' Them When You BUY "AT Rogers</t>
  </si>
  <si>
    <t>                                           The Aurora Club was entertained at its first summer meeting by Miss Rubye Ford, Saturday afternoon. The club members and guests met at the beautiful Ashby Circle home of Miss Ford at 5:00 o'clock. In spite of the exceedingly high temperature this home was a pleasant spot. The cut flowers decorating the rooms made one know it was June, but the fine breeze afforded by the electric fan made one think it was one of the cooler months. The ladies wore...</t>
  </si>
  <si>
    <t>                                           fl Afresh fish /CROAKERS lb. 6c m Fresh Florida \B I MULLET lb. Sc j 1 MACKEREL 22c I I Whole- Fully DrcsscJ-RcJ IS V SNAPPER 19c i STEAKS u.. 25c J TROUT 19c Jr l^POMPANO La 25c^^</t>
  </si>
  <si>
    <t>                                           Tribute to the work of Dr. H. R. Butler, Sr., for his years of service in building up the masonic order in this state, featured the 62nd Annual Grand Communication of the Most Worshipful Grand Lodge Ancient Free and Accepted Masons of the Jurisdiction of...</t>
  </si>
  <si>
    <t>                                           INDICT PAIR FOB PRISON KILLING                 Judge Says Whipping Powers Are Limited by State Laws                 HOLD 3 DAY QUIZ                 C5RIFFIN, Ga.. July 23- Two men one of them Captain P. II. RanSto.ll,. county convict warden, were  by the Spaldlng County Grand jury Frliluy In  with the recent  of J. T. LoHSlter, Negro convict. This  ction followed a three day inquiry                 Into the circumstances surrounding his  which, according to first reports, was attributed to a KUnstrokc. An Investigation of rumors.         , revealed that Lumilter died Wednesday, July 13, as the result or a fractured . The following Motnliiy a  wiu  io We State Prison Commission by the Spaldlng county commissioners that Copt. Randall be . In the Indictment, Capt. Randall is charged with killing Lasxiler U.v hitting, striking and beating him with his hands, , . pieces of wood and other weapons to the grand jury Unknown. The grand jury  His  us " manslaughter" and he wan released from the county jail where Continued on Page 5, Col. 4                 Indict Pair IConlinued .. Paue One) he has been held for nearl ya week under $1,000 bund. At the same time. Douglas Smith n convict guard, whose testimony showed whipped Lassiter the day before his death, was indicted for assault and battery. Witnesses, during the three day quiz, stated thai assiter fell and struck his head after being beaten, some claimed that lie fell against a truck but. several persons claimed to have been in charge of the machine at. the time. Judge W. E. H. Searcy. Jr.. at the request of the grand jurors, explained the laws regarding the whipping or convicts. He reminded them that they must remember that a convict camp is a place for lawbreakers to pay their penalty in response to tlie demands of so ciety and not summer resort. Hence ihe men must work and punishment for failure to do so is provided in the code. "No warden or guard at a prison is permitted to strike a prisoner except I"  defense." the  pointed out. "The statute providing for corporal punishment Is not now in force in this state or in this county, having been substituted by prison commission rules, but I do not think that it is in force because lhe warden has no authority except as is given by his employers, the prison commission." It was also shown that under the provisions of the penal code any county or city Is authorized to appoint a whipping post. The new rules, however, provide for the disciplining of men in this manner, "by humane punishment, solitary confinement, the use of shackles, stripes and stocks in which a prisoner may be placed not longer than one hour, provided the camp physician says the convict is physically I able." Members of the investigating body, after an inspection of In: camp, expressed themselves us pleased with the conditions "id that although stocks were used r correcting the prisoners, that i!uy were used legally. The county I'. was also praised for his conscientious and efficient wi"k. Deputy Warden J. H. Bn -vn is in charge of the camp for tin; time being but no -il lias been made by the Prison Commission as to whether or no; the appointment would be perr..</t>
  </si>
  <si>
    <t>                                           GRIFFIN, Ga., July 23--Two men one of them Captain P. R. Rangtall, county convict warden, were ... by the Spalding County Grand jury Friday in conection with the recent death of J. T. Lassiter, Negro convict. This fiction followed a three day inquiry...</t>
  </si>
  <si>
    <t>                                           MESCAL IKE                 Taken at Face Value                 by ART HUHTA                 PHILO VANCE                 The Skull Mystery                 bvS.S. VAN DINE                 TIM TYLER S LUCK                 1 ,{":~~_: Distance Range                 By Lym Young                 TF. TOMMY"                 flv Pirn                 12 7 r i Y**1? UNCLE                 THEM DAYS ARE GONE FOREVER                 lA New Tune Each Day</t>
  </si>
  <si>
    <t>                                           ONLY NEGRO PaJlY       ?EH IN THE WORLD W. A. SCOTT BUUr aid Pobllih.l ^ruk n.-k.ii       Vamxlw Ediloi SUBSCRIPTION 8 Ona Year, 17.50 6 Month.. H.:i 3 Monlhi. 31.25 Wceklr, 20e  DAILY iT J10 AUBURN AVJt., K, K. TKLKPBONESi WAIoat US! sad Hit  u     -~     al the mat      at AtUaU. Us.,  tki  ct  f Mirch 3. 187  ADVERTISING REPRESENTATIVa! i W.  CO- Chl-Mo. Nnr York. Lu</t>
  </si>
  <si>
    <t>                                           IF YOU WANT 1 f^^you set a new a'.art in life. No case beyond . Stop worrying! Write m^  v Intornintiod l*   ! 31* WILLIAMS. Ml Ilcrtcn Ate.        CilJ. N.J-. D'l"- F. HIGHiLOOD PRESSURE reduced with simple home treatment] Write Alerto.x Med. Co.. D.-yt. 1M; Atlanta. Ga.. for free leaflet telling Jhcm'  have relieved them-* selves or Lhia dangerous/'           . I</t>
  </si>
  <si>
    <t>                                           ALABAMA [" NEWS                 Sehtia, Ala;                 NOTICE SEE YOUTT NEWSBOY FOR PARTICULARS CONCERNING THE SELMA WORLD. SUBSCRIBERS CONTEST. HELP HIM WIN SEVERAL VALUABLE PRIZES. PUBLIC. MEETING- OF TIIE NATIONAL. -MINIStr-ERST , JUNE 27 TO JULY 1932                 SELMA. Ala.. June 17.- In connection with the National Ministers' Institute, the usual Christian Workers Course will be held for men and women of our churches. Fewer courses arc required of the laymen than of the ministers. Every year numbers of members of                 our churches register for the Christian Workers Course, and it- is hoped that many will register I his year. The public In general is invited 10 be present without the 1y of enrollment, at the night meet" ings at eigh o clock. During the first week. June 27 to July 1. the address will be delivered 'each' night by tlic Reverend D. V. Jemison. D. D.. of Mobile. Alabama. President of the Alabama Colored B: State Convention. In the second week, addresses on Sunday School Organization and Leadership will be delivered- Monday. Tuesday and I Wednesday nights, July 4. 5 and 6. by ihe Reverend S. B. Brownlee. of Birmingham. Alabama. Director; of Young People's work of the Ala-: bama Baptist State Sunday School Convention; Good music will be rendered at all the night sessions. General invitation is also given to attend demonstrations by farm and. home agents, with Mr. S. W. Boynton in charge. These demonstrations will he held daily from Juno 27 t . 1. from 8:30 a. m. to 0:30 a. m. William K. Dink ins. Director of Summer School. R. T. Pollard. Director. National Ministers Institute. Mr. "Willie Matthews was host to the Dragon Social club Monday night. June 13th. at his home on Parl;mari avenue. After the regular routine of business nn inspiring talk was given by Kiss Mellonel Tillery of Troy. Aln. A delicious salad course w.is Ecrvcd followed by refreshing ice course. Seen on the tennis courts at Payne university daily when the weather permits are such enforced by  gentry as Prof. Herman Anderson of Dur.bar High school: Prof. Clzrence Calloway of Greensboro: Prof. Ridgcway of Wilcos and Prof. W. E .Daniels of Clark High Selma. Miss Mayo Toal and Mrs. Annie Mitchell Young, both of the Magic 'City, who arc house guests of Mrs. Alex Dumas of 1816 Range street. were the inspiration for a lovely pratt Tuesday evening at the residence of Miss P. E. Wright. Malroy Street. Cards were feature of the evening. A refreshing Ice course was served. Mrs. Noah Mann, sister of Mrs. L. C. Massenbcrg who has been visiting here, returned Thursday to her home in Caryville. Ga. Mr. W. R''id left Wednesday for an extended trip which will take him to Birmingham. Washington New York anil points east. Mrs. C. J. Adams, president of the Chesterfield club was host to I the regular meeting Thursday . The usual business session was followed by cards. A delicious menu '.v.ts :~?. Lo Circle Francais a studious group of young men ir. Messrs Anilci-son GoMsby, Creed and Craig are enjoying a delightful and inspiring course in conversational French undo*- :he gt-. of Dean W. H. Dlnkir.s of j Selma university. I The F. I. Hsidila club exponents of auction bridge, continue to hold forth the night at their various rendezvous on the west side. Mr. -Willie Matthews wns hos to the Dragon Social Club Monday night.' June 13, at his home on Parkman avenue. After- the regular routine of business an  was given by Miss Mcllonel Tillery of Troy. Ala.( A delicious  course was served followed by a refreshing ice course.. Seen on the tennis court"" at Payne Univcsity daily when the weather permits arc such enforced idle gentry as Prof. Herman Anderson of DunbarHigh School, Prof. Clarence Calloway of Greensboro, Prof. RlSegway of Wilcox; and Prof. W. E. Daniels, of Clarlr High, Selma. Mis3 Mayo Toal and Mrs. Annie Mitchell Young,. both of the Magic City, who ore house guests of                 Mrs.;Alex Dumas of 1816-HangeSt..  the ins . for a, lovely party Tuesday evening at the residence of Miss P. E. Wright. Mnlroy St. Cards were ih creature of the evening. A refreshing Ice course wis served. Mrs. Noah Marin. sister- of Mrs. U C Masnenberg. wlio has Ih-ou Visiting hero, returned' Thursday to 'her homo- in Caryvillc. Ga. Mr. Werner Reid left Wednesday tor an extended trip which will take him lo Birmingham, Washington. New York :imt points east. Mrs. C.  T. Adiims. president of, the Chesterfield Club, was ho:'t to the regular meeting Thursday night. Tlic usual business session i was  by cards; A' delicious menu was served. 1 Lc Circle Fruncais, a- studious group of young men including Messrs. Anderson Goldsby, Creo.i and Craig arc enjoying a  and inspiring course in .al French under the  iif Dean W. H. Dinkins ot Selnvi University. The F. I.  Club.- exponents of auction bridge, continue to hold forth the nisht at their variou-. rendezvous on the west side.</t>
  </si>
  <si>
    <t>                                           SELMA, Ala., June 17.--In connection with the National Ministers' Institute, the usual Christian Workers Course will be held for men and women of our churches. Fewer courses are required of the laymen than of the ministers. Every year numbers of members of...</t>
  </si>
  <si>
    <t>                                           CHICAGO, Ill., May 2 -- Mark Clown the name of Ralph Metcalfe on your Olympic calendar -- he is in. The big fellow is already resting in his berth, if that is the correct name for the spot a man occupies when assured of membership on an organization where only the</t>
  </si>
  <si>
    <t>                                           Segregation as the soquel of slavery is history repeating itself. At first there was some objection to systematized slavery, but the oppressor consulted his god who approved the institution as the just lot for the infidels. Now when the system became organized and...</t>
  </si>
  <si>
    <t>                                           TO WED AGAIN?                 IV. H. HEARD Of the A. M. E Church, who lives in Philadelphia, is reported in The Philadelphia Tribune as being close to matrimony again. The report became current when the Bishop attended the general conference of his church at Cleveland, with Mrs. Emily Kinch. The Bishop's niece, Mri. Veleria Caldwcll-Williams, is reported against the proposed union. Bishop Heard presides over I he third episcopal district, which takes in Pennsylvania, Ohio and West Virginia.</t>
  </si>
  <si>
    <t>                                           The Battle Hill Patient's Aid Club asks that the friends of Battle Hill Colored patients collect and send to and needy patients who have papers and magazines. These papers will be said and the money use to aid needy patients who have neither relatives nor friends to...</t>
  </si>
  <si>
    <t>                                           The Georgia State Federation of Colored Women's Clubs, Mrs. H. A. Hunt, Ft. Valley N. and I. School, president, closed one of the greatest sessions in it's history, June 22.</t>
  </si>
  <si>
    <t>                                           PROF. G. P. HAMILTON, for 41 years principal of Booker T. Washington High School, Memphis, whose recent death shocked educational circles throughout the                 country. Photo by Hooks, Memphis</t>
  </si>
  <si>
    <t>                                           Robin moved toward him slowly, serious dark eyes, studying the grand-dad who didn't look like anyone had ever seen before.</t>
  </si>
  <si>
    <t>                                           The Skull Mysievy Another Phtlo Vnnce mystery M.. in Tlic Atlanta Jaily World Saturday. It will hold your inter     from the   to the  end. If you ve enjoyed "The Inr u r Alice Mystery",  end* today, "The Skull Mystery" is bound to keep you more thrilled than ever. Start It Saturday</t>
  </si>
  <si>
    <t>                                           I^SedTtorTXl  i</t>
  </si>
  <si>
    <t>                                           YouH never know how good ^^f^\ a cigar can be until yot^^^^B ty% ^^^"^ /^%</t>
  </si>
  <si>
    <t>                                           HEAT HBL MEMPHIS                 MEMPHIS. Tenn., July                 Midsummer heat, with tempera-; ture ranging between 95 and a hundred decrees.     resulted in the!  of more than a half dozen1 people  the past ten days. As the weather man has promisee, no relief, more heat prostration fa.       am  before this                 week ends. The fatalities already reported are: Dallas TJorUvood, 35Z-2 Sanford street. Leo Workman. 379 Driver street. Margaret Gaithwrichl. 304 Popular rear. Mrs. S. E. Cliatman. 351 Orgill street. Frank Wootrn, 535 rear Iowa Daniel McClinton. John Billings. 443 Monroe street. Mill. Julia Adams, 1248 N. DecaMrs. Georgia Mitchell Plcucse of Continued on     ? S. Col. 7                 Heat Fatal (Continued from Vtkgo I) 22)8 Claylon street. Mrs. Chatman became overcome with heat while pushing her baby a( her residence and died shortly afterwards. This was last Monday morning at 7:30. Mrs. Galliwright died tit her residence. 340 rear Pnplsir street, after eating dinner. Death contributed to heat . She was Gl years of age. Frank Wnoteti of 533 rear Iowa, was found dead at his home. Heart failure, aggravated by extreme hc;it.  responsible for his demise. He was a barber by trade. T. H. Hayes and Sons had charge of rill  bodies. Although no official cause had not been pronounced regarding the sudden death of John Billings, -143 Monroe street, at the time of this writing, it is believed that heat  was responsible. His widow, Mrs. Mary Billings, s/id her husband worked all day last Wednesday He complained of feeling bad that evening. Several minutes later Mrs. Billings found him dead in the bathroom. Funeral services were held from Warner Tomple CME '.~hurch with Barnwcll and Spencer in charge. Miss Julia Anna Adams. 1240 Decattir street, popular school teacher at Porter school, died last Tuesday evening at 5:30 from heat . Although she had been ill at the general hospital for nearly throe wee.Xs. immediate cause of her death hns been officially named i as heat .. Funeral cere- 1 many for th0 late Miss Adams     Paul avenue, with Dr. T. Fulhold ut First Baptist church, St. lcr, pastor! officiating. Hnj-es "    Laugston had charge of funeral arrangements. Mrs. Plgucse complained of a hurting In Ihe stomach. A Hayes and Lungslon ambulance was summoned and the woman 'lied while enroute to ihe hospital. Official reports read that the cause of death was undetermined but she Is believed to h:ivc become prostrated during the day. Mrs. Plgueno died last Friday morning. Funeraj                 ices wore hcl.l yesterday at Lower Cnanari Baptist church. Kerrivillc, Tcnn. Ponwo'nl was stricken at Ilia home sever.- il days ago. Death,  to heat, came shortly  he complained to members of hi* family that lie was ill. Workman succumbed to heat prostration last Siiturdiiy. July 16. about 7:15. There were only three hours between the  of the two men. both of  wcr? World War veterans. S. W. Quails hart charge of both . Following funeral ceremonies, the remains were buried In the National cemetery. Dnniel McClinton was  dead ai the corner of Georgia and Woods street;:. Heat prostration, according to reports  u' an examination given, was responsible for his death. Funeral services for the heat victim was held last Sunday. Hayes and Sons Imil  ot funeral arrangements. J.imes Hooks. SO. 479 East GeorRia ami David Sommers, 24, of 535 Exchange, was taken to the general hospital in a Hayes and Langnton, ambulance /^er becoming   on their  nt tho . Their  was  but  treatments marie them feel somewhat better.</t>
  </si>
  <si>
    <t>                                           Midsummer heat, with temperature ranging between 95 and a hundred degrees, has resulted in the death of more than a half dozen people during the past ten days. As the weather man has ... no relief, more heat prostration ... are expected before this...</t>
  </si>
  <si>
    <t>                                           Coor ROYAL B TODAY- TOMORROW H "Suicide Fleet"! with Bill Bovd. Rob't. SH Armilrong, Jaino* Glraiou      Ginger Rotfurs _3 5 OPEN 11 A.M. 21_!l5% "^-H Jr With AtUntK'  Own JB fi BEN LYON a JV KOBE</t>
  </si>
  <si>
    <t>                                           Sunset Park is Open                 A happy and well behaved Saturday  crowd frolicked and enjoyed itself at Sunset Park as that famous fun resort opened after a year of inactivity. The amusement place on Magnolia avenue shows promise of being even bigger and better than                 ing- its heyday several years ago and it is believed that Atlantans will be able to boast once more of the best amusement park in the south. Everything is under new management and newer and better rides are being added. The huge roller coaster is expected to be placed in operation within the next two weeks after it has been made absolutely safe and police protection is  at every time. Officials in charge stated on opening night that they intended to give the people a place where they could enjoy themselves in a I decent and pleasing manner. Of special interest to clubs, churches, and organizations is the announcement that they will be able to use the grounds absolutely free of charge at any time. This means tat in wet weather an outdoor affair may bo held under shelter. In fair weather, the picnic grounds may bo used, with plenty of benches and tables available and a platform. for speakers Free parking space is also provided. According to the new managers, n number of organizations have already made reservations for the                 coming-season with the mammoth picnic and celebration usually at Lakewood park being the outstanding coming event. It has been scheduled for the second Monday in June. A chance for some individuals, churches or fraternal orders to earn some extra money is also yet possible as there are Continued on Page 2, Col 7                 Sunset Park Continued FTom Pago One several choice concessions still open. If tody is as good :i day as Snturday. Sunset park will be nn ideal place to g-o after church this afternoon. The a:r is cool mid refreshing, pood order is promised,' and there is something to please mid amuse all. even to a good cool rest in the shade. There will lie no admission charge* to the grounds mid nil of the rides may be hail at the  reduced pr ce of five . The big time starts at one o'c.'olI:. ConiniPiirinc Monday, the management, which has already spent Tnoro than a thousand dollars getting the resort in shape, will start work on the installation of a number of new devices, some of which w:ll he for the especial pleasure oC the tiny tots. Approximately 15 young women have been given 1 employment on the grounds while a large number of men have been kept busy for the past two or three week getting things in readiness Quite a few persons will be regularly employed during the summer. The dance hall, the best in the c;ty, is also open for engagements with most of the music being furnished by Neal Montgomery and the. Dixie Screnudcrs. Neal Montgomery is playing: Monday, Thursday and Friday nights this week. One of the features of Ihc opening afternoon was a dance by a Clark university group. The hall is open to clubs and organizations and  for both private and public affairs. Sunset Park affords Atlanta's best for all around amusements and if anyone should doubt it go out and sec. It will be the old Sunset Park and then some more. Sec you this afi.-iv.oon?</t>
  </si>
  <si>
    <t>                                           A happy and well behaved Saturday night crowd frolicked and enjoyed itself at Sunset Park as that famous fun resort opened after a year of inactivity. The amusement place on Magnolia avenue shows promise of being even bigger and better than...</t>
  </si>
  <si>
    <t>                                           Make yours black, lustrous in 15  9P8H^K /I minutes this ;; French way    ^^ /Ca Of count mco :.-J] for tiw  MLi42^=UM_-'.^fl0.* VCnflH looking wom-a  j;Jj * black moit beautiful lustrous black you hair. It*~   #ri of U* 700th, p*pand . TiUlity nico aro U- kin* for. If     Tr7  famous French method that l*t yoor  gft n'-^aked with (fray more than 100,000 women are . and turn red from irona. yoa can t WaUh it make your hair ,                 : ,'~i. Tberirlwith th*" watch         fail for you?       blue hah-        Sflr7 * and $1.15 for full   bottle, . enough to make your hair a beautiful black or get  Butdontworrr if Tour hair U -t turning . 1 :i ma.          - ful  - r.s-nin in 15 minute* ^B^^^Ft^^^^  ^^^b5     ^1 in  room ,'-.11 yon hare to do  ^h^^^^^^^MZ^^^^^^^^h ii"u^?    !~2f,';"lo ro:!.'*LT"rn*~' ~; I{i:y mfc. co., French Hair Col^-r::;^ and put it on      t\r, t^* c* your hair. If. Thfre u. only 3-~0!) (""r St- onc liquid to . N'o stickiness or 1 !^-n0 n^ tt ooc* fan  *r odor. In 15 mir.t)l--s your  is      i.arl*!i-*     .-fc Hair C^. I wtat B^HHHVTiSHBB^HB I to **'r  ta*       H^PVf^ 1 M-fk  $115 (* *r     t-^-t^fi j  "wr *^rl'</t>
  </si>
  <si>
    <t>                                           TRY THIS NEW, MODERN WAY OF  SHAVING Magic Shaving Powder simply mixed with water spread on the face and washed off. Your beard is off quicker and closer than you can shave with a razor. Magic Shaving Powder retards growth of hair; it Is antiseptic; clears skin of bumps and pimples; prevents Ingrowing hair. Used by women for I removing superfluous hair. I 35c at drug stores. Or, send 35c in stamps TODAY lor big, fullsize can. Write Magic Shaving Powder Co. Sept. C, Savannah, Ga. Di?gcg.S,Kahn ^1 /~MB0ClliT6C dtT</t>
  </si>
  <si>
    <t>                                           PROMINENT COL. MAN SUICIDES                 DENVER, Colo., June 10 (ANP) -Charles E. E. Starr, one of Denver's well known citizens died Tuesday from the effects of a leap through the window of his room on the fourth floor of the Presbyterian hospital here. Mr. Starr, who was 52 years of age, was a pneumonia patient. Authorities said his death was a plain case of suicide." Mr. Starr had been a resident of Denver for some time. He was Grand Master of the social sessions of the I. B. P. W., and for ten years has been custodian at the city park here. Before coming west, he was a professor at Western university. Quindaro, Kans. He was a native of Chillicothe, Ohio, and his body was shipped there for burial. Curses Police; He Must Pay Fine _of $17 Angered when officers recalled memories of his naw.g served 8 months on the chaingang, Vance Ward, according to testimony of police In Recorders court Thursday, cursed them. He was fined S17 or 30 days by Judge John L. Cone in Recorder^ court Ward, police say, three years ago was convicted oil   stolen some clothes from a barber shop, and was given the sentence on the Fulton county chaingang. The man who was arrested on a charge of drunk and disorderly, said that he was not aware he was talking to officers.                 Thurman's New Book Draws Critic's Fire NEW_ YORK, June 10- A reviewer in the New York Times Book Review Sunday called Wallace Thurman's new novel, The Interne", "squalid and tawdry", and said "the general demoralization is so obviously and flagrantly exaggerated as to exclude from the book all semblance of what might have been a veracious picture" of conditions claimed to exist in metropolitan public hospitals. This is the second book published by Thurman this year, the first being "Infants of the Spring". This the third novel written by I Thurman, the first being "Black- 1 er the Berry."</t>
  </si>
  <si>
    <t>                                           GA VE KEYNOTE SPEECH                 Scii-Uor Albcn V-'. BarMcy ~:f Kentucky, Iccyiiole r.p'-. of  Dcm'iciwtic t- in C!:ii:-~[;", 5~--cn itli ^'ivc:! in  on :;)r:.(':. :.t.i:ul in ll.!: Cliic.i:;o ijt".                 :-i-:!M:i !l.u-!r: N'nw.: Photo</t>
  </si>
  <si>
    <t>                                           ALMOST ^    HER BACK W^M Lydii E. Pinkham's EK  lfl^^~</t>
  </si>
  <si>
    <t>                                           cNL.Y NE9P.O DAfuV . IN THE WOB.L.D       Vtnkil 1)~t1. Wnulnt Mlt.r subscription rates Oh Tmr. Months. 15.00; Month., t!.6~;    4]7.  DAILY AT 210  AVK.! N. K. TKLEPnONKS: WAlnol H59  nd H60 BiMrad u     !-   t          *  t       . G... ~.dfr lb*  rt       3. 1S79  OF HE ASS()C1) NECRO PHXSa THK WORLD      (~ ; for              ""W        . AiiVErerisiNc  W. B. Z1FC CO- , Nfw York. l^~~</t>
  </si>
  <si>
    <t>                                           The Atlanta Daily World THE ONLY NEGRO DAILY IN TIIE WORLD Classified Advertising Rates DAILY SUNDAY jjj 14c a line He a lin*J 1 Consecutive Insertions Daily and Sunday: Three times lie a line Seven times 10c a line Thirty times or more 8c a line FIvtt words- of         Wnath are counted as . The minimum chari.    the price of twu UntM. Ads Taken Over Telephone: are accepted from          In          phone or city directory on memorandum . in return tor thin courtesy Ilir                   'd to remit     day following          . On nil .d.ertl.ln-  ent by     cash  accompany     order. i. All D!~. MUST         In i^man at     World office or by. Irtler. Telephone * are NOT . ERRORS If any error 1. made. The Atlanta Dally World U             for only on. incorrect Imerlion. Th.  i, . tor .          . Tlio adv.       Khould notify Immediately If any  la needed. CLOSING AdvertlnemenU In The Atlanta Dally for the Sunday World will be accepted up until I". M. Saturday. The   re open dolly except Bunday until 1'. M. for the convenience of patron] ATLANTA DAILY WORLD WORLD WANT ADS BRING RESULTS. JUST CALL WAlnut.1459 -and nsk for an Art Taker</t>
  </si>
  <si>
    <t>                                           HUSBAND SLASHES WIFE S FACE                 Mrs. Mozolle PiUton. 441 Connally sheet, was severely cut about the face and head, at 11 o clock Friday night by her husband, Ernest Pattmi*/ who  i\  *fcs for the Knott and Carmiachel Furniture company on Ashby street. The wife, according to Officers Plttmtm and Richardson, who conducted the investigation, wants her husband arrested. Ho ran off alter .slashing her a number of times all over the face. The woman was given treatment at the Grndy and allowed to return to her homo.</t>
  </si>
  <si>
    <t>                                           JEFFERSON CITY Ma, July 14-- The beautiful and historic campus of Lincoln university of Missout, in the football of the Ozark Mounting, will be the scene of the colorful annual Middle Western open tennis tournament, July 25-30. over a hundred of the cream of...</t>
  </si>
  <si>
    <t>                                           CHICAGO, July 20.--(ANP)--After giving Congressman, Oscar DePriest fair warning through the circulation of bulletins, circulars and letters for a month, that they intended to make a big noise in front of his office, local communists, organized into a...</t>
  </si>
  <si>
    <t>                                           iSIC 8EST FDR NEGROES?                 CHICAGO. Julv II. (AN' Dncu^ with    . Mwlum; Paris, wife of tlu' Ainc:.ti prince, who in  in       11"~-r hi:t-)O .--r. in l usv pri:i)-\r;nir for an Afvienn exhibit hi ill.' Wi.rld Fair here next l-.as li il Euueni' Stmson,                 music critic of tht; Daily M W--. to advance the theory that the Ncirro in t!lL- United States -h,mUI c. most  that i kind ~.f music which the  public ascribe*    him. I Mr. Sl:!     .s Mrs. 1'.s ns ,.Nl, n- tin- opinion  the Neum iii America finds himself -  In un alien soil, and is at I n:i us to absorb the al iMi culture which forms its background. .Mu- . Mrs. I'nris fi-fls. the Noiriu feels mill Iihs been made, to fuel,  the Arvan forms must be studied, understood and employed. Wliiii- Anirrii-ans prize the opera tin- . tin; recital mid chamber music, 'l lif Nek'ro. . is  in them too. What. then, is the place yt ^ii io music in the N'ei;ro s life? Mr. Stinsmi believes that in tlu( Mrs. Paris has   tin' Must : iil' nha.-i1 of any nu e . lie states that ;t is difficult to view the NVtrrii as a  mass ami points at the distinction? between tli"  h Ti) and the southern N'e- irr.i M.I tl'.-- educated ami the un- i-.-'li il. Hut. lie :;. thi i-e i; I :i ceit.-iji!  in the Negro's cha- i  stics which d.fn^- him t" be: viewed as a XeL'rn  than as j aii AiiK-. an influence  is a handicap as well a:; an advant-j aL e. 'Musicallv. Imwever. tile answer In tin.1  is verv ," .Mr. Siiiison states. "Thi; NeL'io is unite  in  to ass: as much nf the Kuropean procedure and output as he likes. HuL he would be ve-rv foolish to lake the extravagant step ~'f  his own native i:ifts. The N'eurro .s a nuis:cal ta ent which tl;u Arvan could never imitate. Tlrs tah-nt .Omuld  be  bv the race ;ii wb'.rn it ha-' been developed. "And it should assis.t him to selfesteem, lit; should not even be too restive when the white race .seems to iie explo  it in the theatre.    r instance, at what the N'ocrro m:iv feel to be Irs (expense. When the white race enjoys tho Xcirro it mav seem to be .' . but it must never be understood as  in  and approval of Irm"I'or these reasons it is a pity that the Xeiri hay a tendency to suppress his own peculiar talent. I am ;old '.hat in certain  the s  "f  is  ed !~y the XeLTro himelf. It should not be encouraged at the .-i; of of : the Ncirro  of an opportunity to place  on terms of cultural 1 tv with other children. But neither should :t be discouraged at. the cost of iie.pi ; him of his own . "I  always  admired any Xetrro or  of Xer'ocs ; a perfect  of  music as America has inherited it. Iiut it  be a  pity if the Xc^'ro   one-s:iled in a muscal  which at present boasts both extraordinary  and extraordinary original it v."</t>
  </si>
  <si>
    <t>                                           CHICAGO, July 14.--(ANP)-- Discussion with Mrs. Module Paris. Wife of the African prince, who in addition to being a baritone singer, is busy preparing for an African exhibit at the world Fair here next year has led Eugene Stinson...</t>
  </si>
  <si>
    <t>                                           Funeral services for Mrs. Nell Thomas, 239 Chapel street, who is said to have poured kerosene over her clothing and ignited it in a suicide attempt early Friday morning, June 24, at her home, are scheduled for this afternoon at two o'clock at the Ivey Brothers...</t>
  </si>
  <si>
    <t>                                           Sorry to have to miss the brilliant reception given to Mr. Edward Hamilton by members of Liberty Baptist church in honor of the completion of his school course. The affair was at the James Hotel and every one present tells me of the affair and how...</t>
  </si>
  <si>
    <t>                                           OPENS DEMO CONVENTION                 This picture was made at the exact moment the national Democratic convention got under way in Chicago Stadium as General Evangeline Booth of the Salvation Army delivered the invocation.                 International Illustrated News Photo</t>
  </si>
  <si>
    <t>                                           !A -^~J-STAXt. NEWS                 ;Columbus, Ga.                 Public Health Nurse Association Re^ Clinics.                 The Public Health Nurse Association has re-opened this week the colored' Child Weliare clinics, which have been carried on each summer Cor the post twelve years.                 One of these clinics is neiu ai the Jordan City School,  Tuesday at 2:00 p. m. Dr. Bvewei is the  in charge. Mrs. Mabel Prlester.. the colo;    Publ  nurse tor the ru-~:  of WT^Kty, is the nurse in charge. The other ChilJ Welfare clinic is I held at the Fifth Avenue School; each Wednesday at 2:00 p. m. Dr.] Gallimpre lias had charge ot this; clinic ior several years and is do- 1 ine a splendid piece of. work lor this section. Miss Poarl Carter, colored Public Health Nurse :or the southern section of the City, is the nurse in charge. 24 babies attend- ed these clinics the past week  61 people were given Typhoid vaccine. j Otf to Albany Mrs. Caddie Hammonds and Miss Mary Isaiah are spending a week in Albany. Georgia. Mrs. Hammonds is visiting her mother-in-: law. On their return they will: spend the wctk-eiul in Dkwsnn. Georgia with their aunt. Mrs. Anderson off to Chattanooga, Mrs. Mary W. Andercon  Saturday, July 18. for Chattanooga, Tennessee, where she is spending Jier vacation with her husband. Dr. H. H. AiiStrsou, Jr. Attendlus Summer School at Fort Valley Misses Lyda Haywood are al-~ tending rummer school at the Fort Valley High and Industrial School in Fort Valley. Georgia.                 The Moilel Sunday School Club The Model Sunday School Club of St. Mark A. M. E. Church held its regular weekly meeting at the home of Miss Carrje Stalks Wortncsday evening, June Ti. The meeting was opened by the president. Mr. T. T. Alexander, in the usual form. The minutes of tha last meeting were read and adopted. Our lesson lot the evening was a "General Review of the   --ok or Genesis." At the close of the discussion the offering was lifted. We had as our visitor. Mr. Major LighLoot. He also tooK an active part in the lesson. At the close of the meeting we were served a refreshing course by our hostess. The evening was pleasantly spent. Our next meeting will be at the  home of Mr. T. Taylor on the Glade Road on June 29. Miss Junior M. Holt, . Holsey Chapel C. M. E. Church Rev. L. 1. Pcarcy, Pastor The eleven o clock service was held by Rev. W. B.' Allen known as the father of Holsey' Chapel. The Sir Knights and laughters turned" out at Holsey" Chapel Church at three o . A sermon was delivered by Rev. L. J. Pearcy on Sunday afternoon. J. "W. Davis, reporter. Radio Party Given by Ked Devil Social Club. The Red Devil Social Club entertained the younger set  a radio party at the honie of Mr. Tommy C. Griffin WednXday evening, June 22. Mr. James Holland and Mr. Tommy Griffin received the guests in the drawing room with a pleasant smile. Those who "were present are the following: Misses Frances Rayiord. Lottie Hunt, Mamie Parkmon. Annie Watson. Daisy and Lottie Young, Eugene Smith. Jimmie ami Maggie Shipp, and Annie Lee Johnson. Messrs. Curtis Chester. Uoy.sie Shaw, James Holland. Alfred Bellamy. Jr., Joseph Hunt. Ulysses Boosevelt King. Johnny B. Johnson, Richard Robinson. Charles , and Dave Hubbard.                 Attending Summer School at Albany Mrs. S. l.. Crocker is attending summer school at the Georgia Normal and Agricultural College in Albany, Georgia. Grandmaster Dobbs In City Thursday Grandmaster J. W. Dobbs, Atlanta, Georgia, was in Ihe city (or a few hours Thursday on business. Attend Missionary Convention at Doyte Mr. and Mrs. W. S. Rutherford. Ttev. J. H. Hall, and  ev. S. H. Home were among those \v*no attended (he Missionary Convention ol the Talbotton District of the A. M. E. Church in Doyle, Georgia last week. X*aves For St. Louis Mr.' Walter Lunsford left the city Sunday morning for Saint Louis, Missouri, to spend several weeks with relatives. Mn. Hattie Woodaril Laid to Rest. Funeral services for Mrs. Kattie WJodard were conducted from the  ; African Baptist Church on {last Sunday afternoon. The pastor. . J. N. Brown, officiated and .5he Tofcs UndertaS.ig Company ves In charge. '' Flossie Benninr Weds Mr.        .Cheesboro. if.r Beitirv a crowd of inv^red guests ;nhat packed the Holsey Chapel C.  ja. E. Church to Its utmost cap- 1                 on last Sunday evening at seven thirty o clock Miss Flossie Benning became the wi.e of Mr. George Clieesboro. Preceding the marriage ceremony, which was performed by Rev. L. J. Pearcy. a brief program was rendered, during which Miss Fannic Phillips very sweetly sans "Because." Following this the candles were lighted, ana T.Iiss Simmons ' Chicago. Illinois, sang a solo entitled Promise Me/' To the strains of Mendolsohnn's Wedding March, which was  on the piano by Miss Ethel 'Spencer accompanied bv Dr. Wm. H. Spencer, Jr., on tlie violin, the bridal party entered the church. Just before the wedding ceremony was performed. Mrs. Moise Wyatt very sweetly sang -I Love You Truly." Following the wedding, a reception was held at the home of the bride on East Ninth Street, after' which the newlyweds left the city on their honeymoon. Dr. Toruert i City Dr. John B. Torbert of Augusta, Georgia is spending a few days in the JT.y with old friends and acquaintances. Dr. Torbert is an old Columbusite and has  warm  here in the city. Kuifral and Literary Program at Metropolitan Baptist Church Tonfglit A splendid musical and literary program will be presented by some of Columbus' best talent at the Metropolitan Baptist Church Tuesday night. The public is cordially Invited to attend.</t>
  </si>
  <si>
    <t>                                           The Public Health Nurse Association has re-opened this week the colored Child Welfare clinics, which have been carried on each summer for the past twelve years.</t>
  </si>
  <si>
    <t>                                           you might have enjoyed it had you been present...</t>
  </si>
  <si>
    <t>                                           At Amos' I YOUR PRESCRIPTION I WILL GET EXPERT WORKMANSHIP, THE PUREST 11 DRUGS- AND P Our Prices Are LESS Compare Them  jj AMOS' DRUG STORE I Ashby at Hunter St. I Phones: MA.,6122 MA. 6123 1</t>
  </si>
  <si>
    <t>                                           Oscar Watts and Sargent Jim Douglas, leaders of the local semi-pro pride--the Pullman Hurricanes--will have their arms full tomorrow (Saturday) afternoon at 3 o'clock on the red hill of Morehouse college when they match strategy with that smart baseball...</t>
  </si>
  <si>
    <t>                                           Never within the memory of the average woman, have clothes been so ... so light-hearted. It is as if the fabric makers and sartorail geniuses have exclaimed:-- "Woman!" Pore lit'l white birdie. She's had worries these last few years. We'll give her pay, pretty...</t>
  </si>
  <si>
    <t>                                           Funeraf Notices I                 McFARLAND- The funeral of Mr. Clarence McFarland will be held this (Wednesday) morning at 11 o clock from the chapel. David T. Howard and Co. BUSSIE- The funeral services of Mrs. Nansy Bussie. of 413 Robin street. Decatur, Ga.. will be held this 'Wednesday) at 2 p. m. from Thankful Baptist church Interment Anderson cemetery. Hanley Company. I BURSE The many friends anil relatives of .Mrs. Mury Burce, of 1066 Coleman street. S. W.. are Invited to attend her funeral today (Wednesday) at 2 p. m.  Red Oak church. Stockbridge. Ga. Hanley Company. HAMILTON- Mrs. Lula Hamilton, daughter" of the late Mrs. Maria Bell died Monday afternoon at a local hospital. Funirol services will be held this (Wednesday)  at 3 o clock from Howard's chapel. Friends are Invited to attend. David T. Howard and Co.</t>
  </si>
  <si>
    <t>                                           Smart Fashions fot Smart Women Child1! Pajntna I  NO. 7fi!l Little cirl.s love themselves in this  pajama style, so l;ke (Tiown-ups! Knpccially w tli the wide -liko tinu.scr bottoms. Ami mothers will find the style so easy and quick to make up. In printed linens, cottons and crepes this  w:ll  up very colorfully and smart. It is adaptable to wear on the beach, at home or nt play. Sizes C, 8, 10, 12 and 14. S!ze 8 requires 2V* yards of .SG-inch material for  and jacket. And % yard for blouse. Simplified illustrated  for cutting and  nrc included with  pattern. They I  complete direction! for mak- inf?  . j I All you have to do In obtain a 1 pattern of this attractive model is tq^send FIFTEEN CENTS (1 5c) in coins. KVmlly be sure to write very  on each pattern ordered vour NAME and ADDRESS and SIZE. New Fashion Majrazine, chock full of the latest Paris style news,  with color supplement, i can now bo. had at ten cents when ordered with_a pattern ) fifteen cents when ordered separately. j Southern Newspaper Syndicate, 210 Auburn Avc, N. E., Atlanta, Ca.</t>
  </si>
  <si>
    <t>                                           Mention Tho Daily World to your merchant</t>
  </si>
  <si>
    <t>                                           AUGUSTA, Ga., July 27.--Police Monday morning nailed up the doors of the House of Prayer, where, at intervals over a space of several years, services have been conducted by Bishop C. M. Grace. who is the self-styled "Black" Jesus." Followers of...</t>
  </si>
  <si>
    <t>                                           =^S^ MONDAY AND TUESDAY *S5*T *T l"0"^  ^  "0^ HOUR WITH YOU" "81" "AiTORHEYforthe DEFENSE ROYAL MAURICE .ER j t1^.re  tOWE a"d CLARENCE MUSE -i</t>
  </si>
  <si>
    <t>                                           He's Bringing Home the Bacon                 Poor John Bull! Great Critnin, the birthplace ot nolt, lost its 'open championship to an American for the  consecutive year when Gene Sarazen won the tif.le at Sandwich, En pi And, the other day. The former Rye, N. Y.r caddy, and onetime American open king, broke the tournament record with a total of 253. two strokes better than Bobby Jones* mark set up at St. Andrews, Scotland. Sarjizcn it the third American born golfer to win the coveted crown, the others being Walter Hagen, four times winner, and Bobby Jones, who annexed the title three times.                 r</t>
  </si>
  <si>
    <t>                                           - Worjd - Worjd</t>
  </si>
  <si>
    <t>                                           News From the Front</t>
  </si>
  <si>
    <t>                                           Killed Before Their Eyes.. BUTTHEY DIDN TSEE IT! A squad of police guarded him in his Apartment. District Attorney Markham, Philo Vance, the amateur criminologist, and His fiancee watched his every step be- cause they knew at eight o clock he was going to be murdered. And as the clock sounded eight, HE WAS! I WHO KILLED HIM? Watch for S. S. VAN DINE S PHiLO VANCE In Strip Form BEGINNING TODAY Atlanta Daily World</t>
  </si>
  <si>
    <t>                                           TOliW  Night nnd Morning to keep them Clc;in, Clear and Healthy Write for Free "IZyc. Care'1 or "Eye Bcaitty" Book j         .,Dfpt.H.S..'~K.Ohio^:.CVi:*c-~</t>
  </si>
  <si>
    <t>                                           Along about 11 o'clock, George Curley, who was to referee, climbed up in the ring. A few words about that ring. Its posts were square and wrapped in sacking. Its ropes were bare and there was no pad under the canvas stretched tight over the board floor. The...</t>
  </si>
  <si>
    <t>                                           ]                 BEAVERS- The funeral of Mr. Paul Beavers will be held tomorrow (Saturday) afternoon at  1 o clock from the chapel. Ina\ torment South View cemetery. r} David T. Howard Co.</t>
  </si>
  <si>
    <t>                                           After several days of uncertainty throughout the sporting world, the American Giants wet, declared Winners of the first half of the split season of the Southern League at a recent conference of League officials in the windy city, according to a statement released from the...</t>
  </si>
  <si>
    <t>                                           THAT WAS A WHALE of a salami sandwich....that life-saver we nabbed at Shuften and Walker's Neighborhood Delicatessen just before mounting that last Georgia Railway and Power company rattler for the Fourth Ward last night, or was it this 'yawning'?....And that beer was mighty fine. Somehow, folk, we just can't get over that unfortunate accident to Miss Emily Thompson and her moher, Mrs. J. H. Thompson, both of West Palm Beach, Florida, who have been here for some time attending summer school and stopping as...</t>
  </si>
  <si>
    <t>                                           ...</t>
  </si>
  <si>
    <t>                                           George Schuyler, who enjoys an enviable and justly deserved reputation as a writer, critic, lecturer and novelist, seems a little worked up over two edutorials which have appeared recently in The Daily World concerning him. He now takes me to the literary...</t>
  </si>
  <si>
    <t>                                           Theft of Woman's Clothes Nets Term                 John Hatcher, who was caught by police walking calmly down the street loaded dwon with women s clothing, was given a sentence of from one. to three years on the chaingang by a jury in Judge Vir- ilyn E. Moore's court Thursday. I Hatcher, according to the - j mony oC Miss Thelma Thatcher, burglarized her home, over the garage of the Alston home in Buckhead, and removed every                 piece clothing that she possessed. Hatcher in his statement declared that he had been on intimate relations with the woman for several years and had*at one- time lived with her. This, Miss Thatcher denied. A screw driver admitted as evidence, wns said to have been used by Hatcher to' pry the chain  latch off the woman s door. He was represented by Attorney Jesse B. Simmons.</t>
  </si>
  <si>
    <t>                                           Buy  AS with what it  it Lftiiu^ uf,j me i, tW. u-^^Otti*'* af IiatflriBtv * la rod a UtM nba alS^/'*4** I**'     jim U        !  - lit an  . Luim Ftetaa"1 LISTERINE TOOTH PASTE</t>
  </si>
  <si>
    <t>                                           On Sunday, June 26th, the Georgia Progressive Club will meet at the home of Mr. Sydney Johnson, 514 E. 42nd St. This club is composed of former Georgians has been organized for several years and it has been a source of mutual helpfulness to its members and has...</t>
  </si>
  <si>
    <t>                                           NEW YORK, July l8--(ANP)--After a special meeting of the executive board of the National Medical Association, Dr. Peter Marshall Murray, president of the organization announced that the Los Angeles meeting had been called off at the request of the California...</t>
  </si>
  <si>
    <t>                                           WASHINGTON, July 16-- (ANP)-- Federations were exchanged last week between the executives and the state department of Haiti and the United States ever the inauguration Wednesday, July 1, of the direct commercial radio-telegraphic communication between the two...</t>
  </si>
  <si>
    <t>                                           7"~" MW^M V m W *BT T i i-tt- u (   m. K 1 B .\t\-\     ? who like to stav behind the times and read next 1_ ~%~ ^^~p % '\f II Kceplnsriip-with the news as it happens .sun difficult tot %~l ^ek or the one following that what happens today do not 1 fl     llj A1ATQ AMbVWi^ fr^ would be an oddity; here it hoa become a necessity. fc tne . i tr A^kA^jU^jA</t>
  </si>
  <si>
    <t>                                           Every" once in a while the daily papers of New York, particularly the New York Evening Journal, a Hearst paper, take up the discussion of whether the Negro will be able to hold Harlem. The arguments usually conclude with the assertion that Harlem will get too...</t>
  </si>
  <si>
    <t>                                           Dallas; Ga.                 The funeral of Mrs. Ida *Bald\v!n a former resilience  who  in Pittsburgh, J?a., ,was held Monday;; burial at 'MSrs/'Hlll. Rev. Richard Watkihs preached the 'sermon. Mr. Obic Lynch left. for Pittsburgh, Monday afternoon  attending the funeral of his mother. {~~Dallas nine-will play thc'.Atlanta Clubs Friday af .' 'Manager Moses Is expecting td 1 the first game with easel' =s -j</t>
  </si>
  <si>
    <t>                                           Smart Fashions for Smart Women TWO-TONE SPORTS FROCK Pattern Nr,. 740 This smart  is champion of sports fashions! It has u simple, sleeveless blouse an equally simple .skirt (but how cleverly it s cut!) and light top and dark bottom bodice fastened by big bone buttons. You'll feel pounds slimmer too, when yo .slip ? this skirt with its slenderly curved seams and straight pleats. In a light-blue linen top and a dark-blue- linen dress, or u  jersey top with a brown jersey dress this frock walks away a winner in the gume of Fashion! Designed in sizes M. 1G, 30 .'{8 10 anil -12 Size 3C requires 2% yards of :iO-inch material or 3Uinch material. For contrasting-         Vh yard or ijo- material or :S!)-inch material. Simplified illustrated              for  and [ arc included with each pattern. They Kive complete direction! for making theie        . All you have to do to obtain u ffl^^^r^c) in coins. I K; be sure to write ven plainly on each  oi^ your NAM    and  and SIZE. New Fashion Magazine, chock full the latest Paris style news together with color supplement can now be had at ten cents when ordered with a pattern and fifteen cents when ordered separately. Southern (Newspaper syndicate 210 Auburn Ave.. N. E. Atlanta, Ca.</t>
  </si>
  <si>
    <t>                                           \_^7 STATE MEWS                 Milledgcville, (*a.                 Hello All.ifi:., V.Vrl.: .-.i.i. :-._Ti:i; Davis C. N-- Ti:" Cecil pr, i-.-;:.:r.o:-.; Clan .1'. C-. C;.t -:'i:-.i:-- l:iy. I The D.iv::. 'ill I1'''"1' Uic -i ! '{"~~~ fi--' i" \v:i; .v.v.,n!'.'(i I'    'iv. Cf cf \V.-i.vri,..~. f;:i. The Vii.\i-o:i CJili;. S..cks .-.cf.-.i'- oil Hie Mir:i- :m-.-i;!L- Flym;: f:.'-:^  .. Jill.'- 1 j Mr. ;mj Mr- H;.rpc.-r M.-./nl-.r. Mrs. U'.,.-hini:iiT]   i"d ~::iii.:i-'.c:' spent Su:iil:iy .1: Dnviibc^ro. They ;ill  i'-d .1 lovely tr:p. I A..t:cc: He:eJ4 a  sho-.v i your r;irc p:-:.le. 'i'.-ike :hi- Da;!;-' \Vor]i!. Chcerin iiiv.ii TiK-.</t>
  </si>
  <si>
    <t>                                           GOLD STAR GIVEN TO HERO                 Award Presented by Chief Claims He Only Did Duty                 1 2 W E R E KILLED                 Outstanding , was the presentation to Willie Brown, porter ut Hartman's e;ife 105 Luckle .street, of the police Hold star for bravery at the four o clock Inspection of the evening detail of ihe Atlanta,  force by"ChIer T. Stui-. This is the first time in the?                 History ot the award that It has been given to anyone outside the i police department. The medal was voted to the porter by the poilce board following his plucky work in materially aiding llie capture of the thug who hel l up the downtown restaurant early Thursday morning. June S, and mortally wounded Mr. Hamilton, night manager and Mr. Moon, well known produce merchant, who came tu his assistance. Both men died later at the Grady hospital am! Wallace Huifhes. alias W. V. Knight. Palm Beach. Florida youth. has been' indicted for the burglary and double murder. Chief Sturdivant's said: ~"~           =     '    Will Brown, who works at Ihc Hartituui C:ife.. .011 Luckic street where two men were shot anil killed recently. Our police .- voted that he should be given this gold  bearing: the inscription. "For Bravery" for Ills wonderful act in trailing the man from the cafe to the lintel despite the fact that he kept turning around and shooting at him. "Hi!' Is absolutely responsible for the bandit s capture. We like lo encourage our good Negroes as well as whites anil believe that he deserves much credit for this bravo net. He never showed a drop of cowardly blood as he traced the man who shot hit employer and wounded a patron in the restaurant, following him to his hotel and waiting until be was arrested. "This gold star marked For Bravery," is given him as ho hud done his part to society in tile name of law and order." There was much applause from the assembled officers at the conclusion of the speech. Upon being  for a speech, the hero, in a quiet anil unassuming manner s:iid. "I have' been working al ILirtman's cafe 'for four years. I didn't think that whal I was doing was anything. I only thought that it was part of my (Continued on Page 2: Col. 3)                 Gold Star (Continued from  X) duly to (he people 1 work for and my bus, who was shot to follow the man who committed the crime." Despite the f:ict that a number of  were fired :it him. the porter, who is married, followed young Hughes, after his employer (ell .through the Post Office building, from the Poplar street side, through the structure to Forsyth street. From there lie trailed him mto the Grant building, out into I-oi-syth street again. ducking through an alley to Cone street where he entered the Travelers hotel. There he awaited until help arrived and the man was captured on top of the Georgia Power company roof after crawling out n window in the hotel.</t>
  </si>
  <si>
    <t>                                           Outstanding indeed, was the presentation to Willie Brown, porter at Hartman's cafe 105 Luckle street, of the police gold star for bravery at the four o'clock inspection of the evening detail of the Atlanta police force by Chief T. O. Sturdivant. This is the first time in the...</t>
  </si>
  <si>
    <t>                                           Yet they said my comic "Deacon Jones" was a reflection on the deacons, but in Sunday's paper I see where two deacons were in police court for disorderly conduct in the church. The policemen said a knife was taken from one of the deacons yet the deacons said my comic or...</t>
  </si>
  <si>
    <t>                                           On July 17th the first anniversary of the United Singers of North and South Anderson was held at the Trinity Baptist Church on West Short Street. The devotional part of the meeting was conducted by Mr. A. S. McAdams. The singing began promptly at 11...</t>
  </si>
  <si>
    <t>                                           Mitchell Regains First, Bethlehem TakesS^Mf^M                 204.61 THE TOTAL OF WINNER                 Bethlehem Gets $10 for Turning in 155,677 Votes                 IN EIGHTH WEEK                 Howdy, Folks Are ya listi-nln'? Well, focus hard on tills: West Mitchell Streot C. M. E. church, which dropped to second in lnst week s $750 Ctoverlcaf Church Contest.  Its almost rented place at the top of the win column by turning In 204,800 voles. So In                 Ihc eighth" week tho $15 Roes 10 tlie Rev. J. H. WIRRins' church which Mrs. Wiggins as contest manager. Nuw hero H more Rood new* fur the entries who  worked faithfully but as yet have not been in tin; money: Bethlehem Baptist church- pastored by the Rev. N. T. Thompson, with Mrs. Minnie Rogers, content manager, amassed the total of ISS'677 votes     beat all competitors for $10 second prize money. As Is tlic custom, prizes to  churches will be awarded at the Sunday services. Last week s winner, as you will recall, was Cosmopolitan A. M. E. church. They brought in the staggering, total of 211,201 votes, the most yet-brought- In- at one time by any "          .ThLs week s West Mitchell record 1h only about 7,000  last week s top. But anytime a church turns in even 100,000 votes for one week It means everybody is alive and awake and quite, a bit of money has been spent with those merchants who           their wares on Ihc Clovcrleaf page. The contest  wants to remind all contestants that no Information ns to winners in a current week s contest will be given out at the office. Read It In every Frlday'n World until the contest ends several weeks from now. That will be all until next week. See you Inter! i</t>
  </si>
  <si>
    <t>                                           Howdy, Folks ! Are ya listenin'? Well, focus hard on this: West Mitchell Street C. M. E. church, which dropped to second in last week's $750 Cloverleaf Church Contest, resumes its almost rented place at the top of the win column by turning in 204,800 votes. So in...</t>
  </si>
  <si>
    <t>                                           GIVEN LL. D.                 Mn. Charlotte        -Brown Distinguished educator, and principal of Palmer Memorial Institute, at Sedalia, N. C, had the  distinction of ? awarded the honorary degree of Doctor of Laws at Wilberforce'a  exercises. The creed which Mrs. Brown     made famous at Sedalia, is that of culture going hand in hand with academic and vocational training.                 iB8Sf^il^5?2'*1?^l</t>
  </si>
  <si>
    <t>                                           Night and Morning to keep them Clean, Clear and Healthy Write for Free "Eye Care" or "Eye Btauty"Bock M.ria.  ,D.K-H.S.,9B.0k..Sl..ak.~.</t>
  </si>
  <si>
    <t>                                           Corpus Christi, Texas, was the latest score of a synthetic black killing. The victim, prominent in social circles there, hoped to get a little easy money by robbery and so he became a temporary Negro. That ruined him. The police shot without telling him...</t>
  </si>
  <si>
    <t>                                           Your Loved Ones  them out in beautiful SOUTHVIEW CEMETERY Entablished and operated by  people for the burial of  dear to them. Lots For Sale Phone Wa. 0922 BEN H. TOWNSLEY, Prei. LEWIS G. WATTS, Sec. In Vnor Cltr to     C.nnA for tlie Public  r- TO MADAM f-Xil    ^^Wo ^~lm'"1 -n^ Clairvoyant  m-^_^ Ail vice (n . love, HJ-IJ I.BH , : How 1**1.1 1'IBb t'~ wi" in 'ft*c' , Hfrl-Ura  nn4 all  ot ^DDffifll Uff. MADAM  HB^^BmI h*~ equal, few arc ]H3Uy         *. On? TitiJt to ^B^^^^a   occult  ei^TiUMt BBBtariB^S wilt            ill fl r m# Rvudlntm fir Whit*  Colored  READINGS 50c ISI.l    ,ll Mill Itmii). AtUnti HarlMta  MM1 Cti^SrcnJ Hinne from SrAhonrri 8top EXCURSION Round Trip OneCenta^ile IJclwccn all points' on A. B. C. R. R. I And to points on  other I Hncst including Washington, D. C. St. Louis, Mo. New Orleans, La. Etc. JU^E 18th RETURN LIMIT JUNE 26TH Round-trip Pullman Fare; Reduced 25% For complete  Consult any agent of the A.B.~C.R.R.</t>
  </si>
  <si>
    <t>                                           MESCAL IKE.r Sure Signs of Summer by ART                  PHILO .VANCE The Insurance Mystery by S. S. VAtt.PINE                 TIM TYLER S LUCK .~..7.~. Tic Three Musketeers By Lym Youjig                 "TELLING TOMMY" W Pirn                 1ITS A" C?-E.\T. LIFE IF YOU DONT WEAKEN" BTFckRabbif                 ^mmM^</t>
  </si>
  <si>
    <t>                                           The Fence Hop Is ON!</t>
  </si>
  <si>
    <t>                                           MILLS BROTHERS MAKE  ON STACE                 CHICAGO, June 28.- (ANP) The Mills Brothers who have been appearing in Clveapro for the past two weeks have been the cause of heavy attendance at the Oriental theatre. The Publix theater  has just announced that they have been booked for J13 weeks at $3,500 per week. The boys open Jr. Ylotinit .Tulv X.</t>
  </si>
  <si>
    <t>                                           'JSJb""7] A PAGE FOR WOMEN I Fft^l f_H_JO3  MITCHELL HILL/  i^B-^BB-'iC^</t>
  </si>
  <si>
    <t>                                           'f^^ -_-___-_-__-wi My j. j^-___b_______~^7/     /   ONLY NEGRO DAILY NEWSPAPER. IN THE WOfVL_c_ W V _l H II __i^^__ llB 1 VOLUME 5, NUMBER 132 ATI ANTA PA ^? on moo , iiA., , JUNE 30, 1932 PRICE FIVE CENTS</t>
  </si>
  <si>
    <t>                                           The graduation exercises of the Dermis Cura college of beauty culture were held Friday night at the Mt. Zion Baptist church at which time 24 young women were graduated. Every sign of culture was clearly seen in the entire program. Beginning with the...</t>
  </si>
  <si>
    <t>                                           JACKSONVILLE, Fla., July 19.--At a special meeting of the Negro Grocers of Jacksonville, held in the auditorium of the Clara White Mission, Wednesday evening, Oliver Frieceke, local wholesale dealer, told the colored merchants that the crisis has arrived for the small...</t>
  </si>
  <si>
    <t>                                           jp Meet up with PA PIFFLE, FoIks! You'll lovo ilio "sally" ol* reprobate Sec him  in MESCAL IKE Ity S. I., .fi ' -h hi ATLANTA DAILY WOULD Beginning Monday</t>
  </si>
  <si>
    <t>                                           When women struck out on their own, got jobs, interested themselves in matters outside their home circles, took up outdoor pastimes, chucked sully, sentimental literature and cultivated worth- while readying, they broke loose from conditions that tended to...</t>
  </si>
  <si>
    <t>                                           There is not one dopester or fight expert in all America who doesn't believe that this Tuesday night spectacle at Long Island, New York, in the Madison Square Garden arena, is going to be of the bloodiest bouts in the annals of American pugilism. It will also be the nearest approach to a grudge battle that the heavyweight division has experienced in almost a decade. It is hardly likely that Tuesday's scrap will be a million-dollar baby...</t>
  </si>
  <si>
    <t>                                           World Announces New Low Subscription Rates A  reduction in mail subscription rales to Tlio Atlanta Daily World, effective immediately, is announced today.' Tlie new prices will enable readers who want their World delivered by mail to effect' ^J  savings over the old price. The prices, effective immediately, are: Old Price New Price One Year $9.50 $7.50 Six Months $4.25 Three months } $2.50 $2.25 Single Copies 5 cents 3 cents daily 5 cents Sunday</t>
  </si>
  <si>
    <t>                                           Out to the swimming pool yesterday morning. Times not like they used to be, I guess the depression has hit the pool Big Smittie graced the pool, couldn't get "cute" Barner in at all. The water is still there but the great crowds of Merry-makers are...</t>
  </si>
  <si>
    <t>                                           It is apparent that there is a closer relation coming about between business operations and the government. In a very interesting argument Ogden Mills, Secretary of the United States Treasury, demonstrated a growth of the relation. He maintained that thirty...</t>
  </si>
  <si>
    <t>                                           DAYTONA BEACH, Fla., July 18.--The team play of the veteran combination of E. R. Lewis and A. E. Pearson of Jacksonville was too much for the other duog of the recent Florida Tennis Association here, and no less than four of the State's best couples met slow death...</t>
  </si>
  <si>
    <t>                                           Mrs. Mamie Ezell of New York City is visiting her brother, Mr. Marcus Foster on South Liberty Street.</t>
  </si>
  <si>
    <t>                                           Cheap Excursion-- Saturday, July 2nd Wrlints* Beach. N. C.. and Mrrtlt Btarh. s. U., JS.00 Round Trio Good 10 Darn WrirhUrllle Btach, N. C. and Vsrrtl* Dtarli. a. C SS 00 Hound. TriD Good S      Fwttrrilia. N. c. .ni Rdprn Good 10 Bkt, Tickfh   od r. D.ri M.00 Norfolk. V... and KHarn. 113.00. Good    Dim TlckfU Good 5     . til 00 Kjehmond. Va. and Norfolk. Va.. Rnond Trip    ( 4 Da^~ S7 00 Charleston, 8. C. and Beaufort. R. C Rood 10 Dars TIckeU Good S Oava. $4.00 AoxVBtm. Ga,. and Urturn. GoM 1 Oavo. f3.5A. wa. Georgia Railroad wA.</t>
  </si>
  <si>
    <t>                                           I CHEAP EXCURSION FRIDAY, MAY 13th S7.50 Round Trip: Atlanta to New Orleans, La. S7.50 AUo Mobile, Ala. $7-00 and Pensacola, Fla. $7.00 Round-trip. Alio greatly reduced Round-trip Pullman Excursion Fare. to,~~ j New Orleans and Mobile. Ample day coach equipment will n"W,' provided. Tickets told for trains leaving Atlanta at 6:10 A. M. and 4:30 P. M. Friday, May 13th. Returning, tickets good; leaving New Orleans last train 6:00 P. M.~ Mobile 9lO4 P. M.t and Pensacola 9:20 P. M., Sunday, May 15th. Don't fait to' take advantage of these exceptionally low excursion . .Sleeping car reservations should be made at ones.' THE WEST POINT</t>
  </si>
  <si>
    <t>                                           To the bourgeois mind of the state of Georgia is always ... with prejudice, mob murder, wicked discrimination and downtrodden Negroes, but to the initiated one of whom I have recently become, this is one of the commonest of Negro fallacies, for there is that...</t>
  </si>
  <si>
    <t>                                           Mrs. Mary Eddins, 50, of 588 Camilla street, prominent woman, in state and national Baptist work, died at her residence early Monday morning at 2:45, as the result of Injuries she received in an automobile accident three weeks ago, Remains were removed to...</t>
  </si>
  <si>
    <t>                                           The Atlanta Daily World THE ONLY NEGRO DAILY IN THE WORLD Classified 4 Advertising Rates DAILY SUNDAY 14c a line 14c a line Consecutive Insertions Dally and Sunday: Three times lien line Seven Mines 10c a line Thirty time* or mom 8c .i line Five word* of  length art  ait a lint-. The minimum charge U the  of two line*. Ads Taken Over Telephone:      p*      II*trd In the  or city directory on memorandum :*. hi  for  -My the advertiser U  to  In* day following . On all  Mitt by mail rath niu.il accompany the order. All                  (re mode In person nt the World office or by Idler. Tr If phone  are NOT valid. I ERRORS If any error la , i lie Atlanta Daily        lit  for only one  IiMfrtinli. 'llie   for             . Tlie  should notify Immrdlalely if any  U needed. CLOSING                   In Thr         t,ttt I'n tlie Similar World will br  nil until I*. M. Halurd.r. The      *i are  daily  Hunday until 9 I*. M. for the convenience nt patrona. ATLANTA DAILY WORLD WORLD WANT ADS  RESULTS. JUST CALL WAInut 1459 mill :i*k for an Ad Tuker</t>
  </si>
  <si>
    <t>                                           HOLLYWOOD, June 19. -- A grand idea for a motion picture comedy is awaiting Harry Rapf's return to Metro-Goldwyn-Mayer to win the consent of other studio powers-that-be.</t>
  </si>
  <si>
    <t>                                           LEGLESS MAN FIGHTS OFF BIG DOG                 Attempt to Rescue Young White Boy Is Successful                 BITES PAINFUL                 "I Just couldn't boar to sec a dog jump on any one s child."                 With those few words. Will Woodward. 099 Washington street, his eyes filled with tears as he attempted to refrain from rubbing iwis wrists that were smarting with the pain of severe dog bites and lacerations, explained why h e went to the rescue of Rudolph Lcvitas. 1010 Washington, young white boy. when he was attacked by a big rod shepherd dog about two o clock Monday afternoon. According to Mr. Woodward's description, the huge animal was almost as tall as his stumpy legs would permit him to be. Mr. Woodward, who has been a janitor at the apartments in the 1000 block on Washington, being employed among others by John Schneer. prominent Peachtree street jeweler, was at one time a railroad brakeman but a wreck made it necessary ror both legs to be amputated above his knees. It was when he heard the screams of one of the children playing at the apartment building where he worked that he hastened ns fast as his stumps would carry him to ward off the attack of the large beast who was clawing and biting the youngster all about the face and shoulders. One of the ef- almost. put the lad s.right eye ' THK" Wo'flcWarg' was finally able to chase, the dog .'nway. using the short cane that he Continued on Pans 2, Col. 3 j                 Legless- i^an Continued from      I c;; to assist hfm in His  were brought to the Grady fur treatment by one of the  neighbors. On account of the  his wounds, Mr. Woodv.vml was  to go to the state  for I'urther'care. Two other people were victims of dos bites Tuesday. Miss Rosella German, 147 Richmond street re-, ! treatment'* at 0 o clock for bites about the hips; while Eu(;cne Sliitighter, 77 YonnRo street, was Riven medical attention for lacerations on his* legs.</t>
  </si>
  <si>
    <t>                                           "I just couldn't bear to see a dog jump on any one's child."</t>
  </si>
  <si>
    <t>                                           ( RURAL1ST PRESS, Inc. 713 Glenn St., S. W., Atlanta</t>
  </si>
  <si>
    <t>                                           AT THE SUGGESTION of a number of the tennis performers of the Florida Tennis Association Tournament just ended at Daytona Beach, the writer will rank the players of the tournament arbitrarily in the hope of setting up a precedent for future years.</t>
  </si>
  <si>
    <t>                                           Neat and Sweet                 Lon'r.ir.f; for ul) the world lir:c split bc;'. of a , this neat little rurban, worn by lovely Babs Uhumcn. u the newest  for  nil round use. It is fashioned of orange velvet strip; on a foundation of black net. Smart and comfortable, it      bo worn for afternoon ten, dinner, or to the theatre.</t>
  </si>
  <si>
    <t>                                           Office Hours 11:00 A. M. to 3:00 P. M. and by Appointment Phone Walnut 1150 DR. RAYMOND H. CARTER EYE, EAR, NOSE THROAT Eyes Carefully Examined duties Fitted Room 206 Odd Fellows Bldg-ljl</t>
  </si>
  <si>
    <t>                                           Up From Georgia With My Banjo By Thomss Jefferson Flanagan THE MAN BEHIND THE PLOW THE sunshine  thru into his soul And every track he made loft prints of gold, His boundless song was lifted to the skies And trouble never sunk his hopeful eyes. j The daisies turned before him with a  As his smoking furrows spun their ribboned mile; H:s beast, with hoofs unto his singing time r Drew its burden forth while glad he chimed. The landscape s table wide before was spread, In promise to his sweat, his daily bread: And while the wand ring shun the sears of toil He trusts the faithful promise of the soil! His  be the lasting realm of peace And where life s troubling dins their rackets cease I- Love a  l round his straw thatched cabin keeps While in the calm of princes high lie sleeps.</t>
  </si>
  <si>
    <t>                                           Read Every</t>
  </si>
  <si>
    <t>                                           -.CAROLINA VsfoTE NEWS                 Greenville, S. C.                 Mrs. Pearl Owens and two children of Honea Path, S. C. stopped over, in Greenv!l!e, S. C. Friday   with Mrs. Georgia Grunt I  to Spartanburp; to v:sit Miss Dcssie                 Mrs. Julia Williams of Spartanburpr, S. C. has been the  of her son and -'n-law on E( hoi St. There will be a Rreat Quartet : vat the Loundss church Wednesday  at 8:00 o clock. Mrs. Sunnic Mims club will be in charge. Quartet from Israel Star Me Clinton. Busy Bee, Popular Sprines, Johnson, Arnclds. Laurel' i Cree. Ml. Emmanuel. Breton Tin-' Die No. 2. Mt. Clavery. Ait-i" s Chapel, Vcnsonas and Calv-' 1 No- 1 r Mr. Lester GarlinV^n. .'~.f Greenville's most ,.'~:_citizens was          !d  Temnle A. M. .E.-'i*,by^he pastor, Rev. A C.' 'sum ter.-:. Resolution W(.ro read bv MrsSEva'Fullcr, Mrs. HarrvlStJP'-  rt-the W. B. S. Hospital-'sariK.a.. "-I have done my i week" with Mrs. A. C. Sumter at. Aidelifthtful  party was  in honor of Mrs. Cora Kilcore C" *n. mother of Mrs. Winnie Kileore on Mrs. Chapman's 82' birthday, at 6 Douthitt St. last week.  "^is read b'1 her pastor. Rev. G. C. Ford, a recita''                 lion     Mrs. I.' Fisher, a solo. 'Darling' with Mrs.~Sumter -iii". K.' -"xe  Kev. Sumer, pastor of Allen Temple A-M.E. church, after which a delightful ice cream with cake course "'us served. i An ull day -chicken dinner "ill bo jr vua for the benefit of Allen temple A. M. 1:1 church at the ;~-' Alonilay, July 4. Membei-s and friends are asked to be Dl-'UPt. Invitation for the opening of j the Silver Moon Casino will be iai sued netx week. The Rrarid openin." will be Monday even nir," July 11. The Bif Akron Ball will be held at the Washint'ton Street Hall Thursday , June .SO when all laundry  will be present. Readers please pay us when we call, we can not make four and five trips to collect.</t>
  </si>
  <si>
    <t>                                           Mrs. Pearl Owens and two children of Honea Path, S. C. stopped over in Greenvile, S. C. Friday morning with Mrs. Georgia Grant enroute to Spartanburg to visit Miss Dessie Allen.</t>
  </si>
  <si>
    <t>                                           "Why, H* jour  U u smooth      bow... SO * tnd UacUiudi like yon wtd       "   : "Well, , why  t it be? I nacd the  Epidcrmii Stagnftsis treatment you used... Palmer's 'Skin-Success'  \Uait, ^ a ,  ili Ami   2i.</t>
  </si>
  <si>
    <t>                                           *                         ' T. T^~~ agt SB '4   ;i' B* VP W ^P A nH ^^^^W W  H ^f i;~ qna "(jf v  'II HA 1 ,v 1/ Kl n jK^ ~-,,,.a ..a 1         ;    nn Hifficult fcal Ira/ '8'fI^ Atlanlans who like to stay behind the times and read nest B ~% l%l 4^1' A fA^ fe 1 UV ^'^^tlT T^t^l'L^  to Allan.! they ar, ..</t>
  </si>
  <si>
    <t>                                           Chattanooga will be swarmed with a crowd of visitors from various cities and states when the Sunday school and B. Y. P. U. Congress begins its five day ... on June 21. The sessions will be held at thee Soldiers' and...</t>
  </si>
  <si>
    <t>                                           Mrs. Williams is Now Double Loser                 CHICAGO. June 15.- (Special) While other pood republicans fought it out along the lines the prohibition question and whether or not Charles Gates Dawes would be a better man lor the vice-presidency Than Charles Curtis, tho present incumbent, Mrs. Mamie                 ams  a private game with late and the G. P. only to lose again. The Savannah woman, who is a national figure in republican party politics, again saw ncr power reduced to ashes Tuesday, reader ot a faction which was bitterly opposed to white control of the  in Georgia, she went to Chicago with a special Relegation to  the right of the "regulars" to be seated. Last Friday her side lose Tuesday she Jpok the fight to the floor ct the convention. And again the lily Continued on Page 2, Col. 1                 Mrs. Wiiiiams (Continued from Page 1.) whites,  Ben .Davis as their No. 1 "yes man." won out. It was the Atlanta1, editor who assumed the role of humorist when the credentials committee met to act' on, the .case. He kept them laughing as he told of the;contestants'.. contention al_ Macon. There is nothing in this' but their personal, .feelings." said Davis, declaring the regular delegation had committed no irregularity.. He described the contest as an attempt to keep Mamie Williams from losing out as national . The delegates have already nominated Mrs. Bertha M. Field; of Ma; , Ga., a while woman, to succeed her.' .-w.'^vl" James'G. Lemon, Negro" leader ol Savannah, presented-  contest;; charging. : delegation^ of which James W.!. Ambli!;- national committeeman". and Josiah T. -Rose,-. chairman, are members; \vas . He repeated, much the fight on the state central committee he had made before the national committee, which voted ih' favor       RoseArnold .delegates. Mamie Williams talked over her time. arid the. committee. room and spectators' laughter made it difficult for thc';. to. make. his gavel heard. She. appealed to the committee "lo make. 'their action 100 per cent American by putting a little "color into it and seating her delegation." Davis, a -at-large on the regular1. delegation, said .the;- white republicans had. simply outvoted the Negroes in' tile county convention and    no'-merit. in-thc contest. "There is no race issue,  ve.1," The committee voted,. 34 to'14, tonight to seat the administration-recognized delegation from South Carolina " by' Jr C. Hambright. The ,vote reversed the action of the republican" . committee which had temporarily seated the delegation led by the veteran Joseph W. Tolbert.; A 'third administration victory was '.sustained by the seating of the Louisana delegation headed by Ernest 'Lee Jahuckc, assistant secretary of the navy, and John E. Jackson, republican state chairman. Charges 61 Irregularity, made by M.    Couslons. heading the contestants, were ignored. The credentials committee voted to sustain the national committee in seating the Mississippi delegation headed by Percy Howard, veteran Negro national .</t>
  </si>
  <si>
    <t>                                           CHICAGO, June 15.--()-- While other good republicans fought it out along the lines of the prohibition question and whether or not Charles Gates Dawes would be a better man for the vice-presidency than Charles Curtis, the present incumbent, Mrs,Mamie...</t>
  </si>
  <si>
    <t>                                           Prison Camp Probe Begins in Griffin                 GRIFFIN. G.i July 21.- (Special) -An Intimation thai official ardor for .in investigation by the crand jury into prison camp conditions may have cooled was seen here Wednesday when Jud^'c W. E. H. Searcy  the Investigating body  a convict camp is a place where lawbreaker* are sent and not a summer resort, and they an- required to work." Thi death of Thomas Lnssiter. NeRro convict, and the recommendation Saturday by a- coroner s jury that Supt. P. H. Randall be held for his  lias  d tlie probe                 of his death ;cnd prison camp cnn.tili ins in fi.Mier.-il in this county, which ii is Imped will b' completed within two . .!nd(!c Searcy also told the jurors they should thoroughly investigate ihe  :it    ^ prison comp and the medical attention  prisoners. He r. minded them thai failure of prisoners to work is punishable.  to laws of the . Lassiter died shortly a.tcr he told prison cmnp officials lie could not work. Invi- showed he had    en beaten  :ind had died on his way to the Grifi'in hospital.</t>
  </si>
  <si>
    <t>                                           Lying between the South Pryer road on the right and the Mae-Donough Boulevard on the left, starting at the Southern railroad, and reaching way below the city limits there is that feast ful little exclusive section known as South Atlanta. The college bunch rails...</t>
  </si>
  <si>
    <t>                                           THREE INDICTED! FDR THIEVERY                 Because he is alleged to have robbed Robert Johnson, Room 5, 105 Vi Decatur street, of $40 Sunday, Robert Glfford also known as Fat" was indicted Tuesday by the Fulton county grand jury. Two counts were brought against Virgil Ofilesby who is charged in the first one or stealing a pistol .'rom Miss Mattic Edwards, 380" Auburn avenue, June 18 and, in the second instance, of taking the weapon from her with force. Another man, Ben Henderson, alias Ben Watts, was indicted for stealing a pistol, some knives, shirts and numerous other articles to  value of $150 from James West, Rear 530 Pryor street, September 30. 1031. Had No Scales So 2 Haled in Police Court Two cases or short weight and no scales were brought to Recorder's court Wednesday when Judge John L. Cone gave Charlie Coleman a 10 days suspended sentence and H. H. Dodson a fine of $5. J According to W. R. Echols, city weights and measures inspector, I neither Coleman or Dodson wero using scales for their businesses I and neither hart secured licenses { from the city.</t>
  </si>
  <si>
    <t>                                           BETHUNE-COOKMAN COLLEGE Daytona Beach, Florida "A School Of Personality" JUNIOR COLLEGE NORMAL TRAINING HIGH SCHOOL FINK, INDUSTRIAL AN!) MANUAL ARTS MUSIC AND 1 EDUCATION Individual Guidance Cultural Environment Modern Facilities High Christian Ideals Efficient Faculty Approved as a Junior College     Stale and Sirlional Accrediting Agencies Mary McLeod Bethune, President COOL! THE COOL! Tonight LINIjULIi Tonight 12:01 THEATRE 12:01  CUMMINGS IN WITH- H I II A U HOLT WHO IS THK MURDERING MONSTER? IT S A COLUMBIA PICTURE! J -AND- \f Second Chapter of "The Shadow of The Eagle" ~^V SAMlTpROGRAM MONDAY AND TUESDAY :r;^l</t>
  </si>
  <si>
    <t>                                           Eva Jessye Goes Out in Final Concert i                 :~::~x your. July m-Kva Ji'_    - \i-h.i n :js i;ivu:i a    :u.-: of ";i;l!i' i.ur:;i.T".; a1, her studio. 2'M V. in.":-. I: street, v.- r r-'der:i.-k M. Cr;.:;:.   ram-lini mil Suntiay aftern w:-h Hi,- ! concert u( :hi' M-:-k^ :it 11 if Wituka Caib. L'iL' 'i1.'. :-l5:li .~~iivi i. Th,-  M ;c.i".n^.. :::uc:t':n N'o^iu ::ius.'-, ):u-[  ' lii.-^t l):*;;i[ .spi .'a:.U OlH'S'i. :t t  on S:;r. wl':i' I..;:..!!: C"Wu:i, soprano ai:V :.:.il i::. 'iV ii; 'l u::i." ;h,- now NuI-'IovcI'.cl' Colc-Talbcr1. (J;'.j:: -N'o-a- il;i\-rn, duin.. and l...ii:::t- .\..on T\i.1yi:;an. .'tink' Cr.'r.t::- l!:i; ~)ru(,'ri-~;i wen- Mr. Ci;ni: .'^nK b Waters, violinist.1-. I lis.J.'.i- V.'. Tiniber. Ann;,b.-I!c I i;.-;~.-:i Dowdy. Moori-, Guorqia I \V::;:. S; Julian llyr.es. Hob-! ~.-:i D.-:i:ias. C'.-,,rKL. Mul-CIij.-ih. I r:s:::tt !-. Gladys Cunn:i::.:ll.:.':i. Olr.ev li.. Montiii. M^-ken... Fn-cl Gri.'i.'1'.L'. M;ld-[ u.: T-ii-. Ktiay Wailaco. Aiibo;;:i: 'iV.ii'.afc. Mynl" Gaiaitlutt, ..nd J Di.'iS if. Sliuaccr.</t>
  </si>
  <si>
    <t>                                           DUKE TO RETURN TO AIR                 Duke                famous master of = mu.ic of ihe       .l variety. Who with hU Land it pictured here, returned to the air Friday night in a Columbia Broadcasting company  originating in Chicago, whs-re Uc now fill, a theater engagement. He will be on at 10 o clock Atlanta time and is scheduled to be heard over WGST, replacing Gus Arnheim's orchestra at that hour.</t>
  </si>
  <si>
    <t>                                           HEAT FATAL                 MEMPHIS. Tenn.. Jiilv 21.- i                 The broiling heat of '.summer \"r n stilted in Hie  leath of two ex-seme"- men last week-end. Two other men. heat prostration victims, have been in s* rious condition at the general hospital. The fatalities Dallas Portwoort. 356'~ Siinford'strwt and Leo                 man" 379 Driver Street. J Portwo^d v/ns stricken at his  last Saturday. Death, attri-  . came  after hi? complained to members of his family that was ill. Workman :nh--d  n heat prostration j  iwn  after Portwood's ,-oMh 11.- rii.d ot 7:15 p. m., last Si in day ;. Both bodies were removed to S. W. Quail's Funeral Hume. Both men were i -d Tuesday in the National I . SiirviviiiR relatives of Port wood are Mrs- Mimmic Pruitt. mother, Henry Pnrtwood and Mrs. Leila Richardson, brother and sister. Mr. Workman leaves nvo children Loo and Lcun.-i. a , Mrs. Mary L. Workman, and :i brother, Henry Clayton of Chicaso. James Hooks. 50. or 47!) East Georgia and David Sommers, 24, 5n.ri Exchange Suvot. were removed to ihc city hospital in a Hayes and LiiuRston ' following  by the heat. Somim rs was overcome while  grass for a white doctor at 2348 Jackson last week. Reports come from Memphis relatives of I.. C. Lewis, a farmer n itr Macon. Tennessee, that hot weather during the past ten days have responsible Tor the death of ten heads of stock.</t>
  </si>
  <si>
    <t>                                           The broiling heat of summer weather resulted in the death of two ex-service men last week-end. Two other men, heat prostration victims, have been in serious condition at the general hospital. The fatalities are Dallas Portwood, 356 1/2 Sanford street and Leo...</t>
  </si>
  <si>
    <t>                                           Bledsoe Will Star in Negro Girl's Opera                 CLEVELAND, June 24 Opera J stars who have listened to applause from New York's Diamond Horse shoe will be singing this Summer in Cleveland's "Tin Horseshoe," to which admission will be as low as 25 cents. Twenty thousand may view a single performance of the four operas. "Carmen." "The Valkyrie" and "Aida" and Tom-Tom." a new work. For "Tom-Tom," a colored opera, the Cleveland performance will be a world premiere which, if successful will send the production to Madison Square Garden in October. Shirley Graham is the author, a colored girl "discovered" at Oberlin college, where she is a postgraduate student As a girl, she traveled through the South with her father, a Methodist preacher and former missionary to Africa. From him she received authentic bits of jungle rhythm and stories ot the voodoo man and the ancient taboo. I She has fashioned these materials into what the producers regard as the first operatic work of any magnitude by a colored person. Jules Blcdsoe, "Old Man River" singer is to have the role of "The Boy" in the opera.</t>
  </si>
  <si>
    <t>                                           Don't Miss "The Skull Myilery,"  Philo Vanco defective , wh!;h  U)    la THE ATLANTA DAILY WORLD</t>
  </si>
  <si>
    <t>                                           Adventurous Prince of Persia King in Parlor of Pulchritude                 Scion of Royal House, Who Was Soldier, Aviator, Newsboy, Cartoonist anil Movie Director, Found His Forte in the Beauticians' Art.                 The man in the above picture    nut, a* ui.c might , a husband waiting while nil wife has her (ice made over. He ii Francoii KhanNazara-Aga, Penian Prince, who, after trying almost every other mode of livelihood, hat found hit forte in providing milady with beauty, if "he baan t It already, and in enhancing the  of which the is already in possession. The Prince, who      "'~ 1" "e known as plain Mr. Nazare, hai run pretty nearly the whole e- uf life 1'om his birth in a Persian palace to where you now toe him Chicago  parlor. A soldier of the Foraign Legion, he wat K- d French air service during the World War; was  ~~-mr time in a German prison camp and on     conclusion uf Ilir decorated, with the French Legion of Honor. He  Ilis pc.*l-~"" as a movie director in Paris, but tba  got the bitter "I him and lie headed for the United States, where ha began his career -.elling            in New York. Then In rapid succession he was an errand hoy. nii?kman, cartoonist and finally got worthwhile assignment to Ont'-il Ai. to make a travel film. He took up his present occupation as  ""be had been asked to resign from a Parisian .tic. Or,,,, which did not  ike U.e idea of hit inventing a new type of .r. spray. He nun general manag.r of a company thai special!*" pJc.r.t.ide for milady, and,         prince in Per.U, u regarded as a ki^g in that particular job.                 ,4</t>
  </si>
  <si>
    <t>                                           Several weeks ago, Lucius Jones, well known society columnist and co-worker on this page, introduced his novel Walter Winchell type of "collim" to Atlanta Society. Immediately, phone calls, personal visits, denouncing invectives, threats, and whatnot...</t>
  </si>
  <si>
    <t>                                           MEMPHIS, Tenn., June 17.--Stanley A. Puryear, charged with the ax murder of his wife. Mrs. Aurelia Puryear, and eight year old daughter, Aurelia, and Will Jamison, was granted a trial delay Monday morning when Judge Phil Wallace of the first division of the...</t>
  </si>
  <si>
    <t>                                           R^ad Every: World</t>
  </si>
  <si>
    <t>                                           The A. U. Hi girls track team will embark for Tuskegee sometime today and will enter a strong track and relay delegation at the Sixth Annual Relay Carnival, which gets underway Friday, at Tuskegee Institute. Only events for girls and a few of the High school heats will be held tomorrow. The main attraction of the day being the tennis finals of both seses. Jackson of Tuskegee, is favored to retain his title and Ralph Long, of Clack University, is selected to...</t>
  </si>
  <si>
    <t>                                           WASHINGTON, July 20--(ANP) With the final decision as to the place of the 1932 Grand Lodge session of the I.B.P.O. Elks of the World having been made fast week by Grand Exalted Ruler J. Finley, Wilson, after two months of indecision, plans are know going...</t>
  </si>
  <si>
    <t>                                           FIRE DAMAGES A. V.- OWNED BUILDING                 An apartment  at 807 Grecnsferry. owned by Atlanta university, was badly damaged when fire broke out there about 9:40 this morning. The interior was also badly damaged by water. Several families who live in the building escaped .</t>
  </si>
  <si>
    <t>                                           ~\^P^tAfE NEWS                 Rome, Ga.                 The friends of Mrs. Sallie Black.' Mr. and Mrs.. C. H.' Maxwell :~re "  attend the. funeral fo '~Mrs. Sallie Black,' 10 So. Depot .St.. i 4r)alt6n, Ga.,  Now, Hope. Baptist  Saturday, -June .18.'. ai ;2 p.:m. Revl.P. H. Heaa,.. In'termwit in .- . D Gurtis. ilic Peoples Uml. In charge. Phone 751-9118. Rome, G:i. j</t>
  </si>
  <si>
    <t>                                           STREAMS IN THE DESERT "And he shall bring if to pats (Psa. 37:5) It takes God time to  prayer. We often fail to give God time in this respect. It takes time for God to paint a rose. It takes time for God to grow an oak. It lakes time for God to make bread from wheat fields. Wo need to learn the tame lesson in our prayer life. IVEY BROS., MORTICIANS "The Institution With A Soul" Ambulance Service Phones: MA- 2S67 492 Larkin St., S. W. JA- 8875 Atlanta,   .</t>
  </si>
  <si>
    <t>                                           GROUP .GAINS MEMBERS                 Two new members joined the AtInnra' Colored Merchants "Assoehf tion when it held its weekly meeting Tuesday afternoon at 175 Bailey street and a number of applications for membership wore placed on file, according to an announcement by Theodore Carlton, purchasing agent of the group. The new organization, formed several weeks ago for the purpose of promoting the interests of grocers in Greater Atlanta, is open to every grocer in the district and meetings are held every Tuesday afternoon at 175 Bailey street at two o clock. Savings through mass purchases and better merchandising methods are being planned. An intensive advertising campaign is also to be started soon. New members are Mr. Watts, Frasicr street and Mr. L;\w.son. Sims street. Nearly 30 grocers have affiliated themselves with the movement. Dogs Still Biting: City Plans War on Unlicensed P ets Tlu- first bile from a doR to be reported fur the month nf May was made  Tuesday morning when C. V. Brown. 783 Foundry street came to the Grndy clinic for treatment. Eleven persons  listed as suffering from the teeth of canines during the last half of April and the latest incident makes the twelfth within a month. By the middle of the month, authorities of the city health department intend to have their campaign for the  and licensing of every dog in Atlantu well under way. This will be the first year that tho health department has hail active charge of dogs for some time and drastic action is promised those who do not comply with 'the new regulation governing dogs. The number of persons becoming dangerously inflicted by non- cd  is said to bo Increasing rapidly. Under the new provisions, the same fee of two dollars will bo charged. Any veterinarian in town will do the work for ono dollar while the other dollar must be paid tho city clerk for the license. DIES OF INJURIES RECEIVED IN WRECK ROCKINGHAM, N. C, May 4. (ANP) Robert Elmore, respected farmer of the Ellerbo section, died in the Hamlet hospital, Tuesday night from injures sustained last Sunday night when his car collided with an automobile driven by Borry Langlcy, white.</t>
  </si>
  <si>
    <t>                                           The Deborah class sponsored a fashion revue Thursday night, June 7, 1932 at Beulah Baptist church. We wish to thank those who were present at the presentation.</t>
  </si>
  <si>
    <t>                                           (Greatly Reduced Week-End Pares All. to Newnan. $1.00; LaGrange, $1.50; West Point, $1.50; Opelika, $2.00; Auburn, $2.00: Chebaw, 52.00; Mllntead, $2.00; and Montgomery, $2.00. Tickets on  for all train* each Sarurdar and for train  Atlanta C:IO A. M. each Bandar Good  to AtlanU lait train  Atlanta 7:00 A. M. Mondar, following data of . Saras ratee apply from  mentioned  to AtlanU and return Ticket* Rot good on Tralne    . 37 and 38. Creacent Limited. THE WEST POINT ROUTE WA. 2726 MA. 0800 I Bargain Week-End Excursion Fares Atlanta to Covlngton and return, $1.00; Social Circle, $1.50; Miiillson, $1.50; Greensboro, $1.50; Union Point, $2.00; Crawfnrilville, $2.00; Washington $2; Thomson, $2; Augusta, $2. Tlcketa on  for all . whore  to   SatDrdar, and for train No. 3 tearing AtlanU each 8       morning 7:25 a. nt. Good returning to AtlanU last train No. 3,  5:20 a m,, C. T.,      in . Same rate!  from  mentioned  to AtlanU wa. "~georgia" railroad 3W</t>
  </si>
  <si>
    <t>                                           NEW YORK, June 28-() When Paul Robeson bowed himself off stage at the Casino Theatre after the matinee of "Show Boat," Saturday, the internationally famous singer was informed that his wife in London had brought suit for divorce Whereupon Robeson...</t>
  </si>
  <si>
    <t>                                           HOLLYWOOD, Cal., May 4.--At a time when half the stars are fearing for their jobs and the other half are squabbling over contracts, Richard Barthelmess has just signed a new agreement which will keep him at Warners for two more years...</t>
  </si>
  <si>
    <t>                                           f GEORGIA OPEN 11 A.M; 15c   , THE, J Street of Women L-- Will KAY- FRANCIS</t>
  </si>
  <si>
    <t>                                           THE SMITHS ARRIVE                 Former Governor Alfred K. Smith or New JTork'aiidV.. Smith upon Iheir arrival In Chicago for the Democratic Natlotuu Convention.                 International Illustrated Nowb Photo.</t>
  </si>
  <si>
    <t>                                           (This department has proven so pop, that it is often several days before we can get to your letter to answer it. However, read every isseu of your Daily World and you will find your reply at the earliest possible date. If you are a subscriber and need advice to help...</t>
  </si>
  <si>
    <t>                                           t The Daily World is published especially for you World Advertisers Want Your Trade</t>
  </si>
  <si>
    <t>                                           Things got rather hot in the city lockup about 11 o'clock Monday night when Ed Sewell, 264 Crumley street, who had been booked a short time previously on charges of disorderly conduct, decided to be still more disorderly. Therefore, with the assistance of a buddy, he...</t>
  </si>
  <si>
    <t>                                           MESCAL IKE Well, They Tried Anyhow ByARTHUHTA                 PHILO VANCE The Skull Mystery by S. S. VAN DINE                 TIM TYLER S LUCK "Borrowed Finery By LYM YOUNG</t>
  </si>
  <si>
    <t>                                           NEW YORK, July 22.--Although ten colored men have been employed at the new Hoover dam at Boulder City. Nev., they have no quarters at Boulder City and must commute 29 miles each way each day to reach their jobs. accorrding to information sent the...</t>
  </si>
  <si>
    <t>                                           The Atlanta Daily Worldf* THE ONLY NEttHO DAILY IN Till'. WOULD Classified Advertising' Rates DAILY Sl'NDAY Me a lino He a line Conseeutlvo Insertions Daily  Sunday: Three times lie n lino Seven limes Hie ;i line Thirty times or more Re :i line     ...     if    cr     n . Tllr minimum ** i* thr  of Inn  Ads Taken Over Telephone: I      from  (IMrri In  Irlriihonp nr ~"itr Hir^' in  r".\v Ihf ndi           '.1 to  thr      . On nil n,lv*ftl8iIiB                 -fi  ;          tli^ . i All nix- Mt:ST he      in         /it  W..rl.l i.ftir. or   7 Irltrr. Trlrphniif HlKrinitiiiuniir^  rr NOT       . ERRORS ir mi*  if . Tdr AtlnnU h. -                 for  our inr irr/rl . Tli" fl.^r it    .          fur  tn.~f *. Tli" -   imm^'Uri  U  ny  li CLOSING 'w Ativ*rl'-   -i\l* in     AlUnt* PrIIt fr.r Ilir Siiiiilnr World "ill I"*  i:p  0 P. M. Salnriin). Thr  nrr    Sunrln*- until 9 ATLANTA DAILY WORLD WORM) WANT ADS  KESli'I.TS. .II ST CALL WAinut l-ir.n .mil  for nn Ail Taker</t>
  </si>
  <si>
    <t>                                           NEW YORK, June 29.--(ANP) --Eslanda Goode is all fed up after living for eleven years as the wife of one the most talented and most internationally popular men of the times.</t>
  </si>
  <si>
    <t>                                           Entertained with a party at the home or Mrs. Lilla Finch, 361 Cairo St., Friday night, June 17th. Whist and dancing were the features of the evening. Music was furnished by Mr. Nathaniel Cade and Dave. A delicious menu was served. Eight club members and more than 30...</t>
  </si>
  <si>
    <t>                                           Mention The Daily World to your ^merchant</t>
  </si>
  <si>
    <t>                                           ^c^rf^?^    ^r^"':t' TT M EL. PARTIALLY CLOUDY .today, probably', local .. Lowatt temper aturo.      24 houn, 71; . 89 j average 80. C. F. ron Herrmann Moteorologlit, Weather Bureau</t>
  </si>
  <si>
    <t>                                           COOL! 1 THE I COOL! Tonight LINCOLN Tonight 12:01 theatre 12:01 Tho Scrota'.- Daredevil Cowboy in "SOUTH OF THE RIO GRANDE" AND The l.;.:;~ ClinpfiT "I" '"Hie 1/; Warrior"       _'l hc l.-i. Kpi^ "f 'Tltc: Sliii(~  \v     KiiKli1"  Pf;O(,KAM MONDAY AND TUESDAY</t>
  </si>
  <si>
    <t>                                           M TYLER S LUCK                 FINDING ITS MARK                 --X^nn^i';                 ELLING TOMMY"                 cBy Pim                 [HEM DAYS ARE, GONE .FOREVER Conquer Iliis On Tour Contralto.                 S UNCLE                 By Charles McMguis                 ."JT^A^GREAT LIFE IF YOU 3      WEAKEN" ^^r-#f By. Jack Rabbit</t>
  </si>
  <si>
    <t>                                           Mrs. Lucy Bell Griams and Mr. Johnson of Athens. Georgia was the guests of Mrs. Bessie Rucker on last sunday evening...</t>
  </si>
  <si>
    <t>                                           SmartFashions for l Smart Women (11KI.S .Vl-. l KINT i .KN N" Kv.:iy!':r.:,;' ..\~.U! \\M:~ :.l-"U:  jrV'.,! '.'.'in;.' i:n] U':~ ;u-!. IHr-lu-  y.ou.tli p'.l'.-M?. 1 i-1-1- v ii,.. .vie i; Ul.- !VVc-(  m- sa-.i'. Tl'.i; nc,k;,,. j'. \\y,:\ h;i.    !'. f''-r.uvc-! :-.          i iu i I i,..n-i:i-(i. 'i""- j ^r;;--y:.-.1Jt766__ i I). :m.:, 111. riri.l 1-i. Hi :v:i-.   .-., 2 1-B .v.-.m!.. mi S ^n1'::':!- :jii: -tr 1 1 c s In;' U" : a: i: i i: .ilr i::cUi iid U I c.fL l. p.'iiu-ir. Thry ::;vi: Minfilu-c Ail y:-i: r-:\vr :-i     nbi. a p.i ti-ra :1' a1.'.: .kU\i: ri i-;ol i- m ...-i..~ I-'Ii-' C!-:N"i'S 1:V K;-it:ly I"- -nc f-- '-vi-iic vi-i-y i)l::i:'.'.v n:i t. pal iim':1: i-i-ici-c-d v.,;;i- '.va:.;:-:  an.: sr/.F. r.'-.v I-':.-!:.'.:! r--I il--. clunk :'.i;l ..f :\w l'a::s -: :u-.vf. '.io-i la-: .'.ill-,  ~-ai:r-i-i^c:r v-a:. :...v. a..~: Hll o:rts  cj-.ii: w'.h a p.i  and iif ccr. ci;a', '.'.im:;! 'i. !o:'(:cl st-</t>
  </si>
  <si>
    <t>                                           4 ^IRK"AB3  A 8 B2  d^  T ET i H,  iyi ST I {^f" ~/$ r#%!8^ %$T IT IT M ra Pi vi I *%~*$~~%~~ OR EXTRA TROUSERS ;^T 'JSjrak TlniQ Snprinl OflFer r^ 4 Illlo v;~Jtt!U! v,/ 1 I w 1 fe^ %2s$^fi%i     Ends Shortly Fyf Wmi    .S jf -I^-Ordrr CM'' p'^T^na^K ^vM-h ~~;~ir of -cr* *^'^^^k will be Rivrn ;ili-     -: Sflccl tin- i-xli"i Irotwi-m J' from fame  ;is your suit.   f. if you mUI), from ( :il in     ! mw\  . yr nc r;i:it:f. ll m:     no   s j . I'm-  -:ilc.         "s regular . ol over 20(( -ffU l;         i-; on di-~)l.iy. (,rav (I-i i hil llu-.       CHHsitnrrt fini.-ii Dii.'kov Twcods Slinrkukiiis rt,.. ..-r-.-riii- it,,- ,(.m! lrI.        Vi'or-:; :i;~l tn;. m- ,-.,.-..j..f.;..-  Un-nb. . .  'lri l /1 I'iillirn lo ini.'f! mmt l;"'-lc. 1 Ik .'imI will be           individual wi  iits ^-    -~l lo lil- lo - and lo        ils   ,  J\ ~%^H;~AiuA!sS^hi-^ WICK n year, for "^Ib^'l '4 ''~~$$ i^^lg : Ihc  20 year-, tins company hold- a IVor I'anl- -nk.    ^ ^l^^^^,^. f('8 a hip;  . 'I'liio (i. Hiilr. ,  .3i);j^!^ ;   ' ~$~'~ '3 Vtlilo-rd    lo Lo the -t in our history, ("or mil onlv an- extra \\;~(cS-;:':'.i5;  J .'fe-'jii    Xn Div'n- 8      ffcc  v 1 1 1 1 Tailored- lo-Ordcr ", bill dnr- !,.%'" '{iV^ Ifi 1$      4S pppp 8 ft. ing (lie  .- on Ready-to-Wenr i-uil^ vill     down :$   ;ja'{s'] ii*.' *~l f\~ p,n,K t Jo a new low. Our regular slock of Keady-   -\\V;ir  wKr^vl^^^^ia^ia!^^8! at 8H-.93 will reduced SI2.fW,    l SI 7.93 v.dnrs ;l^~^~~^i^^^ lo S11.95. Price* on hoi   will ,~l-n flown to S6.93 and S J.OS. If  ever wad a        for a man to buy u suit il s    : Today bi  i-* making vAs.4^^v^v%~4y^.~~:.^.^^~..1, Y-^^/v VV^^v/  ^v/VV? you the           offers in llic ^on.th. I'm- trouper.-, with Jp$ ^^Ssf*"' :%?~:' ;^V?. y  k V  made (- and reduced  on all -lo-Wcar.' '$~k'*~- $i\ -'0^-, '$0 I 'f^^1' (f^\ fmi, "The schwob Co. M KiHl I \\jR 4^ f REDUCED p 2 \^F Rcduccd PncM 91 PEAfHTRKK. N. IS 177 MrrCIIEM.. S. Mik t ,fT!" S 4 HOT WEATHER S ^^^t- 5 4- 2i? CLOTHES V ATHENS MACOn' SAVANNAH WEST 1'OINT J^#f#f^^^ * I. VAM10STA  COM  ALBANY</t>
  </si>
  <si>
    <t>                                           Sunday, June 26, was a great day for the members and the friends of Antioch A. M. E. church. Sunday marked the closing of a great two weeks revisal was Rev. Smith of St. Phillips A. M. E. church of Reynolds town preaching Rev. Smith is a great preacher and a...</t>
  </si>
  <si>
    <t>                                           AH Prices Have Been Smashed j-^/5 We Arc Off for   \ HARDEN Hardcn's ( Station SPECIAL! All Mechanical Work HALF Price FRIDAY and SATURDAY at Harden'sGulfStation .'150 Mitchell St.. S. W. Road Service FREE. Call JA.7018</t>
  </si>
  <si>
    <t>                                           NEW YORK, July 12.--The second play reading contest to be conducted by the Footlights Dramatic Club will open July 15 and run to September 15, it was announced by Ruth Ford, president, of 760 ... 221st street. Miss Ford a graduate with honors from Hunter...</t>
  </si>
  <si>
    <t>                                           Little John Allen Woods, son of Mr. and Mrs. Oscar Woods, is pending the summer in Woodstock with his grandparents, Mr. and Mrs. Robert Woods.</t>
  </si>
  <si>
    <t>                                           MESCAL IKE.. Bitr Finance by ART HUHTA                 PHILO VANCE The Insurance Mystery By S. S. YAW UliNU                 TIM TYLER S LUCK Interpretation Lym Young                 -JELLING TOMMY" 'By 'Pirn                 THEM DAYS ARE GONE FOREVER Operate This on Your Organ.                 DAR.MT B^    ^McMam*</t>
  </si>
  <si>
    <t>                                           Youl! never know how good ^f^\ a cigar can be ^^jB^B Jg% EJufgET^**^^ \</t>
  </si>
  <si>
    <t>                                           VETERAN baseball observers are of the opinion that the St. Louis Cardinals' chances of scoring again in the National League depends upon two things--the early rounding into playing condition of the bespectacled Chick Hafey (who at this writing is still...</t>
  </si>
  <si>
    <t>                                           Supt. O'Neal Whitaker is always on the job for the good of the Sunday school, church, and choir, Throughout the day the pastor, Rev. O. V. Thurman, was at his best. Excellent music was rendered by the choir.</t>
  </si>
  <si>
    <t>                                           Award Grand Prizes Sunday, July 10 Winners of the grand prizes of $200. $100 and $75 in The Atlanta Daily World's Cloverleaf Church contest will be given their awards at the services on Sunday, July 10. Next Saturday's Church Edition will contain the announcement of the winners but the prizes will not be given until eight days later. Atlanta Daily World</t>
  </si>
  <si>
    <t>                                           MRS. MUNN  . MINIUM PfSfjftl AN*   ADVISOR ft^-'Bfl         or lore. (ImfKtlMSH mc^nnr ifl for you. IMC Laknrood A.r. Atloiil,.   .</t>
  </si>
  <si>
    <t>                                           WHITEHALL CHEVROLET CO. Wiiiiefuill St., S. W. SPECIAL \j\-l CliKVItuLKi Srdmi,  . I l. I -.-p. i i ui:\ i:ui.j:r       -.-~, i)    . ,'n, I,.-,, .,11   I ir.~. l lii--***   lit*      and .-i]  yi       . ITit.-a K.im i.:i:, up. I1- )l H 1U .Sl.i;K Sport t.; j pr.KU. nrw ~.   : wry Uuctiv.- (. Kij i LHt.\ icui.i.i i'~Mh CO .~~ci-yil.~       ^*~kO I1' I' (.'Ul-;VKtM.K'r Sin-ci^l SmIbh ;\"1.;;,'1""1^"  465 ":"*.hI f' .^245 ikj .i;i- S195 ;H"  "'K' $135 '""'J!;f'!,:}"' $^5 r..:ii) )i.i:r S'?95 lH"l'" $190 ^l^! $l--~5 1w'"m";k $135 re? iiii .rT e/jr: ]',JG IHilCK j^UJj l'l-IO I'lllMI l.ii"~         .    I "j Ton Tr-.l,. -'-t- 1.r..(v. I J.10 CIIKVItlll.KT M-T"n Ouni it,,r,.-i Tr.ick.  l,n 5i) Oil--, f." Vc"ir Krr.  JS "p I ASH Kdlt   UJ!H WHITEHALL CHEVROLET CO. :s:n  St., ft. \V. A.k i!.^ Mm \\mi,M On* ~{'*: li:i(   WAlnul I4PJ</t>
  </si>
  <si>
    <t>                                           Mr. and Mrs. Lloyd E. Heath, popular members of Atlanta's smarter set, celebrated their third wedding anniversary today, June 26, in a very quiet fashion, "en famille," due to the very recent death of Mrs. Heath's aunt, Mrs. Carrie Owens Williams.</t>
  </si>
  <si>
    <t>                                           PHILADELPHIA, Pa., June. 22-- (ANP) -- Kid Chocolate, junior lightweight champion of the world, experienced little, difficulty in winning the windup at the Phillies' Ball Park, in the first outdoor boxing show of the season in this city. Thursday He decisively...</t>
  </si>
  <si>
    <t>                                           With the indulgence of the editor this particular digest will he personal. It is a message to Mother. Somewhere in the United States an elderly lady will be sitting by the fireside, with her thoughts, perhaps in the deep past, thinking of the son, of years ago. And to this...</t>
  </si>
  <si>
    <t>                                           MRS. MUNN Sl'llCITI'M,  ~%^fl If unhappy, I ml u re In y^g^fi m bu*inr*M vr love,        C.V ^M min^ it for yoo. ^~(VV^B 'f in . unhappy, worried      !      ,  or love Affair*.      t Ofli-d clairvoyant and palmist will truthfully  and help you ti-Jl* Hit      a* yuu *lon* know it. I he  it i% and the fa. 'urr ,s it will br; tells full      of whom you will marry. R^ /t 10 a. m to s p. m.        .- or Kridava. No *ipn. look /or number- Wtihhigton Lairwood eara 0 S9 far, Special Rcadinsi. Shorl Time, 50 cents IS:t6 Ij.       Atc. AtlaaU, Ga,</t>
  </si>
  <si>
    <t>                                           HOLLYWOOD, Cal., July 17.--Thanks to another player swap. Fox will have Clive Brook to play Sherlock Holmes in the newest talkie adventure of Conan Doyle's famous sleuth.</t>
  </si>
  <si>
    <t>                                           Surprising what arms can do to make themselves obnoxious. Perhaps it is because they so seldom sit in on the beauty game, are left to their own devious devices. They reach out and clutch freckles. They harbor horrid little fuzzers, furring the skin surface from...</t>
  </si>
  <si>
    <t>                                           Up From Georgia With My Banjo By Thomas Jeffenon Flanagan SINGIN' SONGS OF SUMMER SINGIN' songs of summer where my melon dreams come true With little tan cheek Mary on my arms a-swingin' thru 01' hard times can t find us en praise the lamb we float Where no candidates kin come us askin' to vote. Singin' songs of summer, jes a dancin' on the green, We've got no automobile, so we buy no gasoline: En 0 the rent collector we meet him with a sigh: We give him no money but the ' alibi. Singin songs of summer where the red comes on the peach, En frum the grey days breakin' 'til the dusky screech owls screech You'll find !me in  slidin' on the grasses' blue With mv tan cheek Mary on my arms a-comin' thru.</t>
  </si>
  <si>
    <t>                                           TONIGHT- 12:01 LINCOLN  Mmm TIteats?c H (P I I With "MACHINE GUN HUTCH", WALLACE BEERY and "Hani and Handsome", CLARK GABLE Also Riii-Tin-Tiii in "The Lightning Warrior" No. 9 Same Program Monday and Tuesday</t>
  </si>
  <si>
    <t>                                           WBtoMWffimmM only negro daily newspaper in the world [j^^iM)</t>
  </si>
  <si>
    <t>                                           The Fourth Ward Neighborhood Club met at the home of the president, Mrs. Clara Smith. with the president presiding. After the business meeting new officers were installed by Rev. Jones, pastor of Mt. Carmel. Four visitors were welcomed, Mrs. Lucy Austell...</t>
  </si>
  <si>
    <t>                                           FRANK VREELAND, according to Walter Winchell, kingpin of Broadway columnists, always says, "it really isn't summer until the chair gets up when you do!" Speaking of heat, Atlanta's heat's not so hot. What about Florida, our haven of several days ago, where they're roasting goobers and frying eggs and frankfurters on the sidewalks! Seriously, gentul ones, they say Florida is so hot that Satan's using it in order to rent hell out to home Eskimos. Oh no, this heat's not so hot!</t>
  </si>
  <si>
    <t>                                           ONLY NEGRO PAMTy NEWtPAPER IN THE WORLD W. Jl 8COTT Editor ud Pobllihtl Fnftfc M*"^n    1  MaxacUx Editor SUBSCRIPTION RATES One    , $7.50 C Monthi, JI.25 3 Month., 12.15 Wprlly. 20c PUBLISHED DAILY AT 110 AUBURN iVI, N K. TEL t PHONES: WAIont 14   ud XII I JUterW u Mcead-cUa Bitter at     pixt .  t AUuU      the I     of Unch 3. 187  ADVEimBINC REPRE8ENTATIvie W. B. lit? CO. ChUuo. Nrw York.     Airelei</t>
  </si>
  <si>
    <t>                                           EXCURSION TO Montgomery, Mobile Pcnsacola, New Orleans and Mississippi Gulf Coast Resorts SATURDAY, JULY 2D Good 10      Mut.il.-. Ala. I 8.00 I'rniuccla. Fla 8.00 Pancasuula.* MiM 10.00 Ocean BpriiiKt. MW 10.7S ISIIoiI. Mln. .10.75 (     . 11.50 Pits* ChriiUimi. Mlu. 13.00  SI. l,    . Miiu 12.25 N. OrlrmciK. l.n 12-50       !itt.ry, Ala. (Gootl 3 l)~    3.50 Tickrl* Hold for  Iravins: Atlanta ft:10 A. M.. 1:00 P. M and 4:30 1'. M. Snturdar. July 2nd.      Ntrrpini: 4 now. l  \VA. 2720 or MA. 0800. THE WEST POINT HOUTE</t>
  </si>
  <si>
    <t>                                           Up From Georgia With My Banjo By Thomas Jefferson Flanagan FISHIN' FOR A CANDIDATE Got a panic hook en a hard time bait Fisliin' for a candidate "v* There're bushels in the campaign creek, Catch them suckers, man a week E(n you ll never  the note j That rocks the hillside for a vote. In depression weeds I'm hid. I 7 Pullin' fer the highes' bid: p Listenin' fer the keynote fork To drown the surface of the co:-k When one s^ys I'll take your tote Back I hollows: "Here's a vote." I get a f\ne do nothin' stool En it beats Ge Har-in' a mule: 01' farm, all gone to the dogs "'V Sinkin' down in mortgage bogs, M'cequitocs bite, but long I wait: Fishin' fer a candidate.</t>
  </si>
  <si>
    <t>                                           I EXCURSION Montgomery. Mobile I'cnsiicola, New Orleans AND Mississippi Gulf Coast Rcsorls I SATURDAY, JULY 2D I Cood 10 Dsyit Mi*llr. AU. K.OO 1', Fla. 8.00 Piiraconla. MIm 10.00 Oe*sn Spring*. MiM 10.7S KiUxi. Ills*. 10.75 (..     . 11.50 I'Kit OhriitlaR.      . 12.00     St. Louis. Ml!    12.25     Orlrans. I.I 12.50 M"7. Ala. (Good 3      ) 3.50 Tifkft*  for trains Icsvlnr AtUnu C:10 A. M. 1:00 P. M  nd -4:19 P. M. Snurd.r. Julr 2nd.   !~ sV^plnr              now. Phone WA. 272C or MA. 0S0O. ^THf^VE.~T POINT ROUTE</t>
  </si>
  <si>
    <t>                                           I wrote on hearsay concerning the prison camp in Friday's sue, but in this issue I write on what I actually saw at the Rock Quarry where the prisoners work. I viewed the prisoners from an advantageous position, laboring under this blazing July sun. The guards...</t>
  </si>
  <si>
    <t>                                           Smart Fashions for Smart Women TWO-TONE SPORTS FROCK Pattern   ). 740 This smart frock is champion of sports fashions! It hus a simple, .sleeveless blouse an equally simple skirt (but how cleverly it s cut!) and licht ton and dark bottom bodice fastened by  bone buttons. You'll feel pounds slimmer too, when yo slip 'nto this skirt with its slenderly curved scams and straight pleats' Jn a Jijrht-blue linen top and a -blue linen dress, or a  jersey top with a brown jersey dress- this frock walks away a winner in the eame of Fashion! Tlesijrnod in sixes 14, 10 30 38 40 and 42 Size 30 requires 2-X,' yards of  fi-inch material or 3 material. For contrasts upper blouse 'A -yard of '36-inch material or HD-inch material. Simplified illustrated  for  and : are in:luded with each pattern. They Bfive complete directions for malt* ins these dresses. All you have to do to obtain a  of this attractive model to send FIFTEEN CENTS (15c) in coins. K; be sure to write very plainly on each pattern ordered  NAMEI and ADDRESS and 3I55K. New Fashion Magazine, chock full of the latest Paris style news . with color supplement can now be had at ten cents when  with a pattern and fifteen cnts when ordered separately. Southern  SjnnHcatr* 210 Auburn Avc. N. E. Atlanta. Ga.</t>
  </si>
  <si>
    <t>                                           ST. LOUIS, Mo., July 17.--(ANP)--A Negro candidate for U. S. Senator and two for congress is the record of which St. Louis boasts for the ... election.</t>
  </si>
  <si>
    <t>                                           Warren's Poultry Specials For FRIDAY and SATURDAY Extra Fancy, Select Choice 9RYERS 2 to 3 Pound 4 f% Average Ib Me Small Size Hens 1 2  Large Size Hens 1 5  Roosters 12C Ducks ib 1Jc The Above Prices Are Effective at Both of Our   -  Warren Produce Co. "Tile      of Low I'onllrr       " 195 Edgcwood Avp. JA. 1503 2829 Peachlroc lid., N.E. Cir. 2713 Warren's Poultry Specials For FRIDAY and SATURDAY Extra Fancy, Select Choice 9RYERS 2 to 3 Pound 4 f% Average Ib Me Small Size Hens 1 2  Large Size Hens 1 5  Roosters 12C Ducks ib 1Jc The Above Prices Are Effective at Both of Our   -  Warren Produce Co. "Tile      of Low I'onllrr       " 195 Edgcwood Avp. JA. 1503 2829 Peachlroc lid., N.E. Cir. 2713</t>
  </si>
  <si>
    <t>                                           Julian, PoweSI, Plane Buddies, Part Ways                 LOS ANGELES. Cal., May 4.- (ANP)- "I did not know that this fellow Powell had such a bad reputation here.so I cannot afford to be any longer connected with him." declared Col. Hubert Julian to City Editor Loren Miller in the offices of the California Eagle.                 The widely-discussed flyer said to have been head the Abyssinian air forces was speaking of Wm. J. Powell, whom he came west to aid in staging on air circus this fall. At this circus which drew a large crowd to Sprott's Airport and was participated in by Mario Daugherty New York parachute jumper, Marie Dickerson, , and a few local students, one of the first disagreements between Julian and Powell is said to havo occurred. Some hot words passed in dispute and, according to some lady bystanders, some rather uncouth language used also. But since then two or three other exhibitions have been held, one them at San Bernardino. Funds were raised to buy a plane and Julian wns to start a  flight last week. But he accidentally cut his hand at the Dunbar hotel so It was reported that he could not start. He now                 sues a statement that the plane needs several instruments, ranging in prices from $40 to $750, and is appealing to the public, to church and fraternal organizations to donate this sum. He announces that he expects to take off from the Los Angeles Airport May 8. Most of the local citizens wish him well, declaring that it is time some one came along with a bona-fide move lo help aviation among Negroes, as to dale some discouraging Incident has Invariably occurred just when members of the local group became interested. Local citizens are considerably surprised at the break between Julian and Powell, for just a week previously they had been greeted by a large crowd at Lindbergh Field at San Diego when they arrived In the new plane accompanied by Mrs. Ravaster Tellis who was the largest contributor to the purchase fund. The plane was christened "Ravaster" in her honor but the one Julian shows now as the transcontinental ship is named "Tolerance." In a printed statement Julian declared that the flight would be undertaken by him alone and said that he had several connections with the local aviator against whom some I criticism has been directed.</t>
  </si>
  <si>
    <t>                                           LOS ANGELES, Cal., May 4.--(ANP)--"I did not know that this fellow Powell had such a bad reputation here, so I cannot afford to be any longer connected with him." declared Col. Hubert Julian to City Editor Loren Miller in the offices of the California Eagle.</t>
  </si>
  <si>
    <t>                                           :^zm    ^BBBB8       ONLY NEGRO DAILY NEWSPAPER. IN, THE WORLD  1</t>
  </si>
  <si>
    <t>                                           WAKE HP YOUR LIVER  CALOMEL tfc* Maraog Sana' to    I vm fari mr tad mJc tad tfc* mrti IMfcl Mt,       M ~*0, ^mml , ~*L  out?  no u4    c  m    nki     VMl  uid full at          Tar tkw ui It- Tto atr aum tk.       tad a  ar*                *c     *t 4te Hi*. T^*  tar         ^~nl Indsx to roar . It  poor                rf U^irid      laXo  tK7    (U/)7 D thk     to Wjj !ndr.  lo- -J ko l      . It     km tn    br.~^. Oa      cp rxs Coouch- 'Vctj U.. .     taH4 ud           cuL        ot    . Youi in.!        *c4     fMi donn AAd oQL Your     4 It Utaa  nod, sU i ARTEIVj LTTTLa   to jrt          mil HW Coving ln*ij mnd mat* 7^0 .Ml *op and op." Tbyr cur.Lilj: w  ni!crf il. ,               1  ,   it MM to Atkiftg tLt     "ov (.-W7        -t ojt     Urw . iAk toe     'f l^icla    rUK Laak    Um     CuMrt Ltufe lira     tte ymi Ual. RT- 1 ai ir</t>
  </si>
  <si>
    <t>                                           Dunbar Bank Cashier Will Be Dropped                 NEW YORK, June 28. John P. Quander, Jr., one of only two colored executive officers of the Dunbar National bank, will be dropped from ihe bank s staff on July 1. ;t became known today. Mr. Quander was employed bv the bank as an accountant when it opened three years ago, and %yas later promoted to assistant cashier. He was offered the job of being in charge of the bank s vaults by President C. C. Huitt. it is understood, but declined, since it would have been a demotion. His being let out, it is said, is due to the need for cutting the bank s staff. His work \v;ll be divided between other employees. Outsiders view Quander's discharge, however, as a part of a new policy of the bank to ( net rid of colored executives above the grade of clerk. A few months  two colored tellers were discharged and whites hired :n their place, despite the statement by the cashier a year ago that seniority -would be observed m - and promotions. Only Robert P. Braddicks, assistant vice president, is left as a colored officer.                 Stole Peach Preserves; He Gets $12 Fine Henry Dawson was given a $12 tine or twenty days in the  by Judge John L. Cone in Recorder's Monday on disorderly conduct charges growing out of a larceny of five jars of peach preserves from a Decatur street restaurant. Homer Bolden who was jointly charged with the then, was freed by Judge Cone after, it was shown that he received the canned fruit from Dawson.</t>
  </si>
  <si>
    <t>                                           So far, in this series of articles for the WORLD papers. I have taken you "Inside of Kilby"; shown you "A Holiday at Kilby" and the men "Working at Kilby," and before I go any further it might be appropriate to illustrate the manner in which these men reach...</t>
  </si>
  <si>
    <t>                                           Linclon Theatre Features Buck Jones in "South of The Rio Grande", Western Ace                 The Last Chapter of 'The Lighting Warrior' and First Chapter of an Entirely New Serial                 TliCitrr lii.-i; ;:vic A;i:;:i;:, '.'.he:-. :!ir :s. v.'A n;t\T ---v."-;; ::.T'.- i*. tho UrK- Thi'ilr- ;Mi'i ';    sol tji or ti;k :;io -:. .1 km: -.w:~-:ii :-:                 A  v/ M:- Sinii:c. vn;'.nis:ov     V v \.:v.cni:\ - ini nlC'] v/iih v/r v..ir.' '.- tin Sunday ::i^ ;n:! pl.'!~-' ire thr  p..':-ji-(~ :;n" [^ (wo ci.iv- Tl'.o  iii-.cr.t -i (lKi( pmp!- 0 SWITCHING to  r.-i: in-:-, r          hpr.:iv r:: ;-i:i'i" 111? v.-c.-i'-r.': i':~;i;rc.\. -I; I in;: m.'ulc r-.i^1' i T.i crn.pMr pi i^r''!::. SUainc M'.i.'.un- 01; lii.~v i the .'.ict  tl"~ : v.-fl:                 1.'..; fir: .vie   f 11Tiv; I.: V.':]i-r:rr in1 lms p-.:;-.!i :n: e: mi.-a- -oi-:..l. Till-: SHADOW OK yy-V. KAGI.E !f voi;  \:--.u:\ i:-.; i.i:;co;.n. y-- nii.-ir.^ ~;--'-:i:i;2. M;- Sh;  i'V i!:.,. li!-. In. I'OS'TIVl-:(i'i-.-  Vu:ir-l. it I</t>
  </si>
  <si>
    <t>                                           GRIFFIN, Ga., July 17--() --On the heels of the Arthur Maillefert case in Florida comes a convict death in Spalding county which may cause a sweeping change in prison camp conditions throughout the entire state.</t>
  </si>
  <si>
    <t>                                           NEW YORK, June 25 -- News items Noah's Ark will be electric lighted tonight. Yellow globes will shine inside the ark and also on the aft deck, which, unfortunately, is disappearing slowly into the Harlem River. It'll be a big moment on the ark when the lights go...</t>
  </si>
  <si>
    <t>                                           ^QE.,..FQfi...1i /^Iglii</t>
  </si>
  <si>
    <t>                                           The Daily World is published especially for you i SAVE MONEY EACH WEEK BY MAKING YOUR SHOPPING  LIST FROM THE ATLANTA DAILY WORLD GROCERY PAGE. I</t>
  </si>
  <si>
    <t>                                           MEMPHIS, Tenn., July 25--(ANP) -- In a gubernatorial campaign which started out several months ago to be nothing more than on ordinary political contest with charge and counter charge of graft, extravagance, and treason to the public cause, the voting Negro of...</t>
  </si>
  <si>
    <t>                                           The young colege students and graduates of Thomasville have organized a "Forum" with the purpose of fostering creative and intellectual recreation for those who have been away to school and anticipate attending college and to those who have not had the...</t>
  </si>
  <si>
    <t>                                           QC*^*    **1    la\Y/ I l. v  iHi-t!     .TEKa nr.MBiii "V^ it DiucciiTi  Kow Modern Women Lose Pounds of fcf Swiftly- Safely 1 Cain Physical Vigor- Youthfulnew Here's the recipe that *      and Drinks Into bloxsom all the ooW  Bttructlvt'tirsa t.^at every      I  n Dowses. Kverv ; tuke one    *i   of Krusclien Salu In glut of hot water before breakfast     I out  and fatty meats to light on potatoes, butter cream and  -in 3  get on the  and 1 note how many pounds of fat * vanished I Notice also that you have gained In ener(?v- vour eyes  you i feel younger In body- keener la mind. KRU6 will      uif I fat Derson a  . I Get an 86c bottle of  SALTS (lasts 4 weeks). If even  first bottle doesn't convince you thto is tlie  safest and surest way j to lose fut If vou   feel B  rb Improvornent "n health BO Rlorlonslv  tic   vo;ir   it^urned. fi   0 YF.AHS uFi:n i;.M:ss I In  ~'W/mt tmx. Aiall*    ;ft^Tt:a. H. PLANTEN SON. INC. I 93       Street Efootlyn, N. Y. mo-jo co.. m:i"i. in CDIXAGk-  4Vt_ CHICAGO J^    Open 1 .-ir  f.i i-~ri .i.ckk For M.n .-d !?1',!"',:."'l;^;'".'d'",lw Woman 'Who  ;..b f:ill .      to Mala  'or :.n / R..I Mon.y ^:SX L_ 1 fin. cn-MM-tl-... tWf) 1!y .-n am! f^oO ai-^~-   1 1 U*- Vji*   o;ir mnii'-y cti  n-ili1. 1 1 1 n ram fin.: :!!* ~:i ~-i:ii\ bur: us. Kvtirf l:oni u l-.. !^v-ty .o     '~ ri Biilar y. Ai: li. n.- tn- p.n-kin:i.!. Juit  t ifi:i uii.l pt- . S;n-r1a1 I'ltM  pro;::f)n for district ir.        . Hn-'i  ir.d add re in for         r.~. W* -. TfSON 4 CO.. loo-,      .     .</t>
  </si>
  <si>
    <t>                                           The many friends of Mr. P. T. Griffin of 8th street will regret to learn that he is confined to his bed on account of illness.</t>
  </si>
  <si>
    <t>                                           Card of Thanks                 Wo \vi.---i t" il.:i::-; .l:- svir.;;atir." ~!i:::::Lr a:1'! '.li i.f v-'i!1 :l.v-:::. :n.'i .-i.-. %i r--. M;i'.'v r.'.it-.-. ; foi- li.c L-.-:.u'.i?;i! f:"i-:i! inc. Mr. i.'. I1.. r.'.:r-'-. -n-..l Mr. ai-'i .1. M. [.n-..;. Mr'. '.'V:i':-K n,V,:,.".Mr;. A!:  '- Ai^i'i- -~m\ Mr. lj:ic!! Ar:!"i'! VK1) OI THANKS We ; 1 i r i i:il H..;:]'1:' Coinr"iy. i:n-;fi-i;ik.-:-::. ::.r^::=ii the-';" tol nn:l.s.    ".rf-^ -fc-'.l Uu.riks f": U-,i: -.i; c c,[ : c-irs :   : ;-rs ';: ir; the bur:;il cf "i:r fi. i.:r. Georct-' D.!!)v'.. Sr ;nv lo-n.Jnw of I he Kile M^-; K J';r- V.'!    . of Ai!;i!ii;i. C;""rs:;! Wr ;!;s" to ih.ink r-:ir mi;imv :ncn')'. :)v  il-.'i-:ils. Sinned \V. A Davenp'ir:. GeorKe Davenport. Jr. L.- D.. Mrs. Rosa L. Davenport. Mrs. Elizabeth Davinpon. Mrs Rubv D.-; all Rayle. Georgia. :nnl Mrs. Sop hia Willis, of Chat i;".in;oa-.i Jennesscc.</t>
  </si>
  <si>
    <t>                                           ~~~?~?~'TT?T?      ?    *~         *                     *?   '*"*y*****^*   *^***y**~     *'~*~         'r''r r r''' r*                     ?    ?T*Tf '^~TTTTTTTTTTTTT'rTTTTT' T''TTT*'TT ",,J(. fc T^fc ^T^ Every dollar readers of The Dally World spend T 1 1 The .money advertisers spend with The Daily A I MMAtM with those merchants who use this paper to advertise their M A I f\%M I f% World is paid out mainly in salaries to this newspapers all- /% fli7A1*TlCAVl^ v Ib'II 1/ r I Bill warea does double duly. It not only gives the purchaser Wlf  1  Negro staff. Those receiving this  spend it on them- M II Vrl I I ^IT I 2%; t I JI^U, T [Ji. R \JmMLM standard merchandise from a concern actually wanting your ft ~% selves and other Negroes, which puts money in circulation A *%l X^* %~M%J^*   V^" t business but it brings back money to Negro pockets. among still more members of this race. Everybody profits.</t>
  </si>
  <si>
    <t>                                           FIGHT IS ON OVER VET HOSPITAL                 NAACP, President of NMA Debate Good of Sanatarium                 BATTLE HEATED                 YORK. JUNE -Jfl- (ANP) -"For exactly the same reasons that the President of the National Association for the Advancement ol' Colored People. Mr. Spinearn, and others, endorsed the separate officers training camp at Dcs I Mo'ncs in 1017. the National                 c;tl Association endorses and urges the construction of an additional Veterans' hospital unit to be located in the south under complete Negro personnel." With the above statement, made Wednesday. Dr. Peter Marshall Murray. President of the Nat'onal Medical Association, answers a press attack made upon him and other members of the association who. according to the N.A.A.C.P., are urging the establishment "of a new Jim Crow hospital for U. S. war veterans." The N. A. A. C. P. release disclosed that its officers had discussed the matter with Dr. Murray on the first of June and that the had insisted at that time that his association was  the program for a new segregated hospital only if it were to be located in the south. In its open letter, the N.A.AC. P. refers to a letter which it has received from the legislative ^-jof-' the" American. "Legion advocating a second segregated veterans' hospital besides the one at Tuskeftee have urged that colored veterans 'in the north are entitled to the same kind of hospital.' It is thus inferred that, although Dr. Murray told the N.A.A.C.P. that he was only in favor of the separate hospital, if it were to be built in the south, he was perhaps among those "certain Negroes" who insisted that colored veterans in the north are entitled to the same kind" bf a hospital." which statement does not say that a separate hosptial should be built in the  for these northern veterans, but might be misunderstood to say that. In his statement issued Wednesday. Dr. Murray continues to emphasize that the Medical association is in. favor of an additional veterans unit to be located in the south. In support of the Association's position he states: "The ratio- of colored to white soldiers serving in the World war was one to ten: the ratio of colored to white veterans now hospitalized by the Veteran's Bureau is one to twenty-five With the Negro morbidity and mortality rates several times higher than those of the economic depression with its whites, a condition aggravated bv effect on health, the ratio of colored veterans to white veterans under government hospital care j should lie three or four times what it actually is. This inequality of hospital service to the Negro veteran is admitted and unquestioned. "How shall it be met? "All veterans hospital are crowded: there is a tremendous waiting list of both white and colored veterans. The great majority of N'ecro veterans is being cared for in the south in   on     . 2 Col. Z                 Fight Is. On (Continued from     . 1) tions. This is not a theory but a fact. There are almost as many  o veterans in segregated wards of white southern veterans'  (where Negro physicians and nurses are not permitted to serve) as there are at Hospital No. IM under an entire Negro personnel :it Tuskccce. "The principle of segregation in tin:  has already been established at the the Tuskegee . How inadequate will be the are of Negro veterans, by the government in hospitals under construction under the present policy. There is a tendency on the part of the government and to some extent a demand by southern white communities to care for these Xecro veterans in Jim Crow additions to existing or newly constructed veteran:;' hospitals in the south as at Columbia. S. C, where there will be 20(1 .Mm Crow beds. "It is  time that we exercise  common sense about this "Jim Glow' .scare. As Dr. Carter . an uncompromising foe of segregation says. 'I -l to any sort of  on the railroad, in the schools and at work if  ie forced upon let us lake it and make (he most of it.1 "Of the ).'I62 Neero  in derails' Bureau hospitals, more :lian   ,r:,. arc in se^ hospitals in the south. It is neither - nor  to promote  at the  of Uic . happiness and lives of the Stfitor ." Coiicludincr  statement. Dr Murray chide: the officers of the VA.AC.P.. for "-". ind -  "to .-ee' ;:uch i -  further  waken itself in thr esteem of r-    'lc and Ihouirlitful people bv uch a ."</t>
  </si>
  <si>
    <t>                                           NEW YORK, JUNE 29--(ANP) --"For exactly the same reasons that the President of the National Association for the Advancement of Colored People, Mr. Spingarn, and others, endorsed the separate officers training camp at Des Moines in 1917, the National...</t>
  </si>
  <si>
    <t>                                           In Your CltT to Do Good lor Iha I'ubllc    -eaa MADAM     WHARTON           Catmint  CUirvoynnt* BHNTWSm Aitvlcr In . PS4-U.      "mMri     'M.;~ of ^^^fc- Hlif**        Ha. u B^      1- One  to ft MB*. Pa will  you for      I^~A(^^    fnr White  nrf Colored SPECIAL HEADINGS- 50c IS13 Uowell Mill Reari. AtUt.li. Cft. MarWU Hnw#   Mill Car-        Ilnaie from Retbaard Stop</t>
  </si>
  <si>
    <t>                                           Let Me Cure You! Wmy^'^ **~r *3 * h*vc k**n CIj'KIN   people   ^MyPBpyJ No  whit y our trouble U. no     *r Vxrw if. fc^t^BP^BwBwfi r ou* your * Diny be. I  you to call and wr ^)''^Bp8      Tmlnifnt It i*rr    .u*      In cent. 4 Kr ;^^C9^r9[ %3  mtn  whh my pure *       - with *j- 4 KtSBtf^3Bw*%J   In  (  , 4 R A^^BP^teT i MALt; 0K  CALL OK WRITE 4 :~^^H DR. T.Y. YOUNG ^S^TOCHO. WITH THE ORIENTAL       CO. y  MF.RItS AND 1AL. COMPOUND Fimoui Ilfrk A Cure tor             of     Ilumin Koir Uprcialist 132 K:            . WA. :I89 Atlmla, (,'a. J3 Vt.r. IP -AtUnH Uoor.- 7 A. to P. M..</t>
  </si>
  <si>
    <t>                                           Threats Against DePriest Are Carried Out by Reds                 CHICAGO, July 20- (ANP1After giving Congressman Oscar DePriest fair warning through the circulation of bulletins, Wrculars and letters for a month, that they intended to make a big noise in I front of his office, local communI ists. organized Into a                 ing group by the Young Communist League, showed up in the neighborhood of the real estate office of Mr. DePriest Saturday afternoon and attacked him for what they wordily (described as his  and refusal to fight for the rights of the we. Mr. DePriestt bu.v with his duties in congress, was not on hand to greet the "reds" whom he harangued in Washington Park once last year, but he had arranged 0 welcoming_squad of 75 policemen. These police established an nrca within which they would not permit the Communists to penetrate, as u means of physically protecting the office of the congressman. In the effort to break through the po- 1 lice , minor skirmishes were I                 started1 In which two policemen, one white ami one colored, and a score of the Communists were injured. Policemen showed their  by climbing to housetops and dragging down the "red" speakers who sought to inflame the crowd and preached upon the evils of DePriest. In their letter to the congressman," the Communists wrote: "1. Why did you not intercede in Congress for the Negro youths in the Scottsboio case? "2. Why have you been evicting the working class from their homes? ".'Why have you been foreclosing on working people who are unemployed? "4. Why did you vote against the veterans' bonus? 55. Why on June 24 at Elizabeth. N. C, did you say in a speech that you were not Interested in social equality? "6. Why on June 19 did ._you have the Eighth Regiment brought into Washington Park?" Washington park as one chief                 g.- place for Communists In the . They have claimed that the dress parade or the Eighth regiment in that park was to intimidate them and n challenge of! their policy or non-militarism. Before the police got through, twenty-five of the rioters, ten white and  colored, had       shuffled into patrol wagons and  off to spend a hot Saturday night in jail. It is believed th:it the demonstration  Mr. DePriest at this time was also calculated to aid the candidacy of Herbert Newton, the Communist candidate for congress against De Priest. Newton, a 26year-'old radical, is tn the east making speeches in behalf of the candidacies of William Z. Foster and Jnmes Ford, candidates for president and vice-president, respectively, on the Communist ticket: Two years ngo in Atlanta. Georgia^ Newton was  tcd for insurrection and is still to face trial under un old Georgia statute involving tlie death penalty.</t>
  </si>
  <si>
    <t>                                           The Atlanta Daily World Till: ONI-Y NEf.RO DAILY IN THE WORLD Classified Advertising" Rate^ DAILY SUNDAY^ 14c :i line 14c 3 line Cimsicullvc insertions Dally and Sunday: Three limes lie a line Seven limes 10c u line Thirty time.* or morn 8c ;i line I'ivr word, c.f  Irimlli an  a- a Ilnp. The minimum char** la Ilir * of     1""Ails Tallin Over Telephone: nrr .d (ruin  .1 In tlio IrlrphiHifi     city ^ct.'ry on  :    ^- In  for thin courtly Iho o{1v^-^ti^*^ in       -d to remit  dny following          . On oil * unit b- mill                     u[   . All IlixciMillniiknr^  b*  ii. i.T.'", ,t tin U'c.rlJ  or by Irllrr. Trlfphono  Arf NUT   IM. ERRORS If hit  mad*-, 1 lir Allmli Dai I) U or Kl U      (          for only  Hf NK-Urnrl (    (ion. The ~.Ivrril.cr i^~  for MubstHjurnL in**r(. Kin ad^  notify  If   li . CLOSING AJvrrtiKcinrnl- 111 Thr Atlanta Dallr f..r Ilir Sun.l.y World ill bf          uj)  I'. M. SaturJny. The nf(     arr   .on  ICful Bunrlay until 3 1'. M. for the ^    of patrons. ATLANTA DAJiJ WORLD WOKI.lt WANT ADS I1KINO .TS. JUST f AI.I, H'Alnul UW -anil ,isk for an Ad Taker</t>
  </si>
  <si>
    <t>                                           Lola Carewe, "The Night Club ... is mysteriously murdered in her penthouse apartment at three o'clock New Year's morning. An hour later, the body of Lola's guest, Christine Quires, is found in Lola's room. Christine had been killed first and her body hidden. Dr. Hugh...</t>
  </si>
  <si>
    <t>                                           Here we are again, beauty-preaching on that unpleasant subject of the odorous skin surface. The impulse is to talk around it. But that's the no good. It is a dreadful affliction, one that is not always due to lack of cleanliness, but to disease of the sweat glands.</t>
  </si>
  <si>
    <t>                                           CLASS MANASSAS HIGH SCHOOL 1932.                 Right 1832 GRADUATING CLASS OF MANASSAS HIGH SCHOOL, Memphis.                 Photo by Colcman, Memphis</t>
  </si>
  <si>
    <t>                                           I ONE DOZEN EGGS   Tv BACON T 25c i doz. CTPf^O I UAM P CNIC STYLE SLICED "/    thUd LB. HAW BOTH FOR ^OU Best Streak Lean BACON 2 lbs 15c v SUGAR 5 lbs. 23c 1 lbs. 45c MEAL 6 lbs. 10c 12 lbs. 19c MISS DIXIE or GOOD LUCK FLOUR PLAIN OR SELF RISING 24 lbs. 69c 12 lbs. 38c GOOD SELF RISING FLOUR 24 lbs. 59c 12 lbs. 3Sc Irish or Sweet Potatoes 5 lbs. 10c 2  9c SALE: i' Blackberries, No/ 2 can 9c I Grits 4 "~s.~9c Ice Cream Salt 2 .-6 lbs.' -9c Big Deal Soap or Powders ."i for 10c Tea. 10c Size 2     ?s.- ISc i Salt 2 Pkffs. 5c Syrup L'. Half-Gallon 29c 1 Rice .5 Lbs. 19c In Our Markets: I r Pork Chops- ::lb. 12Kc Pork Roast lb. 9 Vic ^Spare:Ribs li^_J$ lbs. 25c Ho^Iadc .Sausage^ ? Steak lh. 15c cOuntry''B^t ter'.'~.c ake 10c"</t>
  </si>
  <si>
    <t>                                           THE HORSE that was named after a stew--Burgoo King-- failed dismally in the attempt to clinch the three-year-old turf Kingship this year. But owner E. R. Bradley hopes that his Deroy winner will recoup lost prestige and add to his money winnings in...</t>
  </si>
  <si>
    <t>                                           Harlem Looks at Political Situation from All Anglesi                 -I NEW YORK. .Tnlv IK. (By A. E. White For AM') There is confusion in the ranks of !hc polit:cul parties of New York affecting n !iki'. both Democrats ami Republicans. Socond ^ors and  cabinets arc functioning one u.,T,,ir^H npr  * ^                 at what  call ( points and strategic moves of both ' representatives. Xewspaper.s are  . special feature  by " al" writers and there is penera! dissatisfaction  the old Democrats and I'cpublVans. of the crand old citv of Harlem. Quotinir the Xew York Aee, Fred K. Moore's paper. "There ;s little reason in the policy of either of  parties why N'etrro voters should  much consideration to sentiment tlvs year. The s-iv tic  to Frcdojr ck Dourrlass. that 'The  p.-.riv i.-- '.he shin all else the sen' has lP'1 its significance, just as      Jin has  its be.- and i.- ii.-'nir buffeted In- th.- wave with a bewildered  and a cri-.v at     * puriM.se.-.. The .r!ii voter. vei:ai-(l!i-.-s of race, nun:  t!n'  of both n-ir( i^-'. scrutinize the. records of 1l',e  and use his own unis iwn! as to l-.nw he shall vote." Tiiis :nl \v; on an  which hits hoth the Reni:h!icans and the Democrats from a nt.-m wl)o was  in the G. 0. P in Mr. Hoover's first campaign -ain-nr an office and a Ilurin thn Saimon Tower BuiUline in West -i2nd .St., sounds cl".-'o to treason. But Mr. Moore has always been known for his open admiration of the political  :n Xrn- York City, ^ even so far a.e to wire hi.s hopes to  "lavor Walker that he would pill! out of his investigation with :ijr colors. lust where the Republicans are headed in this hitherto Kemihlie;,r,  is a my.-tery. Wl'. a determined effort w:l be made, to recapture Harlem for the party  to he seen. The older leaders are Ieiharci'1 and a;~Iiarenllv , but tl'.at. Diiiv be al! a camouflage, c- one of them. Georce Ifrirris, has lost none of his ze.it for of f nor for activity ;n :eal affairs^ Is it true inva;tin(r the ;u oi  are  tl'.~~ .--. of - Milch'-'.l from I.iber:a to  up the -'en?                 Months neo i( was reported "reliable" in p. leading publication that Mr. Mitchell was on route home. Charles E. Hall of Washington is said to have tent the information  to Rien/.i Lemiis who took it seriously and "wrote it up." Wide .speculation followed. Acain '.inc the Ace, b front pace story has Smith W. Green, Supremo Grand Chani-ellor of the Kniehts of Pythians aj saying he w ll not vote for Hoover. Lookinc at the other ido of the oue.-tion, the Tammanv c'.err.ent is out. of the saddle here as far as the election is concerned and those favorite sons. Morton. Stephens, Carter et al are for the nonce, on j the outside  in. The posit:on may be severed in the very near future, but at present, it looks like "the boys" have a battle I oji their hand*. Lacking an official Nwo in the. city, the Democrats face all kinds, of :nc propositions from pub-'j lishers. However, Tammany, never  unaware, has it s own meth- 1 od of reaching the favored ones, *-ubs:     :tr in New York City a white weekly and furn\~hinc  support to a weekly in McCoosvville (Brooklyn). In the past years,  election times, some of the favored sons published journals for the education, pol  of their readers. This may or mav not be true this year. Some months aeo. in anticipation of the entire set-up  h's way. a local colored  purchased a printing press, a l; machine, some type faces and announced that lie was ready to print anything of the late lamented 'National News" ant! another sheet, the Harlem Home Journal. But New York dosed down "r, the brother and .v . li" was forced out ;ntn !he stre...i.  presses: and all. Tis rumored that he has a sui( aca nsl his  l I for  d;.~p.i.-se.-..ion am! because of a  a ml  friendship w;t!t i)^ Tammanv lead- or. Mr. Curry, will obtain redress. 1 It was sa:d to be !he hope of the columnist editor Mr. Schuyler. that his  would fall he:r to the  of Ih" Tammi'.uv . Surely, he was under the proper I ;ces and . but  a  is more t!-.a:i a j notion (liese      . And so Harlem -.ven Jhc j Continued on Pasr 4, CoJ. t</t>
  </si>
  <si>
    <t>                                           NEW YORK July 15 (BY A. E. White For ANP) There is confusion in the ranks of the political parties of New York affecting a like, both Democrats and Republicans. Second guessers and kitchen cabinets are functioning one hundred per cent pointing fingers...</t>
  </si>
  <si>
    <t>                                           The Big Chief Didn't Know! j "Their dollars look exactly the same!" When Joe Blinks' became advertising - Joe look out a dollar bill. i ge!u^ m a"? ? qr0S II m' "Look -Ji this. I can spend it anywhere  ^stockholders- looked - Rc monev (;ot k fr()m a   ) ere. Profits had gone on a vacation.- 1 he Fie borrowed it. Used to work far book* at- the end of each' fiscal year. looked Look it over. Does it look different like black ink was out of style and there was ,nt, o(~ler (~        And while you re a" company law against  anything ex- liking, think about the red ink Blank and ceP*' red: Blank had to use la.st year! Get the point?" "Yon" wouldn't object to {making money,   ]e m chi(.f t )hc inL He gol it would you.' Joe asked the Big Chief. we,, ,]e t.a,Ie(, his  and hail her Joe was told that was Blank and Blank find out the Negro population of Atlanta company s aim, even if they hadn't hit the lie found he d beeen missing the money from target. more than '10.000 of this city s 270,:);{6 population. He found that while many Negroes "Fine," said Joe. "Now about news- rL..l(i the three while papers in which "Blank paper advertising. What papers- have you ;ind 1{i.lIll; a(~vt.. the larger percentage been using?" of (nc,se passed by his alore  they There were three. All .            ~,,m- they d be treated if they "That covers everybody who might have stepped inside, a nickle or :i dollar to spend here?" The Big Chief thought it did: Me found also that when he puv adver"How about foreigners? Any foreign Using copy in the paper published by " papers here?" bers of the Negro race, be raised the amound of good will in those colored customers he Not enough foreigners in town. already had and brought Blank and. Blank ".Many colored people live here?'' company directly to Negroes who had never The Big Chief didn't know exactly. He noticed it in the white papers, figured there were  because he d see -^obe by the. end of the next fiscal them every time he was' out on -the street. year In- - black ink in totaling, his Come to think of it, he told Joe, he hadn't boo!~s. Hy .l tune he will find .the. only wen so manv in the Blank and Blank store. difference- in Negroes money w in. dimming But then, he wasn't so particular about sell- the lustre of red ink or getting nd of it en- ing them anyway. . The Atlanta Daily World The Only Newspaper Needed to Cover Atlanta's More Than 90,000 Negroes</t>
  </si>
  <si>
    <t>                                           Please help me. I am in love with a man with Miler Brothers Circus. He used to treat me nice when I was in K. C. Now he won't write me any more. I am so blue.</t>
  </si>
  <si>
    <t>                                           j^^^   YXHirWES Night and Morning to keep them Clean, Clear and Healthy Write for Free "Eye Care" or "Eye Beauty" Book Morin.Co_    .H.S.9B.Ok^St..ChK.~o</t>
  </si>
  <si>
    <t>                                           HOLLYWOOD, Cal., July 14-- Various rumors are circulating here concerning the fate of "Que Vive Mexico" the firm that S. M. Eisenstein spent more than a year photographing in the southern republic.</t>
  </si>
  <si>
    <t>                                           CARNIVAL PATH GUT 8! STBANGtH                 Oil ir .:.;ii:Ikt iV.-icos about mu. -^v.-rr -.1.1 1 i ol her b.j iy.    ; jm.- Mae K.cks. 1IU. L'Sii Ciiestiir -ain't w;r; '.lr.    t Itcr Grai'.y h-.'::.iu,; .-.on'. i. H':?.O THc.dav :\i;'h;. One of :il wo  !".er i ci r. rr.iss.~'il !ii.m- !if.-i:-'i while she was f'. ;'.ll aboat the shoulders, hands, ;in:i.;, ^ and L'ide. .\w;r.:::-. to Miss Kicks, sho was at til" carnival ;n ou:i'!s nuar the conie:' nf Gray a:ui John streets vlu;i r'.rr.11 '.K'-/n \eo:nan came up .a.. I :tarted hr.; ai her with a knife Hubert Maraum. wl-.o live.s a! t!u:  c f 1'hirman ap.vl ?.':uiM.m ^t:ee':-. sai'.i !!-i'. he picke-d her 'up or. Mr.'.- street, ^; her frc:a an o'.d T  Foru jar in \y.~  aut(. ar.ci '.iit i.'.-r t" li'.e . The Ford v.-3s -n:t na.s. I Her .. is. noi rer; as: I .</t>
  </si>
  <si>
    <t>                                           COMMITS SITtCltlF                 PARIS, Ark., June 25- (ANP) Financial difficulties and poor health caused Thompson S. Henry ot -Little Rock to shoot himself to death at the home whore he was stopping Tuesday, He was doorman at the American hospital at Neuilly, France, during- the world war.                 Twins, Age 7 Add Another To'Victim List "Too Tight" Sutton and his twin ;her "West End," 7 years of  added another victim to their Jo/ig list of casualties when they         tossed a brick at Charles Porter, 9 years of age. Doctors at Grady hospital Friday  revealed that Young Porter was the third victim of the Sutton twins that had been treated in the in the emergency clinic this week. 'Die brick tossing affair ot Friday  according to Porter was the result of an argument over the  of a certain damsel of tender age, who lived in the neighborhood. Both the Suttons and Porter  at 302 Fain street. Green Pastures Is Still Attracting Large Crowds LOS ANGELES, Cal., June 25- (By Mercedes Gilbert for the Associated Negro Press) "The Green Pastures" company arrived in Los Angeles Sunday June 12. The show opened Monday night June 13 at the Biltmore theatre, which was packed, part of the audience were stars from the movie colony who greeted the greater the players individually with bursts of applause. The Whispering Trio, under the directorship ot Miss Bertha Wright, which was lauded in San Francisco, as. one of the most pop ular -.units on the. air... received many requests for their services from the various broadcast stations in Los Angeles, and will be featured with a few other members of cast on Thursday evening. "Human Confidence" Will Be Discussed Dr. W. B. Nathan of the Department of Social Science of Atlanta university will be the principal speaker at the vesper services Sunday evening at tho First Congregational church. "Human Confidence" will be the subject of the talk of the educator who is appearing under the sponsorship of the Ever Ready club as i a feature of tho regular seven o"clock vesper services. There will be no admission charged and the public is cordially invited.</t>
  </si>
  <si>
    <t>                                           Author of Pearly Gates" Gets Offer                 I I 1 Tivi! Professor Frederick Hill of: tl-r.s 'Mty li.'.s bi:en selected to he--i'! j ine .Lf'mout ol music ;it Fl"r:cia 1 S'ate college w:i:~ rwca'.cd Ui nil! Associated Nesro Press ~'.~.spi:ch j from Tallahas.ice. Fla Ti!      ;iy.  ti'.at such ;m action h.-i1! bi-o;: taken by Presi'lont J. II. EIlcc. Prof. Hall told a Worlc:  sen  l.-.io ' that ho I has  no decision ns whether I or not he will accept the new post. I DurinK the past  years Prof. I Hall has been  of imi-'ir ;itj both Morns Brown  i"~l Clark j -ities. A native Atl.ir.'.an. he ni'.end.vl M H- .ee . I his - flays, received j                 hi;; bachelor's 'Ifi:-, c -'it ChicaRo M:::.i'.-al college  u ss nwa.-rfcM ".Vis'.er of Arts and Supervisor of Mi:m-- decree , Co:cmbi:i .-.ity. M'.:ci; f irv.r- has con-.c his  n^ c^'tvl'. of \-ar:ous cl'.oir^ i n c nli-.ic-'.l or;;:ir.:?-n'.i(iiv; while h:s m.':'p;c:e. "I'o.nly G.itcs." h.is won him      :-i:er:i'..':" I'PcPRMitipn as .1 v.-riter as well t!ir'.'Ctor. President V.r. A. I'oinitnin. Jr., head of Morris Hrnwn university. a li- t!i:i'. iu- was  of (he offer Iv.ir said thai no far u.i hi" f;ne\v '. Prof. Hn!l would be mi the rai- this mil ns he h(Kl no', sent in his resignation. President Davi'.Ke of Clark could not lie reached for a s'.v.!.</t>
  </si>
  <si>
    <t>                                           Mrs. Earl Gains of Toccoa Ga., was the guest of Mrs. A. B. Sewell last Sunday.</t>
  </si>
  <si>
    <t>                                           The 4th Ward Social Club I  PICNIC I G riff in, Ga. Monday, June 27 1 Round Trip: $ I. ro I + A FULL DAY  + 1 Lv. Atlanta 7:25 a. m. Via Central of Georgia Railway 1</t>
  </si>
  <si>
    <t>                                           SO-GOOD PRODUCTS Are      aids and treatment* for the Beautifying? of Hair, Skin,  nd Scalp. They are prepared by expert* and are all guaranteed to ?bt you. Grower! 50c Straigbtener* -...50c I Wbitener. -35c Snake Oil Liniment 35c Men'a Hair Straigbtener 50c Cocoanut Oil Soap 15c i S0-600D CHEMICAL CO. 75 Fair St., S. E., Atlanta, Ga.</t>
  </si>
  <si>
    <t>                                           CL.;LJ PS ^   B EULAH MITCHELL HILL, . R.ECI P E S;~~</t>
  </si>
  <si>
    <t>                                           I Greatly Reduced Week-End Fares Atlanta to New-nan. $1.09; LaGrange, $1.50; West Point, $1.50; Opclika. $2.00; Auburn, $2.00; Chebaw, $2.00; Milntcad, $2.00; and Montgomery, $2.00.    -     on  for' all trains rich Saturday and for train  Atlanta 6:10 A. H, each Bandar Good returning to Atlanta last train  AtUnla 7:00 A. M, Monday, following* date of Bale. Same  apply from  mentioned  to Atlanta and return Ticketa not rood on Train! N'u, 37 and 38, Creacrnt Llroittd. THE WEST POINT ROUTE WA. 2726 MA. 0800 Bargain Week-End Excursion Fares Atlanta lo Covipgton and return, $1.00; Social Circle, $1.50; M., $1 JO; Greensboro, $1.50; Union Point, $2.00; Crawfordvlllo, $2.00; Washington $2; Thomson, $2; tc Augusta, $2. TlcVrti on for all trains where  to   Satsrdar, and for train No. 2 tearing Atlanta each Sander morning- 7:25 a. m. Good r-        to Atlanta laat train No. 3,  5:20 a m., C. T.. Monitj following-. Same  apply from abort mentioned  to Atlanta -georgia^ w*.-~i</t>
  </si>
  <si>
    <t>                                           KANSAS CITY, Mo., July 25-- (ANP--Never in all Kansas City's history has anyone been given as ... honor, either in life or death as was given by Kansas City Negroes--of every walk of life--to the memory of the late Frank C. Niles, Kansas City...</t>
  </si>
  <si>
    <t>                                           PALO ALTO, CAL., July 15.--At last the heart beats of hundreds of thousands sports fans of America are throbbing with climaxed suspense awaiting the outcome of the U. S. Olympic finals and the National A. A. U. Championships which start here Friday afternoon...</t>
  </si>
  <si>
    <t>                                           Yale President and Fiancee                 Ha'.ent photos of Dr. James Rowland Angell, president of Yale University, and Mrs. Katherine Cramer Woodman, of ArdmoreiPa., who have jost announced their engagement. Dr. Angell is 61' and has been a widower since June 1031. Mrs. Woodman is the widow of Paul Woodman who died in the Summer of 1930. She has  ix children, who are at present Urine with her at her Summer home on Casco Bay, Maine.</t>
  </si>
  <si>
    <t>                                           TONIGHT the epicures and elite will join in one grand reception, at the expense of the Twenty-Seven Club, probably Atlanta's leading social and civic organization, and that swanky assemblage of out-of-town guests enrolled at the Spelman-Morehouse-Atlanta university summer school will be treated to a really fashionable event of this social period .... a gala informal dance.</t>
  </si>
  <si>
    <t>                                           FRIENDLY FIVES Ideal Summer Footwear Ofl'er comfort v.iih si vie a! a iv.-. ^ A hundred stvi.s lii :-t.-loci .'Vfirn-- .--iz-'s in 1"~ and  aaaa in 'j-:i-:i-:t-:. Sport ^jf\ Vcr'* ^%k I Friendly Five Silk Socks 5 Pr. $1.00   S ldr. FRIENDLY F!VE SHOE .STORE % 77 PEACHTREE</t>
  </si>
  <si>
    <t>                                           HOW I WON_MY MA)*.--   r 3^-  .T..tRE.-1777 l ^^R7^w'  A LUSTROUS A-r"V:L"K."'-~.*^ rK'"v" ~~?~~*~%, ''^^3 T Don't let grey,  l1.;:';"'.;1;^1;1.;;'^; .'.'^..'v ;r,'l", ~.^'J C*^1 j hair make you un- i.;;,",^',',',..'-"!.'^1,', J^.,1.!'.,1^/.' V' I"~!--\~1 n mi m ~%S i  FRENCH HAIR COLORING B^ "TTT7* IITTVTTTrTTTTTTTTTTTTTTTTTTrTTTTTT;  MA"dr.t1y. young"'"' ^1 K uil t x. voi no.  rrn Tin: '.nt.w. m:ini i-~. :sk iir.ui'.s and )ii:i:ii.m. I'OMrorsii Finoi"  A Curr lor Kvcry Diirnv* i.f Ilir Huifaii V.-iy .SprrialiM M! 1 M c f i. o.~i Avr. \VA. :1H Alinnln, IJn. s.l      In Allnnln        - 7 A. M. In 'J T. M</t>
  </si>
  <si>
    <t>                                           COUNTY MEN NAB SLICK                 Caught down on a farm near { Strawbridge, Georgia after he had  tho role of "Will The Wisp" perfectly for slightly more than six months, Dan Lumpkins, i alias Will Lumpkins, was returned to Atlanta early Saturday morning for the murder of George Florence,                 World War Veteran, at his home, No. 4 Soyd street, Blandtown, January 24 this year. Just a few moments after they received a warrant lhat was issued following Lumpkins' Indictment by the Fulton county grand jury Friday afternoon, County Officers L. J. Dickerson, Slay, Louis Vinson, and Tom Davis, motored the 21 miles to Stockbridge to get  man. They were forced to wait until almost before Lumpkins showed  to County Officer Dickerson, Lumpkins left town the same night that the war  was shot in the back by some one who stood outside his window and  inside with the shotgun. Authorities state that they have the weapon and a clear cut case ?. the man. He denies shooting Mr. Florence. Lumpkins family  the day after the incident and a check has has been kept upon their movements since then. The fugitive, however, has been extremely elusive, having spent sonic time in Florida, whore his wife went to join him for awhile, as well as In all parts of Ihis state. Arresting officers learned that he was seldom ground being farmed by his  in the vicinity of the plot  f. tives and that when he did show up that it was generally laic at night. No date has been sol for his trial. The murder of Mr. Florence, who served overseas, whs the first homicide reported' in Fulton county outside the corporate limits of Atlanta, for this current year. Since that date, only one other victim of the six homicides reported so far     been a Negro. I</t>
  </si>
  <si>
    <t>                                           Caught down on a farm near Strawbridge, Georgia after he had played the role of "Will o' The Wisp" perfectly for slightly more than six months, Dan Lumpkins, alias Will Lumpkins, was returned to Atlanta early Saturday morning for the murder of George Florence...</t>
  </si>
  <si>
    <t>                                           The gang was all gathered in the office of Tommy Ryan's fight club in Des Monies one night several years before the war, yarning and discussing the show of the night before when in walked a flashy looking gentleman who asked the whereabouts of Tommy On...</t>
  </si>
  <si>
    <t>                                           Met at the home of Mrs. Ola Tompkins Sunday night, June 24th. The meeting was called to order by the president at 8 o'clock After the business discussion was over the Members enjoyed the delicious refreshments served by the hostess. Members present to enjoy the...</t>
  </si>
  <si>
    <t>                                           In Balm Suit                 Fighting the $200,000 broach of promise suit brought against him by Myrtle Ilazel Joan St. Pierre, pretty Pasadena, Cal.. nurse, David Hutton, husband of Aimec Semple McPherson, is shown in court (top).  t Los Angeles. Ho docs "not seem Tnuch upset by the trial, smiling jovially at the evidence. Meanwhile, his evangelist wife, ignorant of ihs court proceedings, is shown (lower) convalescing at a seaside sanitarium,</t>
  </si>
  <si>
    <t>                                           Truck Takes Plumbing of Vacant House                 Officers nro bu.-y tracing down the identity of two men who are sn id to have driven away a good sized truck  plumbing fixtures from a vacant house owned by Henry King, at 743 Simpson street, about 4:30 Friday afternoon. Mr. King states that he authorized no one to remove anything from the premises. According to information given Officers W. L. Owens und C. P. Whnley, the ton truck backed up to the house and the pair leisurely proceeded to take the  as though they were employed to do so. Included in the list of missing articles are: a wash . and fixtures, a toilet stool, "bath tub, kitchen sink and fixtures, and few smaller attachments, v. --I-,-</t>
  </si>
  <si>
    <t>                                           Held their weekly meeting at the home of Mr. Marion Armstrong on Greensferry Ave. June 23. Devotions was conducted by Miss Florence Post. Business was transacted in the usual way. The visitors of the evening were Misses Johnnie Carter, Carrie Marsh and...</t>
  </si>
  <si>
    <t>                                           The tub sounded, but whitenead was imploring someone to send Jack Fivnn to him. He avowed he wasn't going to fight any more that day. He has hurt his head and swallowed a lot of water so he said, and was going up in the boiler room of the steamer and dry...</t>
  </si>
  <si>
    <t>                                           GEOR GIA I .M. 15c  p p/ "WifiHcR TAKE ALL" tf</t>
  </si>
  <si>
    <t>                                           Automobiles Dangerous to Playing Kids                 Clifford Shanks, 6 years old, wns hurt slightly when he wns knocked down by ;in automobile driven by ,C. A. Kor.ion, 510 Boulevard. N. E. Friday afternoon. The youngster wns only slightly Injured. According to Mr. Kcrson. the boy ran out in front of his car as he was driving west on Fair street between Pulliam and Washington streets. Two white children have been kilted this week by automobiles, while a number of others have been injured, more or less seriously, by cars. Police officials nrc asking parents 10 check up on the playing of -children in the streets anil thereby help cut down on the number of accidents  can be avoided.</t>
  </si>
  <si>
    <t>                                           HOLLYWOOD. May 1.--Good news to some of us in the fact that Jill Esmond is being recognized by R-K-O.</t>
  </si>
  <si>
    <t>                                           LOADS and loads of values will be offered to readers of the Atlanta Daily World in the near, near future! There's something in store for you that will "make you share in the savings and like it.........or maybe, love it." Speaking of SHOPPING-TIPS, there will be more shopping-tips than we will be able to cover!</t>
  </si>
  <si>
    <t>                                           Our mid summer revival will be held June 27 through July 8, inclusive, Rev. J. W. Tate of Decatur, Georgia, will be our guest preacher. A large chorus under the direction of Rev. Lewis Foster will furnish the music. Miss F. B. Morrison will preside at the...</t>
  </si>
  <si>
    <t>                                           The Y. M. C. A. membership drive which was culminated here last night surpassed its goal in both the number of new members obtained and in the amount of money pledged and actually received. The goal of the five-day campaign was 500 new members and...</t>
  </si>
  <si>
    <t>                                           in the world W A-  Editor    ra.~ Marahall    1i "liar  rates [)M     . 11.51 I Wonth., 15.00: 3 Honlhj. ll.~l /. IN 18IIED DAILY AT 110 -UN AVK.I N. E. TEI.: \      H5   nd    0 Smt*    M Mcoad-  st     pout * at AtUiU.   .,  tha att of       3. \    HTHnr.R OF HIE AHSnHATFD        I TBI WORLD  no ; /or                  lata    ADVEnTlSINR BEPRrflENTATIVB W. n. /IFF CO- (ThUa*n.     Vork. I/Oi Ar.fr!</t>
  </si>
  <si>
    <t>                                           Wherever There's A News Story- News Cameramen in Moscow There's A Camera IT IS not by chance that news pictures arc gathered. Cameramen have to be kept in readiness near the possible sources of news stories so they will be able to get the pictures. Only a tremendous organization like International News Photos, Inc., could avail itself of the services of cameramen all over the globe. It is the world s greatest news picture gathering organization. The choicest and most interesting of; these news, sports and fashion pictures are brought to you each day by</t>
  </si>
  <si>
    <t>                                           CHICAGO, July 25 -- (ANP) -- Somewhat in self defense against sinister charges complied against him in New England and published in the newspapers. Bishop W. J. Walls of the New England district with headquarters in this city, issued a statement this week in...</t>
  </si>
  <si>
    <t>                                           BUY FROM WORLD ADVERTISERS</t>
  </si>
  <si>
    <t>                                           Up From Georgia With My Banjo By Thomas Jefferson Flanagan I FISHIN' FOR A CANDIDATE Got a panic hook on a hard time bait Fishin' for a candidate There're bushels in the campaign creek, Catch them suckers, man a week l(;i you ll never m ss the note That rocks the hillside fer a vote. In depression weeds I'm hid. Pullin' fer the highes' bid: Listenin' fer the keynote fork To drown the surface of the cork When one says I'll take your tote Back I hollows: .'Here's a vote." I get a f\ne do nothin' stool En it beats Ge Har-in' a mule: 01' farm all gone to the dogs Sinkin' down in mortgage bogs, Mcsquitoos bite, but long I wait: Fishin' fer a candidate.</t>
  </si>
  <si>
    <t>                                           Rev. L. R. Walker, pastor of Mt. Zion Baptist church motored to La Grange Sunday to preach the anniversary sermon of the First B. church of which Rev. Ray is pastor. Messrs James Middle brooks, Ed. Farnlield, Thomas Mathis, Eugene Tucker, Charlie Means...</t>
  </si>
  <si>
    <t>                                           CSpLINA                 Greenville. S. C.                 ilv i:. E. J.K:!tr,~:i                 CilliiiK                 V,V ;~yv L-liW ml; j:;-'H i-Vi.iv Xi:- i iri o in ii ~(.~'ji;-.i:l!   in sui'-ci lin.' i'm Uii- ur.iv N'l-L'i'n  t!i-.- wi.il i. Win- ti inn .--!- ~:i!:- U!M"*i vki iii* vou:' I'ficru:.-" ;i:ui     il: hl or.-f U I !-. Il'I uK IX1 l"l'     I IL'1'.-U Ul i I :c;i.-on why you .-I'.' I  *.j!"'. :.:nl il ;l !j;:~ht      *s"u- i                 moes for Negroes ila:iy. In Hospital Tilt iji.-Kiv fi-:i-:i(:.-- i)f .M.-s. Hat:."  rear.sou will ni ii i lo learn that .-'nc :s in the Wi rl:ii:;r Hi-Mi/ Hospital. Wt aJi wi.iii llW I!  l)fi-'lv  ) Jl'-I illness. To Charleston Mrs. I.viia Mockmoml. M:-. i 1 Mrs. K f. M:i:i:iv. Uev. C. I-1,     !v. Mi-.~. Mattie Thoma.-. l'..-ss Tl;omr.son. K.-v. \V. I.. Marun. a:~! his sun. Kahili,  il lo Charli1.-Inii Tui's.!:.v I.. at:.-iul tin- Uauti.-t Suiulav sihi.nl ami H. V I'.  inn. Annual Scsnion Tin- l'.tli Annual '..ii ,i:'  Samlav si-Ikm,;  11. Y. U. I'DiiV'- will he l:i'!i! with Ktuifi'i.- '.'nil; Hantisi f!nn-i-i:. - 2li  1M. H..-V. .1. Aiii-n. mi-s. H. 11 Aniff.i-. si-~.-i-i-i:-.rv. Tin- J"      .;.~s:vi-  -lolin Wi-slov M. K. .~'nui.-li i-:il.~:-~a:tli il at Martin. lair Tii'- i,i:.'!:'.  a ~.li -n '!'. A i. i- m' Lrut-sls .' nn sL lil aini it was a f  success. III Mrs. Aiii-e Sinai! m" !-~lml stroll ct  s ;1! at Iht i'.~    '. Mrs. Hattie Powers of Broa,! stru(,*l- ;s ill at th'1 C:iv hospital where  has I.eer. -M- lor more th:.n three :~. A   ball was  at tin' Washington Sltvia l.all Tiiuvstlav . l lease nia-1 all social am!  news tu K. Iv Jtickson. I'. Bex 1)75 or telephone ,'1,'. Mr  Mrs. li. C. Kmickies of la Miirsaies street  a few of their  Mor. . Whist was tin: feature d: lite  Mr. Ilance Smith, of Caliioun   to he mil ::i;iiin after ' I'onfMU'il in- for more than two months.</t>
  </si>
  <si>
    <t>                                           We are calling upon every Negro in Greenville to subscribe for the only Negro Daily in the world. When our solicitor calls upon you or your friends and neighbors to subscribe, let there be no personal reason why you shouldn't support and read a paper printed by...</t>
  </si>
  <si>
    <t>                                           MRS. MUNN   rt ai,   AN1  ADVJSOIl ft^TH If ))-, (i failure In Hm^V*   En for     . If in **,          ,' worried over l.       *x, family or  affair*. tUU  clairvoyant ami [ will Irnlhfiilly  mul help you   -IU (lie  nv*t    you  know It. the  a* II it  Ilir future its it will be: trIK full namo of whom you will marry. Iteadinx , 10 a. m (08 p. m. No  Sundayn or Friday*.    i.icn.      for number- Waahinclon I. earn   ( IH3C Ukcwood Ave. Atlanta. Ca. TAKE A U 1! ANNIVERSARY DAY IS TRAIN TRAVEL DAY ON THE Southern Railway System June 18, 1932, Is the Date OWE CENT FOR EACH MILK TRAVELED Father! Mother! Sister! Brother! Yon cannot afford to miss this great bargain redaction. Make it a family matter. Get  with a train ride. Visit relatives, friends, to to the city, ro to the , to for the simple pleasure of a train ride! Follow the crowd! Safer than  at home! /V RETURN AT YOUR ? ANY TIME PRIOR. TO MltT NIGHT, JUNE 26, 1932  B These tickets will be honored on all trains (except Crescent Limited) and will be accepted lor passage in sleeping and parlor can upon payment of Pullman charges. This exceptional redaction In fares h  in  of the thirty eighth  of (Ac' formation of tht Southern Railway Company, also to  the young-. folks an opportunity to enjoy the  of their  train ride. Buy your Train travel tickets well in advance; lt: us to provide- extra- cars and xtra trains for your accommodation. Remember these tickets will be sold from all Agency Stations to all.- stations! on the Southern Railway System. Also to many points on other lines. Make your sleepin; car reservations NOW. Consult Passen,(ter, Traffic / arid Ticket Aecnls'for full.. Uon.  FRANK L. JENKINS. Passenger Traffic- Manager Sout^^rn .Railway System</t>
  </si>
  <si>
    <t>                                           Miss Emma Greenlea, teacher of Thomasville, spent the week-end visiting relatives and friends.</t>
  </si>
  <si>
    <t>                                           Elk Oratorical Contest in Florida Won by Atlarttiit                 LOCAL GIRL, 1. AWARD                 Miss Beatrice Maxey Did Same in 1926; California Next                 WELCOMED HOME                 Miss Jean Hargrove,  honor graduate of the current senior class of B. T. Washington High school, Atlanta and a product of Mm. L. D. Shivery, capable Instructor of Public Speech and  of English at the institution, flushed an eloquence                 doni heard by an audience at the Florida A. M. college auditorium Tallahassee Tuesday evening at 8 o clock. The result way a decisive victory for the Alb ma. girl over brilliant representatives from North Carolinn. South Carolina. Georgia and Florida, in the Sixth Annual Regional Elks' .Oratorical Contest. The names ot me speakers did not appear on the program, nor did any other information likely to cause the audience or judges to take a partisan view on the candidates. The contestants were designated by numbers,  which indicated the order of speaking. The program of the night carded  prominent figures as Rev. C. P. Allen pastor of St. Mary's Primitive Baptist church; Dr. J. R. E. Loo, president of Famccc; Dr. H. A. Anderson, Florida State "Director:- RX'.Er Pharrcrw. Regional Director; and Hon. Joseph H. James, president of the Flurida State Assoclatoin. All the orations were good and, Miss Hargrove's determined competitors ut first looked the part of winners. But when Mlss Hargrove unfolded that  passion, burning eloquence, and dramatic voice before those morn than a. thousand listeners there came over all present a growing feeling that there the victory lay and so li did. Instructed not to applaud nt all. so. great was the Atlanta girl s deliverance that time had to be taken out for  he house to be  again, once she hud resumed her scat with the rest in the judges' hands. When tne suspense was broken almost :l half hour later. It was with much relief and decision that the  girl took her quarters. Continued on Page 5, Col. 7                 Elk Contest (Continue*! from Paere One) and gowned for the reception in the school gym Miss Hargrove was given a royal i welcome in Atlanta by a special party of motor passengers  students. Instructors, anil graduates of B- T. Washington Hi school when she arrived at the station. From Terminal station past I Atlanta university down W. Hunter . into 'C' street, then up Beckwith street and so on. until finally the circuit was temporarily  with Miss Hargrove bein;; escorted home where she received a chance to unload whatever belongings happened to be with her. All the various cars (Lucy Keevos, C. N. Cornell, the Moon-s. Principal Harper and William Arm-Id) soon departed, with the ex- 1 ception or the Cornell and Harper automobiles, both of which, at the j invitation of Mrs. Shivery, unloaded their passengers at Sims. Cafe West Hunter street, while Messrs. C. L. Harper. C. N. Cornell. Lucius Jones anil William Arnold. Jr.. and Mesdames C. L. Harper and L. D. Shivery, and Misses Jean Haryrcve an.l Winifred Belle Johnson enjoyed :i highly sumptuous breakfast and called it a day.      Hargrove will receive her SI 300 four-year collet:.- scholarship at the formal program in the month when R. E. Pharrow. Regional Director. Is able to figure in the doings. She expects to make the trek to California for the National honors. Her chances are superb, brighter than those of practically any other speaker to represent Atlanta since 192U when Miss Alva Beatii.v Maxey. then of the Clark University High school department, went all the way to the i finals, losing national honors (first I prize) in the most heated sort of a dispute, riot, and general uproar.</t>
  </si>
  <si>
    <t>                                           Miss Jean Hargrove, attractive honor graduate of the current senior class of B. T. Washington High school, Atlanta and a product of Mrs. L. D. Shivery, capable Instructor of Public Speech and head of English at the institution, flashed an eloquence...</t>
  </si>
  <si>
    <t>                                           Glamour is what the girls are after. You know, "She walks in beauty like the night" all that sort of witchery stuff. The indefinable, illusive no-word-for-it splendor that provokes the dapper male passersby to take a second peck out of the tail of his eye.</t>
  </si>
  <si>
    <t>                                           T r Read Every World</t>
  </si>
  <si>
    <t>                                           Barber Drops Dead From Heart Attack                 Clarence hates, son of Bob Hates, prominent churchman. 1'ell dead as a result of :i heart attack .Saturday  while working in his father s barber shop, .13 S. W. Korsytli St. Youiiic Uatcs, it is said suffered with an attack of indigestion Friday, but  had recovered. Funeral services will be held Monday al . David T. Howard and Co.. in charge.</t>
  </si>
  <si>
    <t>                                           MESCAL IKE                 Such a Place                 by ART HUHTA                 PHILO VANCE                 The Skull Mystery                 by S. S. VAN DINE                 TIM TYLER S LUCK                 Through the. (Classes                 By Lym Young</t>
  </si>
  <si>
    <t>                                           ' ATLANTA S  Jf OWN AM Bf  UlARKE i; ALL  ONE m ROOF** l:-_ Corner Edgewood and Butler t'~~ ENTRANCES ON FOUR STREETS J ~.I- EDGEWOOD- BUTLER BOAZ BELL BARGAINS FOR TODAY AND SATURDAY J.^ OPEN SATURDAY UNTIL 11 P. M.- FOR. YOU! t FREE! FREE! ffi I  = J How would you like to have JH.CO H Win   B IV\ a..;, for  Ilrlnr this ad la Hut- Ur St. entrance and     the       women will be elver. Money- ^^B gk ^^l ^1 S.rln, Coupon nook. All other* ~^f BW M IM .lnr ll.   .d will   .e . B*M  AB  1 Bill Z   ; of  one of  . fur MM^ ^8 4 P     Hlitall  of 25c. lie KUre to let on* before you do your trad- C I I .A ^Mt No-Rind 3 Acme Market I 20c Kind 'A j f Lamb Leg .lb 20c BUTTER 3 LAMn f Shoulder, lb. 10c Ful1 Crcam 1 fC 5 P0T Best Grade 3 Roast lb. 121/2C Complete           of I I PICNIC Fresh Meats at the Right Hams, lb 10c p"   - 5 j JD. F. HAMILTON E7Tlhi"" from Sou" to Nu" BOOTH 52 Undel"      roof' Fro"h Co""- j'; Fiancy Honey try Produce*  l   " prices. 2 NEW CROP 20c a Jar                  nnd 3      difference and ! J JJ^ JP^ RF!I)2) Booth Conntry^ured llama, and ! Poultry, Kcitk and Fresh VcjcctnlileH 1-Ve.h v.rH 84 J FfTC n..-~ FRYERS 1 J,l.(~b, 1)O/.. lOj/p Mre..ed Ire.- While  n_ I Or HENS, Lb. L7 0."^ A" sil"                 7TTTTVVTTTyTTTyTTTTVTTTTVTTTTTTT\ CASH PRICES FcH Today and Satiapday NUDO and OBOY BREAD Southern RoBIs and Cakes I CANOVA COFFEE "Try Canova^ YOU}LL BE DELIGHTED White Provision Co. Corn Field Products Hams, Bacon, Sausage, Etc. BALLARD S OBELISK ;%-- flour S11^ 1 ^S? 24"lb- Bag 83c ^BBP KFl0UI1 1 2-lh Baff A'ip A 1 BALLARD S SCRATCH FEED 25 ibs. 49c Dixie Crystal SUGAR 5 lbs- 22c Loose-Wiles' SUNSHINE CRACKERS 2Pkgs. for 9C A" favors BARRETT S FOOD PRODUCTS Salted Peanuts and Potato Chips i. Always FRESH!</t>
  </si>
  <si>
    <t>                                           (LITTLE) Joseph F. Fielder Watchmaker i 370 Peters Street, S. W. I Cor. McDaniel St. I mrs. munn nng SPIRITUAL MEDIUM'' gfl^^n If unhappy, a  *y!flW  or love. ^S message I* for you. 'I If in t.-. onli.ppr. worried .vtr .. family or lore        , mil              and palmist will truthfully   Ivii, .nd'      you: tell* t.ic pant    you alone know I II. Hie  as It If and     fu. I It will be: tell!.- full' mm. of whom rim will marry. Readlac daily. I 10 a. m to s p. m. No  Snni"    or Friday*. No ticn. look' for I number- Waihlnilon Lakewood can      door, IMS Ukewood ;Are. AtlanU.</t>
  </si>
  <si>
    <t>                                           HOLLYWOOD, Cal. July 20.--Upholding 1932's reputation as a year of upsets, Fix will not retain the Janet Gavnor-Charlie Farrel combination after all. He will go to Warners to play in "Central Park," while Alexander Kirkland steps into the male lead of "Tess...</t>
  </si>
  <si>
    <t>                                           HOLLYWOOD, Calif., July 8--Newest plan of the busy Samuel Goldwyn is to bring Sidney Franklin, the Brooklyn bull fighter, to act as technical adviser on Eddie Cantor's new comedy, "The Kid from Spain."</t>
  </si>
  <si>
    <t>                                           ' A  FOR W Aft F hj II FASH lOf^sil .CLUBS I f* i^          ^~V^*.rV j[ J       ;S'g</t>
  </si>
  <si>
    <t>                                           NEW YORK, June 28.--Joining former and labor organizations with 15 other organizations includ the Notional Associatio for the Advancement of Colored People through its Assistant Secretary. Roy Wilkins, who went to Washington made it plea for direct...</t>
  </si>
  <si>
    <t>                                           LADIES!! Your Attention is called to the following Specials ip HATS TO SUIT THIS HOT SUN ^E ^ D R E S S E S k FOR ALT. OCCASIONS ra STREET DRESSES WHICH WILL PLEASE YOU -s HOSE AT POPULAR PRICES A Stylish Stout Department Attractive for Large Ladies Assortment" of Lingorie Prieef in reach of           Yet,' Indeed,' you get Qualtgg3*  Courteout Service at.' 1115 WHITEHALL ST.' Under New' Management</t>
  </si>
  <si>
    <t>                                           Kindly arrange to pay your paper boy each week. If you fail to pay your bills you should not expect to get good paper service.</t>
  </si>
  <si>
    <t>                                           Lola Carewe, night club habitue, receives a death threat, New Year's Eve. Previously her dog and parrot were mysteriously killed. District Attorney Merle K. Dougherty suspects Lola of being the "brains" of the jewel thief ring that has baffled the police. Although her husband...</t>
  </si>
  <si>
    <t>                                           Bailey's GEORGE BANCROFT and MIRIAM HOPKINS In Bailey's Tonight 12:01 M 1^^ M J^l TH^: _jf^c*":'- ^ H BalgB^Uffl By all means-See It! He knew the law-of the jungle-Get what you</t>
  </si>
  <si>
    <t>                                           ROUND ONE--Lean and browned, Schmeling dashed into Sharkey, who met him with a short left hook flush to the jaw. Sharkey boxed cool away as Max rushed in with a right to the body. Standing straight up, forsaking his former crouching style, Max...</t>
  </si>
  <si>
    <t>                                           Club Wiiii I.osl 1'it. I Minimi' SI 7 Klii C'IiIhiro 111 K 7!I'i Nashville 71 ].i (ill! MnliUnniery 17 501 j Memphis 22 22 5011 I. H 17 43.'! .lll.        )l 1'.) K\</t>
  </si>
  <si>
    <t>                                           [FunerafrNotices 1                 TURNER Mis. Louis Turner, 8 Richardson street, passed away June 27. Funeral will be announced later. Cox Bros. ALEXANDER- Mrs. Annie Mae Alexander, 363 OKI Wheat street, daughter of Mrs. Annie Fraiser. passed away June 27, 1932. Funeral announced later. Murdaugh Bros. 1 BRISCO- The friends and relatives of Mr. James Bliseo and Mrs. C. B. Brisco are Invited to attend the funeral of Mr. James Brisco Wednesday at 2 p. m. at Cosmopolitan A. M. E. church. Rev. A. R. Cooper, officiating Interment South View cemetery. Cox Bros. THOMAS- The friends and relatives of Mr. nnd Mrs. J. Beavers. Mr. and Mrs. Claud F. Marshall, Mrs. Pearl Scott, Mr. and Mrs. Johnnie Bell are invited to attend the funeral of Mrs. Nellie I Thomas Wednesday at 2 o" from the chapel. Rev. K. II. Burruss will officiate. Interment Lincoln Memorial cemetery. Ivey Bros., morticians.</t>
  </si>
  <si>
    <t>                                           The Isrealite Club of the Mt. Carmel Baptist church met at the home of Deacon Robert Fremond and Sister Fremond on Auburn avenue, with the president presiding. After business, Sister Mary Patterson read a wonderful scripture lesson which was responded...</t>
  </si>
  <si>
    <t>                                           HHf. WIFE, HUE BOTH JAILED                 Claim He Snatched Pocketbook; She Scared Victim                 DREW LONG KNIFE j                 H'-r husband just b-.ur.d over under S100 bum:.- for mob'-ry by sn.-:. -Mrs Mamie Aschew's attempt in cut Miss Josephine Sruidcrs. nf 114 Grew: aU-in-.t. wh.. t- against her mate, at the i-U'sof th,- trial  in her bi-i:iK  a twenty-dny s. in ti.e                 .stockade in li'-u of a S\2 lino. Miss Sanders shortly hefore had     ! the court how Dewey Aschrw had snatched her p-ckd book containing $3.75  March wh:le was walking down Sprlr.g 1.. Aschcw denied taking the \v..man s , after toiling ;he court Miss Sanders had given him the money to H'-t his - mil of pawn. He sain that he ha.l lived wilh Miss Sanders two year? auo. but wh.'ii asked by Jiirice Cniloway. i ci not know her name. Miss Sanders r.ald :h.-it siic  never bi tor,- seen Anchcw until he look her pr.. Just ;.s Miss Sanders  Mrs. Asrhew 1. ft the , according: to Miss Sanders, the man s .wifo made an attempt to cut her. She  til'' aid of police. Detective \V. M. Holland trailed ! tiie two. Just as Miss Sanders crossed Decatur street toward Piedmont avenue, according to nor s-at  to police Mrs. Aschcw, drew a switchblade knife, which was later  In i-. She was placed under arrest and in less than five minutes was1 brought to trial. Mrs Aschew j;nve her at:e us 22. and said that she lived at 1103 StP-i-t Charles place. Miss Sanders lives at 2-1 Grcj^ slrc.'t. j</t>
  </si>
  <si>
    <t>                                           Her husband just bound over under $100 bonds for robbery by snatching, Mrs. Mamie Aschew's attempt to cut Miss Josephine Sanders, of 24 Gregg street, who testified against her mate, at the close of the trial resulted in her being given a twenty-day sentence in the...</t>
  </si>
  <si>
    <t>                                           IjiiffgffflflWWiwriMWffTffiirii^ ^~b^t ^^^^VfllP^Hl 1</t>
  </si>
  <si>
    <t>                                           MISS ELOISE CLARK of New Orleans, La., is the guest of Dr. and Mrs. E. R. Robinson, at 340 1/2 Auburn Ave., for a few days this week. The charming visitor accompanied Mrs. Robinson to this city from New Orleans, where the prom inent matron is engaged in welfare...</t>
  </si>
  <si>
    <t>                                           INSURANCE GROUP 111. G. MEETS                 "RALEIGH. N. C July 18  AN P)_Tiw North Curollna Negro Insurance Association, met here recently in a successful meeting. Among the numerous speakers who brought messages stressing continued effort and greater co-operation were F. J. Carnage ex-president of the organization, J. A. Blume of Winston-Salem, C. C. Spaulding of Durham, N. T. Mitchell, Ruleigh and E. Mitchell, Winston Salem. Newly elected  are J. H. Alexander of Wlnston-Salcm, Pres. R. F. Lee of Wilmington, vice president, P. T. Boulwaro of New Bern, secretary, assistant secretaries, Misses Alma Harris of Winston- Salem and A. E. Spcurs of Charlotte. BIKE IS STOLEN Edward Banks, delivery buy for the drug store at C07 Washington avenue was robbed of a nice bicycle; at 7:30 Sunday night when he noticed that someone stole it from it s parking place in front ot     store. Officers Tippen and Pittman started an investigation.</t>
  </si>
  <si>
    <t>                                           A musical and literary program was rendered at the Friendship Baptist Church. Thursday, June 16th for the benefit of the Old Folks Home for colored. The program was very interesting. Those participating were as follows: Rev. W. T. Arnold, Rev....</t>
  </si>
  <si>
    <t>                                           HOLLYWOOD, Cal., July 20.--(ANP)--Are many babies reared in Hollywood? Now there is the question which no doubt arises in the minds of many persons out-side the pale of the glamorous mysterious Cinema capital of the world. Well, yes, there are, for...</t>
  </si>
  <si>
    <t>                                           Hit Daily FREE, FREE, 1912 INSIDE DOPE w  t HIT with Claital Home, Cmb, Stock EkUhio. Bondi, ElMtHc, Motor. Ritfn Ktcn ml Norabcn I" Blgttle, 200 W. 133d Sl.Ncy/ York I</t>
  </si>
  <si>
    <t>                                           ) IN BACK                 James Banks. .10 '-j Boulevard, rc.ir. was stabbed two tii::cs in ihe; back /by .lack and .Tnim Henry. whom he d lcl Offi'-crs Acre an. 1 1 Nnrlon. lived on r,di:own,,d avenue He was treated at ill" Grady hns- 1 . The i. were lol.l that! ho \var.ted the (wo men ni--il.</t>
  </si>
  <si>
    <t>                                           Baptists of the northeast district of the state, who have been in session since last Tuesday morning at the Forty-fifth Street Baptist church will since their four-day convention tonight, at a final meeting in which many speeches will be made.</t>
  </si>
  <si>
    <t>                                           'COOLS OFF' SIS BVD'5: IS FIRED                 Jury Frees Austin of Two Whiskey Accusations                 WOMAN TO GANG                 ii"ually  "I1 hl:: :;l llt .ii-i-vi-: and .-.-rin;: a fiery   wcc-h to a jury in Jinlr.i- V. oo(i s ti ,n of the Atlanta Crlminr.l ,.,,.,r! in which be  that tl c-i-' V.-.V- no ; to show thai his client soM H. W. Wilson. ~-o:im. liquor June 1. and severely                 .g the white n-.an lor tnK- i ing off his 13. V. D.-s m n colored woman':; house to "coo! off.' At- -y C. Don Miller -.von a  of not guilty Monday for Abraham Austin. The jury deliberated for about an r.our before ! it s decision of acquittal. According to Officer W. H. Woos- .-.ter, he wont to Austin's home at i ia-i Spring street upon a complaint I between B and U days on the chain- inc. He watched for some time.  seeing the white man come back to the house ami j.:ei a pock- i a ne. Ke trailed him and found; that the package contained a pair of BVD's. The officer admitted that he found no liquor on either the woman, Mrs. Mary Stovall. who lives near Austin, the white man. nor about Austin's premise:".. I It was brought out in later - j mony that the ..white man served/ between 8 and 9 days on the i.-!iain- 1 gang following his trial in the Re- 1 corder s court. June b' in partial pay- i mem- of a SIT fine, while the woman is still in the stockade for her j disorderly conduct. j Mr. Wilson, cringing under the cross fire of questions by the defense attorney, admitted that kej took his BVD's off but kept his trousers on. He said that he was i hot all over and that he removed the undergarment to gel cool. He also added that after drinking up. the two pints and a hal:1 ; which he claims that he purchased from Austin, that he went hone1 to get more money, returning soon, to get his discarded underwear. Tile defendant, in a short a::d terse statement to the jury - ently denied selling Wilson  j liquor that day, claiming thai he didn't have any on hand  '.hat he hadn't been caught with liquor; in l;is possession, and that the others were angry because iie :i;.ci been given his freedom in '.he Kccorded's cou^'t while '~hev v.v:c punished. An .pt on the part of itie prosecution to introduce the lac; that Austin had Jieen convicted i several times before, for hav:r.::l liquor, one ui which led to ;:ii; eight mo:-.:hs sentence, came lo naught as i: ns argued thai he had paid his cicb; to society or. tho.o occasions, and that his last acts had ; to tio with the* case under considera'.io:]. Austin \v;ir. charged with the i5:i of liquor in one count and the sale of two and a half pints to Mr. Wood in the other count.</t>
  </si>
  <si>
    <t>                                           Actually rolling up his shirt sleeves and delivering a fiery speech to a jury in Judge Wood's division of the Atlanta Criminal court, in which he stated that there was no evidence to show that his client sold H. W. Wilson, some liquor June 1, and severely...</t>
  </si>
  <si>
    <t>                                           HOLLYWOOD, Cal., June 16.-- Whether or not it signifies a final parting of the ways. Ralph Forbes will remain in Hollywood to do a picture while Ruth Chatterton sails for Europe.</t>
  </si>
  <si>
    <t>                                           Open Play Sensation                 The bis surprise package of the first round of the National Open Golf Tournament, Olin Dutra, of Brentwood, Cal., is shown making one of the long drives that carried him around the Fresh Meadow Country Club course at Flushing, L. T., for a sensational 69, one under par. Bills Burke, defending champion shot a 76 in the ODenine round.</t>
  </si>
  <si>
    <t>                                           TO EUROPE                 DR. JOHN M. CANDY For SO years an .  in Virginia anil lone president of thr Virginia Stale Cllecc who will lour Kumpi- for :i "ell i-  this summer,  UiW 'his month.</t>
  </si>
  <si>
    <t>                                           MISS ANNIE SAVAGE, who is in Birmingham doing research work for the Social Service Department                 of Fisk University.- Photo by Cloud. Birmingham.                 MRS. LOUISE STROZIER and daughter, Edith, age 3hi years, of 718 Twelfth street, West Palm Beach. Fla.. Mrs. Strozier was formerly Miss Louise Marshall of                 Atlanta.- .Photo by Hicks New Vork and West Palm Beach.                 MRS. CAROLINE LEWIS.          Institute, Ala., who recently passed away at the uge of 116. Hells to the filth generation survive.                 REV. H. T. WIMBERLY. popular n.- nf Mt. Calvary Baotist                 church, Jacksonville. Fla.. Photo by Weems, Jacksonville. Fla.                 PROF. R. M. BEAVERS. B S.,' head of the science department at G. N. A. college, Albany, Ga. He also does chemical analysis for a white Health System in his home city.                 MISS CECELIA W. THOMAS, head of the English department of the New Orleans High School, is visiting her brother and sister, W. D. Thomas and Miss Hnttle Thomas of_Atlanta.                 -Photo by Kelly, Atlanta                 MRS. ALVIN CA'.'.TER. 1354 Lamar Boulevard, Memphis, newly elected president t the Twelve                 Buddies Club.- Photo by Hooks                 THE ATTRACTIVE RESIDENCE of Dr. R. B. Jackson, 1404 South Street, Nashville, Tenn. Dr. Jackson is one of the most prominent physicians and  men in Nashville.</t>
  </si>
  <si>
    <t>                                           1 _jj^.N.s.~ ^  ^             ^v^lJ Section II of Atlanta Daily World, Jacksonville, Birmingham and Mi- Worlds</t>
  </si>
  <si>
    <t>                                           The Funeral Rites of Mr. Charles, Shepherd were held Wednesday, July 13th at Fairview Baptist church. six miles Northeast of the city. Mr. Shepherd was well thought of by both white and colored. And too, he was well thought of by some of the best whites in...</t>
  </si>
  <si>
    <t>                                           Canton, Ga.                 little Wti'h.c:- JohnsT, -a ho 'Irs Morris nf Woodstock I. "'Mr nnd Mr.. Chester , and Ruth Fam'oro spent til.     day afternoon with Mrs   4c Wood HKlstlnR. The  s  to ! .nnd - arc wci S to ;-U ,!*. of .he v.r.ous  of the Z!on church Mr" J.-.nie .,-,1 nn.l M. McConr.uil spent Mist week cml in Roswell, Ga. Mrs. Maggie Glenn ima Leila M. Miller arc spending the; week end 1,, Woodstock, Ga.</t>
  </si>
  <si>
    <t>                                           Your Loved i Ones Bury them out in beautiful SOUTHVIEW CEMETERY Eitnblithcd and operated by colored people for the        of  dear to them. Lots For Sale I'hone Wa. 0922 j BEN H. TOWNSLEY, Prei. j LEWIS G. WATTS, Sec. i</t>
  </si>
  <si>
    <t>                                           Cheap Excursion- -Saturday, July 2nd WrlKhuvlllr Bitch. N. C.. and Myrtle      , 8. C. .51.00 Round Trip Hood 10 Day* WriKhtsvlllr Ileafh, N. C. and Myrltr      . S. C.. J6.00 RbunJ Trip I Rocd D Oayn *. N. C. ami Itrtnrn SM.OII. Cood to .i TtckrtM , C Dayi $8.00 Norfolk. Va.. and ;t*turn, $1:1.00.  10      .         Cood 5 Dayi. 11.00 Kichmond. Va and Norfolk. Va., Hound Trip Good i Darn, $7.00 Cliarlraton S C. and , S. I.'. SC.OO. Good 10 Dayn.       % Good k 5 Days. H.U0 Augusta. Ga.. and KMurn.  3 l)   . J3..'.0. I wa.3666 Georgia Railroad *-A. 27^ ^                 f f                  'TT,TTTT TttTf; June 25 is the Date t OF THE ONCE-A-YEAR I BARGAIN FARE t FROM ALL SOUTHEASTERN POINTS TO All Points in Texas On June 25 the Southern Railway will sell from all sta- tions in the Southeast ROUND TRIP TICKETS to ANY POINT IN TEXAS at ONE FARE plus 25%.. Return,; li^nit July 17, 1932. Stop-overs . Half fare for children between five and twelve, Under t five years of age, free. 150 pounds of baggage checked free. Example of Fares (Round Trip) i Atlanta-Dallas _l_$30.43  Macon-Houston ..$3,8.43f5 K Brunswick-Ft Worth ::$37:47 Gainesville-San Antonio $40.05 Inquire of Ticket Agents for fores between other points. J SOUTHERN RAILWAY SYSTEM i E.E. Barry, Asst. Gen. Pass. Agt., Atlanta;-.   : ''""""'"!^""'"^""""""1"'</t>
  </si>
  <si>
    <t>                                           Insurance Covers A. U. Apartment Fire Losses Water and smoke did considerable damage to the apartment   by Atlanta university at 807 Greensferry avenue shortly before 10 o clock Monday morning when fire of an unknown origin completely ruined the root of the structure. No estimate has bmn made of the loss but school authorities state that it is  covered by insurance. Every one in the house managed to escape without injury. Those occupying the four apartments in the building are: R. A. Arnold. Mrs. Daisy McClure, Clarence Johnson, I and Mrs. Hill The furniture and walls were soaked by the water.</t>
  </si>
  <si>
    <t>                                           Largest Industry in Harlem Begins Its 11th Year                 NEW YORK, Junr "2- flu: Belstrat Laundry, ill Wcs; Mllih street the  Net;ro- owned industry in Harlem, has just entered upon :\s  .successful year. The !:u;p.('.ry has boor, appraised by the S'ainlarcl Appraisal. In.\, at 51UU0. UUU. !t o:r. tit) people and ha:; a SI. DUO wei-Hly payroll. Th-..1 !:  ;iu!ry was s;n:tcd by t.\vo . Davul and .1. Collins Doh;^. Dnvid is prL'.^ and Colhr.5 is tl.~l'';^lr. They started with S:").0OI) s: while waiting tables ;or tho L;ic)~-.:i . They are from North Carolina. David Doles is now .serving tils second term as president ot the Harlem Business Men's CIuB. A.N.P. STAI F WHITER ON  WASHINGTON. Juno 22- (ANP) Tiei'.r.vant (Andy) Arn!eison, WashinKton representative for the Associated Necr0 Pros.s. left V.".-ish: Friday nicht for AtIinla. Montgomery, Mobile and Xew Orleans on a trip designed to gather  for special  ^' conditions in there section.- of the South. 2,500 miles will be covered by Mr. Anderson. In securing first-hand information from personal study of existing conditions In tho Piedmont Bolt.                 BAD 1KB hy I. P. Reynolds They say n "stitch la time  av6  .V -."" bui D- If It aln l-Kolntf. to take more  one   In your./r head to nave your  whon, .1 v throw this BRICK BAT. 'i'i.-?~</t>
  </si>
  <si>
    <t>                                           Probes Heir's Death                 Sheriff Trancou Scott, 'of I'orsyth County, N. C, who is" conducting the  into the death of Smith Reynolds,  heir, at his Winaton-  !em i uWf. Sheriff Scott  the coroner s verdict of suicide stilting hia belief that some other hand thun thut of the  ici'.:ii i:  ;-rj tlie  sl'.o1..  :s tht Lufer pi?:ol from which c;    Ui^  bullet.                 r r</t>
  </si>
  <si>
    <t>                                           BARGAINS IN 23 discontinued colors of Coo ledge Hygrade    "~ ftP House paint; regular $3.45 grade *\~A-~*J 3 discontinued colors finest Oi QC Porch Paint .T  PJ-*''~J 6 ct-lor. Crystal House Paint; regular $2.45 (I?"~ /It grade $1.10 $ discontinued colors finest Flat ti**1 yiC Wall Paint $~*-.*~. Our Mitchell Street Store will be the  for we want to sell quickly, nt ~; reduced prices, close-outs, discontinued colors and other paints that FJ.              PAINT MANUFACTURERS FOR 50 YEARS B 138 MITCHELL ST., at PRYOR Phone WAInut 9177; I Note We alto carry our regular line of Paints at this store M BBs^BHBnBsViB^B^Ba^B^B^B^B^B^B^l^B^B^B^B^S^B^B^^B^B^B^i^^^3</t>
  </si>
  <si>
    <t>                                           7 ZZ SOUTH CAROLINA         ^aa News of Your Home Town sr1FLORIDA -J</t>
  </si>
  <si>
    <t>                                           The Dublin Athletic club played the White Sox of Macon, Ga., the game was worth seeing. The boys fought with a good spirit, but did not worry when Macon scores began to run up. But in the last half of the ninth inning the Dublin boys spirit aroused and caused the...</t>
  </si>
  <si>
    <t>                                           Met at the home of mrs. Freeman. 61 Dora St. Business was briefly discussed. The Belvederes are giving a red hot cotton ball July 18, at Sunset Casino. Visitors and friends are invited to come and dance with us. The next meeting will be at Mrs. Lula Cornelius, 175 Chestnut St.</t>
  </si>
  <si>
    <t>                                           NEW YORK, July 14.--(ANP) Colored ex-service men with their discharge papers and some good track workmen are needed and can secure work at the new Hoover Dam near Las Vegas, Nevada, according to a telegram received Saturday, July 9. by the National...</t>
  </si>
  <si>
    <t>                                           Miss A. Gulden is attending the convention in Jacksonville. Miss Gulden is a reporter for the Atlanta Daily World at West Palm Beach, Fla.</t>
  </si>
  <si>
    <t>                                           LeGree and Savannah Russell, 94 Young street, boy, June 4.</t>
  </si>
  <si>
    <t>                                           NEW YORK, June 21.--(ANP)--Once again the numbers. If a man now out of the racket wants to get into the number business, he stands a poor chance. Organized on a big business seale, controlled in Manhattan by an Irish lad, who three years ago was collector, the...</t>
  </si>
  <si>
    <t>                                           The manly art is decidedly on the up and up in Atlanta. Developments of a significant nature have come to pass and on Monday night the addiets will be treated to a look in on Bearcat Obie who has not shoved the mitts in an Atlanta enclosure in just about a year.</t>
  </si>
  <si>
    <t>                                           NEW YORE, June 21.--(ANP)--The Jane number of the Birth Control Review is devoted almost entirely to a series of articles by eminent Negro writers and sociologists on the subject of birth control. Although comparatively new people, white or black, will admit an...</t>
  </si>
  <si>
    <t>                                           DETROIT, Mich., June 28--(ANP)-- The National Independent Funeral Directors Association, a national organization whose growth has been so rapid and substantial until it now embraces most of the successful morticians of the group throughout the country, began its 7th annual...</t>
  </si>
  <si>
    <t>                                           Death in Illinois River Starts Quiz                 PEOR1A, III.! July 23 A thorough investigation? i s being conducted into charges that five policemen, escorting Dempsey McNeal, 2G and his younger broth* c, Meivin, 21. Pooria young men outside i he city, forced them 10 wade into the water and then fired ov-r their heads. The body Of the older man was found seven miles below the  in the Illinios River Monday. According to young McNeal, who form.rly lived in kittle Rock, Ark..     -y had been arrested for molesting white girls and the officers were seeing that they carried out instructions to make them selves scarce about town. He claims that t)i- policemen mad*                      wade into the water and that his brother became so panic stricken thai he lost aJl control of himself and drowned when the shooting .started. A pocketbook containing t ii       was found tightly clutched in Mr. McNcal's right hand when the body was found. A Pekin policeman was  SUoned in addition to lour local detectives in connection with the incident and a compute inquiry has been promised. The officers claim that a quarrel arose between the two brothers after     ir arrest for molesting the while girls and that Melvin placed the blame on  brother, thereby causing the grounds for a fatal fuss.                 Rev. Faulkner is Given Praise by J. 0. Thomas By Jen* Thomas On the day of the picnic when I the Congregational Sunday School acted as host to ihc Carrie Steele Orphanage children, Rev. Faulkner, the pastor of the First Congregational church, in his white duck outfit and tennis shoes, was like the triple threat foot.ball player; he was in and part of every "play." He was the director of the swimming at the improvised pool. He was the leading spirit in organizing the transportation of the children from trie open field to the Lincoln Club House when the ruin came up. as well as in supervising the other game activities. I drove out to the picnic ground in company with some friends who observed Rev. Fauklner in . On the way back one of them remarked id Die other: "Rev. Faulkner Is.- 'the "kind' of -minister I like to see. He makes himself a part of every experience of the boys and girls, .men and women with whom he is thrown into contact. He is as much at home in the swimming pool or on the baseball diamond as he is in the pulpit, and with preadolescent and teen-age children as with the middle-age adult or white-haired ." Tries to Bribe Police; Given Fine of $17 j Offering un officers u one- I bill as a bribe to l ree him after he had been placed      r arrest on I a - of disorderly conduct, J. W. Greer, was fine $17 or thirty days in the  by Judge John L. Cone In Ricorder's court Friday. Greer, officers testi:ied, ignored their commands when tiny requested a group of persons to movi- on. FINED FOR DISORDERLY Drunk and cursing on the street?, Miss Maggie Mae Watts was given a fine of $17 or thirty days by I Judge John L. Cone in- Recorder's court Friday. She was arrested at thr- corner of Htlliard and Houston streets Thursday night.</t>
  </si>
  <si>
    <t>                                           vVt 'f;                                         '4 T^cr^ Let MC CU1?e YOU! '".         ^i imsi nci.Av: c.m.i. at : '^Sk "r 'rnr" ~~:~V' ':~'"'N'; i"""lr rl M 4 i J ^^^V? N" m:il(rr ti t jour IrntiMp     hnw *e. 4 i;Sy     .1} "~r l". I '"i"' ln *ni1 f 'l/-, .AlSV-^-'i.' TrtnlnirnL      rra^ In m.t. v;~ ^fe.ft5' i N., ,l.nCc,..   Jr,,K. ..r nur.U.I ~~.   .ll.~~.. All rtl- :;~"SJwP' .i "Illi my * ii.liii. l.rrl..  E fik^ OR- T. Y. YOUNG</t>
  </si>
  <si>
    <t>                                           DAYTONA BEACH, Fla. July 18.--All the King's horses and all the king's men couldn't sock Nassau's chin here at Daytona Beach during the past week end, and Cyril Burroughs and Mrs. Ned Issacs, both of the island site, swept to impressive victories in the Florida Tennis...</t>
  </si>
  <si>
    <t>                                           The Third anniversary celebration of the 20th Century Women's Club of Chicago was held in the club house on 49th Street last Sunday P. M., with a large attendance of notables representing various clubs of the city and vicinity attending. It was one of the...</t>
  </si>
  <si>
    <t>                                           h\SI)A Y, ,.7UN K 22, l!),Ji2 THE ATLANTA DAILY ), A JI.A.NTA, (;a. PAGE</t>
  </si>
  <si>
    <t>                                           A wedding of much social interest was solemnized June 30 when Miss Gladys L Speed, second daughter of Mr. Henry R. Speed, prominent realter, became the bride of Mr. James Peak of Lakeland, Florida.</t>
  </si>
  <si>
    <t>                                           A party was given at the home of Miss Evelyn Gibson Thursday, June 23, with most of the younger set attending. Dance and whist were features of the evening. The West End quartet composed of four small girls front the contest of the CME church, Thursday...</t>
  </si>
  <si>
    <t>                                           It is not surprising that girls and women have a splendid and reasonable hatred for calesthenics, cut-and-dried gymnastics aren't thrilling, they are't inspring. They are usualiy accomplished with the least possible effort of mind and body and so are without...</t>
  </si>
  <si>
    <t>                                           PRESIDED                 SUSS EVA D. BOWLES Secretary of tile National C. .11. A. Stores, Inc., of New York Cily. anil in charge iif work among ,   at the housewives session of Ihe Naliiinal NeRro Business League in Harlem last week.     : Buwles is chairman of (lie Women's Auxiliary of Hie League.</t>
  </si>
  <si>
    <t>                                           Light in the Darkness                 Helen Keller, famous b! ir.d :inu iu-.u mm-i,-.! u(.rker ivl.n h;i:: nor.    .-.-; \     renown by overcoming her  e handicap, is sho'.'.n Ir.oy al iiiT v.~m k Df 5 cheer Inroupli tlic world of darkness ns  :r-:idr- from h Grnillo book to the little  of n r-ci-.ool for the b!ind in I., V.:tl;. Mi Keller Is  in      -iTor;? to make the  a   for those who, like herself, have been denied the p:-     -   ~;ift of vision.</t>
  </si>
  <si>
    <t>                                           All this ballyhoo and buildup propaganda they hand cut, beginning about six months before every big swatfest nowadays gives us a pain in the breadbasket. It was different back in the days when the size of the gate didn't interest the battlers--only whether the...</t>
  </si>
  <si>
    <t>                                           Monday morning at police court presents a scene of activity. Here and there is a group telling a "shyster" lawyer their troubles to which he in turn is informing the unfortunate that he will fix things all right, of course a little retainers fee, say ten dollars or more, and...</t>
  </si>
  <si>
    <t>                                           Gifts Giver Given Chaingang Stretch                 The next lime that Tom Perkins, and that time will be a long time from now, olfers to bribe a policeman, he ll do plenty of thinking. Perkins was given ample time to consider his serious mistake, a slight error committed Monilay. June 13. when he tapped the officer, who had arrested him on Piedmont avenue for having liquor, on the shoulder as he was  to The city jail and offered him a neat little bribe to  his charge to disorderly conduct. .Turicc' Wood cave the matter due consideration in the Atlanta Criminal court Monday morning and : that Perkins should have six months on the chaingang Tor attempting to bribe the officer, and a like amount of time for having a gallon can of liquor that day. Then, after his memory was refreshed by the clerk of the court. he added six more months to Per- 1 kins' period of servitude when it was brought out that the man was                 wanted for having two quarts of intoxicants June 5. The total sentence is 18 months. A buddy, James Watkins entered a plea of guilty to having a gallon of liquor in one of the batches seized from Perkins. Unable to pay a fine, S50 and four months, he was likewise sent to the chaingang.                 Six Skinners Draw $7 Fines in Court Six men  cnp.-iccl in n skin came .at an Auburn avenue address Sunday night, hailed before Judge A. W. Calloway in Rcrnniit's court Monrlay were given lines of $7 or ten days. The fine was reduced fro m?l" by Judge Calovvny   of lUree of the men  a request of the recorder.</t>
  </si>
  <si>
    <t>                                           Sr News of Your Home Town S?'</t>
  </si>
  <si>
    <t>                                           GENTUL FANS, if you have something, important to do, such as to drop by the bank and make a deposit: to nave a few sick claims made out; to simonize the ole buggy; to keep a hot-cha number with the henna-haired honey from ...; or even to massage a few pots and pans, then our advice would be to go to it. The ole Winchell-Imp is rambling around on a few extraneous details before getting down to the daily dozen. But they should at least prove illuminating. Here goes.</t>
  </si>
  <si>
    <t>                                           Skilled exponents of the ancient and honorable sport of tennis will gather at the conditioned Prairie View College tennis courts, July 2, 3, and 4 to participate in the southwestern Open Tenis Championships.</t>
  </si>
  <si>
    <t>                                           In Yoor CUT lc Uo Good for the Public MADAM  WHARTON TJWlffiHi   nd '".  KdTlee in business, lores m-  : How oH*rl*LHtn win In love, business, Pd-V-i-Hhrsllh anil sll  of Pl^ MADAM  ft.T\    '    no . few     so A' B lifted. One tUU to ^Bl rL fl genuine  Kleausi BHL^.sV will  ron for many . Rrftrilnro for Whfle and Golnred SPECIAL READINGS- 600 1513 Howell Mill Road, AtlaaU. Cm. M.. Howell Mill Car- 8    ) Houne from Seaboard Stop</t>
  </si>
  <si>
    <t>                                           W^^F^aT.TI^V-iTT^ THE ATLANTA DAILY ), ATLANTA, GA. PAGE^FIVE</t>
  </si>
  <si>
    <t>                                           NEGRO Sl.il  CURBED                 Thomas Protests to1 Station Manager on Nigger Use                 TO BE REMEDIED                 As a result of a. letter1 of protest on behalf of the Negro citizens of Atlanta and America written by Jesse Thomas. Field Secretary of the National Urban League, to I Loren L. Watson, vice-president and  manager of WGST Broadcasting Station, a new policy in                 reference to racial burlesque Is being established. The following  ;..was written under'  of June 8, to which Mr. Watson' replies on June 16 as follows: June 8. 1932. Mr. Loren Watson, Manager WGST Broadcasting Station. Ansley Hotel, Atlanta, Ga. Dear Sir: I am writing you as result of a rather mass reaction on the part of the colored people of this city, and a large number of their , who were very much embarrassed and humiliated as they listened to the program rendered by the Hlrshal Brown Washboard Band, Monday afternoon at 6:25. Participants on this program took 1 repeated  to refer to the members of the Negro race as 'NigM;ers."          as this Band Rives programs several times a week; [over your Broadcasting Station, we I feel that the temptation to  colored people will be taken I advantage of frequently -; I some method of censor Is Imposed. I We feel that this reactionary and anti-social attitude is not in keep-; ing with thi' policy or ymir Siatinn. nor docs it have your stamp of approval. The progress that has been  in recent yi-ars in race relations and In the  of interracial  has enlisted an  large number of open-minded.  white people into an understanding relationship to the point where they fully appreciate j the aims and ambitions, economic ond moral worth of the colored 1 population. Whenever              on Page 5, Col- 7                 Negro Slurs i (Continued from I'u c 1.) lies or this type tire imposed upon colored people, not only are the members of the Nc^ro race . but tens of thousands of white people as well register their emphatic protest. The words. "Nigger" and "Darkle" have long since been stricken from the public program and private conversation ot* the  white south. When one speaks over the radio lie can do an irreparable injury to any individual or group because his audience may include listeners (even unwilling hearers) throughout the civilized world. Feclins that this type of program is not in harmony with your Sta" tion. on behalf of the ninety thousand Negroes in Atlanta, twelve million in the nation. together with tens of thousands of their white friends;, we  you 10 use your influence In seeing that these objectionable features arc eliminated from the Hirshal Brown Washboard Bund program or any other aggregation or individual who may be permitted to render any character of program or Rive any type of entertainment over your station. Very truly yours. Jesse Thomas. June 16, 1932. National Urban League, 230 Auburn Avenue, Atlanta. Georgia. Dear Sir: Your letter of June 8 has had our . and steps have been taken to correct the situation by which yuit complain. Very truly yours. Lorcn L. Watson. General Managed</t>
  </si>
  <si>
    <t>                                           As a result of a letter of protest on behalf of the Negro citizens of Atlanta and America written by Jesse O. Thomas. Field Secretary of the National Urban League, to Loren L. Watson, vice-president and general manager of WGST Broadcasting Station, a new policy in...</t>
  </si>
  <si>
    <t>                                           Paul Rhodes back home to the delight of his host of friends. His headquarters is BONE'S place where the best Fish Sandwiches are made on PIEDMONT around the corner from AUBURN.</t>
  </si>
  <si>
    <t>                                           ALL FOR ROOSEVELT                 No matter what Hie news  indicate, Mrs. Anna Roosevelt Dall I (left, il.: James Roosevelt, son; anil    . James Roosevelt, I daughter-in-law, of the New York governor, cling to the conviction that he can t lose                 -International Illustrated News Photo.</t>
  </si>
  <si>
    <t>                                           'c8JeBliTYr^~R*GE FOR, WO/ I ^l V: BEULAH MITCHELL HILL, EDITOR. lL Ht.^Mw...</t>
  </si>
  <si>
    <t>                                           ALTHOUGH Bunny Austin, one of the most versatile of British racquet wielders, was the player who forced his way ... the finals with Ellsworth Vines at Wimbledon, and thus was John Bell's final trump in the path of the American champion's grand slam...</t>
  </si>
  <si>
    <t>                                           AUBURN AVENUE, so-called idiot of Atlanta thoroughfares, was completely divested of its usual energetic throng of business and professional personages last night, and Washington Park, that breezy and exposed site in the very heart of West Side colonists, perked up something perspicuously ... Only a "27 Club" affair could so convincingly shuffle the whereabout of Atlanta's four-hundred! Last night, if you please, the 27 clientele was back at it, having previously stirred up the ole realm several months back, entertaining for that swanky...</t>
  </si>
  <si>
    <t>                                           ODDS ON SCUMBLING                 NEW YORK, .'"no 21- (Special) I -The belting wills on the Slinrkry-SchmclinE fiRlit scheduled tn take place  at Madison' Square Arena beginning at 8 o clock favor the Gennnn who in twelve pounds lighter limn Sharkey. The National Broadcasting System will broadcast a blow by blow account of the match. NO DISARMAMENT: NO. CUT T... June 21- (Special) j Tlio United States issued nn  tot ay on debt reduction to Hi" European powers assembled tn i -e . when this country I  Europe lo "disarm or expect no debt reduction."</t>
  </si>
  <si>
    <t>                                           2^tfH^^ fl^HB .^^^Mk BSB^ ji^B^b H ^A V 'V STATE NEWS                 Lawrence, (ia.                 One of  in-. si brilliant : of  m j.m,1:; w.v. K/ii'.iy inj;lit when ilic jol iy Girl.-, Club, vi.-jy iJi.0.i;))l* fully     -!-i:ni]L'.l iln; Olt-i; Club ut the  i[y. :,t the - of Mi'b Ommie H;irn;; :d her .* home on S Ci.   iua St. Thi.* lai c.L' living ri.urn bi-..   wilM                 ~-ul /   ami pink aim v.-hilo . Tlif Ijwii wan vt.'ry al1 1 t: 1 1 Vf with a loin:  : a l.'Hj.T l,a::~'.i't ..I fill :; III tin' ii-i-.l.-i. Ali'l    id- .-./U'iy. 'Die Gli-c       and - U'~,w. Uufui.i. ~.;:i and C.U;. .-Info ul ):u.il  -'d inus;t'. V.'~v.cm- -cJ v.- M.ini;  Cuur:ii;in;i remarks fiom the !1 Mr. HiH-y. Mar. .of Iho riu(oid (-stra, Mr Miller Ncal fn.in tin- i- i-lul) of our city. Mr. Ujiii-.-I On/iui  t)if .~ii.v1:iih) Club A i-i.' from Nil.-. Ci.-iiL-va Wi-UL.ti ut ihr -I C;. C Mrs Ul- li;m      -i:.. Miss Hiitcnn Kotli!'.1!-:: I and Mn; Uinmii: :;. l u... ' J. G C -r tin1 n-ir.ari-.i i c-:: V.-i-ll- :-.- V.-Illl ii l-;: t. :il)U H'.- ru:.i':\ iu,Mi.::. 1-ulu .:: ':l-:v(.~ :.l I!:.: pi:i,:-:i Ij.iv.-i. w:,-. i..-:...; ..~ii..-.:: -I ::i i-:').- ii- evi-nini', K"'-".n, whi' ii r.'.:.!": t:.~'  bi.'ti..-:\ Mi::ic:i l.aura  !-.;:.-.:i. 1MI'-1 I't-Mjilu, I!..-a-;~in Hu-h:  -d-:..n,  l;in,i:i Mary ~;:a:;.:. Kl:::i.- -i--- v.i-ii- vt-ry alti-.i-lr.-i; th-' n.n; tin tin- rV.:. The f u..': I i'..-,,..ii. I i at III'1 -Ail-  u: 111-.' I..-.: ii:::' j ;.. :hi V [Kid tin: 11:0::  j:ii'- v:.l/-"</t>
  </si>
  <si>
    <t>                                           One of the most brilliant affairs of the season was Friday night when the jolly Girls Club, very delightfully entertained the Glee Club of the city, at the home of Mrs. Ommie Harris at her attractive home on S. Clayton St. The large living room was beautifully decorated with...</t>
  </si>
  <si>
    <t>                                           GEORGIA OPEN 11 A.M. 15: Willirim Warren g The Dark Horse I</t>
  </si>
  <si>
    <t>                                           Navigated on World Cmise                 Mrs. Zlatko Bnlokovic, the former Joyce Borderi, who  her }*~~ was a well-known sta^e , is .-:hfj',vn us ~':.i- took a sextant sight on the skyscrapers of Manhattan n:i hw arrivo! ;n Ntw York Harbor 'allowing a cruise around the world in her .~~.t.T Xorthern Lights. Misi  skippered the .ship on its lent,* .1. which ht-^an at San Francisco in April, 1931. "She     ..it J \~y her violinist husband,  Uitko ^a  (.</t>
  </si>
  <si>
    <t>                                           MESCAL IKE Such a Place by        !~                 PHILO VANCE The Skull Mvstorv by S. S. VAN DINE'                 TIM TYLER S LUCK Throiiffh the Glasses By Lym Young</t>
  </si>
  <si>
    <t>                                           One of the Terrible Trio Caged                 Bert. S'ott-'V, one the three notorious Clayey . is 8hov.ii m a North Baltimore. Ohio, hospital -inc hi? recent capture, during which he was wo::r,dcd. Mariluy. the second '.or was taken unhurt at Von Buron. but thr third brother. Jiuncs, is still at large, with entire police staff:; of the Middle West  hb:i. The trio recently  s  of terror in Ohio, which it) ium days included the slaying or ^ Jgy N, Davis ( four ,* ^.uld-ug and a %</t>
  </si>
  <si>
    <t>                                           v  *FAIir"W*dncs(lay iind Thursday. Lowest . past 24 hours, 75; highest, 90;          82. ARTHUR II. SCOTT, Meteorologist Weather Bureau.</t>
  </si>
  <si>
    <t>                                           "A local boy makes good" is a statement which may aptly be applied to any one of the several young men of Memphis who returned home this spring with degrees from their rensetive Alma Maters. In the case of Charles H. Manney however who was...</t>
  </si>
  <si>
    <t>                                           ON THE AIR                 VERE E. JOHNS                 Wh.\  Negro new* over Station WOV, N.;w Yorli, each. Tuesday nl 4:30 p. in., as radio editor of tlie New York Arc. Mr. Johns I a lie. the title of the "HurliMU Keporter."</t>
  </si>
  <si>
    <t>                                           The swimming classes at the Y. M. C. A., are growing in numbers very rapidly. With the closing of summer schools both public schools and colleges, a very large number of girls, women and matrons have applied for swimming privileges.</t>
  </si>
  <si>
    <t>                                           Two Bandits Loot Station of $30, Keys                 Police Sunday night were on the lookout for two men who Saturday night held up and robbed the Shell filling station at Coiirtland and Harris streets of $30. As the bandits were felling out of the door they seized the keys to the station and the gasoline pumps. According to' W. D. McDanlcl. white, of 1720 Pcachtree road,1 manager of the station, who furnished police with descriptions of the men, they backed him nnd the porter, Tony Tanner, into a closet and proceeded to rifle the cash register. The robbery occurred shortly after nine o clock.                 BAD IK* fey I. r. Reynold*                 It     bo all , sometime*,, that- IT A FELLOW KtlTS YOtf ON ONH CHEEK TURN TITH; OTHER- I Wed and the        Knocked H- out of me On tho other .s d)~ok- with- B R A S S' KNUcfej.</t>
  </si>
  <si>
    <t>                                           All All;inl:i Society Will DANCE ROOF GARDEN Friday, July 15 ADMISSION . CASH I  - I A Smooth \V* Li^ht Skin ror 1 on A 'Irlicni-ly -.-.fl ;:::-n'!i  .-kin i:; It:- T^   -: n^ chi:ni:ir b.':u::y :\r,'\ it miv h? .-.. iii::- ';:v. ^ -l r-.: :lv. Dr. i-'l-'i l\:.::v S'-c;-l Vi"!:i'.'.-:i'.T f) i r. c i: -c:.-...; ::r l llc ifn- :l:"- li.iri;'---* :-l:i::. '-!o':r:; I'lini1!1?'-. b!o!"hes :irv! '..':r; r:. irks. :::ii !'"-:i ,-!-.'.-:iy v.-i1.!: th i". "":ly. .Oiiny" IC'fik. L'.'-- tl-.i;; r;il:n:j i-- i^ l:i v m r:',-ik" yi;ir :^-i:i 1 i :i:i'l t-)i;M-::-.LP;;. This :-..':i:!"i!n: ij::!' lii  in ttv fi:.1!1:';).1 .nr. Fr1.1! r.:ir:-.~-r':: I, i:.o;-a:-r:.'. ~.-~~~,.-r- i. ,,;h r l-.-:i:!v :i. j: ;;ni.-.v :i Pr. Vr- P.-'.: K'nin Wlnwr S-~-m. S!:!:: v.':-.: F.-.C- IV.v..i'-r. II i:r. :m I I!: i O'-.-iri'.. ~.~.~!i:ch in.iv = J .-'.t :mI ilr-.ii; V":' ~.r v.;l '- r":l P.. L.I'Oimtonc.-. Dop: IJ. A1.!:!!-.'..!. 'W. 5 7r ;fi  for tri ii  of Skin U '-r, A':x;;~ nru/      I',w,l,r. DR. FRED PALMCRlS .S/ 'Krrpi; YO"R COM PL f. X OM YO'l'MflM*</t>
  </si>
  <si>
    <t>                                           At 8:30 last Tuesday night a warm class meeting was held. Each Wednesday night teachers meeting is being held. Once each Thursday night the ladies of St. Paul Missionary Society sponsored a Mock conferences, a splendid crowd was present and all left...</t>
  </si>
  <si>
    <t>                                           JHh i!8 Bn i h, w jSL BL ^L^y jb. ^   jil ^f k^. w, -^w  m</t>
  </si>
  <si>
    <t>                                           Dr. J. D. Dowling, Health Officer of the Jefferson County Board of Health, brought to the attention of a radio audience Wednesday over Station WAPI the importance of combatting typhoid fever. Declaring that typhoid fever is no longer a major health problem in...</t>
  </si>
  <si>
    <t>                                           Man Gets Revenge; Chased From House                 Allegedly determined to get even with Glen Goodson, 962 Quarry street, for chasing him from his home Saturday evening, a man by the name of Sylvester, whose definite address is not known, met Goodson at the corner of Ashby and West View drive about five o clock Sunday evening and stuck him in the chest  an ice pick, nearly missing his heart. Mr. Goodson is in a fairly critical condition at the Grady.B8 the result or the attack. He told Officer W. G. Scott that several  joined in the battle. AecordinR to Mr. Goodson. Sylvester came to his house Saturday evening and inquired for his girl friend and her sister. When he told him that she wasn't there, -the man, whom he says he believed Iwd been drinking, left apparently satisfied. "A short time afterwards," the wounded man continued," he came back to the house snd made the same inquiries. I was asleep at the time but Went to the door and told him that If he wasn't satisfied                 that he could come in and search the house. That seemed to please him and he went away saying that everything was all right." Mr. Goodson then told how Sylvester returned the second time, creating a disturbance and of how he dressed and chased him away from the yard. The, stabbing with the ice pick when Sylvester met Goodson on Ashby early Sunday evening resulted. Chicks Must Have Fresh Water, Food A drive against dealers who keep chickens and other livestock penned up without giving them a clean supply of water and food, i will be made this week by Chief State Humane Olficer Peter Krullenstcin and his deputies, according to an announcement coming from his office today. Krullcnstein stated that his attention had been called to the inhumane treatment that certain store dealers had given livestock. A warning to keep the animals out of the hot sun as far as possible and give them a fresh supply of water was issued.</t>
  </si>
  <si>
    <t>                                           Are you worried over the problems of your everyday life? Do you need advice to help you to overcome the difficulties that beset your pathway? If you are a subscriber, write to Mrs, Beulah M. Hill, care of Practical Problems. Atlanta Daily World, 210 Auburn...</t>
  </si>
  <si>
    <t>                                           SHE S FOR GARNER                 I r c 1 1 y M 1 v r nn Passniorc of  ii, Te x prov^ I be 1 1 1 c loudest boomer in Chicago Tor the   of SpeakJohn N. Garner.                 Illustrated News Photo</t>
  </si>
  <si>
    <t>                                           BENNETT S LAST HIGH SCHOOL CLASS                 . N. C., J,,ne-ln order to make roo,n for the          , after this year Bennett Collie fur WomcI. wHI wir; noa. . "iBh      "1 =""- denta. T),e .e (~ass just                 finishing, in a real sense, marks the valedictory for high school students on the college campus. Valedictorian, Virginia Calloway, Mount Airy, N. C, , ChrMoliel McCoy, Maxtun, N. C. j                 Led to right. Front row: Nannie Lea, Kuth LatighMn, Conncll Roseman d. May/ell Koscnionil, Autilcc Johnson, Nonnie Kellman, Helen Tyson; second row: Catherine Gibson, Hazel Warren, Carrie .                 Dorothy Allen, Kuphrey ISiffclnw Catherine McKensie; third row Lucille Graves, Irene Huge.       Willis, Christubel McCoy, Virginia Galloway, Alsiu Trammel). Graei Johnson.</t>
  </si>
  <si>
    <t>                                           AS ROOSEVELT STARTED SEA CRUISE                 (Jovcrnor Franklin D. Roo.-t  arid his three sons, made a happy family croup as they set sail from Port j Jefferson, L. I.,  in the vacation cruise which '.vii! take them around the New Kn^land con^t. At left art the Governor snd hiu boys Left to  Frfcnklin. Jr., I                 John :md Jiin-cs, a? they waved a joyous farewell. At r\y':~A ii n ;trii;i! -  .i uf thf Myth II on its way with ihu iK-ni i'.: ;i: ii- P --.-n' i ul n^ ut the helm. At lower rit;ht is n lini1 I'lufp-up c,\ :hr ( as he -ivL-il the .i wishes of a little m!mir*:r.</t>
  </si>
  <si>
    <t>                                           PHILADELPHIA, June 27.--The inability of the East-West League to make every-day baseball go, and the subsequent necessary change of schedule has caused the owners to consider a complete change of plans for the second half schedule to start July 4.</t>
  </si>
  <si>
    <t>                                           The hot weather of the last few days makes today's subject rather a timely one. Many mothers have already inquired as to the care of the child during "the second summer," while others have written for information regarding the prevention and treatment of intestinal...</t>
  </si>
  <si>
    <t>                                           SPECIAL  c* FRIDAY and SATURDAY -^-i /^^, FOOD stores hp" \~~BP ALL PRICES () AHE SMASHED In the Following- Articles: ZSZi ;k .*= CHEESE TSI" 2 25c PEACHES !S2---25c *:~"1::;L'5C BROOMS"*T- 15c  T""'^ "c ! sT "-'-~"j: isc r*:::1. 1OC grape  k- 19c Flour 24 V3c BUTTED 21c SOAP  P5?iNT 21c OCTAGON SlALTS  45c quest  CAKES ''['!^'l'^''"'-:''1' WA(;" 15c Post Toasties 2 K(S 15c CAMAY iS lLL PICKLES u 15c 5c K ETC HUP 2 ii^i,.,* 15c Chii'i'SAUCE 15c Lard preserves isc In Carious I '/-i'-1'- .~"/i-~-'.1 PINEAPPLE no- can 15c pounds ARGO RED ('or Sultana) I 15c I SALMON s^ 19c</t>
  </si>
  <si>
    <t>                                           ONLY  DAIl?r NIWfMPTK IN lift WORLD Prank Marshall Da-vla Managing Editor SUBSCRIPTION RATES Om     ,   .H Mmtin. It.aO: 3 Month*. tl.    WMkry. 1*~ PUBLISHED DAILY AT lit AUBURN AVE.! N. K. TELEPHONES: WAlnnt 148   cd   tan*    Hmd^lan   t tha PO4t     . at AUaata. Ca.,   b' act at March 1, 187  MEMBER OP HE ASSOCIATED NEGRO PRESS IBB         ao  for   ami lau tt.     . ADVERTISING REPRESENTATIVE I W. B. ZIFF CO_ CkUin. Nrw York. I^aa Asxdaa</t>
  </si>
  <si>
    <t>                                           With an array of facts and data in hand gathered during the two weeks survey of conditions affecting lives of Negroes of this city, E. T. Attwell, national field director of hte Bureau of Colored Work of the National Recreation Association brought into effect a...</t>
  </si>
  <si>
    <t>                                           There will be a debate together with a literary and Musical program at Central Baptist church tonight (Thursday) at 8:30 o'clock given under the auspices of the members or Club No. 2. The subject to be debated is "Who is the most useful in the world. Man or...</t>
  </si>
  <si>
    <t>                                           You'll thrill as you ve G^t( never thrilled before! .ffi^ w5   . A ntw as l^c next" minute- more    .       -- ^Sff citing than any story you ve ever,'  JUL     * ~"d chock full of the most delight^      -- '       'ts no        that "Tim, S$S^^\P\\y\7* Tyler's Flying Luck" has nude Artist \?T\Cr\Sk ^ym ^oun? a nat O"-wide favorite. But ^\m'/ W\\O-V Young has reserved his biggest thrills (""^V ^tH fi^a  f a"     'hey come when Tim  ;^^te^ ^^a- ^ers 'nto a p'3118 *nd begins sky-sailing. Nl V^v^^sr ^^S What follows makes the most absorb(/"/^wkH^ in8'y interesting comic-strip tale you ve ^^^^Sa ever seen! Follow Tim, and his friends \jmd enemies, every day in g .v-i-^TLANTA "^JiflLp</t>
  </si>
  <si>
    <t>                                           FOREIGN BODY REMOVED FROM EYE                 Georgle Ingram. 1197 Simpson street, was treated at the hospital for an impediment in the 4Pas After injecting a quantity of  into the optic the patient was permitted to go home.</t>
  </si>
  <si>
    <t>                                           I The Daily World is published especially for you</t>
  </si>
  <si>
    <t>                                           Reveal Outside Deposits as Jesse Bingas Trial Starts                 STATE SMS  Former Cashier Tells of Biff Deposit Just j Before the Crash I HE IS "INNOCENT? CHICACO-July M.-IAN I'I- j Intimation thai Jose Blnga salted   ;,j full. I:, '.mt: I" the ell1- fund Biriiia Stait- bank was made here Tuesday wh.-n C U. l.aiii;     ,  r cashier al lint .il.  a! the trial ul the former Canker. An account of $r.!.0UU wart opened by (.mission for Bini;a just two days b.-fore thai bank  just a Vow  ai;o. a,: to the testimony The  sa:d .T.od .1 ai-i'i.unt ,i-ll' in      Sta'.,- Bank of Chicago al Bn.i;a's iti . The   into .,r Illinois is -" that Binpa  $3ti,uuu for .t.-lt nut  jf bai.k fundi j Sou.e urne  the  1. :". publicity was j'.iven to a n. -w bank. th,. .Smith Park Nainiiial.  war. to be compiled of a nii iCi.T ..f I he BinRa State with various  banks in the S.. Siile are. i v.-hore m.i.sl uf Chicaijo's  than '.MO. 000 N'l-croes reside. i A  of $:iB.0ii l was paid in for stock in the proposed bank and Uinna. so the state .har.'.'os. inn!: this m.' fur hims'-l.'. Iiis bank, however, was responsible for the money and had t.. make    ; pay- n.cnts .i1. Biliija - he di.l nol steal th,. money and believes he will be .l wh. n tin; trial ends. What lie desires most is to start a;;.-,in, he said.  Shoes Just Slipped Into Pocket Unable to ao-ount for some sh'.es that had somehow slipped ir.ti. his  while in a store at l!0'2 Decatur . Sain Jenkins, or IK! Louan's alley, was  ov,t to city criminal conn under $100 b.,n.l on charges of robbery by Judge A. W. Calloway in Recorders court Wednesday. According to Mrs. Fannie. Maulin. of  7G Washington .  of the store. Jenkins walked in j tin: store and made some purchases j am! as he was ; she saw the shi.e.s slicking from his back pocket- A woman, whom Jenkins is al- ~,.j',ed to h:i\'.' a'. d to sell t!.e shoes to. was freed by Judge Cal! when Mrs. Mnulln declared that bIii- was not the one involved In the deal.</t>
  </si>
  <si>
    <t>                                           Stabbed Snoozing After He Forgot Argument                 Stabbed In the back as he sat peacefully dozing on the rear purch of his home at 339 Magnolia street, J. C. Watts was  to the Grady hospital shortly before midnight Sunday. Mr. Watts stated that he did not know his antagonist but thut he knew him when he saw him. According to him, the two had  early in the afternoon but hail parted, as he thought, good friends Until he was rudely aroused from his semi slumber by the feel of a steel blade In his flesh.                 BAD IKE By I. P. Reynold! T believe In fighting futr all the time  Is If a BRICK BAT ll not HANDY.</t>
  </si>
  <si>
    <t>                                           ^^*"*"  3 PARTLY CLOUDY; Friday anil Satnrday. Lowest temperature, past 24 hours, 76; highest, 93; average,  84. C- F. von .Ilemnann, Bleteorolof 1st, Weather Bureau.</t>
  </si>
  <si>
    <t>                                           On Scene of Fatal Labor Riot                 Following a labor not in  one man was Killed ana over score injured these  armed (,' and State Police are protecting     worker un I lie  being constructed on the Illinois, River, near Mnrieillcs. Ml. The labor union claims that the companies doing the work ire  far  union  and that they are alio  cheap        from other States,  union men out of work.</t>
  </si>
  <si>
    <t>                                           The Big Chief Didn't Know! "Their dollars look exactly the same!" When Joe Blinks became advertising mana- Joe took out a dol ar ger of the Blank and Blank stores in At-  rft thig. I can spend it  lanta, the stockholders looked like - v il tike money. Got it from a colored ere. Profits had gone on a vacation. The  t He borrowed it. Use* to work for books at the end of each fiscal year looked f Vook it over. Does it look different like black ink was out of style and there was me- 7ue other dollars? And while you re arsr liW        "in8  Sfcs ssr.ff.Ktt* "You wouldn't object to (making money, Th chief got the point. He got it would you?" Joe asked the Big Chief. so    hc *,lled his secretary and tad   . Joe was told that was Blank and Blank find out the Negro  company s aim, even if they hadn't hit the Hc found he d   tar?et- ?T  found that while many Negroes;. "Fine," said Joe. "Now about news- read the three  papers in which Blank paper advertising. What papers have you ^d Rlank advertised, the larger percentage been using?" of these passed by his store because  There were three. All were while. Sidn't know how they d be treated if they "That covers everybody who might have stepped inside, a  or a dollar to spend here?" h hc pui  Big Chief thought it did. He found     *a^5 by mem"How about foreigners? Any foreign lising copy in the pap   T ^^d- language papers here?" TA^^^^^t "t Not enough foreigners in town. - had and brought Blank and BlanK "Many colored people live here?" company directly to Negroes who had  The. Big Chief didn't know exactly. He noticed in Je wh.ite J^   figured there were plenty because he d see MayT T?~k ^k in totaling his i. them every time he was out on the street. year he can use black T only p; Come to Uiink of it, he told Joe, he hadn't ... ^oney i3 in dimming j seen so many in the Blank and Blank store. difference in Negroes mo  s But then, he wasn't so particular about sell- the lustre of red ink or getting rm ing them anyway. . The Atlanta Daily Wdrld The Only Newspaper Needed to Covet t Atlanta's More Than 90,000 Negroes r I</t>
  </si>
  <si>
    <t>                                           BUBBSSEii TD OEMItl                 Pespondency Given?* by Daughters As Reason for Act                 FAMILY TORN IIP.                 Tired of the evils of the world, the breaking up of a once happy home, the death of a niece, the depression, the possibilities of having to move out into the street, a recent incarceration in the city jail for alleged insanity all of these and minor troubles are                 to Be responsible ror tne death of Mrs. Nell Thomas,' 43, 239. Chapel street, at the Grady hospital Friday night after many hours of suffering from burns by flames started by her own hands in an attempt to end! her woes.  j "Both hands raised high above her head," Mrs. Hallie Ward, 242 Chapel street, who lives across; the street from the scene of the tragedy, said, "she walked slowly v' and calmly out of her front door, the flames hiding almost all of her body, her face showing but little. I was the first to see her. I was coming out of the kitchen when I looked out of my front door act saw the terrible sight With my son. Oscar, I went across the street to her assistance. N'ot Excited "Seeing that I could do her little  and fearing that I would be burned also. I sent Oscar alter a quilt and ran on behind him. We succeeded in putting out some of the flames but her body was burned in almost every spot and I 'didn't see how she could possibly live. She didn't seem excited but just shouted. -Jesus! Jesus! Jesus!" Mrs. Ward, who told her friendship for the woman since she moved into one or the several rooms adjoining the Church of Christ on the .opposite corner early this year, said that the women was often despondent and would talk about the good home that she lost on Doray street, of her broken family, and of her desire to see heL\ children in Detroit. Hears Screams Another neighbor, Otis Brown proprietor of the "Duck In Lunch- room." at the corner of Chapel. Greensferry and Larkin. described how he rushed to the scene a.ter hearing the woman s screams as he was making his preparations to open for the day about 7 o clock  morning. "She was in ihe yard, when I got there and I started to tearing' the clothing from her body, "Mr. Brown said. "When the woman brought the quilt, we wrapped hor in it and tried to put out the names. From the way that I was burned every time that I tried to jerk a piece of cloth and from the manner in which the flames acted when I tried to put them out, I believe that the goods had been saturated with kerosene and set fire to." Every Thing Burns Mr. Brown narrated how 'she would come to the restaurant and talk for a long time about her family and her husband who was in Detroit. She was especially fond of her children. The cafe owner also revealed' the fact that the Rev Briley, pastor of the Church of Christ, who had been permitting her to stay in one of the rooms' adjoining the church building, had received an. offer from a pro- spective tenant and that Mrs. Tho-, mas had been notified that she would have to move Saturday. Ho exhibited several 'burns on -hla hands. Mrs. Thomas lived In the front ane of three vacant rooms In the.-: Continued on Page 2, Col. 3                 Human Torch Continued from Page 1 Irame church building: When the premises were visited by a World reporter Saturday afternoon while a daughter, Mrs. Bertha Scott, was looking over her dead mother s effects, a gallon can, half filled with kerosene, was standing beside the stove. The woman, apparently.  in front of the stove when she poured the fast burning f ue! over herself and clothing as a large greasy spot is on the floor at that point, several footprints being visible at the time.' All that remained of her clothing were a few crisp pieces goods that were being lazily blown about trie yard by the hot, dull summer afternoon breeze. Left No Note No trace ot a note ^ why she did as she did, could be found by the daughter, although 1 litre were several Bibles, a ; number of clippings on religious subjects, tracts, and church  scattered all- over the room. That she w^s not being  by her two daughters in town was (~           by several brief noted in her pocketbook,' one ol which. sent over the day before her death, stated that she w:is sending her something, and explained wny she hadn't seen her for several days. Another letter from her youngest daughter i n Detroit showed that she was intending to t Oniu '.town and pay her u visit this summer. "Slic attended the funeral of her niece, little Dorothy Hull,  Thurmond street, at the West Hunter street Baptist church, Thursday afternoon," Mrs. Scott -aid. "after the services anil the return from the cemetery, she stayed at my aunt s house until dark, one of my cousins coming part of the way home with" her. I believe that wnen she got up early Friday morning that she began to think over the death of her sister s child, her inability to make ends meet, and so many other things that she just poured the kerosene over herself and decided to end it alL" Lived By Scir Mrs. Nellie Pearl Beavers, another daughter, who lives at 991 Hunter street, stated that ever since the. breaking up of the family several years ago that their mother has always preferred to live by herself. Both daughters admitted that their parents were separated but not divorced. Mrs. Beavers also said that her mother had spent about two weeks in the city jail this past February under observation for insanity but that she had been released. She believed that her action was brought by a spell of influenza following her incarceration in jail coupled with a number of other worries. Although members of the family did not comment upon the matter, it is rumored in many places that Mrs. Thomas was left by her husband who went north with another  woman. The dead woman 'was born at Appling. Georgia, moving to Atlanta with her husband, when her children were all quite small. She was a member of the; Bethlehem Baptist church, on Hunter street Besides her four children, Mrs Bertha Scott. 194 Cafn street, and Mrs. Nellie Pearl Beaver. 991 Hunter street, Atlanta; Miss Queen Mary Thomas Plennie T.. Jr., who are with their father, Plennie T. Thomas. Sr., in Detroit, Mich Mrs. Thomas is survived' by two . Mrs. Emma Bell, 800 Thurmond street. Atlanta and Mrs. Lillie Mae Daggers, Augusta Ga and a brother, Claude Marshall', Greens.erry avenue. Funeral arrangements will bo completed by Ivey Brothers upon arrival of word from relatives in Detroit. The burned woman was taken to the GraUy in an Ivey , death coming at 4:25 p m</t>
  </si>
  <si>
    <t>                                           Tired of the evils of the world, the breaking up of a once happy home, the death of a niece, the depression, the possibilities of having to move out into the street, a recent incarceration in the city jail for alleged insanity -- all of these and minor troubles are...</t>
  </si>
  <si>
    <t>                                           Stall right to rhapsodize about the simple marden, she who is a plain girl, helps mother do the dishes, wouldn't be caught dead with a lipstick in her purse, lives up to all the copy book platitudes, and is just her own sweet slef! But she doesn't wear out the soles of...</t>
  </si>
  <si>
    <t>                                           Following the receipt of a death threat, Lola Care we known as "The Night Club Lady", is mysteriously slain In her penthouse apartment at 3 a. m. New Year's. Dr. Hugh Baldwin reports death doe to heart failure. The only clue to the murderer is a medical laboratory specimen...</t>
  </si>
  <si>
    <t>                                           ji;i'.ONI-Y: NEGRO DAlSr  IN THE WORLD W.VA. Editor  nd .htr 'Frank Marahall DaTli ___~T._.^. Mtnasinir Editor i  fe-V SUBSCRIPTION RATES 7 Qm     . tt.lt I MenUtf.  5.eO; 3 Month*. M.80; WhUt. '::ii PUBLISHED DAILY AT J10 AUBURN AVE.. N. E. ~'i'.-.yr TELgPBOMM: WAInot 1459 mod HiO  iUml mm MOBd'cUa matter at the poit  at AUaata. Gk.,  the    act of Uarch 3. It79 ;'i MEMBER OF VIE ASSOCIATED NEGRO PRESS THE WORLD  ao 7 for   Mat lato Hw..</t>
  </si>
  <si>
    <t>                                           Washington Park is a mighty fine place to go and spend a part of a day, an afternoon and evening, or Just a few spare moments when relaxation is needed. If you don't believe that, ask the members of the Atlanta Daily World force and their many guests who had a...</t>
  </si>
  <si>
    <t>                                           Truck Driver Hits Another Gar: Not Held                 A Cily Ice delivery truck driven by Claude Sim:;. 137 LJiuiUetn street collided with an  driven by W. Petty, Jr.. USC Pierce street. S. W.. at the turner ul Lullwater and Ponce tie Leon avenue, about 4::)0 Sunday afternoon, the Petty ear being considerably damage:! while only. a slight amount of damage was dime to the truck. No c.'isq.wus made by either driver by officers who investigated the wreck. Mr. Petty slated thai lie was about to make a left turn into Lullwaler from Ponce de -Deon when the mishap occurred. No one was seriously injured. The truck was travelling east on Ponce tie Loon. RUN FOR MAYOR          ,KSl NBW YORK. June 20- (AND- Two of the most -sling features in connection with the Business League meeting are the race or mayor of Harlem and the Marathon rare in which a number of youths have been entered. In the former, r.eroy Butler, a well known undertaker of the  is leading the voters with J. Dnlmur.t Ste'cle.       nial and religious leader a   oor sixth. C. Bcniamin Curloy is third, with David* 'Doles, second. Fred R. Mnore has been entered in the contest and that is* all. The order . I</t>
  </si>
  <si>
    <t>                                           3 MINISTERS ASTONISH IN TALKS                 KANSAS CITY,       , July 22 (- Discarding the conventional and conservative altitude,;  clergymen speaking    re before the' religious and educational Ciiautauqu.t jf tlie  EpisJopul district of ihe African Methodist Episcopal church, cre.    d                 able discussions here at Trinity A. I M. E. church. The three clergy- 1 men were: Drs. Joseph A. Gomez of St. Paul A. M. E. church, St. Louis. Mo.. J. R. Random, St. Paul A. M. E. church, Wichita, Kansas, and Bishop J. Arthur Hamlett of the C. M. E. church, Kansas City. Kansas. Dr. Gomez spoke on the general theme, "A Study In Church Problems," and dealt with the topic of -Adapting our Preaching and Religious Servio s 10 Our Present-Day Needs." He said:  Preaching has become a 'Lost Art' generally speaking. Of course, there is here and there and yonder rone outstanding, lowering  giant, but one can b.- pretty safe in saying, preaching has largely become a lost an." This, he said. "Is due to the increase in intelligence on the part of both the pulpit and the pew." Dr. J. R. Ransom spoke on the topics, "Political y'.," under the General Theme, "A Study In Church Problems." He  'participation in politics as a means of getting the proper persons into office, thereby safeguarding the  s interests." The principal address of Thursday's morning session was delivered by Bishop J. Arthur Hamlett of the Sixth district of the C. M. E. church. He spoke on "The Negro Church And Its Responsibilities." Among other things, he said: "The Negro church must save the people from their own  selfishness and wickedness, and from that of the Negroes' enemies of Life. The church is the only institution I which can furnish a fn e and un- 1 trammeled leadership: it must set' an example for capacity for self government, for unity, for co-~ operation, for the solution of economic, social, civic, and political        ms of the Negro Race." Great interest was manifest throughout the meeting. Bishop John A. Gregg, of the Fifth district of the A. M. E. church was the guiding genius of the nv.ning and presided during its sessions. Prominent churchmen and delegates from 7 adjoining states were here attending the Convocation.</t>
  </si>
  <si>
    <t>                                           KANSAS CITY, Kansas, July 22 --(ANP)--Discarding the conventional and conservative attitude, three clergymen speaking here before the' religious and educational Chautauqua of the fifth Episeopal district of the African Methodist Episcopal church, created...</t>
  </si>
  <si>
    <t>                                           "Our ear broke down last summer not far from St. Anne de Beaupre near one of those L-shaped Laurentian farmhouse" said Jone, "and there we discovered HABITANT STEW. You'll bless faulty carburetor too, if you can convince your ... that you are not crazy...</t>
  </si>
  <si>
    <t>                                           In Shoo'.iiw Affray                 Hi-.'it  .i:s in Uif   -i 'UKirrc! in a Chicago hotel . Hill Jutki.-.--. star ) of the i.'') Cubs, is shown in .  ;)hy:;ici:ins fay t'~ w'" recover. Uppv: '  Violet Vopovich \';:!!i. v:ho was wor.] in the v.r:;:;. :in.! is held in connection wilh the alTair.                 -I*</t>
  </si>
  <si>
    <t>                                           "bah^T' Monday and  SSESfs  -W-        T*~, ^~2.15- MAURICE CHEVALIER i  ^^~MD      a"d """""f.T-</t>
  </si>
  <si>
    <t>                                           DESPONDENT 61 TAKES POISON                 Chastisement From Mother Said to Be Reason for Act                 SWALLOWED                      Determined to end It all because her , Mrs. Jessie Mae Brinson, attempted to chastise her at their home. !~77 Tatnnll street, Miss Ertna Russell. 10, tried to commit ,- about nine o clock Sunday ~; by swallowing some lye. She is said to have chewed a                 quantity of the poison despite the frantic ai tempts of her mother ;ind :i friend to keep her from  mil her threats. Tlie young girl, who is also known ami Tie her friends as "Grace" is said to have become despondent over the actions of her boy friend. According to Mrs. Brlnson, her daughter, as macy other young girls do, let her bo\ friend have her watch. Instead of keeping it, the youth proceeded to take it to the pawnshop. She raised such a fuss about it." the moth.r said, "that I told her to let me handle the matter and that I would get the watch for her. I reminded her that it would not pay her to act ugly but when I started to correct her, she lett the room and ran Into tlie bathroom saying that she was going to end it all." Fearing trouble. Mrs. Brinson and a friend, went  the bathroom in time to see the lye can roll under the b:. Miss Russell with both hands lightly clenched. almost .-c.teil in fooling them as ihe oilier woman, a schoolmate of her mother, reached for one of her hands anil found only a number of pennies- With their at1  diverted by the money, i the young woman dashed her other hand m her face and started chewing rapidly a* her mother knocked thai hand down. She was chewing the lye! First aid treatment ai Ihe home,' I followed by medical attention at tli,. Grady. enabled the young woman to be permitted to return home with a raw throat and some badly burned lips as memories. Mrs. Urinsiui's hands were both painfully burned by the action uf the lye. Although she maintained a. sullen silence, the indications are that Miss Kusseli 'lid not succeed in swallowing much ol' the lye. According to the mother, the girl made a suicide attempt this past spring, but she was able to stop that by knocking the poison bottle I out of her hands. She was allowed to go home.</t>
  </si>
  <si>
    <t>                                           Determined to end it all because her mother, Mrs. Jessie Mae Brinson, attempted to chastise her at their home, 577 Tatnall street, Miss Erma Russell, 16, tried to commit suicide about nine o'clock Sunday evening by swallowing some lye. She is said to have chewed a...</t>
  </si>
  <si>
    <t>                                           MRS MAXEY IS GIVEN FREEDOM                 Gil JURY VOTES SO TRUE-BILL IS8 W Km  J I Lab                 Let Out of Tower. Shortly Before One Today                 A HAPPY REUNION                 A happy reunion wan staged  12:40 this afternoon on Butler street, when the doom the Fulton county  swung open to  Mi's. Beatrice Maxey, who has boon hold without, bond since V-'of'.n-'.'.-jdp.y . June 1, Tor further in vest i Ration in connection                 v.-ith the murder of her husband. C. L. Mnxey. Monday night May 30. A no true bill was returned by the Fulton county ~;ranci jury that listened to more than three bourn of testimony Tuesday. Smiliru;, but tearful, she  from the big iron pates  by her two daughters, Misses Marie r.r.-i A!vn Beatrice, who escorted her to a waiting car, c'.ad in th.- black outfit that .che wore to the coroner s inquest tho Wednesday following her husband s death. It. was shortly after noon today that the two happy young worr.on ,- a* the  to receive tho rel.-iiie papers that were signed by Solicitor General John A. Jjoykir; folIo A-ini; the return the no  bill by the grand jury. The-.cl. jury hL*: Tuesday, was thn third, and -'^t- period j!ivc:i over io tho taking of evidence purporting to shod li^h: on the .'HiCOs .;^ - murt-er of Mr. Maxey. It is understood lhat a !:!rj;e number ut neighbors i -r.d acqu;ii  appeared b.'fort; I 'he i:*: body. I Mrs. M;ix-y state i at tV.i* ~:oio:ier s -'S*. that her husband was j shot by a burglar     -  on Greensferry  abou: ei^ht n clock that night. According to her i te^ti^, the intruder jerked Mr. I Maxey's pistol from ^. ran up I *.hv  and shot at him daring h;m to follow. II.-~ died clutchin;; a h;ij:imer in his hand. She is principal or the East Point public :;chooLs while he was head of th-: Dccatur public schools, j T:-..' Maxeys h:ul no statement to make</t>
  </si>
  <si>
    <t>                                           A happy reunion was staged about 12:40 this afternoon on Butler street, when the doors of the Fulton county tower swung open to release Mrs. Beatrice Maxey, who has been held without bond since Wednesday evening, June 1, for further investigation in connection...</t>
  </si>
  <si>
    <t>                                           During the week of July 11, the beautiful campus of Bethune-Cookman College, Daytona Beach, will assume quite a different air. The usual spell of summer quietness which prevails during vacation time will be temporarily broken. The doors of the stately, well-furnished dormitories will be reopened and the tables of the spacious college dining room will be re-set in order to accommodate the guests, the players, and spectators of the fifth annual...</t>
  </si>
  <si>
    <t>                                           Y' Campaign Workers are Guests of Chairman Hanley                 Fifty men the Butler Street Y. M. C. A. Membership Campaign organization were guests of General Chairman J. H. Hanley on a  outing at his farm                 terday after- noon. At the 'beginning f j                 campaign, the General  was  impressed with the fine cooperation and great enthusiasm,  on the part of his associates, leaders, captains. and workers so he extended an invitation to the men to enjoy                 a barbecue and outing as his guests at the end of the campaign. I The men enjoyed a most delight- j ful outing, having left business be- hind; they rested and dined 'beneath I the large cooling shades as they I talked about the line experiences i of the campaign. The work of the campaign had created such pleasing contacts and fellowship until the men desired to band themselves together to carry on through the year the program ol.help.ulness for the Y. M. C A. The group organized and elected J. H. Hanley. chairman. T. J. Ferguson, vice-chairman; F. A. Toomer, secretary; W. C. Kelley, Publicity. The organization will meet at the Y M. C. A. every second Sunday evening at 5 o clock, and will discuss ways and means for making the Butler Street Y. M. C. A., a very effective organization in our community life. Dr. John Hope, C. S. Cox, J. P. Whittaker, C. L. Harper and S. E. Gore, Jr., spoke of the fine leadership which Mr. Hanley and Mr. DeFrantz brought to the effort of the Y. M. C. A. Mr DeFrantz in his parting words, commended the General Chairman and the men of the organization for the fine contributions they Have made to the youth of Atlanta and the community in general through the successful campaign just closed. He stated that out of his ten years'                 perience in directing campaigns throughout the country, he had never witnessed such fine teamwork, fellowship, and enthusiasm as was manifested during the At- lanta campaign. THe following men attended the barbecue: J. H. Hanley, E. M. Martin, P. B. Parks, J. H. Alston, Willie Martin, X. L. Neal, A. J. Lewis, II, C. S. Cox, John P. Whittaker. P. M. Davis, J. E. Jordan. T. J. Ferguson. F. A. Toomer. James L. Holloway, C. Parks, R. E. Jones. A. T. Walden, T. J. Henry, Jr., John Hope, R. C. Eberhardt, R. E. DeFrantz (N. Y., N. Y.), J. M. Chiles, John S. Allen. C. L. Harper. W. R. Wilkes, M. R. Austell, R. P. Johnson, B. J. Davis, J. S. Spratling, Jr., H. J. Furlow, Jesse Wilson, G. E. DeLorme, C. N. Cornell, J. B. F. Prather, C. G. Ezzord, J. H. Smith, M. D. Kennedy, W. A. Robinson, B. R. Bra zeal, W. S. Holloman. C. H. Holmes. Mrs. L. A. Davison. W. A. Fountain. Jr.. F. C. Gassett, S. E. Gore, Jr.. J. H. McGrew, W. A. Bel], A. F. Smith, Miss Lawrence E. Rutledge. Mrs. C. M. Hill.                 J. H. HANLEY                 F. A. Toomer I                 T. J. FERGUSON</t>
  </si>
  <si>
    <t>                                           Fifty men of the Butler Street Y. M. C. A. Membership Campaign organization were guests of General Chairman J. H. Hanley on a delightful outing at his farm yesterday afternoon. At the beginning of...</t>
  </si>
  <si>
    <t>                                           The Pastor's Aid board of Mr. Zion Church met at the parsonage on Monday afternoon. Plans were made for raising money.</t>
  </si>
  <si>
    <t>                                           Jealous Pair Fight; I Both Sent to Grady;                 A fi;.'h! li.-1-A-i-cn i;..v.-..r.i Sri.ili' nl 3] Hell s rif ;1 K!l;i I'.r.nr lev of .11: Aiir.-.i: "iiii s'.icc: .--:.;:! v.-hl. h Wlllif:..-i-.- :..i.v l.i-;::ui in S i 1 1 i s S).-1.;:!1. t-n.ici: '-'~:.iy ' ;ii (Ilady hi'.-pil.'l wlu iv ; ~!.i:: :i:!~'^iiU '.'.fH.- ! uir An Imi: i" !)Oi;:.ir.. Kl::l M.-ii\v;i:: i 1 :,::i;r:iv.il:ir liu- f: uli i k I h.,(] l:,n: ii lli. SiimI' ;ill i- Wii'Mi he :i:ri\c;l  :.,il(l. Ihr u- a:: i:n-l !n::. UlflLM  i-. I V. pick.                 S i n 1 1 in thr- ~:fl li^ f- r In1 pi;.;"! .~Imp-:-1. n.M'.pl'-'-ly wrC'-l:!-.: lln111: M::;'1::'::: ii!'- "livin:: n.i.'ii. :wA ;::.i:-i:i^ pt.r.-cs- i'1:1. 'I ii Ihiuw i! ,"i:o Ml.'1 lim.'.-i1. 'I'lic v.-.'-nl- 1 mi I :~-!i ...! l-.'-i iv.-m-i- im       ii-.kI v.-  irr  M I: ;ni(i i.m. J Ovi'i'l;!l;inC . Sni;ill. - j  n:: lo Y-.-;lr.~.-:;  -s, d:i.--.': ;i :-v.-   - - .'mri c::'. iiir v.vin;in jn Icf'. . A1. CiiT'tty im--.pi1:il. it -.'.-.-i-.- ;'.-i:fi(J :h;;l -in .'il.-cf'-1 fun  v.-i-, -I i-:-;ir.L- li T l":.i: ;.i:...- i fif hl M.; I :~:i.;il.  i :p i'V p-.!;cc r-i v.-ill I-.- Tioti t i i im Rcco:t!~'MM 11 'iO p Hi                 KATIE III ME :  . July 7 Dr :\v.~\ :nv: Mi-- A. Mxtio- M -I1"1 l-;il;;i-cf:;i:hc av.!;::r. i:i-t .--r-n- 'Air IK"'r:d ~:..'. ~.f a M'wii ;in-! ~.   ' i half p. 'mm I !Ki;)y ;;i: I, K.-!\v ;y:i i lie J"o.'f:.cr M.'.'-v K.'( ir H.i    . v.'iu) v.'.'i:: fi'-i i nc( !cfi wi ii !ic At i.-in n Sen'--: .  :--:;.l V.'..fl;. 'i'l:--  w. b T:i in '.he V.':.ry Wilson S^n-'i'.ifM.iin. Id i ci i ;:'.ci Si'vtMvti  TAv-'- Mnnrc is b.:tv; ;r i'. iii t:u.-;r ^n-'M' f.n thr.- Kitli .-r fir the (".i.I Pru^wny A:j;;:'~ ckt.!:; y:\': K. Davis, of :~M..\vn. Ky !- ir.niht11' of ilio Vi.. ::i .-i-; it: l!:c care nf 'Aw ;nf::n\ I Of AN Autos He Runs Info Police Patrol! Of nil the Mu'rHr. in At):~iv-i in Jiil. .Mrlioi; rv:iu'::;. 21 of (i-M HiK'^^nrt ;      Wccinrsdny nir,'ht cv. his : in ,? the police p;i rol.   :;; rir;vir.~ a T- FcrA I Spider carafe truck, truck ihc "little red wanon" j:ist as it v.\v;  out nf die station, knocking off the front bumper. Tho  -\v;i^ not Oamncocl F-cl\v:irds w.-is  at the s ntion on a charge of reckless driving.</t>
  </si>
  <si>
    <t>                                           .T"      '~~f ~...  ..~... mm. .~3s :W^ lin r Pvprv dollar readers of The Daily World spend W\ T 1 The money advertisers spend with The Daily jk fl iS5" -Rnv From^-  5 ?^'^~?  : World ^^sr^Tr5^?1^ Advertiserii ....t.....t..             .lli..li^ ^^^AAA*4A4*A*AAA^4AAA*44^</t>
  </si>
  <si>
    <t>                                           Race Obtainei Little at GO. P. Confab, Resume ;                       GOP  FRUITLESS TO NEGRO                 A.N.P. Takes Readers! Behind Scenes of Convention                 NEGRO IS IRKED                 CHICAGO. June 20.- CANP) Set up in eight-point type the platform adopted by thn delegates to the Republican National Convenaion hew last week oo. 179 i column inches, more than an entire page in the dally newspapers. Ot thai  one and     .civ.                 inches were addressed specifically to the Negro, pledging him. in general terms, due aid and comfort in his extremity. .Thai is to say. eleven million citizens, specially proscribed agai st am] restricted, suffering evilly from  and lax or law enforcement, but constituting nearly a tenth of the  of Int.1 Union, were "" in a -space v/ occupied just one one" hundred - of the platform. Exactly ten times as much space was devoted to liquor, not counting the minority report, as to lynching, , restriction of   luc{         opportunities and funds, injustices in the courts, lack of industrial opportunities and kindred social and economic ills which operates as a blight upon black Amerlca. Although there were more than  hundred Negro delegates and alternates attending the sessions, the gathering was a white citizens" convention the black citizen did not count much. All of the specific pleas placed before the resolutions committee by representatives of various Negro groups and organizations were  and flattened to fit into the elastic platform pledges finally adopted .China and Japan came in for lengthy platform space, with emphasis on the particularities involved After three days of tussling, the prophetic words of Postmaster General Walter Brown that after this convention there would be no "big Negroes" in the party in the south. were almost made to cume lute. In al! cases  one. that of Mississippi, the program ur placing tho affairs of ihe Ropiiblicin parly in the south In the hands of while men and women was successful. Not until the lime c:mie to second the nomination of Mr. Hoover for PrcsMiMit did the NVuro appear as an effective, functioning force in the convention. Then its was Continued on      5. Col. 3</t>
  </si>
  <si>
    <t>                                           CHICAGO, June 20.--(ANP)-- Set up in eight-point type the platform adopted by the delegates to the Republican National Convention here last week occupied 179 column inches, more than an entire page in the daily newspapers. Of that space one and...</t>
  </si>
  <si>
    <t>                                           NEW YORK, June 25 -- News Item: Noah's Ark will be electric lighted tonight. Yellow globes will shine inside the ark and also on the aft deck, which, unfortunately. Is disappearing slowly into the Harlem River. It'll be a big moment on the ark when the tights go...</t>
  </si>
  <si>
    <t>                                           Mrs. Elphola Dixon and daughter Emily, spent several days during the past week visiting with their relatives including Mrs. J. W. Simmons at her residence on Old Wheat street in Atlanta.</t>
  </si>
  <si>
    <t>                                           HftKE UP YOUR  BILE- WITHOUT CALOMEL HJTbmrihamp OmtmtBtiim  Baria' to Ga B  xtM .hi  in jn           wast aa4  aod fall *.Vgr   u1     tc   alr       aa m BMra Bamwt  t     X Iks aM TIm  tar your -aol  1* roar Bnr. It  poor  at two pi U of liquid  Into yoor Dovda *  bO. I.  ot HovIiK .             Uoftta ap      **'"***"lt Yoa hit** . lad Ma mod, toot  ta fool, *   otas bcob sot U  Your htH HfanlBdfM teat d^ oat. Your        IspoiBofMd.   PlD3 to (rt thm. Mo { .~      at bfa         (  sd  l CS-TO nd cjk-                 , .                 .   I . I 111 il i O1B1C.M.~ I I UlS^ RU1.1                   I to^ fhum. "iK tK- 1 1 13^:            43^ I I n coax  rr-Ti^"^ V*9l I SfflSi--  3uSm5   4BFt- I (~     OOl.      It-F 5  V"^.  i S- IN LUCK?4; 40!fiRS^   f Bm Lock. Cvfl, and         Mttracttoa f  LUCK hi OMtMi,     , BinimM*. LovaTHav %~. Socc***. Me.Wt mill*     *ral r*   **)   FuKNCO. V*    '    *t*OnM7          MX.T P.S..       .O. BOV72.BR0.N.V. OT1CCI W*           OOARAItm HMH Cwikln* Iranma IMMtonM      Juit wfMt     wmt to? ~*.y MAflMtncI     1       (Of,U; Black-Draught was a splendid medicine. I,        It and hare continue^ cuing It. I take BUck-Draoght for. *, constipation and indigestion. I find It quick to relieve. I don't know of anything worse      getting up feeling so tired and -with a bitter taste In the mouth. This is what happens to me whoa I get billons. Black-Dnutcht  away with this condition, and  a few doses I feel just Una." lin. Katie Parkt, Dalton. Qa. Cet a package today. Sold at drag stores. Costs only 1 cent a  Thed ford s ~\~/L* #JP %J** Consti Ration Indigestion 1*$/' biliousness</t>
  </si>
  <si>
    <t>                                           Dr. W. F. Hand, State Chemist for Mississippi at the Mississippi State college, Starksville, on examining the body of the late Annie Quinn Packer, wife of Dr. Lawrence F. Packer. Yazoo City dentist and confessed salyer of Norvelle Sanders. Memphis boys...</t>
  </si>
  <si>
    <t>                                           t-~v1 a da Q f  / I F^!~?f CLUD^ I BtUL'AH MITCHELL MILL/ EDITOR- 1 1 Hl^arL^</t>
  </si>
  <si>
    <t>                                           BARGAINS IN i v i -1 23 discontinued colors of Cooledge Hygrade (P"j QC Houto paint; regular $3.45 grade *r 3 discontinued colon finest  I?1 QK Porch Paint ^'V0 6 colors Crystal House Paint; regular $2.45 (PI AC grade ?l.*0i discontinued colors finest Flat  /1C Wall Paint Our Mitch ;11 Street Store will be the salesroom for we  to sell quickly nt greatly reduced prices, close-outs, discontinued colors and other paints that FJ.Coo.          PAINT MANUFACTURERS FOR SO YEARS -8 138 MITCHELL' ST., at PRYOR Phone ^WAlnut 9177 H Nole We also, carry our regular line of Paints at this store,.!</t>
  </si>
  <si>
    <t>                                           Douglas County school will have an adequate supply of food stuff when it reopens tihs fall, juding from the fine outlook of its fourteen garden plots, located near the school campus. Eight acres of farm land have yielded several dollars worth of products this year...</t>
  </si>
  <si>
    <t>                                           DAYTONA BEACH, Fla., July 17--Things were eventful for Atlanta in the play of Wednesday here. Ralph Long and Almeta Hill drew a bye and advanced to the quarterfinals in mixed doubles, while Harold Thomas and Laura Demery ran the steamroller over Nassau's mixed doubles entry by duplicate scores of 6-4, 6-4 to advance to the quarterfinals also, but in different brackets. There is an outside chance that these two Atlanta teams will meet in the finals for the title this year. Both are cerain semifinalists.</t>
  </si>
  <si>
    <t>                                           In the cause of beauty the universal sisterhood will suffer any trial. Regard this eyebrow tweezing and teasing that goes on all the time. A magnifying mirror on the window sills. fuzzers plucked one by one, tears streaming down the cheeks. Every week the agony is...</t>
  </si>
  <si>
    <t>                                           4-1 Wide-Awake Police Avert Lynching                 BENT MOB                 Sam Hall, Who Killed Georgia Doctor, Led from White Mob                 FEELING STRONG                 BAINBRIDGE, Ga.. June^20 A, lynching was probably averted here last Saturday night when police officers, through quick action and foresight, led Sam Hall, who 15 minutes earlier had shot to' death a prominent white physician, out of the reach of a posse of                 raged white citizens who wcr-j seeking the colored man to avenge the death of the doctor. D. R. Barber, assistant chief of police, and Sheriff W. J. Catledge deserve the credit for escorting the alleged slayer to an unknown destination where the mob of white residents could not find him. Had the incensed crowd of white persons found HaH Saturday night a lynching would have taken place. Only_ the" hasty work of the "officers of the law was the execution of the "lynch law" thwarted. The tense feeling which pervaded the town Saturday had given way to more calmness by Sunday. According to the young lady who saw the murder, Hall shot Herron after the physician s car had barely  missed striking the Negro's wagon. When the1; patrolmen arrived on the scene immediately after the shooting Hall 'was standing over the body, with two guns in his hands. He was at once rushed from the scene of the crime to await trial by court' instead of becoming at once a victim of the unlawful gallows.</t>
  </si>
  <si>
    <t>                                           BAINBRIDGE, Ga., June 20--A lynching was probably averted here last Saturday night when police officers, through quick action and foresight, led Sam Hall, who 15 minutes earlier had shot to death a prominent white physician, out of the reach of a posse of...</t>
  </si>
  <si>
    <t>                                           Mr. Fred Bronner of Florida is spending a while in the city with relatives...</t>
  </si>
  <si>
    <t>                                           sNegro baseball has not fallen by the wayside this season...not by a long shot. Baseball in general has been dealt a severe blow by the existing DEPRESSION in all parks, white and colored, and no one can blame promoters who have sunk hundreds of dollars into the game...</t>
  </si>
  <si>
    <t>                                           Local Theatres Offer Thrilling Features Many Stars Will Grace Silver Sheet                 Bailey's Royal Ihcntre is playing) The World nn l Hie Flesh." slur- 1 ring George Bancroft unit Mlrinm Hopkins. The picture 'Is a very  one with the setting In Russia. Bailey's Eighty-one theatre is offering "Tarzan the Ape Man" starring (lie champ swimmer of the                 world, Johnny Weissmuller. Even if you have seen this picture you will enjoy seeing It again. The Lincoln theatre is proudly presenting "Machine Gun Butoli." who  to be named Wallace Beery, and "the screen s most popular male star," Clark Gable, better known as "Han! nnd HandHOme" Gable. The title of the picture is "Hell Divers." You'll love 11!</t>
  </si>
  <si>
    <t>                                           SWELLING REDUCED And Short Breathing relieved when caused by  collection of water in abdomen feet and legs, and when pressure above ankles leaves a dent. Trial package FREE. COLLUM MEDICINE COMPANY. DepL 580. Atlanta, Ga. (SJ\.   Gfrinhng RURALIST PRESS, Inc. 713 Glenn St., S. W., Atlanta</t>
  </si>
  <si>
    <t>                                           Well folks, here's your little Andy again, this time broadcast'ng from vast stretches of Sunny Southland away down in the Carolinas, Georgia, Alabama, Mississippi, and Louis'ana, and bringing you a program full of interesting reviews and observations on that...</t>
  </si>
  <si>
    <t>                                           One of the Terrible Trio Cased                 Pert Srtprcv, one iS( three notorious Storey Droghers, is Known in n North Baftbv.ore. Ohio, hospital  his : capture, during *hich he ut.!~ wov.r.. Mrn-.':cv. the second brother was taken unhurt at Van B'.iren, bi:t the ;ln:d brother. Jnnics, i?  at large, with entire police start s of the Middle West seeking him. The trio recently started a  of terror in Ohio, which in two tiny.' included the slaying or              N. Days Unset), iour ., u hold-up and a       ^j(</t>
  </si>
  <si>
    <t>                                           A motion for a new trial, filed by Attorney Carl Graves, assistant public defender in the case of Charlie Scott, who was sentenced to serve live years in the state penitentiary on a charge of assaulting with a shotgun a member of the bar, Attorney C. A. Throgmorton...</t>
  </si>
  <si>
    <t>                                           Following the receipt of a death threat, Lola Carewe, known as "The Night Club Lady", is mysteriously slain in her penthouse apartment at 9 a. m. New Year's Dr. Hugh Baldwin reports death due to heart failure. The only clue to the murderer is a medical laboratory specimen...</t>
  </si>
  <si>
    <t>                                           GEORGIA % OPEN 11 A.M. 15c William \Y: 0 The Dark Horse</t>
  </si>
  <si>
    <t>                                           OR EXTRA TROUSERS gt          This Special Otter ^'*i^B Ends Shortly "%'~rl Wp** !ore;l-ln.O''f'rV -"i' pui lii-rd, n" r\iv;\ p:\ir of  s    Jjliiik Kill be js  ;            Free". Selcil the o\U;\ Iv""?"'^ ***5     from s;i!?ie  i- ;   your .nil.   r, if you  i-li.      SB  .il in    - p;iuk-       - . ll  no                -. I'm 1I1U -~:ilc, .SrlivoliV rc^ iix-iin-lnn-nl '~f over 200 (     display.  a;iy .-lcds l'l il  lun,  Ciissiincrc linial" Dickey 'IVrcds Sli:uk^ nl ^j.l,. v,,./._ ;n,: V-~      ;  M- I'ufitiislifcl V Orslcd- :uul ninny, in.my ,~r..,,rc   . Srf,.,,,;,. Ollicvs. St'U-rt ;i ;-u to  your l.. Thf .-nil will     tailored  individual   ii;ir;nt- Iced In lit 1    c:ir iind to  il? i-  .. A  e A (  8t. ~~^A.    .^tf IW'TCKn . for .^fe'^    ^   l^^l1^^]^ tlic    ?l 20 .i,   holds :i I'v t I'miiI- ". SCK-i'^ ?''-S   $S ^^      ((ffl We. a l)iK ~'     . '  x;   \ ho\~~-vcr.    ^l ^^iS/S ty fi^ ^8} "fail Orel 1^ lo ho   iiU Hl in our , fur not only me extra d!^"%Sf -'^Sfl H To Order trousers };   'ii rrr   ''' Tnilnred-M-Ordcr -". lint dnr- 'mf^ '^i  SMiS $        iiiR tlic sale prices on Uc;idy-lo-Wcar -i wdl lie down ^^03 "w^1 ^[\~r,-. IMnl-. to a new low. (luc  slock of Kr;-ViV.:,r .. ^ii!^"*^%!!dS^^!gS^^F at 814.95 will Lo      ! to 312.95, ,  \ ?17.'~ v..l,,c-S   i##Pl^^^^~ to $14.95. Prices on hoi ivc. t-^ will .d*!~ go  to ?6.95 and S9.95. If there ever whs ji time for n man to buy ;i s.iil ilV Now! Tofhiy Sdiwol. i"  ^4   ,.-ift.^\@'~t*-^^~.w,~:;. y w/vW\        1 you the  offer- in the South. Free trousers with W^^^'^^f'^'' "^'Z%. J mm Inilor made suits' and reduced prices on ;ill Heiidy-! '%%'^ W '4r^ t'^lp* ff* Jgr e\ EZ! V 7//e scb- Co. M  I O.7.P ~~^K ,#^  'D)HCEn Z V^^ Reduced  91 . N. E.- 177 MlTCHliLL, S. V.     3ti t? $~~0 !rf"nr C HOT WEATHER S : S ^wv^w.^. jU 95 V CLOTHES v STORKS IN  : '^^P^^^^^^^^W %' f ATHENS MAC0N SAVANNAH WEST I OINT ~^^^?^^pp^#%^ HW^WVW1 LAGRANGE VALDOSTA ROME COLUMBUS ALBANY __~~^-~w.</t>
  </si>
  <si>
    <t>                                           About 250 music lovers enjoyed an interesting period of music at five o'clock Friday afternoon at the First Congregational church when the pupils of Mrs. Julia T. Coles appeared in a piano recital. It was the tenth annual affair to be presented by this well known...</t>
  </si>
  <si>
    <t>                                           Will have the next meeting Tuesday night, June 28, at the home of Mrs. Lucy Pullin, 335 Biggers St. The Pajama dance which the club gave at Sunset Casino Monday night was a very enjoyable affair. All members are urged to be present at the next meeting.</t>
  </si>
  <si>
    <t>                                           TUSCALOOSA, Ala., June 20.--Rev. James L. Lewis, chaplain at Kilby prison, who lives at 1804 10th avenue, south, told a World representative today that Willie Peterson of Birmingham and the seven Scotsboro boys, all of whom are under death sentence pending...</t>
  </si>
  <si>
    <t>                                           DELEGA TE                 DIE. S. I). Ki:           -li-i;:ili- I" tin- Kt'pilhliiMM ~" ill '.i;;o  .Missis- sippi,    -  "     " will]  IIijumicI, .il  i  Hum  Mad' md lii lpi d Iliiuanl lual Hie "lily- while  in it6 fff-irl 1   oust llM lll.     Hl'lllMMllll   . Dill' ClI III.' lew colored ill till' I nun- I try  lias luo prt)l.'~/,i(ni:tl cariM-f-.. Hi' is  (ini  anil , ami lias  ciIi iI al I,,, III.</t>
  </si>
  <si>
    <t>                                           Mr. Thomas Reid of Winston Salem, N. C. was in the city to attend the funeral of his brother Wednesday.</t>
  </si>
  <si>
    <t>                                           MFsrAT. 1KV. Sure Siens of Summer by ART                  PHILO VANCE The Insurance Mystery by S. S. VAN DINE                 TIM TYLER S LUCK  tfV:8. s- The Three  By Lym</t>
  </si>
  <si>
    <t>                                           Start of Retreat?                 ( by Hit m  result of their lone tlu' ''"I'llal members of tho bonus Army  shown  s they take  of the Government's  of free  home. Here is the ticket department  t Union Stktion_ where ex- men lira %, cu^ ^A. The majority of the -si-efr-n  U) stick until  * tire .</t>
  </si>
  <si>
    <t>                                           Rev. J. W. Smoot of Atlanta recently closed revival services conducted at the William Grove Baptist church. Rev. Smoot who is pastor of the Mt. Zion F. A. B. church of Cordele preached sermons that were logical and entertaining. In spite of the rain he was able to...</t>
  </si>
  <si>
    <t>                                           The following persons met on Wednesday night for the purpose of forming a constitution for the young men's local club. Messrs, W. W. Small, R. C4 Harinon, R. P. Hunter, C. W. Sharrard and Gov. Chery.</t>
  </si>
  <si>
    <t>                                           PHILADELPHIA, July 15--Four revolver Shots shattering the din stiffness of St. Ignatius' Catholic Church. Four bullets thudding into the tender flesh of a woman who had just made her daily peace with God. A stumbling, crumpling form, sinkign lifeless to the carpeted...</t>
  </si>
  <si>
    <t>                                           STORER PRESIDENT FEARS STUDENT STRIKE                 WASHINGTON, June 11- (CNS) From various sources, it was learned last week, tbat President Henry T. McDonald ot Storcr College in Harpers Ferry, West Virginia has already begun to prepare a counter-offensive to attacks made on him in the colored press last week. He has requested several newspaper offices to forward him copies of their papers containing the story of his refusal to permit the N. A. A. C. P. to erect a memorial tablet to John Brown on the Storer .</t>
  </si>
  <si>
    <t>                                           All's Well! Roosevelt's at Helm!                 Wuri'ios of State and strategy tor hi.i coming 1'- ili    for iiu- '.'ii. t!uvi-i y.-w I-':-;I::i I). Ruov.-vr.i of .N\.-w Vu:l; i^ .  vi.Af hut) at tht hehn of his ^n '.. Myth II,                 :is -M si;ui!t!i il a!ni!i: I In- c-uu:,1. of New !Cni;. The -r i:.~-:!:bci-i :.f tin.' i!ot:(;htv    , tin- Oovernor'a . i-'. J J;t:::.-s  Juhli, all-  taking il easy,  ii'. lo lul '.l.i ir  Jad Jo the work.</t>
  </si>
  <si>
    <t>                                           /ALABAMA J- NEWS                 Selma, Ala.                 By ON EARTH                 Every Negro in Selrm should support The World  il i.T giving profitable employment to scores of boys and girls.                 biR sub. contest. Win several valuable prizes. We want 700 i-CRUlar subscribers within 60 days. Boost the World, and send  and special writeups to Mr C. H. Raines or Mr. L. Korniss at I The Peoples Printing Co. 1431 Lapsiey street, Phone 1792- J. Mrs. Clam V. Rivers was hostess to a. birthday  Riven in honor of her son. Mi- E D Pritchett. With h..st 'of friends en hand an evening of Rayety was reported. An ice course was served. Miss Racho Whiit entertained on Monday evening at her home on Franklin  with a lovely party Miss Ella Bennett was the  of honor. This  :n 8 o clock the members of the choir of the T- Baptist church arc                 senting a musical. The program will consist of , quartets, chorus, jubilee n umber 3 and  numbers. The musical is ot nn Inspirational as well an spiritual setting. Come out ami bring your friends. Mrs. A. B. Dlnklns, directress. Mrs. Kntc Grace  to the clt  spending a few days in Birmingham with relatives. Mrm Merlndn, Edwards- of lai avenue continues to improve. The ministers of the city  Thursday on their annual picnic. The Just Us Social club met at the home of Mrs. McCnntcs on Sylvan street. During the business I session the club planned ,a hay ride. After business bridge was the feature of the . Mrs. Randolph, an  of New York City Is ai Brown Chiipel AME church conducting a ."</t>
  </si>
  <si>
    <t>                                           Every Negro in Selma should support The World because it is giving profitable employment to scores of boys and girls.</t>
  </si>
  <si>
    <t>                                           With the decision of Judge E. E. Pomeroy in Fulton Superior court denying a new trial to Mose White and Richard Morris, defense attorneys for the two boys who with Richard Sims were convicted of the murder of Detective Frank C. "Red" Foster, Saturday were...</t>
  </si>
  <si>
    <t>                                           CHICAGO, June 19.--After the final business session of the credential committee of the Republican Party held here late Tuesday evening. Bob Church, only Negro member of the credential committee, is reported to have cornered Walter Newton, secretary to...</t>
  </si>
  <si>
    <t>                                           E D I TO R I A L ^EHBEBrJ</t>
  </si>
  <si>
    <t>                                           Complaint Of Church Brings Arrest Of Trio                 Answering a complaint of a neighboring church that a liquor traffic was being carried on -at 552 McDam'el street, officers on raiding the place Saturday night arrested Bob Bailey, Annie Jones and Lizzie Pope on disorderly conduct charges. In Recorder's court Monday, the( officers testified that no whiskey, was found on the premises, but .hiding the trio guilty of the disorderly conduct charges, Judge John U Cone fined each $7 or ten days in the stockade. HIS LEG BROKEN: ; His left leg broken just above the ankle, Fanian Rogers. 21. 29 Linden street, N. W.. was admitted I to the Grady hospital after he had I been hit by an automobile driven by J. A. Scott. 1070 Hemphill avenue on Hemphill avenue near the Kay Ice company about 6:30 Monday night. Tile young man and his mother told Patrolman W. G. Scott that they didn't want a case made against the driver oi the car as he was not to blame for the accident.                 Had Whiskey Hidden Under Coat; Jailed Caught Saturday night with a can of whiskey half concealed under his coat. Cecil JoTlnson was bound over to the city criminal court under $200 bonds for violating Ihe state prohibition act by Ju.lRc John L. Cone in Recorder's court. The arrest was made by Of- ficer C. T. Pittman. who said Johnson was calmly walking down Pie. way with the whiskey beneath his coat. When he espied police. Pittman said, Johnson threw the can down and attempted to escape. DRUNK ON STREETS Charged with being drunk on the streets W. A. Arnold was given a fine of $7 or ten days in the stockade by Judge John L. Cone in Recorder's court Monday.</t>
  </si>
  <si>
    <t>                                           ONLY NEGRO DA?tV NEWSPAPER IN THE WORLD W. A. SCOTT Editor ui Publlihtr  Marshall DaTlt Maaagiar Editor SUBSCRIPTION KATE8 Ona Tear, $7.50 6 Muntha,  4 2i 3        . ;2.^S Wrrklr. PUBLI8UCO DAILY AT III) Al.' AVK.. N. K. TELIPHONEa: WAInal M5  Illl        4 M Mcgul-  at     poit *  t AtlaaU. tia.(      act of March 3. IS7   REPRESENTATIVE W. B. /IKP C0_ ChUuu. New York.      Aifalo</t>
  </si>
  <si>
    <t>                                           An imbarrasing problem confronts the 70,000 or more Negro-owned individual enterprises in the United States today. It is a part of the complex situation created by what is known in America as organized Big Business," which so perceptibly handicaps the small...</t>
  </si>
  <si>
    <t>                                           t mi to span SUNDAY                 Will Seek Members in Annual Drive at 34 Churches                 HEAR PEP TALKS                 Headed by Jesse Thomas, as chairman of the committee on church cooperation. 34 speakers Sunday will carry the Butler St. Y. M. C. A. '3 annual campaign for members to that number of churches.                 The speakers will appear at the j morning services. I Fifty  attended a spirited I "pep" meeting held at the Y head- j quarters Friday night and heard i talks by General Chairman J. H. j Hanley, Associate Chairman Me- i Grew and Divisional Leaders Blayton and Martin. 1 -Greetings were brought to" the I Atlanta workers by David N. Howell, secretary of Boys' Work at the Dallas Y. M. C. A. The list of the churches and the speakers who will visit them follows: MLZion Baptist church. J. Thomas Mt. Olire Baptist. J. II. 'Hanky; Reed Street Baptist B C. Baakerville Bit       A. M. E., Mr. Cox; Central M. E E. M Martin: Rush Memorial Consntin. , J. P. Whltaker: Wheat Si. Baptist. J II McGrcw Providence Bnptist. J. A. Alston: St. Paul A M. E.. II.. M.. Ivy: First Congregational, T. J. KooicrMn Liberty Baptist church. J. L. Holloway j Friendship Baptist. W. A. Robinson Ebeneier Bapti.it. C II. Johnson Beulah llnl.tist. A C MurtlauKh": Turner Monumt ntal. S S. Alnms St. Petor A. M. E.. [t. C. EberharUl. St. Mark A M E.. C. M. Carnell Al-  n Temple. A T. Walden     Mitchell 2. M E.. C. S. Co^: Holw Temple. C. I. Gideons: Butler St. C. M. K.. C. L..       'r; Warren Memorial M. E.. J. U. Blayton Fort. St Methodist. J.. II.. Smith- Rmlfliff Memorial Presbyterian. C. Z I'opo: Flipper Temple A.. M.. E. J T. Sharpe: St Luke A.. M.. E.. Franklin Memorial. C. M. Clayton: lit. Paul          Dr E G Bowden Amanda Flipier Memorial, Mr. Lewis; South Atlanta K., De  Cosmopolitan A. M E. rt. A.. Johnson; Zion Hill Baptist. F C. : Church of Cod. T. J. Henry, Jr.: 3 . C. Camprield.</t>
  </si>
  <si>
    <t>                                           Headed by Jesse O. Thomas, as chairman of the committee on church cooperation, 34 speakers Sunday will carry the Butler St. Y. M. C. A.'s annual campaign for members to that number of churches.</t>
  </si>
  <si>
    <t>                                           TURN TO NEXT PAGE TOR ADDITIONAL GROCERY 1NS Read Every World</t>
  </si>
  <si>
    <t>                                           HONORED VISITOR                 Rev. R. U. Ui.v.m of Mi-iv Yori; who :s ix-i o;;i: ;.s b-im; one the nation s .s: an.i mo..; mi;. st;ir:din^ o\-;inj:L-l:sls u;is [hi.1 v.i't r:- "ill i:i!osl of Mr. an.i Mrs. C. C. Shanks and  ur 52! John:.un Avunuu. N. E. Dr. Dixon w.'i.s the .speaker ai 111'.- .-nir-.i; SL- ci.'  j:u Friend- ~^ Baptis'.  .Sunday, h:.-       ' enjoyed :jv .e v.-lio heard h::n. Mr:.. A:ne::a Y.-if.-s X. K.                 !'ii: St. ho.-.or.-d I"):- D:xo:i and Miss Sn:,nks w.lh a Ilm Sunday allu rr.onn whu h \vn.; must -ly :ur\vd. a:, v.-L-ii :-i il;^!i:y tr.. 0:\ D: t-ias dlc::  as nr.i: uf liii: Drlui'.alui lu tin; World's :-  .'.:s i. a:l;a['.c.c v.-hi: ii v.  in I^l-::i:i. C;^. ni  i. s tr-.lay foi Chh-nf.o where i'.c- -.vill '.;t". a n .-~~-~l: ru1. f";' Iho l':l^:it-i "iiip'.isl l-.. D:\ .1. C. A .:tii.. pa.-lc:". i)t;:iti:tini next                 itF.V. K. II. DIXON</t>
  </si>
  <si>
    <t>                                           Ea AND ^^9 Regain another  of  !ory wear  your shoi*i, nt a  low coil. IIALr-SOLES AND HEELS COMPLETE 75c SERVICE SHOE SHOP J. i\l. , Prop. 2-l J Auburn Avr.</t>
  </si>
  <si>
    <t>                                           Psychologists recognize the effects of certain colors upon individuals. Green, we are told, is the cool color. That is, persons react to the sight of green by feeling cooler and more refreshed.</t>
  </si>
  <si>
    <t>                                           TTYTTTTTTTTVTTTTTf ttf 4 M* ATLANTA S 0 W N J  JMLaRKEJL 3 ALL UNDER ONE ROOF Cornei' Ed u ewood and ^ I "'.STlU:r.TS i t F.- BUTLER- BOA?.- BF.I.L  J I HAmrAlNs'rOK TODAY AND S:Vmn)AV J OPEN SATURDAY UNTIL U P. M.- FOR \OU\ } M Rcme Market W.ft. j e  i t l!o:,sl lU-t-r II'. '"~i- OH S 1 bill J I5ox IJaoon ))i. 2dc BKST  j_ J ,~it.nil.,lan,s....lb.l1c Fn.^J7C 3 t S;;1^ 1Oc ^a"^ aa j: U H U U 11 1 t SLICED, Z NO KIND 1 VP 19c K.IND I At" t Evcrylliii-.e f.om Soup to Nuta i X-  on,- rout. Frcili Coun- m^ ng M M Jj t trf        a, Priw.. B E E r j Iror           Tc  j Chuck Roast Mo -i I :,2 HAMll/rON r.2 Sh'hrr Uoast     .lam;. Jellify 3 rre:u%r\'(.'s Huury J  Country UuUiT 1 1 0-Mrt. W. VC. Ballard- 1 10 iv-pp t S:iuc:- :u):~ii:-G!U)UN I ^p-";:." ;~ll.s.      ....inc    .u'^nS,^- Okra (it. 5c. t I 3 B. P. Eedd- Booth 84 COUNTRY. CURED HAMS AND BACON, POULTRY, EGGS, AND FRESH PRODUCE I Sens', t" 1 5c FRYERS ib 22c DRESSED FREE WHILE-U-WAIT ALL SIZES</t>
  </si>
  <si>
    <t>                                           TIM TYLER S LUCK The Spear -jft, Bv Lym Ydiitig                 TELLING TOMMY" ^^==MJ^                 rHEM:r:DAYS ARE' GONE" FOREVER Clink This  Compact                 *ni5         UKfc IF YOU DONT WEAKENS By^ck" Rabbit1                 TOfffff HY DARNIT                 By Charles McManus</t>
  </si>
  <si>
    <t>                                           Following the receipt of a death threat, Lola Carewe, known as "The Night Club Lady", is mysteriously slain in her penthouse apartment at 2 a.m. New Year's. Dr. Hugh Baldwin reports death due to heart failure. The only clue to the murderer is a medical laboratory ...</t>
  </si>
  <si>
    <t>                                           Who Thought It; I!y .1. H. Williams Tin- :::-c'; s 1 1 ever i::;icV !di- /.iMin-ink si-mv:.</t>
  </si>
  <si>
    <t>                                           The invasion of approximately one hundred and fifteen out-of-town students of college and post-graduate standing matriculated at the Spelman-Morehouse-Atlanla University Summer School is a distinct contribution to the cultural status of Atlanta's society. Listed below are the names of those cultured invaders, who will be introduced to the fashionable members of the society of the Gate City at an informal dance on Monday...</t>
  </si>
  <si>
    <t>                                           Snake Bites Young Berry Picker Badly                 P- the   c:i"'1 of ik; bite the current  :.~:r.nii w;is rcp Tt"'! this Ttiornii ir; .vi-,oii  " yo.-ir old K'iilic fv.-ll. Union :'V"rv.rr, w.'is  oti in !hi" Gr;idy  nl f"r tri  .::~r :-hc was .'lU^ hy 11 -oil sp.akc wh:lo picking h-Trlos iti-.'-.u! 8:30 this . Arcordlr.B to V.'lli   :-p[cr. Rrnn.lf.ihor of thi* K'i'l. '.vith whom  l-,a  residing for some li me, !he chl d w.is bitten en the tip of Hi"   na fho  li;i:   bushes lo Ket Rome of tin-. nit. Her condition is  ,1.1 i"M5 '" (It* tnc! Mint nho  rushed i.n the           i'.i                  BAP  By I. i', Jteyniililn Silontro lo Golden" ' imY but when I throw the 13r!~:Jc Milci/cd  ba Ooldnn, but D If yr.il will     to   '  of tti.it GoM.</t>
  </si>
  <si>
    <t>                                           All Prices Have Been We Arc Off for PA IIARDhX Hardcn's ( Station SPECIAL! All Mechanical Work HALF Price FRIDAY and SATURDAY at Hardens Gulf Station 350 Mitchell St.. S. W. Road Service FREE. Call JA.7018</t>
  </si>
  <si>
    <t>                                           CHICAGO, June 27 -- (ANP)-- The rather moot question of Negroes holding office in Southern states came up in an informal discussion in the Vincennes hotel during the Republican convention.</t>
  </si>
  <si>
    <t>                                           I: only -      DAfSr^ in the world W,."A." SCOTt"^._-!-~ Editor and Publisher i Fm1* Mtrtr-tll           *lnf Editor SUBSCRIPTION RATES Ox     .   .5I Mentlu. I5.C0; 3 Monllu. 12.80; Wwklr.  DAILY AT 210  AVE.. N. E. L." TELEPHONES: WAIool 14SJ   id 1460 Bltarot Htond-^Um   t tho pout of6    t AtUnU.   .,           ct of M.rch 3. 1870 I" MEMBER OK THE ASSOCIATEIl NEGRO PltESS TOE WORLD Minn no  for               nil Inti    ,</t>
  </si>
  <si>
    <t>                                           Tag What Sam of Auburn Says Chattanoogans in the city for the week-end last Sunday. Miss Roberta Bailey and Miss Patterson. The latter a public school teacher and the former a play ground supervisor.</t>
  </si>
  <si>
    <t>                                           I have been reading the Problems of Everyday to give me a little advice about love. I am 17 years old. I am in love with a boy 21. He is the first boy I ever loved and the only one.</t>
  </si>
  <si>
    <t>                                           Stately and grand Rev. J M Gates, the nationally known pastor, ... down Auburn in his Hupp car. You may say what you may but all races have celebrities among them and can boast of them so the Negro race has a celebrity in the person of the Rev. Gates. In...</t>
  </si>
  <si>
    <t>                                           1 gri I ^Sffll^lS 1 1 II 1 1 ;               55             Here's Mi KKgi World's Most %SS^ Effective combination! skin treatment, I For driving away bumps, I mole discolorations,  irritations and other skin disorders The 50c package of Black and White Ointment contains three times as much as the 30c size. Large bar Black: and White Skin Soap, 23c. JfoniUne. BLACK^ OINTMENT'ndSKIN SOAP If You Prefer a Snow-     , Milder Product, Um BLACK^WHITE SKIN WHITENER A gentle,  Irralmrnt ^  ami tiers u/~ your skin in /I J' nn , natural manner. Favored by profile  who have sensitive skint, l. can Black unit ll'/ Skin ll  only 251 I t EDUCATIONAL JTi AOTOMdTIVE MECHANICS-SUCCOUlullT  by . AutomntlT Imlllnlr. 317-K N.       FHslllJ Dldt.. K.pMJ CltJ.    . ^X ^f .      **      Bar \r i I  L B *r"-'- _V^     ,8afnt.R'tUM^           I</t>
  </si>
  <si>
    <t>                                           Again on Monday evening the Roby-Gilbert idea swings into action when many rounds of fisti cuffing will be offered for the hundreds who usually wend their paths to the historic outdoor enclosure.</t>
  </si>
  <si>
    <t>                                           GEORGIA OPEN 11 A.M. 15c Willinm Warren S The Dark Horse I.</t>
  </si>
  <si>
    <t>                                           A woman preacher of Sparta is conducting a revival at William S. Grove CMS Church which started June 25th and lasted through the 5th of July, reporting a successful meeting Rev. cato, pastor.</t>
  </si>
  <si>
    <t>                                           2 GET REVENGE ON EX-LOVERS                 OLD LOVERS FUSS; TWO HURT                 Jnnitor Burned With Lysol, Ammonia and Hot Water                 GIRL STABBED                 The green Rort jealousy moving with hix partner In crime veneer nee sent two victims of scorned sweethearts rushing In Grady Wednesday, both in serious conditions.                 Badly burned about the head, ace. .shoulders and arms, nnd  a deep gash on the left ide of his forehead. Nathan Huner of 1229 Virginia avenue, prc- i ;     1 a pitiful figure of a scorn- d girl s revenge at the hospital  after 9 o clock Wednesday morning. Hunter, who is employed as a  at the Virginia Court apart-  i -nents. Virginia avenue and Briar- :liff, named Earlinc Washington, a  naid in n. third flood apartment, on Ms assailant. He said he and Miss Washington used to go together and when ho zot tired and Quit, she had been threatening him ever since. Wednesday morning, he said, tho buzzer in the  s quarters rang summoning him to 'the apartment where thc girl worked, presumably to do some repairing. As he entered the room, he said the infuriated woman hurled a solution, containing hot water, lysol  . bucket and all, into his face, the poisonous fluid causing ail of his hair to fall out. By some miracle. Hunter manager' to  his eyes before some of ther concoction had blinded him for life. The spots In his body where the fluid fell were charred to an unrecognizable mass of flesh. when brought to the hospital. Miss Washington, who lives at 336 Fulton drive, was locked up by detectives and a case of disorderly conduct made against her, shortly after the incident occurred. Hunter was permitted to return home after being treated in thc emergency clinic. The second victim of a. former lover. Miqh Kizzie Jones of 409 Lovefoy street, was stabbed in four places, by Tom Sutton. after she is alleged to have refused to continue her former relations with him. According t0 Miss Jones she and Sutton had been living together as man and wife in a house located, on the southeast corner of Lovejoy and Pinc streets. Monday she moved away while Tom was at work, she told police. Finally Tom found her address and went 'To ask her to return with When she refused, she said, Sutton pulled a long switch blade knife and stabbed her twice in the right hand, on the forearm and a deep wound in the chest. Police last night were making an effort to find Tom Sutton. Call Officers Chewnlng and Maddox went to the scene of the stabbing but Suiton had disappeared.</t>
  </si>
  <si>
    <t>                                           The green god jealousy moving with his partner in crime vengeance sent two victims of scorned sweethearts rushing to Grady Wednesday, both in serious conditions.</t>
  </si>
  <si>
    <t>                                           NOW FOR THAT SENSATIONAL Walter Winchell type of collim as predicted in the Friday WORLD. This time we'll start out from the very opening paragraph, so important is space. Don't mistake candor for crudeness. Don't call frankness rudeness. All set, ready go! ... Wouldn't the ... lady be interested in knowing what was in THAT LETTER Crip Credell was reading so animatedly on the West Hunter-Ashby street car at six sharp Friday evening?... "Stump", the bootblack Deacon Jones referred to in his Friday collim, who...</t>
  </si>
  <si>
    <t>                                           fresh fish RED FIN Croakers 2 15c FRESH MULLET 9C Pompano 25c WHOLE RED SNAPPER Fully Dressed 19c PAN. TROUT -18c COOKED SHRIMP 2QC. SEA BASS ^STEAKS;,! "25c^</t>
  </si>
  <si>
    <t>                                           Hot on Traiij of hAan Who! Killed Wife1                 V.'i'.h f;:'.e:'a: j;-: .~:i^C!!icn(.^ in-j co:np!e:e lor ?.:is. D.::ie V.'Mli:::!-..-. 121 D..-vis :, who was mstar.l-j ]y k:l!o.: by hi-.- hash, .r.ri just be- 1 fore ;n: I:::;::1.: Saturday, in -i merit was -.ei: Ti:esn.v.- ri^ain.-t' Riindnl! \\'~!)'.;:ir.f. h-v ,' fii.-fi'^itur '- r"'.:riiL r. j n''tc\;:\X'.- Gin;', .~nn (V:rr:ty, i v.-!i.. clo.-e on t li- ; of ;ho: L i:qi i Sunday, bol.cv.- ::ial 'hoi man is ..liL or tf'.i? :la;c :;i:; rx;xrt 'i1!;-- v.m;i.;i;i, U"!:o ~.'.a;, v.-.uin-; :;i*ir :w i!"~ir; ;.:h: als.~ ,~ in I'no I Iff: ai -.v;:s ri-h.-ri the Oratiy !i'--T-:t.:! i:: a ".Tui'iau^h ai:ibi;ia:iL\? ~.'.li MU she  A'.';s in"or..     ~!c;u] a:ro:i arrival. A I'.r.c;' ar^. which '.'.as \v:tr.  *'{\ hy her b:. A:..): \V;ck,:is. -det! l:v fala! C'ov Brrthcrs w:!: In- it: i:; ':r:i^ nf f i s nci. i - j SIZi:  PRISONERS TO ESCAPE SK!.MA. A!;i July l.'i. CANT) N:'i'- I'ti- in the Palla.-- I i i:i:l \      successful :ji  i:ii:"ii.- a Ivili; \r. tin- wall of i no ::ar" hill o:i!v tv.M nf ti;cln, a  IliTr1,- a.tul Sam Sen;! -sf ul it'. o.-.ir 1 ^~'~~~iii.i: 'he ". Tl-.i- nlh'.-i- s'.'ven ion l.'ll ire. I                 Thug, Victim Enter City Jail Together                 Quick work of !~iiv';yr.; rv-\-'~:i. !!  ::.-i:ni ;i:ui Dives j ri h!::i:iic;' ro..~     nf I.e.. N ah!;. I;. f.H ~~~::i;ui   'pO!-l--I". t-'Mlivr: !a'~Tuesday r.:. the  C il-i lie:; .1. Fears 2''i'i (i-^--;1. ^l.;1'-'1;. '   ' n. fii-cis i:: .': ' ]r-';ns u-;!-; -'1 ,-1 1 I* Pvail fi.Jir GilKI'T s-R-..-:. ;LiSI -'S hi:rr;!rd -i :cnc.\ [n 1t:s porr.or.rion \v;r; h:,'ic''. b.-ii: Ano!hi i- iT.rin who ;.tiip.i:iio l l-.itn. "-.-r! As -o \     ' tio:iki!!i; I'.-.cs a' iliC! sta'.iiin. ;i rop.irt of the Ihff "f !    bar; mvis i:-;icl(! r.i p:--    .' :.-is-lcrs by C. R. WiV"x. white,  of the Da::i:i:;io:i . Ron-.e, Ga. FALL VICTIM BETTER Robert. Wehft, ."2, r.!i:! .Sppnccr sfn Ct, who was IiaHlv In: it Mnrii!ay wh.;n he foil 2". feet    the S'l'iiiind from a  fo!~! at the Griuul Thontor where he wns . is  ted as " in e^ly" at tho Harris Memorial Hospital, r</t>
  </si>
  <si>
    <t>                                           Theodore Simmons, 570 Connally street, who was arrested early Saturday morning by Officers M. M. Johnson and C. P. Hill when it was learned that a pistol in his possession was one that had been stolen from the Buckeye Cotton Oil company early the morning of...</t>
  </si>
  <si>
    <t>                                           MISS. G.O.P. RENEW OLD STRIFE                 .. Miss.. July 21.-                 The Hownril-Redmnn -.Tins" Of: thi- Republican parly in Mississippi is  a formal protest to be filed with Secretary of Sliil'i Walker Wond in which it will be set forth that tlie lily-whites of Lament Rowlands faction h:ive no IcRr.l right to have its list                 doctors placed on the official c ballot in the November election. I The contention will he made that i the. Ri-mip headed by Howard and Redmond,  kn-'wn as the a black -amt-tan wins. Is the official Republican parly In Mississippi; 1 thai no other organization has a right to use that name, or is entitled to a place on the ballot un- 1 der tin- guise n[ being republicans. Th" s-- contention is made against the lily-white nominees for Congress in the seven districts of I the state whose names were iil Vl 1 last Saturday. It is further charged I in connection with these nominees i th.-'l they do no iven pretend to be Republicans: that they participated in the Democratic primaries last i August, and it would therefore be j Illegal to place their  on the ballot. i The list of black-and-lan electors submitter! to Secretary Wood is as follows: Slalc-at-Large: Mrs. Ruth U Waller. Hatticsburg; .1. H. Old- ham. West Point. First Congn  District: H. D. Holly. Baldwin. Second Congressional uis'.: F. W. Womack. Pontotoc. Third Congressional District: Dr. .1. T. Spencc. Greenwood Fourth Congressional District; Calvin V. Taylor, French Camp. Fifth Congressional District; R W. Puckei. Newton. Sixth Congressional District; E. E. Robertson, Collins. Seventh Congressional District, F. S. Swalm. Brookhavon. Secretary Wood is inclined to view with favor the contention ol tho lily-white faction inasmuch as the matter was fought out at the Republican national convention in Chicago and the Howard-Redmond faction was recognized as the regular organization; that h- cannot give place on the ballot t" two Republican tickets, both claiming to be regular, and will be forced to make a choice between . Before taking action, however, Secretary Wood will  ask a formal opinion from the Attorney-General's office, and each of the factions will be giv.n the privilege of  briefs if they care to do so.</t>
  </si>
  <si>
    <t>                                           The Howard-Redmon wing of the Republican party in Mississippi is preparing a formal protest to be filed with Secretary of State Walker Wood in which it will be set forth that the lily-whites of Lament Rowland's faction have no legal right to have its list o president...</t>
  </si>
  <si>
    <t>                                           Hello everybody! Have you been inquiring, too? A certain party met yours truly on the AVENUE, on the day before Monday inquiring about "yours shopping-tips". That certain party wants to know if the column had been discontined. We're admitting that the 'ole 'ole column doesn't have any regular schedule., but it does appear at least once a month. We hope you enjoy reading SHOPPING TIPS". Personally, we don't thing it's so hit".</t>
  </si>
  <si>
    <t>                                           "Such war of white and red within her cheeks" wrote Shakespeare 'Tain't so in our day. Search as you will, you cannot find a rose-tinted complexion that doesn't wear roses taken out of a little box or bottle and laid on. What has happened to the universal...</t>
  </si>
  <si>
    <t>                                           RETURN OF UNHAPPY WARRIOR                 i J rim.  arid . Alfred K. Smith I* shown as he arrived Maol; on  beloved -S i 1 1 v.a!!. -if NYw York"  his unsuccessful "Stup Jio(j.~."  at i In- 1  rin-ir iii ic National Convention in Chiraj:*) Then- n;is li'.ilc aht.ut 'h- vri.rnn campaigner ^ the Ilupnv U'arf -u,r.    --rco-ri! in      Jiis -ni bit icily. Asked  t.  . t-he Democratic ticket, Smilh         to comment.</t>
  </si>
  <si>
    <t>                                           DEMOS MAY SEEK NEGRO VOTE                 ' GHS PROPOSAL                 Offer a Color Plantf, Ask End of White Demo Primaries                 SOME FAVORABLE                 NEW YORK, June 27- Leaders of the Democrats party including Alfred B. Smith; Senator Robert Warner; and Jouett Shouse. chairman of the party executive committee, have written to the NaI tional Association for the Advancement of Colored People                 receipt of the race relations plank submitted by the N.A.A.C.P. for inclusion in the Deimocratic National platform. In his letter to the N.A.A.C.P.. Mr. Shouse writes: "I  be glad to bring it to the attention of tbe Committee on Resolution*.'* The N.A.A.C.P. announced that although a race (relations plank had been sent to .Republican               "n* President Hoover, Senator Simeon D. Fess and James R. Garfield who wrote the Republican platform, there was no acknowledgment of the N.A.A.C.P. communications from these Republican leaders. Commenting on the turn of events. Walter White, N.A.A.C.P. Secretary said: "It looks as if there would be at least two parties for the Negro In this year s election. Ne- Rro voters are alive to this  it-. The N.A.A.C.P. will do Its best to keep them awake to it." The N.A.A.C.P. further learned that Mayor C. M. Chambers of San Antonio, Texas, has p  announced that he w:ll eo before the Democratic National convention, in Chicago with a resolution, demanding- that Negroes be given the  to vote in all state  of the party. Mayor Chambers, according to report Bent the N.A.A.C.P.. said he expected the Texas delegation to trv to keen him from  the resolution but said he would bring it to the convention floor in a  report if necessary. The N.A.A.C.P. has wired Mayor Chambers  him it     (Continued on Pajre 5, Col. 8)                 Demos May Continued from I'agc 1 communicated with leaders at the Democratic convention in Chicago unc ner them to  his resolution. "To Nejrro citizens the party pledges its opposition to the 'White Primary' movement and:offers full and untrammelled participat on in party councils, convention?, primary elections and all phases of  activity without discrimination of race or color." The remainder of the race !ons  submitted to the democratic Convention arc identical with those proposed to the. Republican National Convention.' It would commit the party against  in any form on the basis of race, creed or color, specifically in unemployment relief. It would  admission on  terms of Ncfrroes to all branches of the U. S. armed forces,  West Point. AnnapoFs and the Coast Guard school at New London. It proposes federal legislation to end lynching, safeguards  discrimination mi the expenditure cf federal funds for farm relief and education. It favors 'dentification of civil service applicants by finger printing rather than . It would  Haitian and Liberian independence and Hawaiian .</t>
  </si>
  <si>
    <t>                                           NEW YORK, June 27--Leaders of the Democrat'c party including Alfred E. Smith; Senator Robert Wagner; and Jouett Shouse, chairman of the party executive committee, have written to the National Association for the Advancement of Colored People...</t>
  </si>
  <si>
    <t>                                           They say, the Early Bird catches the worm, but Alex Harvey says sometime the Early Bird catches a load of buckshot.</t>
  </si>
  <si>
    <t>                                           LADIES!! Your Attention is called to the following Specials HATS TO SUIT THIS HOT SUN ENAENIislG,^. DRESSES FOR ALL OCCASIONS STREET DRESSES WHICH WILL PLEASE YOU HOSE AT POPULAR PRICES A Stylish Stout Department Attractive for Large Ladies  j*"*^*~'    Aatortmcnt of Lingerie 'J' Prico in reach of everyone Yet. indeed, you Ret Quality 5 lm Courleoiii Service at' } THf IJ j: D 115 \VHiTEHALt;?ST. Under New</t>
  </si>
  <si>
    <t>                                           I i .7"" HASH JGIistens Like Silk 'A If your hair is harsh, brittle, unruly and has no life or gloss, make this simple, inexpensive test: bsc I^-Em-Strait Hair Dressing for one Sivcel;; If it does not Hive your hair .more life, gloss, beauty and good looks .than anything you have ever used, get Voun money hack. La-Em-Slrait is the one and only triple-softening, double-glossing hair dressing oil the American market lo-day. It is positively guaranteed to be Jbeiter than anything- you have ever Juscd.lt is just right. Not too heavy- Sot too. light. Non-greasy. Will not  the clothes. Pure white and delightful in fragrance. Ends scalp itch. .Promotes growth of hair. Easy to use.  Keeps the hair neatly m place all day . In tins 25c and 50c. In jars ..0c Jahd 51.50. Sold everywhere. FREE: Send 10c for a '3-Day Package of I.a Ein i Strait and a 3-Day Package of TantaIlizing Brown Skin FaceTowder for your t "Lady Friend" will he enclosed I-rcc.    -nb-Co Mfg.Co.,DcskC,St.Louis,Mo.                      ]         '  to,  for more than' 80      - Planten's     or. n. Black Capsules. No.more    .  . No  painful urination. No more' getting up at nights. PlaotenY  your ailment and with ,'J Uiting . Don't Buffer a i/v minute longer Dot when it s easy to get  wonderful relief. Atk, by name, for Plauten's. *4"T* Only Uia raUm* box with 1 .Ik.i-'J LANTE.VSU ?li *b-* GinuliH, W;,.~~/rt.        .p.   .!ii.         ,n' H. PLANTEN SON, Inc.1 91      ,5X?~l B.ooH,n,N.y.   ?i;: i.</t>
  </si>
  <si>
    <t>                                           MESCAL IKE... Ho Hum! r, T by ART HUHTfl- Q                 PHILO VANCE -l^ The Insurance Mystery by S. S. VAN 'DIN^;                 TIM TYLER S LUCK Noice in the Night .By fg^Jj^^f                 ^"TELLING TOMMY" -rT^_1                 ^GREAT LIFE IF. YOU DONT^ WEAKEN" ^r^m^^^^^^^^^^ iBy)Jack" Rabbit                 DOROTHY DARNIT v :'"il ..% Charles McMaiua),</t>
  </si>
  <si>
    <t>                                           HOW THEY DID WANT BEER!                 Dele pates of "wet" states arc seen parading nth beer muci at Rcmtblican national                 tion. Illinois, New York and New Jersey paraded first, in the order named.                 International Illustrated News photo.</t>
  </si>
  <si>
    <t>                                           Olympic Invader                 To Misa Thelna Kor.ch (above) .prs the distinction of  Uio only woman from her country, i\~w Zealand, who   " participate in the Olympic Gnmes. Mis? Kcnch    shown during a training session at Los Anpolcs ?oon  her  in the city of the Olympiad. She- is a sprinter and, according to , a good one.</t>
  </si>
  <si>
    <t>                                           Your Loved Ones Bury them out in beautiful SOUTHVIEW CEMETERY Established  nJ operated bjr colored people for the        of  dear to . Lots For Sale Phone Wa. 0922 BEN H. TOWNSLEY,    -i. LEWIS G. WATTS, Sec. +~</t>
  </si>
  <si>
    <t>                                           "~Poiay Rides- Real Ponies, Kind and Gentle Lots of Fun and Wholesome Exercise for the Kiddies Price: 10c a Ride Horses Rented by the Hour to Adults Open Sundays from 5:30 a. m. to 7:30 p. m. Exclusively for Colored Washington Park Pony Track Located at Washington Park RoOSCVelt JonCS, Mgr. Need Money?     3! GET IT THIS EASY B8        % Dignified Way 'I If you arc in need of ready money you   cc    .  We make family loan* up to $300 *nd our       is yf: I simple and dignified. You will enjoy, doing Jbusinets v with us. Pay up your bills and live your credit V standing. A loan from us will do.it* Tako ad van- tage of our offer now! 't) THE MASTER LOAN S E R V I C g 2U-12-13 HEALEY BLDG. MR. A, B. MADISON. Mgr.-    .</t>
  </si>
  <si>
    <t>                                           Their Life a Bowl pi looses                 Winning seems to be u habit with these Kirla, but  the regularity. with  they brine home the bucon they still 8ft a big thrill out of. victory They are Mrs? Helen Wills Moody (left) and Miss Sarah Palfrey; Inembirs of the American women s tennis earn, shown with the Wight.. man Cuo which they helped win for Uncle Sam at Wimbledon. Enf^"? An admirer has filled the trophy with roses in p. %</t>
  </si>
  <si>
    <t>                                           __SUNDAY, JUNE 20, 1932 THE ATLANTA DAILY WORLD, ATLANTA, OA. PAGE ^</t>
  </si>
  <si>
    <t>                                           DEPOSITORS OF  BANK MEET                 Crash Victims Will Get Lawyer to Investigate                 ONLY 1 DIVIDEND!                 By Lr-wii Swineler                 MEMPHIS. Term.. Ju!v 12                 Atinroximati'iv SOU di Iio.-. ;i i ?rn::li :~ut  d faction of the 2S,0()(i         Memnhians who I hud  on  ;~t the Solv- en', and Fraternal B.-ink which ;f(i. Doccmhcr 27. 1027. f ive j vi-    nco. met at St. John      - i^t church last Fridav  to                 dj-cu.-s  possibilities: of - im- ;;not!ii.T cii.---.-n!eiu of  . The first dividend, a mea-       f v i !"-r cent was  ft.* .1  no-i'.or- ir.oru than a  ai;o. Dr A. N. Klttrclle is .nuriT of the Whrailey Natinn:il Bank A'- which i^                 \nz .'i valuable service to thi* N e k r j)   'c by m a k 1 n k them loans which t h v y have   to se;     ^t some of the lor.il hanks. It is Imped that thib a. will be the ^ of  p r e a t NeuTo banking  of .'.*,.                 Dr. Kiltrrllr  :il a rm-nt  of thr depositors of  nH Solvent Mui Irad- butik : ivas M-Iecti'il rli::ui of tin1 ' which will secure a lawyer to  for ^i  p:iy- mi cii In - who      nu iu v          -li tin-  of tlu- bank J. VI' .it    . I1:*. A. N KiUrollf.  rci^t:ivv ot I ;!i" l'i-t.o.-;'.or:. A.-.-'iif ';il:    .' :iri- i ..iJ.-..i lia- im.-. 1 1 1.- r..-.~ :".i.'ii iii:i! i!   ivL-i- for thi'  iji '. i I'.^ti op.  ?'i 1 .-."'1'- :'rl li. i-:i.--li  is S3UU0 k-.-s ha:i I t:ii:.--i t" Hiiv  l ivi- per Tr i ,i;v;.!..-nd. TV.:.-- iru or!)i::i v.;. rot so iMii:our;ii:imr in     --    ^r-i. c.- :n ~'i''~' oJ :1:~-' i'-:i-: lh;ii  a MTidd ^f five ,1 ;il on five :~i.'!' r'.'llt irn".1 1 i J -i^irf nil:-  naul. Mori.' ,l:^^"Ul:lLr:lll' to  lU L-'O.-ilor- was     - :':n-;  tile ri i'i ivor flaim:; tii;;L has in hi.; tios- $G1U,Contiiiuod on Pfi" 2, Col. 7                 x -xi.e j                 Cash Assets I (Cm-. fi-.,m Pa*.' I) j f.l* in ii tli:il i:' :ilr -lv j v.i.i--: Tlici..' Ml! . il 1.1 Hi .Mi 111 i-h.vl::- (or       .."-nta l,!l III.' in- t '.li-il :.l.aiv. Tin::  v Mill In' i.:    v.heii ;he  i. l.u.i'.or.-: ,-:ill l.,r il. Ui'iiosllun Til Mini'liiv Luwyir A I'nink lii-i U^MuM i)f lln' '.ii.f :hi:: inn1.' I i r i w- i -r million :- li: w:ir: niMi!.' In- imn;bi:r.i ill,-  : I" i If. Ii v ili'~io.--   .'r:1 v.!i.. I... -i  Ii -";- i-:iM)inu'.- in tin.- j na-li. TIil-V i-Xlin-t.-ril tla ir  :i 1 1. KU.'1'l IK S' lo KlUJV/ M'lllit j Hi.- i-L-i-i- uml  :      : an.- .' t.~ lii-;nir  :i : Dllit is lint tuo i-o:-tlv. Tll.;y:  -. ;ir''. '1 -ss Iiv lln-ir ili-.-in- to       aro ill.'  .-: of tile Solvi'M  I''ra- t.'Mial bank. Ni.t a k:iil'1i- clin.- hit alU :(l n (k  V. nu i tine. 'I'liL'-t* ni.'L-timr:-1 have Im.mmi Ih'UI  timo tcj linio at tin' various c!!ll:S :;itll-l'  - till' f.-! of th" bank.                 Urtm: il(, IV should  il feW facts themselves." one sneaker. ;i Mr. Hr:i!       L'l sU-iI. "We are l.-- hi; inn-  It has Ih-mi live Years -'la-r the haul; failure. ami there hadn't , a s.itiL le  U- I rector  ill!" ai-. V.'e know who these directors arv Wi' should demand '.hat thev meet this 1." 'l lli' :.t:ili.'nii llt of tills .Uor met with  with the others, .-in. I thi V '.elv passi:i! a  to I'liu-airi" a lii'.ww' to car:".'  :i il a:r.-= cf the ik no.-     -.~- tl'.l OUL'.'l  al  ls of !i:(-  t. Dr. Kiltri-lli- Mas .-~cli Cti-() r Mairni.'in of the ' to "','U'.' an  v. Dr. P. W. H:iiam! il. \V. Wells aro the  nu- of thi- '. Mflv Brine Rrceivcr in Court Drno.-i!()rs arc not inclined to l.i.'Ki've that out of a  do!~::i'- worth of assets ni.jre  Irilf S'lOlJ. O'i(l in . a:*e ;.:,,r:h';--'. Th..v ^  -\ fU d wah the . cost of  of I lie dei.ts n id -- i.f Solvi'iit anil I-'rater- na! Hani;. T!ie di:i"V:tors are now1 i:: ravo!' of 1-' the vce.':\'"' .'nor!, - a:1 1 a::ii I'i'.i  o\'er tii.- le.'u'1.' -h ilea! with tlic affair-: ,,f Uv  s.'a-e it went into ban):- j Ilr Kitlri-lli" was .l j his "  in tii(i i!~':  .i:-j ins    ! the  in which he has carrie.i out the v.- nice:-] inL'~. He \    a  loser in '1:~. l-.'.nk failure and knows ^onu  ir of t.he  caused b\p the crash., TroDi '.ho  .'t. ^l'. afi-i it tin. Solvcr-.t aini Fratenial Hai.k '.-d into financial ruin, he i ar.ii a f'-\v e'-i'-er i!e:)osi'.ol'-- oil'.".!'"~~.   On' (l''"o-itoi"s' A'- ;h;:i wi-.i'-1'. tl;    have r\-fV ho:."il in i-vi ii!i:.'  almut  of :i Nefro financial ir.- in Memnliis. The nuc.'""i.-r' to i-o-  - t.-i  r; hr,:'k ;n M'lnohis trains slp  willi O;..1 " s:tc,.-p.;s of the U'!k(i! ]'-v N'aiiinal Mink :a!i.,n .hea.l.'d !iv Ilr. Kit relic and ^~"i-Tal other '-ni  Mem!i:ii- citi/ens. This rr:.-ne:ation ha:1. met !he r.-cui- i'  s of i..-".u:i7at io:i C.--.-iic- rind it-' i".Tl:fi'"-:il'-- f"r "lii-" is: io !l'- 'i.-inl of 111" i"i.ii"!!i-i' fn.-p a' Wa-hini ton. 1). S'miiiII. 'hoi-' i-i-ni    ar.s an- n.i'.v ' mad.'. \lai.v 1 1. .;t,.rs rv,,,.,. .'~~n.-c i t:'e a i.ci l'. "11 la I1"'!dav m it--::' and 1o"1; -.' to :bioi-callil'.-'lion as 'lm Li-i Inniiic- of _-i</t>
  </si>
  <si>
    <t>                                           Approximately 500 depositors, a small but interested faction of the 28,000 colored Memphians who had money on deposit at the Solvent and Fraternal Bank which crashed, December 27, 1927, five years ago, met at St. John Baptist church last Friday evening to...</t>
  </si>
  <si>
    <t>                                           I have been reading your problem of every day life, for a good while. And seeing what good advice you give. I thought I would write to ease my worries. I am a girl, age 17. Boys seems to like me when they first get acquainted with me. And for two or more...</t>
  </si>
  <si>
    <t>                                           ReynoMs Witness                 Said to havo been the beat friend 01 Smith Reynolds, 21-year-old tobacco heir who was slain at his home in Winston-SiUero, N. C, Albert (Ab) Walker (above)  vn? one of tho principal witn-.'j.-i's nt the coroner s jury  into Reynolds' death. Walker ;v.-i:. ;i ^-:i. -,t nt tho         '.r. i     tho tragedy, \vh;ch ;u {-ou^ht , but pjv. :,- to  j been .</t>
  </si>
  <si>
    <t>                                           Reckless Driving Case Made on Woman Driver                 Cases uf r.-s   made Si:nil:i"-' .s: ai;a!i',:;-. K. Shaw, white,  i- of I-' truck ai'.ci Mis.: I..eo!a   ' w!v was :; a Uncln !-~'(!:in. wiu1:. Shaw :  !rm4: ui:t -tH Piilli.-im K;  with thewoman s car. Thieves Get 51 Hens Drop Seven in Hurry Thieves wi-.i' broke into the chicken ho'.K" of C T. Morn'.. .1-1 Ashby -t. sl-.only 1 tt--=" ll"'i.'O o clo-k tins minimi;,  qum-- haul . tho fact  they dripped 7 of IS'    'oU Ro.k li..ns as  fk-.l af'-'-r M'' Morn* took ^ ^:.ot.- a: tlu'!:i. AccoiMini: to Mr. Morns. was '::    by thu nois.' hi.-; In1:'house early io;:ay. Gr-: h:s run. In- .I outs.de  -.aw four men in:!  i'i-   With fowl A ctU CK up  :l tll.it. i:l :.:O!l to 12 Barred Rocks. 3^ priz^ [.sr. .s were also taken.</t>
  </si>
  <si>
    <t>                                           WEBBSm **   D-TT-G Ft       L:*:;BHIaEE</t>
  </si>
  <si>
    <t>                                           It Cannot Burn You Save one  the time In ; your      WITHOUT FEAll OF 11UBN with the new patented  ELECTRIC COMU. Introductory  S2.95. Including can of  GLOSS and bottle of Shampoo. Regular price 16.00. Money -d In 6 dayi If not . SEND NO MONEY- PAY 1'OSTMAN ON DELIVERY. Nucomb Sslm Co. Box 18. Luke Moheiian. N. Y WRITE FOR DESCRIPTIVE CIRCULAR. cinn FUNERAL PER d I UU BENEFIT I w DAY for full Information write SOUTHERN FIDELITY SURETY CO. Durham, North Carolina light Skin For You A delicately soft smooth light skin is the secret of charming beauty and It may be yours, quickly, surely and easily. Dr. Fred Palmer's Skin Whltener Ointment softens and lightens the darkest akin, clears up pimples, blotches and tan marks, and does away with that "oily, shiny" look. Uue this preparation regularly to make your skin soft, delicate and charming. This amazing Ointment Is made in the famous Dr. Fred Palmer's Laboratories where are also made those other beauty aids you know so well: Dr. Fred Palmer's Skin Whltener Soap, Skin Whltener Face Powder. Hair Dresser and Hid Deodorant, which may be ^iad at all drug stores for 25 cents each or will be sent postpaid upon receipt of price. Dr. Fred Palmer's Laboratories, Dept. B, Atlanta, Ga. Send 4c in  /or trial  of Skin Whitentr, Soap and Face Potcder* DR.. FRED PALMERS               'KEEPS YOUR COMPLEXION YOUTHFUL*</t>
  </si>
  <si>
    <t>                                           ATb^WM^ ONLY NEGRO DAfLY NIWSPaTE*. IN THE WORLD W; JL  Editor aad Pobllihfr  Marshall     . Msaaflai- Editor (SUBSCRIPTION RATES Ox    , Monthi. tS.OO; 3 Months. ll.~*l WnIIi. PUBLIBnED DAILY AT 110 AI.'.V AVC.! N. K. TELCrnONLS: WAlnDt 1    Kit I Mktared M Mroad-~Uia Bittfr at the      :~ at Atlaata. Ga.t       tt of M.rch 3. 197  I MCalllKR OP V1F ) NF.fiRO TKE8S TataT Y7ORLD  Be              7 for Bn*  ~*at lau I AUVEiirriBiNr. . W. B. Z1FP CO_     . Nnr York.</t>
  </si>
  <si>
    <t>                                           MEN HONORED                 COT..  LriTI.E                 Former  01 tin; With Infantry, the old "Fijjlitm;; rift tenth" Nru- York Krj;     , si    f  nu ^ h.ivc  new (h*~ orations for  wounded in action in } r.. Tho Turplc Hcirl the new /mi(i//n  out by fhc U'ar Uciiartmciil (or niosi wounded in action.</t>
  </si>
  <si>
    <t>                                           ^^mV ^eb^^^h ^H9hi^EI9' ^^BnlBliMi ^^^^^Bfl^^^^r ^B^bK^H^v fl^^l I^^H B91 ^^tV ^^IB ^^^u K^b^9bBh BivflRH ^^^B ^B^^3B^HBf ^B^BB^L^Bf B^BI ^B^B^BIBb BBI BBv                 IT. BENEFIT PAYMENTS APPROVED                 Full Modified Figure Paid on Industrial Claim Since Sept.                 RECEIVERS -WORK                 WASHINGTON. D. C. June 19- Payment of the full modified amount of Insurance on '65 per cent of the Industrial death claims of the National Benefit Life Insurance Company where death occurred subsequent to September 8, 1931 and prior to the Onler of the.                 Court authorizing their payment, provided the premiums were paid up to the time of death, has been approved by the Supreme Court of the District of Columbia. At least j $100 will be paid on all other In-1  claims which occurred during the same period. According to the Receivers, similar steps will be taken for the payment of Ordinary claims on the modified basis as soon as the necessary data is available. The Receivers have stated that these payments are not. to be contused with cases where the living policyholder has made application to modify his insurance in keeping with the Order of the Supreme Court of the District of Columbia. In all such cases, whether Ordinary or Industrial, the claims will be immediately paid for the full modified amount promptly after submission of the proper proofs of death. The Order of the Court dated June 13, 1932 refers to cases on which the death occurred before the Insured had an opportunity to accept the modification program. It includes only those cases on which death occurred up to the date of the Order. The beneficiaries on these pending claims may accept the modification plan and obtain the advantages of the Court's approval for payment, since the Insured died before having had such an opportunity. In keeping with the Court's Order, payments are being made to Continued on Page 2, Col. 6                 National Benefit (Continued from Yar.o 1) claimants .V In the District ot Columbia. Now Jorsey, Kentucky. West. Virginia, Nortli CarolinaLouisiana, Florida, Missouri. Michigan and Illinois, which states are under the direct supervision of the Receivers in Washington. From these places approximately 253 Industrial claims on deaths  after September 9, 1931, have been received. The ancillary receivers appoint- eu in other states in which the company operates will be asked to I adopt a similar policy in the pay- 1 ment of claims arising during this) period in their jurisdictions. Tlie Court's approval of this order is based on the fact that the Modification Program is being heartily supported by the policyholders and that indications show practically all the policyholders will join in the movement. The plan has been endorsed by most of the states In which the company operates, including some having their own ancillary receivers. Every day applications arc being received at the Company's Home Of- i fice in large numbers. The Receivers have informed the Court that they have in their possession, from collections of premiums since September 9. 1931, sufficient funds to moke payment on the modified basis with out endangering the security of the modified business or  the financial soundness of the program. They further stato that those cases on which a partial payment of $100 is made will later be paid in full. The Receivers are anxious for the  to know that their actions are based on the intention to see that each one of them receives the full benefit of their efforts dating from the lime the company was placed in receivership. For this  they assume definite responsibility. No stone will bo left unturned, however, by either the Receivers or the Court, to see that the difficulties which arose prior to the date of receivership arc equitably adjusted in such a way as to eliminate every possible loss to the policyholders. Their aim. they stale, is to get the business of the company on a sound basis. Action will be taken on matters occurring prior to the date of receivership as soon as authorized by the Court The faith and confidence of the public in the program of the Rcceivers is daily being demonstrated by the manner in which the policyholders arc accepting the i modification plan and continuing I Ihe payment of. their premiums.</t>
  </si>
  <si>
    <t>                                           WASHINGTON, D. C., June 19--Payment of the full modified amount of insurance on 65 per cent of the Industrial death claims of the National Benefit Life Insurance Company where death occurred subsequent to September 9, 1931 and prior to the Order of the...</t>
  </si>
  <si>
    <t>                                           BIRMINGHAM CIVIC LEAGUE MEMBERS greet William Pickons opening N.A.A.C.P. Membership Drive on "William Pickens Day." (1) C. E. Johnson, Publicity; (2) B. H. Hudson, Principal Enon School; (3) Mrs. J. E. Hutchinson, Promoter; (4) Otey A. Hancock, Program; (5) Clarice Chambliss. Key Bearer; (6) Dr. Chas. A. J. Me Pherson; (7) William Pickens; (8) Kathrine Samples, Flower Uirl; (9) William L. McAlphine, League Pres.; (10) C. L. Sharp, Presented Speaker; (11) D. G. McGuIre, Grievance; (12) Allen Jones, Treas.; (13) Aaron Gulce, Social; (14) J. E. Hutchinson, Finance; ,'(15) Atty. L. L. Chambliss. Advisor; (16) T. J. Guice, Sec'y; (17) Mason Davis, Master of Ceremonies; (18) Rev. J. P. Pritchett, Sardis Baptist church; (19) Rev. W. M. Sample, Presbyterian church; (20) Rev. Z. K. Jackson, Enon M. E. church; insert, Rev. E. Wolfolk, D.D., pastor St. Paul M. E. church, president local branch' N.A.A.C.P.</t>
  </si>
  <si>
    <t>                                           Woman Keeps Boys From Entering Gas Station                 Frightened by Mrs. Minnie Wilson. M Courllcmci street, as they ."Klemptiil to break into the Gulf Fillini; Station at the . of        ;ir.d  Houston streets, at 11:25 Moniiay . two youth:;. said to hi? "ab"iit 18 yi-ars o!d, ir.ana::~-d to escape bt:fo:"L' Officers Manaul an.! Mo.seley, who were summoned bv tin: woman, reached tin; . The t\vu young men (ailed tu:t into tin: station and K't ;: i ^h  d:il .! in ;-) in;: the j^Ias:: (jf tl;e side window. Angry at Husband, Despondent Wife Tries Suicide Mrs. Lil'.Ur Brown, il.11        street, throw a ; ir.tu hur j Iriciid:; late Monday nij;h: w1     r.ho was rushed tn the Grndy hus- I  lii ;i HunlfV .'  she is said tn havo ^   noi^'Mi. The w.*   ; fused for son if       to toll just  kind "f i  she : but  ic: the doct trs know  the v:int.i'.y nf pills shi'     -.! down lier :     told  tlu:t she ~!it! it mi account of n '. wiih her husband, i No '.s of the  \vi*re ^ by Mrs. Urown and  ad\'ised friends to \v;itch her. The ili  woman. w\   1ki-i   ' sunn;   before co:nini: to fin' hospital, was  and  hume in a r.Turdaui-ih -e. TJ                 Jean Hargroves Is Given Big Award                 M.'ss Jean Han;rovi\s, re^ion.'il champion era to:1 of the southeastern district, and rei-enl graduate   f Booker T. Washington high school, ;;ist nl^ht was formally awarded th- S1000 Elks :ir::hip. which she won at TallahasscL* n month ;ij;o. representing Gcorcia in competition against representatives from the -s uf North Carolina, South Carolina and Florida. The presentation was made by R. E. Pharrow, regional director of the southeast at a program given                 in the SI Piinl A M. E. church mi Humphrivs street. C. L Haipor. princip.il of Bnnker T. Washington  sch""l. presided nt the . Include! on the pro^ were :.i !iy Mr. I'linrrow, Miss Harurovi;.-.-. Ruperlntendefit Wilii:; A. Sutton u[ -- Atlanta public schools-. :iml Mrs. D. Shivery, who - on  of Washington high school. Music wi" '-il by John Whltoker and h!s  buddies. Rev. Babcoclc, pas:or of the j church, delivered the invocation.</t>
  </si>
  <si>
    <t>                                           At approximately 5 p. m. today the sun will enter cancer, a moist, and said to be the most fruitful of all the Zodical signs. In an astronomical sense. It represents the summer soloist. Due to the in-influence of this sign and its ruler the moon, on finance public...</t>
  </si>
  <si>
    <t>                                           MILLER -- Funeral arrangements for Mrs. Cora Miller of 333 Markham Street will be announced upon completion, of arrangements. Hanley Company.</t>
  </si>
  <si>
    <t>                                           EIGHTH GRADE .GRADUATES OF GREENWOOD SCHOOL Memphis. ? R. H. Neville, principal.                 -Photo by Hooks, Memphis</t>
  </si>
  <si>
    <t>                                           Mrs. Rosa B. Smith of 287 Felton Drive N. E., left Saturday for Jacksonville, Florida to visit her sister, Mrs. Jessie Mae Gordon.</t>
  </si>
  <si>
    <t>                                           After working hard to get to the top of his weight division as a world champion and losing in less than three months by the too anxious foul route, was the fate of William "Gorilla" Jones, former Memphian and World middleweight champion, who lost to...</t>
  </si>
  <si>
    <t>                                           ~$     ''{Jersey '}P8 Trial' bj 'AL.-.'iri'            Morrow Maida                 Representations for investigation Made to Washington by. Great .Britain,- 'Following Charges of "Third        Brutality."                 IMorrov                 Goverjtoh, Harpcv a. Moore-.                 Sharpb                 r                 Col/SCHWARZKOPF                 Owing to the storm of criticism raised by the English press following  of Violet Sharpc.. maid in the home of   . Dwight W. -Morrow, at Englewbodi N. "3.', thV British Government is requesting1 Washington to conduct an investigation into the charges that the girl was driven to her death by the brutality of New Jersey State police inquisitors. Th* Brit* fsh;press has been very bitter in its condemnation of "brutal American police methods,". but the. facts do not support-any such/ charges. Governor HarryMoore of New Jersey* who has kept in close, touch with the Lindbergh case, has investigated the allegations of third- degree cruelty that have been leveled against Colonel Norman Schwarzkopf, head of the State Police, and his -s and declared that he found no basis for ^he-charges. With every sympathy for the girl, who, though apparently, innocent, committed suicide rather than face further questioning or longer endure the strain of suspicion, it ought to be made clear that her, repeated interrogation waft the result of the doubt she raised in the minds of* the police by her evasive replies when first questioned on her where-; about* on the. night of the crime. As for brutality, it is n matter of record' that Miss Sharpc was treated with the utmost circumspection, out of con- sideration for Mrs.' Morrow, who had reiterated her confidence in the1 girl s innocence on many occasions*. Colonel Lindbergh himself was pres- cnt once when she was questioned and it is unthinkable that he would' permit any of the roush stuff hysterically ascribed to the investigators.;</t>
  </si>
  <si>
    <t>                                           TVyTTVyyTTTTTinryTTTyrvTTTTTy'yTV**"           I il^aL rJ Let Mo Cure You! i *'S^' h"r haT^'l"'n fl              J ''^"^SSSmf'li '"'~I''! ""I'1' P""      .       -  f ^^ DR. T. Y. YOUNG F.mw. II..1. A fur. for rv.r, UI...M Ih. II""" J3    . In All.nl.        T A. U. to t A f a a a ~~*.^.im"""~"'"""''*~~~""""*~1</t>
  </si>
  <si>
    <t>                                           J ^^bb^ i I'et    c"*e You! gi^pPK^jL I lHis-i- di:i.ay: call at ;: h P^L^ m m I' ~'ii i'i;MM,r, tali, on     )m DR* T* Y- young 1 1 S?^^V(M^(i Wl1'" Tl"': Oltll.N TA1. IIKim ('I). -4 Dll-^l. iA"  IINi:Si:  j\NI) IIKUtlAI. ) 8i,~i\l.l 131 l:.    "~l A". WA. SIS J Atlnnlt,. n.. r23      in AlUnln ll,,,,r^-7 A. M. lo 0 1'. M -j AfO.ST IMPORTANT 1   1 IN THE FAMILY  CHEST 'rf:^ LIVER.  I- I ,.s .,...H-..r.i. a.ti.. ,,,~iut. A.', y.'.ir .</t>
  </si>
  <si>
    <t>                                           (CNS--There was filled in the courts here Thursday, June 16, a stilt For libel and slander by Powers. Kaplan and Berger, attorneys, 90 John street, New York City, for Emmett J. Scott of 1711 S. Street, Northwest, Washington, D. C., against...</t>
  </si>
  <si>
    <t>                                           The Atlanta I Daily World THE ONLY NECRO DAILY IN THK WORLD Classified Advertising Rates DAILY SUNDAY 14c u - lie a line C'linsi'cutive Insrrtiuns Daily ;uul Surul:iy:  I luce times lie    line Seven limes 10c a line Thirty -!. or more 8c a line 1-iir      r          Unjrlh ara  a, u . Th,- minimum  U til* pric*        . Ails Taken Over Telephone:  ro  from  Hated In     - Idrphijiic or       on  . In  for ll,    Ihc a(          la       ,,1 In r.mit ih, d.v ( Ini.. "a itll   bf mall All Diitrontiiiuanrm Mt'ST b^ maja tu  nt the World   or br      *r. Telephone  ara NOT valid. ERRORS 1 f  error Is made. The Atlantft Du'b W'.rlJ    .ibI(t fur only    -           . Tha  K rr-^    *      for                  * t,,."-- Tli.-   1*fr   imm^tl.tti-lr If ~"r ; U CLOSING Ai!             In T1   Atlanta Dall? fur    * Hiindiy WorlJ will be  ui' until !i M. -      -r. T)ia offices .ire ii )  Humltt)- until 9 M. for the c^ of . ATLANTA DAILY WORLD WOULD WANT ADS BRING RESULTS. JUST CALL WAlnut U59 :ind  for an Ad Taker</t>
  </si>
  <si>
    <t>                                           Sunday was a high day at Mt. Pleasant C. M. E. church. Sunday school met a the usual hour. The senior class was taguht by Rev. James Wilson: the intermediate class by Mrs. Lena. Mayfield; all-others class by Miss Hassle Lay. After the adjournment of the...</t>
  </si>
  <si>
    <t>                                           .""~~                                             * -iSil^.^ het ^e *-ure You! gi^^g DR. 3\Y. YOUNG'""' uil t. v. '.iu, v. i in mi: (;siA!, m:ini co.   iir. ami iii:. coMi  F.mooi Mwb A Curf fur i:~trj     ,^ ,,r il,t , 4     -   [~t 132 i:^xl A'~. \v\. 2 ISO AMnnta l^a. -4 Lx3       In Atlacts Uuur*- 7 A. M. to 9 I'. M -4</t>
  </si>
  <si>
    <t>                                           Burglars Are Shot At: Two Sent to Jail                 Hearing :i noise in "Take's Place" 370 Mcrrils avenue. Mr. and Mrs. Rilcy Bonner" were rudely awakened about two o clock Saturday morning. Mr. Bonner pot up in time to take a shot at Leroy Colks and  man who made a hasty exit from the business establishment. Charlie .Pnlnwr .and JWhn Edward were placed under arrest by Officers C. P. Wright and C. G. Hughes who were summoned to the place1. The lour' men, who are charged with attempted burglary, arc said to have gained entrance by rutting the screen away from outside a window.  SERIOUSLY CUT I Taken to the Grady hospital early Friday evening, Miss Cndelia Howard. SO Old Wheat street, is reported as resting as well as could be . despite, the fact that her face was practically cut to shreds. Officers J. E. Pittmnn and J. A. Corley .ed Will White, 260 Old Wheat street, a short time after the cutting scrape and locked him up In the city jail  the outcome of the woman s condition. According to witnesses, the man did a thorough job of making her face as unpresentable as possible. Her condition is regarded r.s critical by hospital attaches.</t>
  </si>
  <si>
    <t>                                           Threaten's Bq.U,                 Declaring that his judgment in refusing to support the Hoover ticket ip 1928 haa boon vindicated, Senator George W. Norris ot Nebraska, Republican progressive, haa announced that he wil) follow a similar course In 1932. Norris  to support Governor Franklin D.         '*'because tho  contest will     the common  opposing organized monopoly."</t>
  </si>
  <si>
    <t>                                           'Happy Boy'j Cut, Lives Up To His Name                 Attempting to hold out to the end and miike true the title "Happv Boy" by which he is known John Smith, rear 20 PUHmont avenue, despite a severe wound under His left arm, smiled and talked very freely as doctors at the .(mergency clinic dressed his wounds. The "Happy One" declared that his wife had stabbed him because he had drunk just a littl* and because he was paying too much attention to a woman. Happy Boy who is a waiter by trade lost none of his gallantry or politeness during the very painful ordeal of dressing his wounds, Throughout his  he kept doctors and nurs.is alike laughing at his witty remarks. Upon his dismissal he had to be warned 'against his half bending bones lest he break his bandaged wound. MUTILATE ALLEGED PEEPER HOPE. Ark.. July 20.- (ANP)- Olis Willis was mutilated by a group of men after complaints  he had peeped in white women s   in the McCaskill</t>
  </si>
  <si>
    <t>                                           Mr. and Mrs. W. A. Scott and their brother, Emiel Scott, have returned to the city from an extensive and delightful motor trip that included points in Tennessee, Alabama, Mississippi, Kentucky, Indianna, Missouri, Illinois and...</t>
  </si>
  <si>
    <t>                                           CHICAGO, July 14--Eddie Mallery and his band are still playing at the Villa Venice famous road house here despite their expulsion from the American Federation of Musicians and the threats of union authorities.</t>
  </si>
  <si>
    <t>                                           Read, Every World Read Eyery World</t>
  </si>
  <si>
    <t>                                           FAIR SATURDAY nisht ami Simday. Lowest temperature,       1 houri, 70: ITTkIioiI, 80; . 78. Arthur IT. Scott. , WiMilicr Ilurrau.</t>
  </si>
  <si>
    <t>                                           As Title Changed Hands                 This  of snapshots, taken from a motion picture film of the championship battle between Max Schmclinff, defending title-holder, and Jack Sharkcy. at Long" Island City, N. Y., show how the Boston prob s  ous defense made Schmclin^'s powerful attack so much wasted effort. 'At top. Maxie is shown starting a left hook. 1*   lowing the action down ithe strip it will be seen how Sharkcy rolled his head under the blow. Tho Iright strip shows Sharkcy grazing HchmclinR's check with a wicked  . The sailor s clean hitting with his left scored him the points ''t . ?ho_.;.ight crown upon his head.</t>
  </si>
  <si>
    <t>                                           Read Eoery Worm, 'Jfj</t>
  </si>
  <si>
    <t>                                           The newly reorganized branch of the N. A. A. C. P. seems to be growing with an unbridled impetus, Members are coming in daily almost with solicitation. The bimonthly meeting held in the auditorium of the Masonic Temple was amost enthusiastic and...</t>
  </si>
  <si>
    <t>                                           UP WITH $$ PAINT!1c SALE 1c i! Buy '.One and Get an Extra _^K/ Pvli i Mil? :Akm    ^#        ^MjiimuaujiHaiKfcMB^^w^ HIMSELF IS ON THE FLOOR TO SERVE HIS CUSTOMERS 5 MR. F. J. COOLEDGE JR.- IS ALSO IN THE STORE DAILY t A. H.             ,</t>
  </si>
  <si>
    <t>                                           Wednesday, Thursday, Friday and Saturday, August 3, 4, 5, and 6 when the Atlanta Tennis Club pulls off its sixth annual Georgia Sectional Open Tennis Tournament, barring rain or other forms of inclement weather, it should be the grandest meet the Cab City has ever...</t>
  </si>
  <si>
    <t>                                           Girls Shot as Police Chases Harlem Thief                 NEW YORK, June 23.- Lenox  near Harlem Hospital was thrown into a panic Tuesday morning when a detective  lire on a burglar, nnd two   got between the)  and wore shot in their legs. Dfcirclive .Algde Williams wan shooting at Percy Weeks who was suspected ipf  ilie apartment of Mrs. Sum Garilne-r, 320 W. 13G1U street. Ethel Griffith. Ul\   Octavo. 7. got b**i the men anil 'vero wounded by  . They were rushed to H. Hospital. Weeks was finally ] after a chase, and taken to the station house. He was charged with burglary,         .  an  and- carrying :i Inailcil gun. He Is 28, ami said he  al 122 W. l.iGth street. CELEBS AT UK. DISMOND S NEW YORK. June 23.- The Hon. Nancy Cunard, Mr. anil Mrs. J. Rosamond Johnson, Mr. and Mrs. Plournoy Miller, JuIoh Bledsoc .Edward Wassorman (white) anil other "big thots" were ul Dr. and Mrs. Blnga Dixmond's Saturday  in meet LaJulla Khca oC Chicago, now a featured member of Cecil Mack's "Rhapsody In Black" choir.</t>
  </si>
  <si>
    <t>                                           BEAT HIS WIFE                 Entering n plea of guilty to beating his wife, John Morton was given a fine of $12 or twenty days In the stockade by Judge A. W. Cnlloway In Recorder's court Tuesday.                 Two Autoists Face Charges After_Crash Cases of rei  driving were bonked Tuesday afternoon against Eibert FortHOn, of 449 Lovejoy , and Ed Brown, white, of 320 Marietta stret, alter tlie two hod collided at the corner of West Peuchtree-street -Porter place. According to officer* who made the cases. Brown was driving north on West Peachtree and Foii.ion driving south on West Peachtree street Wade (in attempt to turn: into Porter place, Colliding with Brown's car. Fortson.'s car, according to witnesses, hit the front left wheel of Brown's car. Worn Alibi Saves Him From Arrest With ,i worn alibi that still hasn't w. rn ii.o thin to be put ovi-r,  Grkr, B7V4 Plr,1 avenue,  in avoiding am-st Tuesday night According to his pae, l. Smith. Grier was stabbed  the face by a man known  as Bubbtr. Hospital attaches d glared that had the wound been i little  il would have severed j n vin. probably endang iring his life. Bubber It is said, first stab-, bed Cii who later Is alleged to.   Rubher whn fled. Officers ' ~*n th-   and Gr'.er             his I   hi hod licon cut pa*"      tvo unknown friends. He was treated and dismissed. Shaw Closes' Good Summer Term BALEIGH, N. C July 20 The closing of the Shaw           ty summer, school this week marked the end of one of the most successful  sessions the university has Witnessed. The enrollment was 165. most of them teachers. On Friday afternoon the entire school was entertained by President Gould or St: Augustine's college with u reception on the St. Augustine's campus. The curriculum for the summer session was varied. Including courses in English.' History. Anthropology^ Chemistry, Biology. Physiology, Physical Geography. Industrial Arts, Education, Psychology, Primary, Methods and Music. The HChool was under the' direction ot Professor Nelson H. Harris of the Department of Education, Shaw University.</t>
  </si>
  <si>
    <t>                                           Look out Miss Winnell Mitchell for "Stump" the bootblack at the Gate City Barbershop says he is going to talk if you don't treat him right.</t>
  </si>
  <si>
    <t>                                           Practical Problems Woman page... (Are you worried over the problems of your everyday life? Do you need advice to help you to overcome the difficulties that beset your pathway? If you are a subscriber, write to Mrs. Beulah M. Hill, c-o Practical Problems...</t>
  </si>
  <si>
    <t>                                           CAR IS HIT BY THREE WHO RUN                 Mrs. Frankie Graves' Auto Completely Turned Around                 After crashing into the enr driven by Mrs. Frnnkie Graves, HO, . street, and completely ^~Jg it  in the opposite direction, thn*~ white men leaped from the car In which they were! traveling and  to flee on foot. Turn of them were                 ed; Jimmy Taylor. Corona typewriter company; and a Mr. Clayton of the Atlanta Key and Lock Company, who wns thought to b'  and could not remember the remainder of his name. Mrs. Graves was traveling cast on Auburn avenue and os she cleared Piedmont  the auto driven by the white men charged out striking her machine on the rear right fender with such a violent force that the car was '\l across     street and turned in the opposite direction. Strange     it may seem, the Graves car  and came to a holt directly in the path of a street car traveling west on Auburn avenue. The auto S' emed to have been traveling west from the direction in which It was turned after it came to a halt. Th.i car operated by the white persons was traveling north nn Piedmont avenue and after the crash. It came to a rest in  direction on Auburn avenue. As the three man fled one seized a pint bottle of whiskey. Cri'S of Stop them." were yelled after the )jfa Jimmy "Ta"yl6rr.iM"~ of the car of whites, waB tripped as he ran past the David T. Howard, undertaking establishment by Elbert Chnney who seeing the fugitive approaching, hid behind one of the brick columns. BtTore Taylor had time to leap lo his feet Chancy had pounced upon him tiger fashion and captured him singled . The second of      fleeing whites was covered by a youth, whoso identity could not be established, at Continued on      S. Col. 3                 Car Hit {Ontlnucd from Vase 1  I llic P"im  f a ; ;.i:ii:i:;!~;i- "I'.'1  him Ini" a far chr.vn  j "Juybiiil" - wlio  ull -                 ut! lo (.~v- '.t;ik- fu.;i Mr 4 Mrirris tb-r.viK*.; that i,i.' en- The p;iir was tinned ;;wi to li. 1 p-lice. No ot\t* in a \v:is /.cii1'" y . Ti'.e ~:ccm;j.i .{.~;. of r (Ji.'ive^1 car. Mf.-: *.iK':!r Ir 145 Davis     -:. v/i:(~r.i it i:- i:;l. i^ j 1 t ' i.i'.m^ . ;i-- ~; I   -y .-.~.i:;-.;; ..I ,i j si Vi i o :u?rvo\i:; shri!; ;nic! I1.;."s'.'M'ical. h.'.;: :.li ;:ckr ;;;:i.~.  Miss Kin.*-: :*ui\-  . Oavis sh oel.  an ;:  ;i:i'.i                 .:r.','O. T:   \i.:1- \m,.. rs: wlK-iii.-r :h'-y wen.! i:i;i:r- -1 s-v;:..;: nil.::-1. 50 ve i'-t a lip 'i';iy- c.^veri 1:1 fi^lini,' i::ivl'- :r.y::*. after buin^ ::-;   . ci. Xi i1.;: r f)-' i hi1 .sU c: n-.c i ;  uf: .- v.-:tl: 'Avi ;:r." of ' \l.  p::;i;i v.T.O '~"t-. Tivy I'crlaicri l!i;i: li'.cv 'a1  to :ii.~ city  v/lu1'.' \v 1 he iiii.'ti Wi- ril 2:'M) P. .V. i:i K:-ctj:*-!i.T Cunc's   t.</t>
  </si>
  <si>
    <t>                                           After crashing into the car driven by Mrs. Frankie Graves, 140, ... street, and completely turning, it around in the opposite direction, three white mon leaped from the car in which they were traveling find attemped to flee on root. Two of them were...</t>
  </si>
  <si>
    <t>                                           CALM and confident, Max Schmeling, heavyweight champion of the world, awaits the call to battle. To him this affair with Jack Sharkey at the Garden Bowl, in Long Island City, N. Y., tonight is just another fight.</t>
  </si>
  <si>
    <t>                                           A program was given Sunday morning after Sunday school at New Mt. Zion church. Mr. A. C. Murphy gave a very inspiring lecture and same was enjoyed by all.</t>
  </si>
  <si>
    <t>                                           The formal opening of the Boy's Service club house will take place Sunday evening. June 19, from 5 P. M. until 6 P. M. The club house is located on the corner of 17th St. and Mulberry Ave. Come and see what the boys have done.</t>
  </si>
  <si>
    <t>                                           Whitehall Chevrolet Co. 331 Whitehall Stl, S. W. '31 Chryalor "8" Sport Coupe, rumble teat. Paint and interior clean. This car can be  lit n bargain. '31 Chevrolet De Luxe Coach, 6 wire wheels* trunk rack and other . The appearance of n new car $377 '30 Chevrolet Coach, wirs wheel. 295 '31 Ford Coupe 295 '31 Ford Tudor 295 '28 Chevrolet Coach 12S '29 Ford Sport Coupe.... 173 '29 Buick Coupe, new  295 '28 Buick. Sedan 195 '29 Chevrolet Coupe 225 '28 Chevrolet Landau 175 '27 Chevrolet Sedan 135 '27 Chevrolet Coach 110  29 Naah Sedan 235 '26 Buick Coach 65  26 Buick Sedan 95 '27 Pontiac Landau Sedan. 125 '27 Pontiac Coupe 95 '28 Pnigc Sedan 75 '27 Hupmobile Sedan 125  27 Hudson Sedan 175 30 Chevrolet -4-Ton Truck- 235 '26 Chevrolet Panel Truck.; 45 '26 Chevrolet Open Truck 60 '28.Whippet Panel .Truck. 125 t  for Used Cars Whitehall        volet Co. 331 Whitehall St., S. W. Aik  Man      Boucht On*      Terms WAInut 1412 Term*</t>
  </si>
  <si>
    <t>                                           The revival at the A. M. E. church is being well attended each night. Dr. J. H. Fluellens has few equals as an evangelist. Souls are being added to Christ by ... great Preacher. Rev. J. D. Thornton, pastor is well pleased with the success of the revival.</t>
  </si>
  <si>
    <t>                                           TWO months ago all the veteran tennis observers were warning Ellsworth Vines not, under any consideration, to enter the tournament at Wimbledon. Bill Tilden sounded ominous "don'ts" against it.</t>
  </si>
  <si>
    <t>                                           GEORGIA i  11 ft.M. 15c    "WINNER TAKE ALL" f</t>
  </si>
  <si>
    <t>                                           Nomination of Curbs ^-Gann Feud?                 ,._r. "Princess Alice" Said to Have Campaigned for Brother j; -V", .Teddy'Beh.ind Scenes, Whilu Mrs. Gann Fought ,ior. Brother Charley in the Open.                 \T ~~"X.'"                 EboS6VE,V3  I/                 Curtis.                 If ever the inside  oF the recent G. P. convention  to ibe written, it ii very probable that a special chapter thereof will be 'devoted to the tub-roia battle of wit* that resulted in the nomination !of Vice-Preiident Charles Curtis. It is a matter of record that when .'Curtis' re-nomination was announced the demonstration with which ,tt  received was directed not at the successful candidate) but at his  sister, Mrs. Dolly Gann. By putting two and two together one can easily arrive at the reason for this. It is well known that to Mrs. Gann belongs  credit of stopping the stampede of Curtis supporters from his stand ard,. but how many people know that the convention hull was made      'scene of another round in the feud between Mrs. Alice Roosevelt Lnng. and her social enemy, Mrs. Gann? "Princess Alice," according to insistent rumors, went to the convention to stop Curtis and if humanly possible to put her brother, Theodore Roosevelt, Jr., Governor of tha  Philippines, in his place. If such was Mrs. Longworth's intention, the kept it discreetly to herself and did all her work in the dark, for she 'never declared it in public. Not so Mrs. Gann, vho hurled herself into the fray on behalf of her brother canvassing delegates wherever she Could get bold of them and winning them back to Curtis' allegiance. Not until her brother s nomination was announced did the militant woman politician relax, dead tired but triumphant. Her victory moved a high official of the G. P. to remark: "We could do without. Curtis, but wo \1 could not do without Dolly Gann."                 %_</t>
  </si>
  <si>
    <t>                                           Dr. Kurt Volz, of Heildelberg, Germany, was the guest speaker of the Fine Arts Study club at their meeting on June 14, at the Harreld residence on Tatnall street. Dr. Volz who has but recently come to this country from Germany to take the chair of...</t>
  </si>
  <si>
    <t>                                           ONLY NEGRO DaIiIV NEWSPAPER IN THE WOB.L.D W A-  Editor aid       M.r.h-U D..U "~~"l" ZTsiTISCKIPTION  Oh     . Moinhn. SS.CO; S Momh.. tl.Mi       . ruu..n paii.v at 210  avi.: n. k. : WAInol HS9     KlOral u - .i the put   l       .            ft of Hireh S. H79 m           . AHsna^TKii    WOE1J)          'or                 UK th. mttc: 1 AnvKimRisr. RK..A-nvi W. B. i\VY CO, at*uo. Nrw York.     Ajfflrt</t>
  </si>
  <si>
    <t>http://search.proquest.com/docview/490394158/</t>
  </si>
  <si>
    <t>                                           In Your City to Do flood for     Poblk MADAM  WHARTON           Palmist And CUIrroyant           In bu*    , love, ral  , divorce How (SbB'I'I'IB tu *"'n '   . . BV-T-^-BI       and all  of K^L^IB life. MADAM W10N A Xfr^H h*'* nu  JQ*I. tew are po .' V fl^'f'"1- Onc TWt t0 B^k ll           occult  i^^^L^JN will wmt 7 a for  . Readlnr* for       and Col or M SPtCIAL READING S^50c 1513 Howcli Mill Road, Atlanta  iK Marietta Unwrll Mill Car- ~*~  4 Uousfl from 8        Stop</t>
  </si>
  <si>
    <t>                                           SPARTA AGRICULTURAL and INDUSTRIAL INSTITUTE Sparta, Ga. BOYS and GIRLS Thn- Training in Literary Cr.  Training in Agriculture. Domestic Arts ami S lipp We-li for Boy, Arc Given. Write for Terms ;in:l C"       . School Term Begins Sept. i j, 1932 . I Bargain Week-End Excursion Fares Atlanta to C'nvinclon r.nii return, S1.0!): Social Circle, Sl.50; Mmlisnn. S1.50; Grcinslmro, Sl.50: IJnioM Point, S2.00; Crawforclvillr. S2.00:           . S3; Thomson. 52; Augusta, 52. Ticket-* on wile fur all Irn'iin - M--il     slop  Sjnturdny. mirt for train    . 2  Atlanta r-acli Sunday  7:23* n. 'm. (  In AllanlA In.l train Nil. 3. ari-iv.nr .'.:2  n n... C. T.. Monday following, Karar  apply frim   5 to Atlanta an-1 . phone wA.~2s         RAI          I Greatly Reduced Week-End Fares Atlanta lo Ncwnan. Sl.OO; LaGrangc. S1.5U; West I'niiil, 51.50; Opelika. S2.00: Auburn, 52.00; Chehaw, 5U.U0; Mil., '$2.00; ant! Montgomery, $2.00. Tickrti  n saIc for all trains  Saturday anil for train fairing Atlanta -C:lii A. iM. ench Sunday t.nod ; to Atlantt  train ; Atlinta 7:00 A. M. Monday,  date m' nalr.     ,"       Apply Irom              lo Atlanta and return TickrU ncH  on Trains Ko\ 37 and 36. Crnvrnt r.. THE WEST POINT ROUTE 2!^li?2e MA. 0800  TVTTyTTTTTTTyT'                      '~TrVlf , :~16 mM Let Me Cure You! '^I'r^^f^Hf BONT DELAY! CALL AT ONCE I r* ^H^ilJ^SE3^4 'n Atlanta * of  K SilffiS WE5    N[~ Tour trouble It, no matter how ^ ^fi-S^-^^Sjl Toar m J    '  nd  f. nit  t nr.ee  1        ?  Trrstment it Terr  In cut ^K! ^SW I No. *'*."i"~?.'i. 'ln** or          . AJI dl 2 I IS*        treated wllo nr pan        herb*- with astounding       39O m w results in  caje. S^^ MALK 0"   'AI.E CAM, OR WRIT! 2 :^S^ DR. T.Y. YOUNG I ^^B ,^T_ I2E oriental herb co 2 l?T'?~OtrNQ CHWESf. HERBS AND  COMrniTND 1  M Yr.ri. Atta-l. P. M. J</t>
  </si>
  <si>
    <t>                                           At 11:30 on New Year's Eve, Police Comissioner Thatcher Colt arrives at the exclusive Mayfair Club in response to a mysterious summons from District Attorney Merle Dougherty. The latter informs Colt he believes Lola Carewe, known as "The Night-Club Lady" widow...</t>
  </si>
  <si>
    <t>                                           It pays to have friends and though there are many times friendship is proven but a friend is a friend indeed, when he causes the jail doors to unlock and let you taste that free air. I talk not from theory, but from actual experience as I was in for the longest hour...</t>
  </si>
  <si>
    <t>                                           Mrs. E. E. Moore has returned after spending a white with relatives.</t>
  </si>
  <si>
    <t>                                           The Earnest Workers Club met last Thursday evening at the home of the president. Business was briefly discussed. Our club is making fine progress. Vistors are welcome at our next meeting which will be held Thursday evening. July 7th at the home of...</t>
  </si>
  <si>
    <t>                                           The Carnation Eight Social club will meet Thursday, July 14 at the home of Mrs. A. ... Mundy, 139 Davis St. S. W. at whist party. All members are urged to be present.</t>
  </si>
  <si>
    <t>                                           We Claim The Most Select Colored Customers In Town Socially and               prominent colored people aro 1," ~"r. Ielect of           . That i.  of the dignity and      wilh which loam are  here. Join i  Pe.~    in" this  answer to a need for ready money. Our  ii alway.  and  We loan at high at $300. If you need money, tee ut at ones I THE WASTER LOAN SERVICE  2.~:~-13 HEAtEY BLDG.-MR. A. B. MADISON. Mjr.</t>
  </si>
  <si>
    <t>                                           That the Lemon-Donnelly organization will continue to function in Georgia despite the fact that its delegates were not seated in the Chicago Convention of the Republican party was voiced today by B. F. Cofer, secretary. Mr. Cofer stated that the fight was one of...</t>
  </si>
  <si>
    <t>                                           Make yours black, lustrous in 15 if *       minutes this quick French way BfoS^SSBBl Or course duo fall for the. good UL^v=M^_?^HVjrV^^fll looking wom-n with , bUck mo.t beautiful "lu!.tron. bl.ck you hair. IfaaBlgnaf     . pf      ,lw vitality men aro looking Jor. If you Try this famous French method that let  hair Ret streaked with gray more, than 100,000 women arc osing. and turn red from hot iron*, you can t Watch it mako your hair beautiful! expect to hold your man. Thsprlwith then watch tha men fall for youl beautiful jet black hair wins every Send coupon and $1.15 for full Bize time. bottle, postpaid, enough to make your But don't  If your hair U h?ir            ack or Ret a bottle            .                  - ?oar   lustrous black again m 15 minutes ^K*^F^     79W9aB in your own room. All you have to do MASJcXf         2*         is get a bottle of GoJcfroy's Lan'euse ^^^^?  ?iff?^RS^SPT^*T French Hair Coloring and put it on   ni)IHI-.\ MFC CO.. your hair. It's easy. There    only 3 na Ollvt; st- SI. Lduis, .Mo. one liquid to apply. No stickiness or J j,    foT1 MltK odor. In 15 minutes your hair is the I i.arleo^ ^i  . I   ot niH^   ^        I to make mj  a   ^^B^r^^PPflvV^H I *~"     I "e 11.13 ut*     r ~*~t U Via r^fl H SM B B^?H 519 I * Booer       ). IWitsfin ?SV*''    :       ^BlM    * HQgQfeSttHHaEs^ ~"7</t>
  </si>
  <si>
    <t>                                           LADIES AND GENTLEMEN, we wish to call your undivided attention to Nertz's Sunday Walter Winchelling. The ole Man About Town has been keyholing, eardropping, peeping behind drawn curtains, and snooping around in general. He can proudly yell "Eureka", for he has found out about all there is to know about the notoriety and "lowdown" of Atlanta Society, inclusive of business men, medics, professors and teachers, and the widespread racketeers.... and their haunts, rendezous, famous tricks, and etc.</t>
  </si>
  <si>
    <t>                                           Mrs. A. A. : Theer is no harm in changing to the farm milk, providing you make sure that the farm is under state inspection, and that the cows are tested and found free from tuberculosis. If there is any doubt as to the purity of the milk, bring it up to a boil...</t>
  </si>
  <si>
    <t>                                           Men Flock To Her Side Like Moths To a Candle Her beauty was spoiled by short, wirey hair- Hehind her back thoy  and made unkind remarks about her inch lone tangled locks. Men avoided her .she had no admirers. Then a friend recommended HiJa Quin ne Hair Pressing. Her short hair started to  as  by magic. Wirey strands became soft and wavy. And. almost  the  cirl 1 the most  after  in town. Men who had passed her by without a second clance now  for her favors. "1 owe it all to Hi-Ja" says this popular. Dotted beauty. "There is no product that can compare w:th your  one. for real results. I wish I could talk to every  who has unattractive hair. I'd like to prove to her that she can have beautiful hair like mine." Whv have  hair? Why be  at because of nappy,  locks? Uso Hi-Ja Quinine Ha:r Dressinc. The price (25c) is the same as ordinary hair dressing, but the results you will iret are a lot different more certain and far quicker. A  SAVING  If your ^t     -~ net  !Ii.   Quinine      Dr.-~~iim     ^o fill imitations and Ht-nd fl.00 to)ny for our Itarea.in A!             of A 1k,~   of       Juinin'- Kair DrfMini:  nd 1 ca3 e of      Ufiuty      (Value 11.151 Twjj^ApTN "t JQ-t -inc. ~*  ^Ti ) Atlanta.    ^~   . No^-^Cl. DEI T. W.  CltTS TO NEW AGENTS We  openings for a few live BKCntn. If you pue  in  torn* ~-x'.rn n: ami in  valuable and   -       . writ* t*~;lay.</t>
  </si>
  <si>
    <t>                                           The Eleventh Annual Memorial of the Pullman Porters Benefit Association of America, Local Lodge, No. 8 will be held Sunday afternoo, July 10, at Thurgood C. M. E. Church, 6th Ave. and 14th street North, at 3 o'clock. The lodge will be assisted by the Women's...</t>
  </si>
  <si>
    <t>                                           HOOVER! HOOVER! HOOVER! CONVENTION DELEGATES SHOUT                 With cries nf "Hoover." a Hoover sour by Uic          :i   with the blare of a band, delegates to the                 can national convention arc pictured in a demonstration for (he Fi-esi- dent at the Stadium in Chicago. I                 International Illustrated News Photo.</t>
  </si>
  <si>
    <t>                                           ?^^TV A  FOR W M^ F hJ II fashions^" CLUBS MlvJsi l. 1 V-/ 1  lr KJ mm 1 L. l^f  L 'l^- BEULAH MITCHELL HILLv EDITOR* KtLl P t 3</t>
  </si>
  <si>
    <t>                                           SOCIE      A PA(3E FOR WO// I FASHIONS LUB^) B  MITCHELL HILL, EDITOR K t CI P t 9</t>
  </si>
  <si>
    <t>                                           Joe Martin, veteran lightweight promises to go thru the local light weight division like it a streak of lightning when he engages in his bouts in an effort to strut his stuff as he did a few years back. All he asks is a chance as he is confident of winning if the weight is...</t>
  </si>
  <si>
    <t>                                           Roosevelt to Get Aid of Rev. Hartenj                 I N EW . .Milv lfi T:-.e i.-.i- d.-vi-li.p: in Denied ala,,.,lit!C:; is -he m by   -v I". S Marten, p.'flor cif the Hi'ly  T:-ini*.v Baptist Chum-.. Ki ..-.~kly:-.. fur Franklin IJ. I;i.". fur President. Dr. Knr!i.-:: formerly) supported C":c and Jiiiuvor. If.- I.-; vice president of the National Baptist .'invention of U. S-, A.. lac. and president of the Af-j ru-Pre. lea/uie. He declared Hoover -has nut much as lifted his fir.~.;er in behalf or the Nwo." Dr. Marten further says: "I have been a personal friend of both President Hoover an.l c-x-Prrsiden'ConliclRe. When the latter wax In office I visited him nine times I nt the White Hous,'. I helped to elect both men. Now for tin- firs'. t:me in my lire I am Ruini; to v.de fnr the Democratic c.-, ,,nd n-..~c than that. I am .R out aisi! v.- for him." !tcv. HarliTi made his switch ai a  of more than 1. 000 people at his church Wednesday ;. who met to form a Rnu?i.- veir-fur-Presid.-nt C!ub He plans In j;o on tile mad and cin:ani/.e fo: Kuosevelt. and I;i:ht Hoover  LOSES Sill I ,\T.W VOrK. .'lift- 1  Hr. S i H. Pid'in;;.-:. w.-ll km-.v. Harlem - nf ~.-II- Si-v.Mllh  s ro nbi-~; "f $!. in r.rii !a-l Wednesday .ir.:: v:hc::i iw" masked men  MHCreci ills apai ir.i-nl .-ir.d at  ini:it f f ('t:'!--. -f:.; him i:     Mi.- . linked him in. ar:d i::led h;s .^afe In a(id:lion I.) i he ir.oney  n :rom 'he -~;:fo. i lie rubbers look SI5 from lij.i li-ou.ier poc-kels. Iravin^ I'm- -lor naly W.' corns. T'.'.r :nl)brr? r(-:v,ai:iuri in Iho .em for o-.n.-e Ihin at; i-;'.i;r. : In-keil ;h.i front .Inur and failed I" a:'.-r the door bell v/hen i1, rani:  Mines  that period. Dr. Pottm^er -s one of Ilnlein's ! -s in P"i:-i; rlf practice  had his  f"r mine than lfi -.-ears lie is Ivavy si.n  Iti Vu:to:y Life Insui-aiL-e C;.-.. an.l has investment-; In ^" o:l:er Neyro enl'.- r.es. l'i... ;s i, alive nf the West Indies Deter ive-. an: at work on the. r.iit.  Course A t Tuskegee Ends Tl'SKKCKK. Ala.. .Tulv 1 The annual five-dav Short bourse  Ihtc for    * and L'iiis anil for Netrro farm home di.-mi Milrators. in  over 200 hoys  L'irl? from 2!' Alabama count/!';; were enrolled, has been completed. I The short course is offered each year ;n order to attract students to the lc-cular lone course of . .Several short course students have alreadv   to remain nt the Institute to take Home economics and Atrriculture. The Tuslicirce officials were encouraged to continue  the short course in view of the .'i of the boys nnd e;rls to learn practical  about the subjects                 SAY PARENTS MISTREATED CHILD Put Six-Yenr-Old in Hot Sun Minus Water, Food   PAIKl Charged by neighbors with li;iv- !Mi: r s: i:;I i ;f t ;n:il .-fL-i ul:y j U-. il'.i lr six-year ~:l'l vmi. Jim-: i!n M:\ ;.nd Mrs. Ltl:-lus Gni/irr t.f ::ld .Vavii .. after Ijcn1.::1 (.~;il,:m::     till: JilciKC lo no', re- j pi-.-ii tin' fcn.se, were Kivc.-. :ii-    U i-n!     by Jud^o John L. C'~ne 1:1 Kcroi'diT's court Friday. 'M:i: f.ither, the chief offender, ni  testified, had  h:s  1. tit in the hot son, and d'- him water and food. The boy, they .s..   hou^e to h"i:se l)eK;:mi: a .' of v.-a'.cr  some !)i-'-aii. sri.v::u: that his father would tin; 1 1 1 1 i:i tlie . .N'e;!!l!':)'-rs. also I'. Id. how the f.  bent on  boy for l.-nK periods at a tune, the child s :cir.iir;s pi-r.-inn the neighborhood. Ciiffm's -. .'~~ to the boy. wi, all 'lay, they f.nid                 ON DEMO SIDE                 Kcv. T. S Iliiri-.-ii</t>
  </si>
  <si>
    <t>                                           INDIANAPOLIS. Ind., July 12-- Syd Pollock's Cuban Stars won 3 out of 4 from "Candy Jim" Taylor's Indianapolis ABC's at Kansas City to capture the series.</t>
  </si>
  <si>
    <t>                                           CHICAGO, June 22--(ANP)-- One of the most colorful affairs of the week was the banquet given by the famed Appomattox club honoring the distinguished visitors to the convention in their beautiful clubhouse, on South Parkway. Politically minded members of the...</t>
  </si>
  <si>
    <t>                                           T? STATE NEWS                 Fitzgerald, (in.                 Bit  A. M. y .-li                 in Fio:r::l A C:i .V. II no!.'- k P: T:i'-:i:." fi.1'.- i Will: o.-v -".re n:' ;r: I rn; --.'MK'' 'I'h'-' .i.;i' v.-.i- )~clr.::il ..l: i                 !m::k:.iv .1 U-: a i' M '"a n 11 H"i n u t.i- fc.-.U'.- 1:1 V: U- 1 1 (t: -i -at r.!-.;pi-ii D: Hat.!;., itl-.-u-)!.- ;i -..-rv ri-.-ipf.i: -lal ln.-.i: M'nr.i 'I'l.r :i.rm :i v.-ii. ll\c JiTl;; I:.'.- .'in ia-.iM.-. of those who : hn:i U H Hnhbs. 1:. one or ihr .iri.J.:-.;: I :r.inis cri- ir, bis  He j. ii hi-;ni l:iht;c- .ivi-i-,-   minis'.''!" ~'f !r.' c)rT Hi- r. i'v!-l .1 Pauvl in the r.i.-c .i::-: i. :i-i: .1: I of winch !lf iw:. I inc a 1-: v.:.Ki. tu-i.:cd by Mi A I'-'t1-' H very l:i!'-T'' I 1 1 1. r.:~.i. il.,\ ..r I Sm:i-. dav ,il 3 I' V. Tl-.i; (c.'iui':i M-i:h .1 S'1!' :i-:iJ I :~1'::' b---h :.iLr;,:i I l:.i;-. '-ill. M-- Elhi'i WimI-. .it a M: Pi- li:c pn-.-.iii.-::' w.s.-.i-: l'H nn.n: ~"i;  : T 1.- .r:r. .i'i-..'.- ".'i! at!'.T..! U:c U'..i1 il i1 In  Hi-:r.'.'l'-. .1 I'.1- as :i:iv 1..1M/ 1:1 il-'.- S-...t" I     :.iy R 1.1 T,-..-- in''..^i,;o Tin' m.~- Mii-.-i .ill i hc. v.::!i ;iir;v :::ir;iO... -r.il. joy nf c:.i.::.i.~ ar. I.        Dr-r.-: 1 :ii: :l' I :i...: D.-~'. (r-:n.. ..1. h. -Iv,:' '0 .,rv' ; .ii i...t I.'mi I put -r-'. ;r. 1 '..1. 'A1 M.iy Hi--'- po.--;.:i- 1/ 'i. I iiv ^~~:i-.::.:: to d-. i-f(i.M.-.- -.v.-:-; .'.--r ll-.c V:i icr h; K. I Tl-.f I. ii' -!k- S.-vk'-i- in 1 will i .I::!' '.Vrihi-   . I .I:i!v li l, al -tn- I   : j Mr. I-M :i I'na- -:'.iMi-- T!-. ~-:i -:r. .'.-:-:ii.Ihi.i f.c:yi-..-:~ !ii.il m: '.v i i .1 i ;cnd Thr K. r i:i..kll:-: i fhi' W.'r-a- ir.-i I-'. vi-i: M: :.-:.:,:y !i-!ai .'- 1:1 k a f.-:     -M-~ v/i'. I--.'. i';-:r 1 Shr- H r-ir-ni''^' ^1:" rri.,:r:i::-. I prOK'.i::. Ii !;f kM-.v.-i a'-, a Mo':-  p.rf'-.i: '-a:-; r-.'n a-~-l Thr- S ;-1.,-.:ii.~.' KK i-..: p...h,.: Vliurl- v.-hrv-. :v I: Kvi'l.vl' I: a: 'hi ;--:--:i j T!v "'.-1. 1 1 h'''a;i.--V, i-li'-;:-: r' n-x: Ti:v 'f.,v 1 1 Tin- IV.':..-; -r \'. r; :a,,,   :i I McC.H.l- -...I a1. l-.'.rr.i- 1 c v; a-.v-fcr. Tin- 1    -s:-   :. M:"ri";.- '--v,^ club vv.i.-. ~;r 1 v.--:i-. r... -.a..;. Mr:; Hailic i-'.nr. an.l Watt:;, ii- Cnliinilii;'.. lii i.r^.ia Th"\ M'cn. m-.'ii. :ind marl,. -xv\d.-K'i.' ''"'~.~~\'{7 to ia.-i'''y;rc K"C. i'.-." v. vi T:ip i,*1'-;- imi 1 :.v '~} ,-i.,:--i Av a '.V. .1 i.'-i' il p Suflil AillMjis P:..''i:!y.' -1 I-.,'". :-.a: }' v. "a \V. P v. v -v. r u h f K.-""~ .1 At..' I y</t>
  </si>
  <si>
    <t>                                           Sunday, July 3rd was a high day at Bethel A. M. E. Church. At 11 o'clock Dr. Thomas filled his ... with a very strong and impressive message. The message was both helpful and inspiring.</t>
  </si>
  <si>
    <t>                                           TO DECiGflTE EL I Kf U  J B il Li I U ^j) Mil i  i                 St. Paul, St. Matthias Congregations Are Now Mergeed                 MOORE IS RECTOR                 By STAFF .R                 S! P.iul s .-.I!'! St. Matins' TTnls- copal  rc';;.'!':":;" ];~:c been :  in ;irl r- rjn-r- gpr. r nr the p.if. fifty .  r nv.r.' S'. Paul's Cl.;i:ch has h.i.-n located at Auburn avenue and Fort s'.reet . in a very q'.iic:. bi:i non'.i-.dess persistent '.vay. a enn- 1                 s:ruc:i\v work. S'.. Paul's. though som.-tnr.es  of as the very chile! cf : and a.lver.-ity, has     !:ly c. on. In the great Atlanta i:ie it lost :.  until W24 worshipped in the historic St. Philip's church Riven thc:n by the white .^. This bui!-!ir.  . Finco IfllM used as St. Pa:;"s Pansh I house. w.:S '.isi d by G-m-ral Shermun ."is ;iis headquarters  his stav in At:anta and v::: in Civil War days, in 1024 the rn-w Si. Paul's was  bu: afterward the ri.  :egin:"n fo;.:-..!  burdened by :i st.ii!i;t ri:i^ . The c.-'r was :;: ht- j c-iii.-r ;h'' (.-"".KreKatiori  r.~  p.-.-d;:r: mad.- to the - 1 in;:  by r.:- rr.bers who su ! rev-rses .me to the ..' of ir.o Stamlarc! !.!fu Insurance i Company and the Serv:ce Co:. F.'r ei::ht years, nevertheless, assisted by the I3:shop ,md the Episcuii^'i Djo^o.sc oi Atlanta, L);e people w.-.r.ke.i and yac:.-d to nu.'el a b!i: interest rate. Finally. w:tli the  of '.h.. now '.r it     tho-RlU bes-. to r" ihe property on wii;..h il-.ere is in .e.-s of $25,000. merge u-i:h Si. Ma-.thias1 on which '~-.~~re is im ind.ble.::ie.-s, nm: s:i!i carry "n. St. ;l".i..s' a smaller con;::'e- Ralion. ;;an:/ed *.u meet a r.i".'.: j was  at Ashby S::'e'"- ar.c: j Mayson-'I'urne:- avi;:r:.-. Tl'.is l- j;:  :-. ~.'~as qi:i;e well known in At.ar.ia  its recto'.1. j man kne'.vn by ain.o-~t all Ailar-.-i tian?, ihc R..-V. W. Q. Ku,;e:s, U. Fatlier Hocers in h:s ..s way has carr-.i'd on it SI M.-.-" Church and i'.as c..r..l ic;el a Par--] dual School .e a r:i:::bi r "f . bn! .1 finci' ll::~;: '.h.a:i :.;s bi.ei: d:~n.. by h:m. ::e I'.ep1. - friends c-'iil.~ A'1 n: p'-.'^i wi'.en :t became cssa:y ihem i'i 00 so. Kaii:er    j;e:s  x;\ ,.,.,11,,.,,,. i,i;: sch^...: work ami MiiTlv MirniiK!-.--:'. Ihe Da'ccse S1.. .'.^r ' Ck'Nch  been r.nnj.:--ie:y and '.ii-:!iy reil!!V.i',.--i t:i ho:.-e :i-.e C'.rni::i.. (I j i:;:a'i'~i:s no-.v kn:r.vn a:, S: Fa'i'-i i"::i:ri l:. 'i iie congre^ati":'. wil: he i:n:ier th- "f the V.-r.- 1 rra:)-i' :i iv:i:v'..  ipi: Moore. D. I5-. j rll.ii I 'r i'11-' Work an I i-i)ii';-i 1. iv;1'1 m ii'" Atlanta Di'i- I Tc-i;:'i:'.i^    ;''ii:     Co: 2) I                 RECTOR                 I  MOOIii; Kcrlor nf SI. 1'aul s Kpltrop:il ,  li". Sunday "111 mt ihc new morRi-il  di-.                 To Dedicate Coniinurd from I'.u-r I l--;.\h:-v Mi.,.vc c-:n.-!C Ir. Al1;'!]i, O'ubei- from Krv    I where war. rcc!..:- n: ur.e I l.cr:;~-;;; Hpiscpiu rnn^  .~i;:;i.~-.;; ~!f-f-fl pt iip.'f 111 tl-c :;d',!!i lie i:- ;i i;r:;i: nf    ".;:r. C'-~1- I .-iiiii .1 rr. ol ;hc Cii::rq;i I P:i !Ji:i r i .. .^:::'(!;iv ..f eleven n cl^i-k !h" !!mw S' !\.V-; v.-i!i I)'- ,:     :.:i-.~! I'.v Wnvil ei At!:ml- - .i1.... I' ,ii-:~n-; ,;i:.l j-.r:;.n-h I J l :r::uKi. ; i-'mti"r Muon- will ('~~i"hr;ilf il l!n-  Mii.'-s. The I imi ln- I.  In Th'MT } i J ii ~).'ni:;;.~ii :(i ^iii-lc n 'II l:t.:--.-'.iv,-~,u:s :)-.iii::h Ijir s-i'.'h</t>
  </si>
  <si>
    <t>                                           St. Pauls and St. Mattias' Episcopal congregations hate been brought together in an official merger. For the past fifty years, or more St. Pauls Church has been located at Auburn avenue and Fort street doing in a very quiet, but nontheless persistent way, a...</t>
  </si>
  <si>
    <t>                                           For every beauty ill that is imaginary, there is a beauty ill that is denied. Girls worry about lip fuzzers that only a magnifying mirror can detect, make themselves wretched, the blemishes actually existing only in their minds. Other women close their...</t>
  </si>
  <si>
    <t>                                           How To Have Lighter Skin The great beauty secret or famous actresses and other women who attract men Is 'their light, clear, soft skin. Of all known methods or clearIng tlic complexion of ruinous, unnatural Impurities, blackheads, ,' freckles and other blotches, Nadlnola Croam is the Himplcst, quickest anil most satisfactory Just apply this white fragrant cream at bedtime no massaging, no rubbing fs , quickly brings fresh, youthful beauty to your skin; restoring a soft textured, smooth, radiant, flawless complexion; closing up large, ugly pores and leaving tiro skin ivory-white, lovely. Don't risk your , neck, arms and hands to cheap .bleaching creams, ointments or lotions, but bo sure to use real Nnriinola Blenching Cream with Us DOUBLE ACTrNO qualities found in no other product. Got a big 50o ,jar of Nadinola Bleaching Cream at any toilet counter; begin using It tonight, and tomorrow you will seo a hint of the wonderful results to expect. Money-back guarantee, in every package.  BLEACHING CREAM Mmularturti Ay Ntlhyitt Toilet Co.. Patii. Tenn. ^py^/G STORES J ~"~)               ,ri.nc), P.r,-S.r..M.    BlooJ Rich .nd       ,y. Build, Slrenalb .nd Vi3o,. In Your City to Do Good f.r     Pobllt B. MADAM y  "     uul CUlrrarant Kirlcm. In , lorts dht.tc: How hMi* .Hi .11 iff.ln. it     . MADAM  ^.^VmtK-lrw .r. M .- On.  Ult la       . -~mt' :        .  iU Tnwrog for m.ny . RMdtnjri tor Whlit and-- Colorfd I SPECIAL READINGS- 50o 1513* Howell Hill Road, Atlanta Ga. MariMU Diiwtll- 'Kill Ctp-a^o.7 Ilonie from Seaboard 8top</t>
  </si>
  <si>
    <t>                                           fit          Thursday   Friday. Lowest , past 24 hours, 72; highest, 84; average, 78. C. F. von HERRMANN, Meteorolofflita Weather Bureau</t>
  </si>
  <si>
    <t>                                           MACON, Ga., July 6--()--The mass of "evidence" which completely buried John Downer more than a year ago and nearly ... him to the electric char is being slowly but surely shoveled away and it is possible the Elberton man may he completely...</t>
  </si>
  <si>
    <t>                                           Miss E, Naomi Dangerfield, of Orangeburg, South Carolina, who has been visiting her sister, Miss Maudestine Dangerfield of Atlanta university, possesses a charm of manner that put her quite in demand socially during here short sojourn in the Gate City.</t>
  </si>
  <si>
    <t>                                           LEARN THE SECRET OF HOW TO Keep Young TO BE YOUNG YOU HAVE TO FEEL YOUNG A wom.m doesn't feel youthful when j St.Joseph'j G.P.P. has been bringing she Ijck.s pep and energy! She doesn't .strength, energy and happiness to led voting when she n tired and list- women for more than half a century, less all the time and wants to ., ConMining roots and herbs of known i medicinal merit, this line tonic is  down into the nearest chair. Kardcd as  tlw old reliable" by women Keep Young by Keeping ^^^t^^^t i Strong Active Robust Joseph's G.F.P. Your druggist sells the  dollar hot tie on ;in absolute Women who keep young are women [uck . j ,od who  young women who have abundant strength and energy to do ^S'f' 1  f\ Cjf^V^%%^pS the things they want to do and enjoy V ^"~y**"' them! If you arc not this kind of /(j^^1* THTpt Tf^fc woman, you soon can be! You can j ^L.^^ *a Jt^^^ take a new lease on life because you ll i p^i C1t\~^i..     i immediately feel like a new woman! I U^UB ^UjCMOn^ UOnlC '"''^VA'Lucky Hand''"1'1 WITH A WRITTEN GUARANTEE Ito            a    7     ta .        , bva,     7, ^*~m, inu, Illllli MHtoM. Mi.  , Md  kt UK DCFOiUIATJON -  OR CALL ALEXANDER S PSYCHO AID, Inc. ma wea ma ,  , n.y. be  t-    THE ORIGINAL D." ALEXANDER</t>
  </si>
  <si>
    <t>                                           WASHINGTON, July 6.--(CNS)--Catherine Eden, 29, the only darking in a color-... "near-white" family, testified in lunacy court here Friday that if her mind is unsound, her family which has persecuted her relentlessly for years because she "was...</t>
  </si>
  <si>
    <t>                                           V^ Graduates! }^^^            Fortunes                 ?        pas' Hit Erudition, But Fame and Fortune r^wt..^ Await Possessors of Proper. Type of I ,., Masculine Beauty.' oia#                 ISmIw*"? fh *~V a. ,~- nor     the privilege of wearing couple of  V t"" lP    :h wh" begin to turnover ;*t tho heel.. A great      graduate, from colleges and . will  n.c.gn.~ th. .ad truth of that .talem.nt before  However, there I, on. field where golden opportunity aw.iu youn0 men of the proper type! That im th. bu.., or  we  ay art. of modeling. Take th. cm. of    ^~? V if 1928 C'~"  f Fordhtt"' Univ.r,Tty Jack wanted to b. a doctor, but pro. . into hiding around thai    ! h?fi",l T0 J?b ,h.      Aparl for hil     "                 be found u.ele..- Jack1, only asset ni hi. manly b-auty and of  a..et he made .uch good    that he i, today on top of tho world H.. fac. look, out at mil ion. all over the world from of well-known collar  company and the demand for his  , h.m pretty bu,y and hi.  balance growing. Another young  who capitalized 1 upon hi. ma. pulchritude ..Walter Thornton JjWhoja career a. a bricklayer wo. ended by the d.p,~,.io". W^U.r?i '' hi? *~fmU.CK 'TShU-  '"n'1" hid  f Plater ca.4. . of his perfect head, which he .ell, to arti.t. and illu.trator.. Model*.E *tOJ   -m.~v!e        for Ne!l H*"~:iton. the publicity HolN^ood fiV* I*  dv"l-"S   "~. having attracted the attention of inv !   9 ""I- u KTd.   ";,1'"'1'    mirror and if you bear *T-7? A to Johnny We.s.muller, aquatic and film .tar, who i. %~,.~~~ college education  nd be depre..ion reg..</t>
  </si>
  <si>
    <t>                                           YOURoEd Nicht nnd MominR to keep , Clear and Healthy Write /or free "Eye Care" or "Eye Beauty" Book M=ii=~  ..Dipi.U.S..9S.      ..ai-</t>
  </si>
  <si>
    <t>                                           KANSAS CITY, Mo., June 29.--(ANP)--"Of what value has higher education been to the Negro; Is it necessary or desirable, and to how much further support is it entitled?"</t>
  </si>
  <si>
    <t>                                           INDIANAPOLIS, Ind., July 12--Syd Pollock's Cuban Stars won 3-out of 4 from "Candy Jan" Taylor's Indianapolis ABC, at Kansas City to capture the series.</t>
  </si>
  <si>
    <t>                                           society I a VACkF FOil / If fashions ILUdS BEULAH MITCHELL HILL. EDITOR- B^JL^H L3</t>
  </si>
  <si>
    <t>                                           HOLDS SlTTUMEK                  LANGSTON. Okla.. July H- 'A NP)- Tlii'   Summer HomecoiMni:1 which brL.-. back to Lannston many of its graduates and  summer school   Ihtu thr Fonrili of July. Crowds. witnessed the Acriculturol an.l In-  Pma.ie. tin; physical ec'.u" .~. Hu'  of : a huk e  tractor by Mrs. Robert Ellis Alexander Cuahinc and portrayal  f the   Cuo-,L- Gin" by Miss Mnndine Sim's. Professor F. D. rort. Professor D. C. Jones anil Prcjiden: I. W. Younir were sni akii G.</t>
  </si>
  <si>
    <t>                                           BURGLARS STEAL COAT                 Mvs. W-Hio Clavtoii. M:i Auburn  reported to tio ice that, burglars entered tic:' homo between nine ;ind Ion o clock .Monday  ami  tb" . Entrance is believed in have been ] by -k-nir tt;e buck door with a nas.- Icev. All !hat Mrs. Clayton could notice as  was a woman s coat worth $50.</t>
  </si>
  <si>
    <t>                                           Yale President and Fiancee                 ^~^dir^ of mo IhTSL children, who are at present UriL ^ii    ~:,her Summer bom. on Casco Bay. Maine.</t>
  </si>
  <si>
    <t>                                           Fine Whites Caught With Women $25                 Caught in a room with two wo-' men, Harold Bissmorc and Dnvo" Benson, both white, were fined $25 and costs Monday by Judder A. W. Calloway in Recorder's'; court. ':':}~; The women, whose names havo been withheld were g von fines of;' $12 each. Police in testifying on the .case, declared that they had numerous complaints from - bors about. white men frequenting the placo, which they said was in the 300 block on Angior, ."..'                 bad ;    :::~-' :~:??$%$ BTXr.          -:0i$m 'Th'eyiMy.' ~"EVERY MAN.'!OT8'Isi LIVE BY THE SWEATS OITJrHtBlJ OWN BROW"  n         if -It wM^ D '.U.:.   '~        takers '-wouldn't'             *sS</t>
  </si>
  <si>
    <t>                                           President Herbert Hoover delivered the commencement address to 356 graduates of Howard University at the Commencement on June the tenth. This was not only his first apearance at this institution but his first formal address before a colored audience. Indeed...</t>
  </si>
  <si>
    <t>                                           The Jackson Salvage company, located at 3708 S. State street, chicago, does a unique business which should be of interest to the colored people. Perhaps, a letter recently written by me as part of their sales campaign will explain the functions and operations of...</t>
  </si>
  <si>
    <t>                                           In Your CltT lo Do Good for tilt Public MADAM     WHARTON BkMwfiB  and Clalrrorant HHyWHa \dv*e In *. HMI MS , divorce llow iUl.~~i.l H it, win In lore, . 'W.! EBtinUh and all attain of    _V_Bllft MADAM " HTW'l'    no MOal. ftw arc is Bk' M    "~l. One'viilt. to a Bifll A *  ar-lr-ntlM BSttb^flB wlK ~*V*r 7*K1 lot Ban* ,  for WhIU and Olond SPECIAL READINGS- SOo 1513 How.l) Hill Road, AtUati. Ca. Uarirtu How.U Mm Car-  Honia from Braboard Step</t>
  </si>
  <si>
    <t>                                           Close Successful Drive With Party                 A sik-cea.-iful three-week iii'.ii- ness and Collection campan'.n con- dueled by C. S. Cox. authorize'! mortician lor the Onir r.i e V.-.f.iv:i::,v co:n:;ai:y for the Atlanta ciis- j t:;ct was'  to a cloie last L- when Mr. nnd Mrs. Cox LMV.i.''.-d the members of the agency a*, a party held on '.he *.:-.:r.1 floor of the    : Bro'.hers' Funrra! home. The aj cn s who wrote t!:'; n1."."'. new b\:si:ie.;s ch:rin;: the i.;tir.pau.:i: and '.ho.--.; who made the hi:',:'.~:.sl percentage ol collec ao:   were awa:ded ca.-h pri/.es by tin: l'.Oa.l the? Cox Brothers' funeral Home,  i^ the only Ner.ro oi Kani:'.:ilion in  city which writes I'lmeral  '.ce.</t>
  </si>
  <si>
    <t>                                           Messrs, Johnn'e Harris, Roy Brown, Clarence Durham, and W. T. Echols motored to Winder, Ga. and Monroe, Ga. Sunday where they" spent an enjoyable time.</t>
  </si>
  <si>
    <t>                                           Friends and acquaintances of Rev. W. A. Reid, the popular and Prominent pastor of the Shady Grove Baptist Church, will learn with great regret that he was called to Plains, Ga, on last week on account of the death of his father. The World extends it's deepest...</t>
  </si>
  <si>
    <t>                                           JOHN DENDY, who won the ... Southern Open Golf Golf Tournament sponsored by Lincoln Country Club July 2, 3, and 4, used to caddy at the Asheville Country club. The young man is only ... 22 years of age. From the very earliest years of his boyhood, one finds that his chief diversion, and incidentally, a profitable one in the language of ye ... was caddying on the hilly links of that mountainous North Carolina country known to the...</t>
  </si>
  <si>
    <t>                                           Renew Probe Of Facts in Maxey Death                 The grand jury investigation into the facts surrounding the slaying of C. L. Maxey, principal of the Decatur public schools. .'U his home 784 Grcensferry avenue, on May 30, is slated to be completed today. Portions ot the testimony have been considered by. the present grand jury at two previous hearings but tho investigation has never been completed. Mrs. Beatrice Maxov. -."ife of the murdered man. Is still being held in the Fulton county jail without bond, upon a coroner s warrant. pending the completion of the hearing of the evidence nnd  by the  jury. According to the widow s statements Bt the inquest, her husband was shot by :i. burglar who took his gun from him. After listening to the testimony of other witnesses the coroner s jury recommended that    . Maxey be held for further questioning. Detectives Ginn and McGarrity worked hard digging up the evidence in the rase. She Is being represented by Attorney William Schley Howard.</t>
  </si>
  <si>
    <t>                                           F D I TO R I A L ^;</t>
  </si>
  <si>
    <t>                                           Part- ok Bon us Army Returns Home in Truck                 Downhearted; but not discouraged 14 of the Company B., Atlanta contingent of the bonus army returned home .Wednesday from a four weeks stay in Washington. More than 51 left aboard a. 3-ton truck for the nation s capitol along with UO or more white comrades. Those left in Washington, according- to the 14 who have returned, ox pressed an intention to remain until a satisfactory adjustment of Ihc bonus had been made. While a- large number 'have desc rted- the bonus, encampment on the Potomac river, others are entering the city, to refill the depleted ranks, the returning veterans said. A large group, representing veterans from Oklahoma, Texas, Louisana and Mississippi are expected lo pass through the city  enroute to the capitol.</t>
  </si>
  <si>
    <t>                                           The Guthman Floral club met Estella Jenkins, 460 Friendship Alley After devotional service the scripture lesson was real by little Charlie Latimer. Business was carried out briefly with our president. After business was over a short program was rendered...</t>
  </si>
  <si>
    <t>                                           Home Church Hears Divine Now Floridan                 I Rov. Robert Leander Jones, who is i one of the illustrious sons of the Beulah Baptist church, Rev. L. A. Pinkston. pastor, preached the I  Sunday at both morning and evening service at his home church He was here attending the commencement exercise^ of Morehouse and Spelmun and  his relatives of the city. He w.is the guest of his sister, Mrs. N. J. Williams, 180 Pine St., N. W. He spent a tew d:iys In Newiun, Ga., where lio pastured ror four years Norcross, Ga., his mother s old homo place, anil Monroe, Ga., the homo of his wife, Mrs. Mnry Alice Jones, who was with her hu-b.ind on this trip. They left last Wednesday for (heir ( of labor in Florida.</t>
  </si>
  <si>
    <t>                                           NEW YORK, July 5.--U. S. Poston, first Negro to come out publicly and endorse Governor Franklin D. Roosevelt for the presidency, may be named national chairman of colored work in the Democratic party, it was whispered in Harlem shortly after the...</t>
  </si>
  <si>
    <t>                                           Popular Cook Mixed Up in Car Smashup                 Charlie Stinson, popular cook at the Economy Delicatessen, must face charges of reckless driving as the aftermath of an automobile wreck about S:35 Wednesday night at the corner of Courtland street and Auburn avenue. According to S. D. Gallagher, 121G Morningsidc drive. N. E.. he wns crossing on a green light when Stinson's car ran over a red light, hitting his car about in the center and badly damaging it. Mr. St:nson. on the other hand, contends that his car was considerably smashed up. Officers C. E. Floyd and A. Dailey booked the case against the . Gallagher was injured in the collision. ) lee is smashed Just after she ha.! received her small weekly food allowance at the city hall  10:15 this morning. Mrs. Mary Sykcs. 39. 327 Chappcll street had the ill fortune to have her left lcK badly smashed by a large truck. According lo Mrs. Jessie May Thrasher, who accompanied the woman to the city hall lo get her scrip, she was standing outside     building waiting for Mrs. Sykes As her companion walked up to her as she stood besi le one of the plat.orms used for unloading purposes by the concerns at the rear of the municipal building, a large truck whipped around and started backing up. Shouts from a number of persons standing around finally caused the driver to apply his brakes hut not before the woman, who was able to pull  partially upon the platform, had been smashed between the truck and the pier. She was rushed lo the Grady in a Cox Brothers ambulance where it is 'believed that her left leg is fractured just above the knee. The two women say that the accident took place at the rear entrance to the city hall that the colored people use when they go to get food permits. Mrs. Sykes stated that the number of the truck that crushed her was Ga. 1033 '32.                 FEAR BITING DOG HIS  Miss A-nnie Ruth Walker, 309 V2 Tanner street. was advised to report to the state health department after she had been treated at the Gradv hospital shortly before six o clock Wednesday afternoon for a doer bite. According to1 the pat ent, who was bitten on the left lee, the animal that did the  has been : "fits" Much apprehension was expressed by hospital authorities that the doe is suffering from rabies. Pour Out Gin When Police Arrive; Fined Complaints. of. neighbors sent officers to 117 Pratt street Tuesday with thc result that Hortenso Battle and James and Lcola Hollomon facing Judge John L. Cone in Recorder's court Wednesday \vere given fines of $12 or twenty days in the stockade. According to officers when they arrived thc occupants of the house! were just emptying a container of whiskey into the kitchen sink. INDICTED FOR ATTACK ON TEXAS GIRL , Tex.. June 16.- ) A special grand pury convene.! on the order or Jinlgc Dexter Push Friilny  nn   Fiecling Daniel. 34.  him with '. thirteen-year-old white       in Shiloh community l:~a Wednesday. Daniel Is  l have confessed    the crime after ho was / Thursilri</t>
  </si>
  <si>
    <t>                                           The Lincoln Country Club is planning a feature uncommon to colored Atlanta this July 2, 3, and 4. The proposed item will be their first Southern Open Golf Championships on the local Simpson Road links. The course will be opened for practice rounds on June...</t>
  </si>
  <si>
    <t>                                           ^= SPECIAL for FRIDAY SATURDAY  S ELEGANT 24 {~ 79c Tub Batter Au,P 19* yf.cf.!-: .n:::g Snowdrift 3 can 29  Di-:i. :.K"!NTi::-cr;u. Pineapple 2 Ss 2gc DEI. MONTE- .SLICED  v: 1IAI.VKH Peaces 19^ OLD -- Malt Hops Flavored 'can' 33c j ; maid Pork Beans 6 ^s 2SC CAMPBELL S 4 cans 19c Foremost Grade "A" I'lisiriirizeci Or Alniand's Grade "A" Raw MILK pt.4* cr.gc Gi'i-'.st s;/.i-; F.NCiirtr: cooked IVOry Soap 3 cakes IOC Spaghetti 2 cans ISC j ;.ir.i)U.:v. si/.K- u-nv.  cooked IVGyy Soap 4 cakes 19C Spaghetti glass jar IOC I GIANT --1C)-./ HA.IAH         Soap cake lOc Vinegar 2 qts. 25c I \VII;TE JIOl/SF.    j Miik tail can 5c Vinegar gal. 49C TOIl.KT T!S.Si;H N. iJ- .NT DE LUX!: Scottissue 2 roils 15c Cakes 1 ib. box 23c TOM.F.T FORM  S TWO I. Lux Soap 3 cakes 20c Bar Cakes each 15c QUAKER DUKE S Crackeis 3 boxes 25c Mayonnaise jar 15c DEL MONTE DO THE DISHES QUICKER WITH Fruit Salad no. 2 can 19c Chipso 2 boxes 15c</t>
  </si>
  <si>
    <t>                                           Tag--What Sam of Auburn Says Gee it is some hot, I met Rev. Dorsey, pastor of Mt. Zion in front of the WORLD office puffing, sweating, and blowing He said Deacon it is so hot it is ruining my color. The Reverend does seem to be getting a little...</t>
  </si>
  <si>
    <t>                                           N6ORO PAfl-Y NIWSPAlME* IN THfe WOB.UD j W X SCOTT Editor            Tnmk MumkmU Dmrli         Mltoi ^~8L'BSCRirTl('N  On    . If .11 Msnthi, 15.00: 3 Month*. II.Ui      . Ih  daily at      avk.: n. k. t Tri.: B'Alpot i(if 1*U   W McwltlM  1     PMC       .   ..       th. j ut of M.rch If* MtKBER OF -BIlTASSCKIATrD   I m WORLD                'or                     j tt.  ftc^ I AnVKRTlSINO  W. B. 7IPP CO_ chl-a#o.     York. I.       - I</t>
  </si>
  <si>
    <t>                                           Youll never know how good^^/gi j$JLLk^$5^^*^  %</t>
  </si>
  <si>
    <t>                                           In my last article "condemned Prisoners at Kilby." I explained that at Kilby, when I was ... only two classes of prisoners and not work. One class bring the condemned prisoners and those held in the condemned cells for general safe-keeping, pending a trial, etc...</t>
  </si>
  <si>
    <t>                                           Irleld itr Lindbergh Case                 hailing broadly, Ernest Brinkcrt (right), the latest figure to enter the .Lindbergh case, is shown as he was taken from the police station at New , N. Y., after being questioned concerning his movements on the light' the Lindbergh baby was kidnaped. Brinkert waived extradition  taken to New Jersey for further questioning. He had been amed by Violet Sharpc, maid at the Morrow home, as the man with (hom she spent the evening of March 1 when the baby was kidnaped. '~.'%. Brinkert's      tho maid s suicide.</t>
  </si>
  <si>
    <t>                                           Tunnel Wall, Climb Fences To Get Loot                 Obstacles meant nothing to a burglar who broke the back door lock from the restaurant of Thatkteus W. Brown. 571 TTwin street about 6:30 this morning. Mr. Brown reported a loss of a  or cigarettes and a penny slot machine to Officers G. A. Elliot and W. F. Sutherland, who made the investigation. Trie intruder was forced to climb over a fence before he could get on the premises. Difficulties were also  overcome by burglars who robbed the Rogers store. 43o Simpson street of two boxes of cigars, a quantity of smoking tobacco, and some groceries about 4:30 this morning. According to Officers S. L. Ivy and E. C. Robertson entrance was gained by tunneling through a side wall, the men hiding In the security of a vacant store building next door while they worked.</t>
  </si>
  <si>
    <t>                                           COLONIAL QUALITY i /Jt\ NEVER VARIES r MK' I REGARDLESS OF PR1^~! Now we announce an addition to the Colonial Bread family a new loaf that sells for .So. This new small loaf is being baked es- I pecially for those bread buyers whose needs are small who pre- fer to buy bread in smaller packages .but who demand a quality pi loaf. For months we have been working to improve the efficiency  i* of our bakery and organization to make this new "Colonial" value i f possible. Remember thai, the standard of Colonial quality will al- j ways be maintained regardless of price. LARGE SLICED }  LOAF 10c I I For those who prefer sliced bread we offer the larger; !$ twisted loaf at 10c another outstanding Colonial quality. v' Ask Your Grocer for the Loaf { i which suits your family 's needs i \i r j</t>
  </si>
  <si>
    <t>                                           WASHINGTON, July 12--(CNS)-- President Hoover last week withdrew the name of B. B. Montgomery as his appointee to be United States Marshall for the Northern District of Mississippi from the consideration of the Senate. The move came unexpectedly...</t>
  </si>
  <si>
    <t>                                           Italians Attacked Her, Harlemite Maintains                 NEW YORK, June 23.- With a fractured nose and minor injuries. "T- Mayme DeCostello of East 117th street* in HUrLem's Latin quarter, told detectives two Itali:ir.s whom she foiled to identify attacked her at the corner of 117th street      First avenue about 8  Wednesday         . She was taken to Harlem Hospital. The woman claims the men. who were loafing near the Italian club.  her with  remarks, -ind when she ignored  af  Jie was on her way home from work they followed her and beat her about the head and face. Her glasses; were broken. Mra De-~ Costello said  was the first  to occur since the Italians tried '~to run Negro tenants out about two years "go. She s-aid -she enjoyed tlie respect and friendship of the Italians for the three years she has lived in the neighborhood. Her case is being investigated by detectives. She is the mother of a child ten years of age and ls a widow. COLORED HARLEM DETECTIVES GO TO INDIANAPOLIS FOR PRISONER NEW YORK, June 23.- Two Harlem detectives. Boyden and Robinson of the West 135th street station, went to Indianapolis last Satutday to bring            Parker who has been arrested there and is wanted here for first de?ree murder in the death of Chas. Burke of 70 West 134th street</t>
  </si>
  <si>
    <t>                                           Four years ago Negro business was practically unknown officially to the Department of Commerce at Washington. But today things are different. You can write to the Department of Commerce and ask almost any reasonable question about Negro business, and...</t>
  </si>
  <si>
    <t>                                           INDICTED FOR CUTTING                 Said to have wielded a wicked knife this oast Sunday, June 12, when hn did              dam-"" n the body of Otis Pitman, 297  street, Freddie Barber win I indicted for assault with intent n murder by the   Frilay. He was arrested by Officers Paylor and Cody.</t>
  </si>
  <si>
    <t>                                           HOLLYWOOD, Cat., June 23-- That dramatic march of the bonus army to Washington already is on its way to the screen.</t>
  </si>
  <si>
    <t>                                           Light in the Darkness                 Helen Keller, famous blind ui.u f.--:;u v-u: 1;ur who 1m:s m.- world renown by ; her  handicap, is shown      at her work of spreading cheer through t lie world of darkness us she rt-ud^       ; n Uraillu book to 1\\q UttSe  s oi a school lor ihe  in l., Knj;. iM Keller is -'ibic in her '(Torts t.o make the world a bn^hi'.T  for those who, like , have been denied the .  of .</t>
  </si>
  <si>
    <t>                                           In my first article, if you were one of the readers to peruse it, I took you; "Inside of Kilby," the central head-quarters of the Alabama, Chain Gang. The second article, described, "A Holiday at Kilby," and in this article I shall attempt to describe. "Working at...</t>
  </si>
  <si>
    <t>                                           - ~-~~...~.~+  *S^5^</t>
  </si>
  <si>
    <t>                                           Red Bradley, kingpin of semipro pitchers and master shown an, will take the mound again this Saturday afternoon on Morehouse campus and will do his damnedest to stop those powerful Galnesville Tigers, led by...</t>
  </si>
  <si>
    <t>                                           CHICAGO, June 20.--(ANP)--Set up in eight-point type the platform adopted by the delegates to the Republican National Convention here last week occupied 179 column inches, more than an entire page in the daily newspapers of that space one and...</t>
  </si>
  <si>
    <t>                                           FunerahNotjeesJ                 VAUGHN- The remain.'; "f Mrs M;i Bel! V.- will bo interred this (Wednesday) morn:nj: in Lincoln cemetery. Hanky Co. WILLIAMS- Tlv- funeral of Mrs Dolli'' Williams. 121 n:n-\~. street.1 will be hel-.l Thursday. July M.j nt 11  a. in. from ~~"r i-hapel, :!5B Auburn avenue. Cox Bros. )Y--Mr. John Mooiiy passed away Tuesday. .Inly i2. 13T2. The remains      removed t" 'he r--"ples' funeral Hmnf. '    ' fair street. CUJ..K- The friends and relatives of little Miss Kv.lyn Culpepper are asked to ntt.'iul her ( al. 2 o clock Thursday. ji;lv 1-1. 1332. from llv Beihlc-,  Baptist church. Rev. N. T. I ThomiK-n will . Pollard! and Hancock. j I DROWN- Th" friends and relatives r)r Mi- .lames Henry Brown, of      Par'"ii S! S. W.. fire [.i t,,' attend Ills   moral this (Wedncsdav) afternoon ai 2:?,0 clock "r,;,,, \Ve.v. MitciHl Street C. M. E church. Interment Lincoln1 cemetery. Hanicy Co. "(Continued oi.  Col. 1 j                 Funeral Notices 'C'or.iir.iKie :rom p:u;o 1) .s -Kri'-'. -n:.~ relative.; of I Mr Mr.-. U-.y Ujhbs. Mr. ana Mr' ErnVsi L..' Dc'iblj.-. .Mrs' l-'orl l-.-l Tli--n:as of Ue;:o:t; Mr. and Mrs S-ini Wrson. of Carroilton, a:r r'-r.ue: ted in attend the .'i.i; n! Mr. rt'.'y Dobbs to. lay Wednesday). ,l:;!y 13. al 2:.'(fl -~.i;-k irr-m ;h- I-'i.-sl 3r.::iis: i.--ii. C:.i riDl :. Ga. CortfRe ii-avi- I I i s:(\ -^3   - 1 1 ::;i!;y :-:ve!. at n.-::f! .i. i:i. . C I.. V.':!cy v.-ili  i oli::\] a:v.; ii.!: SCOTT- -~":-;.-nci:; relative s of y,:: ru-d Mr?. A. I.. Km!!. Mr ;t.~1 Mr:-.. Jcts.c H:.;l. Mr. i'.r.'i Mi-.-. iM is-;;:::. Mr. am! Mr:. 1-; C;     :n. I ii::i.!n^h:i m Ala Mr. n.'-.ci Mr.-. I... Ca!:    . Mr. I ai:J Mrs. J. Callioun of Wilmi:ii;lon. N. C' Mrj. Loin H-.::i.pton. M?:i.p;i::;. Tc:ni.: Mr. ;ir.d y.vrA  M. iMrs. Molhe Sc-'lt. Miss ;a:c!o I Mr. .1 I.. Cr;i::;ir. ;tn':lc-l i1.' a'.ti.'nci ti.e funeral Mrs I.ou\-enia 5-'.-o;t. i ::ns i We:!::es:i::~- .OMii a! j (I't^H-k fn in r::srii;i ,;i- I ih;i: -ii. lif.-. S :i. V.'-l.-.;: i! of: ^.-u'.ie. I:it'-\:r.i2u'. I i :.iv:Kona: ivy ;)r...;. .SM!T!i The ;: ai d re j'.ve;; t... Mr nr:~i Mr:: Nathan Sr::'h. M; .:-"C S-.-.-.i'.h. Mr ^Vr.H.ir.1 li.'.r- :-:.ii h Mr.;. Albe:'!fi Sm:':) . v. Mr.- Mai-y Sullivan. Mr.. fv-ha r:a:i-.ri-. Mr a:i-l Mr.;. II. j a. i.-.:.-kie. oi All.m:a. a:n: r.'r. Mor:r-".' S::'.i!'n of Piirrnin::;-.::'!, :\ia .:ivi!-.-ci to .'"! -lie: Iii.-i'.va! of Mr Katiian ^:r::ii. ::-.'.'.-i ,v. July 13. \'X".: We:t M::-!:t-;i r n\'. K. (-i;i;:xh 1 1 .'lev. Winitai^ :ir.ri Mi-:1-"m-.-. fi.--.. -:i. :ii:;..r.il  n;' Mi:^ G'-cr^:i M. V.-,~:'.-. t ii \Vrot pr:na';.on A-.t.. Co;:.-::- G;..: Mrs K::n.:i-: V.-..~f.-. Mr :.::n Jlr.v IK:.: v I r';ii-:ncr. Mr I .Ml--:: V.'cl 'r :i:l! Mr. C'i" 'iV;:ifo. ail of Cr\- j b. ai d fii!i:;v. C::in:ir.at:. I C\v.'-.: M; TiioH.as Jacno:: .;   Ci. .,::;:n .:.::a. J" :ii Mrs Irmei J.-.-c-r-b.. ;i:i;: tw.'.y of Atlania: Mrs. Mnry Lucy Guy nnd fa:r,:iy. j ..f Ilpiv.. G; Mr :n:.! Mrs.,1. M.ul:n T:n r.ipse'.'.'i a.-K! :'a:i:. Mrs :.:;la Thrasher. :-la.st Poi::t On. and Rev TIvmims V.'..;f. of i-'. C'.a s:c :n\-ile': at- '    ln:!?ra' -f ?.i:ss Cc.-rci;i Mao Wolf.-, ^ of Mrs Fan- 11"- V.'ol.o. !:.;s i Wotir'Sciay ;.f. 1 n:r::o:.n. a: ; fro-m i. asters Chipr. M. K Church R-v Swum v.-i:i ..:f:...-:.it.'. I .-.i or:i-'.-:i:   .i:.-;:c Pa: I;    .ii-ii ry. i!:in!.-y j</t>
  </si>
  <si>
    <t>                                           Hits ^Police A u to: to be Tried Today                 John Pounds, who drives for Robert Schwob, 851 Springdolo nl is scheduled to appear in police court today to face charges of reck- less driving growing out of a col-, Ifsion with a police cor driven  J. J. Cowan Friday. The accident occurred at the corner of Auburn and Jackson at 11:15 Friday morning,. According to Dutective Cowan, he was driving south on Jackson street, when he stopped for the boulevard stop at Auburn, i The left  of the * car was bent whi\i the other cor struck-", it.                 I saw tlio    5      the  day- rom(    mo of  -all at our Rood      , aro  to bo paid for with       f olk f I*u5 bor..-. .-/^KMm</t>
  </si>
  <si>
    <t>                                           Cash Prizes! -ARE OFFERED EACH WEEK TO CHURCHES SHOWING THE LARGEST TOTAL OF TICKETS. Ask for Them When You BUY AT Rogers MRS. MUNN  SPIRITUAL 1IJM PS^S/? A.NO PVT9O % V^tS !~*ra ii fur ;~u. v If In trouble, ^r. wc-rri^ o.t   .~,  or 1ft. KtW.es, thi* Biflod  *nd  will   nnd help you  the pant  s you  know ft, the present as It is nnd tht fu(ure an It writ he; tells full name of whom you will marry. Reading , 10 a. m to 8 p. m. No          Sun.    * or Fridays. No nian, look for number Wnnhlnjiton Lakewood  pas* door I83S Lakewood Ave. Atlantn, Gn.</t>
  </si>
  <si>
    <t>                                           IKE                 fty L P. Beynolds                 Just rr the speaker Bald "YOU MUST STOOP TO CONQUER" ho had to DUCK to  a. BRICK.1',.</t>
  </si>
  <si>
    <t>                                           NEW YORK, June 22.--() --After waiting eight years to cop the honor and glory of the world's heavyweight championship, the terrible Sharkey man was made a present of the crown by one of the most terrible decisions ever rendered after one of the most terrible...</t>
  </si>
  <si>
    <t>                                           Beats and Bites Woman; He's Heidi                 fio.'ilo:-. over lio.irl will; ;i i:i::i ,-uirt"bi'.:en annul the h"rtV in four- l.-on diff.-irn! place:.. Miss Utla Parks, of 'JVC Oiri Wli-ii1 street, testimony Iwfnro .Incite .Inhn L. One in Dec": fie i-'.': C"~rf Tuesday. i- in Ben Pitts. h''f assailant.  boi:nd  the Fulton grand jury  ?100n , for assault with in'.ont to murder. Witnesses told the murt that  t" the Old Whent address after  the woman s screams, they  Pitts bea'.inR the woman, while shi; was  on die bed In the  ?W the p- of the Kun. Miss Parks testified Pitts shot himself in the Tho  occurred July 2. the preliminary : having been delayed while both Pitts nnd Miss Parks were recovering from injuries at Grady hospital.</t>
  </si>
  <si>
    <t>                                           Sutthay Vp and Sleet "Miss SALLY11 PRICE The  of iho prairie fair as n Yticea lily and  wcet at  candy See MESCAL IKE lip S- Cm Uantleg Every Day in VfLANTA DAILY WORLD Ccgtnnins: Todo^</t>
  </si>
  <si>
    <t>                                           Smart Fashions for Smart Women TWO TONES AND TWO FABRICS 1 No 7]il Dots lend l,.u ,,f ,i,bh lht. lop of the blouse ar.,: n-lt. plain color is in perfect ta^te for the Ciock ii.. In t)    frock w.is dimply ] for .oli.r, ^iv-  y.,u ii (.il .I..,:-!,,. io wu;ir your most ' color  next to your face: It it s blue. 719 it wear .'i bliK*-:-ljL ~* ilo'. yoke arid i;rlt v.-ilh a 1 ci u[ju cii i\s.i. If if.-;   -(!. v.'L'.ir a i-ed-;ir,il-\     -1  i! -n wilb ;i vhi'.ir or blue -n frock. Prints m. i y bt*  uil wit ii plain co](,r^. if pru- j furred: DcsJtlf it ll in sixes 1-1 10, 30, :-:n. 40. ~..Z. 4-i: 4(J. Size :i(J rL 1.^ 2    ! 7.i  of ;j(;~:r.cli fab:1f ur 1! ;ii..l  lit :-,0-: ni.it.. :i.::d 1 y; fi.r '-Op of I In: .ire-is. SimpUliud i];iU.-'t ir.-tio:1.* I ar culling ;iji.i Lt;v.'i:i;i arc  wilb  '.Tn. They  i !v:c dirt/  for making I llic.-u        . j To Ut-'t- a p. ot this /l jx ivi   M:~   in coin-: I PJC;i--tr write \crv j,];i  you: I NA.   -Au\'D ADDRESS. -K I . ;i::il -; cf c: p:it.torn -'d. Our new fashion ni;:j^:i/inc with color  ar.d P.iris  news Is now ;iva;Iablc ill t1"'! cet-.t.i when  v.'ith :i p:il- j tern; :i:id fifteen  when or- i -l ^ep.lt^^^ J</t>
  </si>
  <si>
    <t>                                           LOS ANGELES, July 10 -- When are your three best 100-meter men Uncle Sam?</t>
  </si>
  <si>
    <t>                                           Mrs. Flossie Chisholm has returned from Miami, Fla. Her many friends will greet her a happy stay...</t>
  </si>
  <si>
    <t>                                           AN editorial in the June issue of The Chronicle, official organ of the colored Catholics of the United States, calls attention to the increasing liberal attitude of the great Catholic church toward its Negro communicants in this country. After pointing out the liberal stand of the Methodist Episcopal general conference at Atlantic City, N. J., when the delegates voted unanimously to hold no more future conferences in cities of the United States where full...</t>
  </si>
  <si>
    <t>                                           The Almighty Thomaston Athletics were again stopped by the La Grange Blue Sox by the score of 7-5 in the Blue Sox favor. The catcher, Big "Fish" who was the clean-up man for Thomaston was not able to get on base. "Hooche" Ga., and will lead up to the celebration...</t>
  </si>
  <si>
    <t>                                           HOLLYWOOD, Cal., June 20--The high cost of polo is weaning away many former Hollywood enthusiasts from the game.</t>
  </si>
  <si>
    <t>                                           GRAND  BUST BT THIEVES                 Burcl.-irs and mbn-TS tr-cl: up the  V j'.lrr.v nf the spotlight of th" Fulton  /;ra:!~* jury at its rr.ee; inn Tuc-l.'iy as a number of ;:- were returned. Ira J. Taylor is charge I with robbery in connection with thf taking of Sin fn-rn ,T. P. Irvin of the Esles Surgical company Saturday. Arr-'ii'.rt- true bill for robbery was :k; .- Jivse Williams j alias Jri.-k I/-m: who i;: s..:~! in have taken SI 1 i '~~~:t: l.riw-y 5 Huinphr'vs s!. Twr- .~tha*"s. I Joe Rnb:i:':nn ;i:id H;i.v.   ..(: Cruv.- fon], :ire acu::s- ci (if vi;: W. H. Harris. ;C5 Kast Linf!c:ir ,,f $9.75. Accord u'.j: tn :s :ki* he:" - bill, i James Joanscr: is '.i'.'i wi ii i car breal'.ir.i; in r.-jii:     -i:i with I the. : nf :!.fion C- ri-! Cremos fr'.m a Ge^rL;;.'! F: ci r: r. t cor. Four men. [.~~~v:nr. I Her'.der.^or.. Ralph Joivs. Rohort Hr'-wn, a:vi George Gnbe;*. v:wc jr.-iict-"' for J :;tea]i:i): qi:ant:ly of mer--~.;.ndi:;i* val ired at -~.r)7.... u\im t he bu^iiu:.1-^ establishment i.f Miss Mannie Bond.1:. r.H-1 V/..r.!. S. Ii They  arrest cd by Officers Chenci and Wais^N. i Pockei - Cheats1 Her of 85c! ClK-n:r*il 1: film 'i.-inri ic Rr!)Orr;i I'll : f'-iay nn: nf H:i-. !l"W.-i:-'l :..r- nll;is .Ir.hri '['hn-::is w.-i:. hn -:i:f! cr in lie ci: cni!:i:i n:-.:-:- $1000  by .Iin!i'.c: A U' i i i 1 At;cni(iint; to Jcn-ks in1:. vi-'i:i\ '.he man  locl :::iu' P'-c:-;ci book, w'::\-!-. lv l i:i.-l $-10 asii: of:c-'.ffi to   'ii il !.i h T f."l if :-hf. M-ti iid I'.'!' ;  ::r" Mis." Plu'Kro;'.          - i- Ivr! S^c in iu:r poc';':! -:i";'il\ .hhI J:k:I; son ;:n:;tdy ni.icl' i.^'o:" U'~: il'.c !u:i.=ir . i Wlitil Phai'inl*. Irici ::Ui: di^c^  i!;;,l she l;:n: ;   ::r.:rK only a du\ip ; :; p;:ii:i . j FARMER SLAIN FROM AMBUSH . Ark.. Julv 1.".- (AND Iluirli Fiiiixliilil. ~:0-yi;aro!d  i'. \va.. I'cuni!  tn : on thi' II Hod river farm, late Tui-?dav. A  of j.^hot struck him .'it tl'.c   face Officer.- wlm  l I [mid Fairchiid  i'!'"ii :0iot from ambush while . M</t>
  </si>
  <si>
    <t>                                           l^/^ NEWS                 .Columbus, Ga.                 Red Devil Social Club                 The 'Red Devil -Social Club met '"'at' the1 home of Mr'. James Holland on" the Buena Vista Road Sunday evening.- June 12th. To- our surprise four visitors dropped in on us who] "werq as follows: Misses Bernice! Reid "Maggie and Jlmmie Shipp anil 'Eugene Smith. They brought                 01 r club some interesting ideas' after which- Miss'Bernlce. Reid rendered for us a few selections. Mr. ~':'Grii'Hri agreed to give a radio party at his home on Wednesday evening, June 22nd. 1932 at B18 Church . You are cordially invited. Boysie Shaw, president and James Holland, reporter. Fifth Avenue School P. T. A. To Meet Thursday The Parent Teacher Association of the Fifth Avenue school will hold it"s monthly meeting at tlie V*. residence. of Mrs. E. E. Farley. 9J4 5tK Avenue, on Thursday afternoon June; 16th. 1932 at 5:30 o clock. All are cordially Invited to be present. Come and bring someone with' you.' Visiting Mr. and Mrs. Bryant Mr. Jimmy Reid of Atlanta. Ga. is spending the summer in the city as the guest of Mr. and Mrs. R. Bryant. Mr. Reid is one the -great athletes of Morris-*Brown university'.' Miss Carrie King Returns Home Miss;v Carrie' Kirigr the 'accomplished daughter of Mr. and Mrs. Douglas King, arrived in the city Monday evening from Georgetown, Kentucky to spend the summer here with her parents.' Attends Masonic Grand Lodge In Americus Mr. W. I. Smith motored to Americus; Ga. this week to attend the Grand Lodge of the Masons which was in session there. Modernistic Social Club The:' Modernistic Social Club met, at the home of Mr. Charles Hixon on June 15th. 1932 assisted by Mr. I Bussey. Devotions* were led by Mr. L. D. Bussey. After the regular routine or business, the club listened to a short talk 'given by Mr. D. Bush, an ex-member of the club. The address* for the evening was given' by our vice-president, Mr. L. D. Bussey, which the club enjoyed: Then the meeting was turned over to the social side which v/as very enjoyable. Music by our own pianist. Mr. John Davis, was enjoyed. The next meeting will be at the home of Mr. A. H. Hinton. Mr. Francis Jones; president and Mr. Herbert Weldon, rep. Executive Board of Tri-City Ushers Association ;Mects The executive board of the TriCity Ushers Association met Sunday afternoon at 4 o clock at the Ward's Chapel A. M. E.. church of which Rev. J. H. Hall pastor. Plans were laid out for the coming Tri- I City Ushers Association that is to convene at Ward's Chapel church the early part of September. The executive board was presided over by the president, Mr. Jas. M. C. Carter. The following committees which were appointed ;or the Association were as follows: Publicity and program committee, Misses Saddie Williams, Savannah Patillo, Marion Collins and Mr. Curtis Holland. Management committee. Messrs. Willie Reynolds. Lorenza Barrok, Jacob Pace,. Robert Griffin and Johnnie Patillo. Entertainment committee, Misses Lois Davis. Ruby Holloway, Theresa Patillo. Mattie K. Daniel, and Mr. Webster Wil lia ms. Courtesy committee, Messrs Jas. Eulsay, Curtis Davis, Clifford Gillspie und Rev;. Willie Smith. Decorating committee, Messrs Sylvester Parker, W. J. Hammonds, George Holland and Mrs. Helen Parker. Mr. Clifford Gillspie Was appointed the Juvenile- President for the Junior Ushers of the Tri-City Ushers Association. A special call meeting of- all or the various committees will be held on the second Sunday in July at Ward's Chapel- A. M. E. church at 4 o clock. New Young Men's Cliib Orcan^ Look! Another club has been organized by a group of young men of the city namely the Pi Kappa Delta Club. The officers of the mew club are as follows: Mr. Wall\) Lunsford, ;; ..Mr. E. Dawikns. vice-president; Mr. James McCray, treasurer: Mr. Hay ward, secretary; Mr. Frederick Williams, assistant secretary and Mr. Hertiert/'.'WeHlon,  manat^-r.' This is a splendid  ol' young men and I am sure that they arc  0ing to put over something big to uplift the city if thev can get your co-operation. The Churcli Of The Living God The church of the living God. the pillar ground of the truth, the mother of the Gospel. The Sunday school was opened at the usual hour 12:30 P. M. Reading by the Supt. Sister Allen. \A very interesting lesson was enjoyed. We have meeting every Tuesday  and Friday night at 700 6th Avenue, Columbus; Ga:' Rev. Leolo Phillips, pastor.</t>
  </si>
  <si>
    <t>                                           The Red Devil Social Club met at the home of Mr. James Holland on the Buena Vista Road Sunday evening, June 12th. To our surprise four visitors dropped in on us who were as follows: Misses Bernice Reid Maggie and Jimmie Shipp and Eugene Smith. They brought to...</t>
  </si>
  <si>
    <t>                                           The Highatters Social Club met at the home of Mr. S. W. Biggers Wednesday, July 6th, at eight o'clock. Devotion was led by Mr. Biggers. Mr. Ask gave a short talk on cooperation and everyone enjoyed his talk. The meeting was turned over to the president and...</t>
  </si>
  <si>
    <t>                                           [SS^: i tor i- a l ^</t>
  </si>
  <si>
    <t>                                           From the beauty budget, hair gets the biggest alowance. Since the finger wave came into favor, became an institution, the feminine halo must be taken every fortnight to the shop where skilled professional fingers put a beautiful crimp in it. Finger nails get their...</t>
  </si>
  <si>
    <t>                                           LITTLE EVOiWME.   or Mr. ami Mrs. Z. D. Young, of 233 Marble street, is now 4 years old She is well developed, both physically ami mentally and possesses a pleasing personality. Her parent:; highly endorse Forest Hill Milk as ; food for babies. Disliibuted by Fores'. Hill Dairy, Memphis, Tenr..</t>
  </si>
  <si>
    <t>                                           Woman Who is Slashed is Put in Jail i                 Although slie was :! when slit: w;i:; slabbed aboul 1) o clock Sunday night by John Leonard Williams, 223 .Trenluilm , Edllh Smith, Rear 'iSU Pryor street was lucked tip in Iho city bastille by Officers M. L Owen and C. P .Wliuioy. According to the arresting officers, the womun and man had created such a big disturbance On I he Sabbath evening that they were forced to detain the woman for her fin t-t in the affair while they continued their search for the man who  in order to determine just who was responsible for the ! of the trouble. The cutting affray took  on Allice street near Central avenue. HOLD POSTAL  IN $1,000 BAIL PHILADELPHIA, June 20.- (AN   - Charged with robbing the United Slates malls. Harold Fields, of south 83rd street, this city, who is employed as a postal sorter, was  in $1,000 bail by U. S. Commissioner Wynne Armstrong. Fields was arrested by postal Inspectors with three letters in his possession containing market! money.</t>
  </si>
  <si>
    <t>                                           Things will take on a rosy hue for the leisure class of Atlanta in the current weeks. The Atlanta Tennis Club is beginning to take to its task wish real ardor Already the dates of the Sixth Annual Georgia Open Tennis Tournament have been set at July 20, 21, 22...</t>
  </si>
  <si>
    <t>                                           I OLA Y^ w dazzling, beautiful, enigmatic figure in New. York's gayest nightclubs,    t /^$     J WateEex Colt Had tried to prevent' /*8  0  r Her murder. Then In breath-taking W(i?     succession, two other persons;         ^^- b}r the same maddeningly  *A BwSB -^^^T^i ^o"5  before. the  ^*$P ^p super-  Jearhed what -V -'killed  :-'t T !...-.v.. ..v-'*W-~ Here is a masterpiece, of mystery- a story tHat maintains f iu peak of interest;, from the opening instalment to the. surprising solution. It is the most exciting  in the career of Thatcher Col^ -, 'iC ^^^^9 V -*7 T;rtS!'*r v ~'.'3' ~?%~ t^ MurHer of  ^N%fit jC2     '^ANTHONY ABB0ri:f3^~ i^~^oro/"                        -?- 1^ -;*~^"          ,of           ?X- ^Ti/' Begin Reading It Mon day in THE ATLANTA ^</t>
  </si>
  <si>
    <t>                                           FRANKLIN D. ROOSEVELT AND HIS FAMILY                 Fire interesting ( of the Democratic hop* for the Whit. Home.                 h-.m.     ,.:v Governor Rootevelt (seated) with hi. mother,    .       Delano Rooievelt Mn                 With his father and mother at the age of 16.                 A        portrait of Mri. Frmnklin 0. Rootivell who     ba "Firit Lady."                 A  photo of Cor. and Mr*. Rootevelt made at wedding of       son. Elliott.</t>
  </si>
  <si>
    <t>                                           delegate'                 OR. S. D. REDMOND Delegate In the Itcpuhlican convention ;it Chicago rrom Mississippi, Dr. Ucdmond "made up" with Terry Howard, national  from hi. Mute and helped Howard beat the "lilywhite faction in it, effort to oust Illi'in. Dr. Kediiiuud Is one or the few colored men in the country who Jias two professional careers. He is  doctor anil lawyer, and has succeeded at both.</t>
  </si>
  <si>
    <t>                                           CHICAGO, June 13.--The Keed is back--bigger and better'n ever! In the first bout of the outdoor season Kid Chocolate, of Cuba, met and defeated Lew Feldman, of Brownsville after fifteen stirring rounds at the Queensboro Stadium Wednesday, night last.</t>
  </si>
  <si>
    <t>                                           DEATH CELLS NOT GLOOMY FOR EIGHT                 Divine Visits Lads and Peterson in Kilby Prison                 HE IS OPTIMISTIC                 TUSCALOOSA. Ala., June 20.- Eov. Jumes L .Lewis, chaplain at Kilby prison, who lives at 1804 10th , south, told a World representative today that Willie Peterson of Birmingham .and the seven Scotsboro boys, all of whom are under death sentence pending                 I the decision of the Supreme  appeared to be perfectly contented and confident of a complete rele.ise. Rev. Lewis further declared that he. as well as a number of others, are ns confident and hopeful as the boys tnat they will be given their freedom. The Scotrsboro boys are alleged to have raped two young white' women who. were hoboing on the same train with them near Paint Rock. Ala., early last spring. A .d_?alh.itay. has been granted pending the review of their case by the United States Supreme court. They were sentenced to die June 24. Willie Peterson's death sentence is being, held up pending the action In November of the Alabama Supreme .'court on a motion for a new trial by his attorneys who claim that. Judge Heflin's charge to the jury in the  trial of the man for the murder of Miss Augusta WiUiams was highly prejudical. Judge Heflln, of the Jefferson county court, denied a new trial several weeks ago when the prosecution successfully contended that he h.wd made no errors. The Birmingham tman, an . was picked up in a dramatic manner 'On the streets of the Magic  move than ,a month after three prominent white society  were wounded, two of them critically, ill a.  mountain spa1, near that place. His first trial was I declared a infernal atter the jury argued 44 hours. The sickly man. who presented a good alibi, protests hie innocence. He is  i Haveraped one of the  women, with  ile.-i.th he id  churned.</t>
  </si>
  <si>
    <t>                                           TUSCALOOSA, Ala., June 20.-- Rev. James L. Lewis, chaplain at Kilby prison, who lives at 1804 10th avenue, south, told a World representative today that Willie Peterson of Birmingham and the seven Scotsboro boys, all of whom are under death sentence pending...</t>
  </si>
  <si>
    <t>                                           Robert R. Church, political leader of the Republican Party in West Tennessee, left his Memphis home Tuesday evening for Chicago confident at victory over the lily whites faction, headed by C. Arthur Bruce and John McCall, at the Republican National Convention...</t>
  </si>
  <si>
    <t>                                           Mrs. Etta Ward and little daughter left Thursday for Eastman, Ga., to visit her sister. They were accompanied by Mrs. H. L. Newton as far as Hawkinsville, where she will visit her mother. Mrs. Newton of New ... Massachusetts, who is here with...</t>
  </si>
  <si>
    <t>                                           The Sunday School of Antioch Baptist Church was interestingly taught and reviewed by the Rev. L. R. Walker, pastor of the above named church. He also preached a wonderful sermon Sunday morning from the text, "The Tried, Glad Christian." God's servant, Job, was...</t>
  </si>
  <si>
    <t>                                           TODAY at Fresh Meadow, Flashing, N. Y., two famous business-man golfers tee off, with 150 others, in the first round of America's greatest golf tournament--the National Open.</t>
  </si>
  <si>
    <t>                                           MRS. MUNN 8.      1H Waffl If unhappy, *   gr low,   '~Hkrc*9fl  (I for you. HWrvSfl If In Irooblt, , w.rrM over ~"~.        or    . .lf,~,,, ihl.  tl..nl  nd  will ). . .nd h.lp roli:      put as yim       know It. Ihr  It    ,nd Ihl (u turr It will be; tella full name, vt whom you will . Rrsdlnx . 10 m to 8 p, ra. No  Sun. dare or Friday*. No  iun look for number- Waihlliflon Lakewood cara paja door. Special Reading!, Short Time, SO cent! 1831 Laktwood Are, Atlanta, Ga.</t>
  </si>
  <si>
    <t>                                           t i **.TVVVVVTVTr Read Every World AAAAAAA4.AAA A A A A A A i A a a</t>
  </si>
  <si>
    <t>                                           Deep, elemental emotions underlay the plot of "Silence," the new Clive BrOok--Marporie Rambeau--Peggy Shannon melodrama, which comes to the Royal theatre Thursday for two days. It is a gripping story of a man's betrayal of the woman he loves, and his...</t>
  </si>
  <si>
    <t>                                           During July 6, 7, 8 the New Hope Baptist Sunday School and B. Y. P. U. convention convened at Zion Grove Baptist Church. It was the most successful session that the convention has had in the last 15 years.</t>
  </si>
  <si>
    <t>                                           The Atlanta Daily World THE ONLY NEGRO DAILY IN THE WORM! Classified i Advertising Rates DAILY SUNDAY 14c a line 14c a line Consecutive Insertions Dally and Sunday: Three times lie a line Seven times 10c a line Thirty times or more 8c a line Five word* of average  counted u a line. ;,^aW The minimum  li the  two lint*. f Ads Taken Over Telephone: are accepted from  Ualed In Uie telephone or  directory on memorandum chart*. In return for   the  la . rd to remit the day  Inaerlion. On all  omit by mail       accompany Ih* order. All Ulacontlnnancra MUST be made a In penon at tht World office or by I letter. Telephone  are I NUT valid. I ERRORS If anr error la made. The Atlanta Daily World li              for  one Incorrect Insertion. The  Ih  fur  InMr* . Tile  ahould   if anr correction la needed. CLOSING Adtcrtlaementu In The Atlanta DallT for the Sunday World will be accepted up until P. M. Saturday. The office, are open dally except Sunday until 9 V. M. for the convenience of . ATLANTA DAILY WORLD WORLD WANT ADS  RESULTS. JUST CALL WAInul 1459 und ask for an Ad Taker</t>
  </si>
  <si>
    <t>                                           '*$~ary\ a page f or women ip^i^i; VW**^ BEULAH MITCHELL HILL/ EDITOR- "^^^T V</t>
  </si>
  <si>
    <t>                                           .. ^VV, A Lot of;X)iI.' ,;:v v :u ^by^^HytTHT^:                 PHILO VANCE ThelnsuranceMystery by SJlS.^A^.'BfldSJEi                 TIM TYLER S LUCK Taps By Lym Young                 "TELLING TOMMY" Sy Pim                 THEM DAYS ARE GONE FOREVER Foist This on Your Fife.                 DOROTHY DARNlf (By? Charles      'X</t>
  </si>
  <si>
    <t>                                           TAKE A TRAIN RIDE! ANNIVERSARY DAY TRAIN TRAVEL DAY SGUtftern Railway System June 18, 1932,. Is the Dah$ ONE CENT FOB EACH MILK TRAVELED Father! Mother! Sister! Brother! Ton cannot afford to miss this treat bargain . Make It a family matter. Get  with a train ride. Visit relatives, friends. to the city, to to the      try, co for the simple  of a train ride! Follow the crowd! Safer   at hornet RETURN AT YOUR LEISURE ANY TIME PRIOR TO MIDNIGHT. JUNE 26, 1932 These tickets will be honored on all trains (except Crescent Limited) and will be accepted Xor passage in sleeping and parlor cars upon payment of PuBman charges. This exceptional redaction m fares is offered in (ion of the thirty-eighth  of the formation of thm Southern Railway Company, also to  the young 'folks an opportunity -to. enjoy the  of their first train ride. Buy your Train travel tickets well In advance; It .will enable us to provide extra .cars and .extra trains for your accommodation. Remember these tickets wID be sold from ail .'Agency Stations to all stations on the Southern Railway System. Also to many points on other linos. Make          car reservations NOW. Consult Paaseneer Traffic representatives -ant Ticket Agents for full information. FRANK L. JENKIN8.,Passeneer Traffic Manacer Southern Railway System - auto accessories^ BUY FROM W GOLDEN EAGLE STORES FORYODftli</t>
  </si>
  <si>
    <t>                                           35,000 Negroes in Memphis Prepare for Election                 MEMPHIS. Tennessee. Julv 18.-                 Father light was cast unon the  of th huge registration of Negro voters last week when a statement  from the office of Lieutenant Georee R. Lee was made public on the Saturday following the  of   3R )  citizens.                 Last week s registration marked one of the largest outflows of Ne(rro reentrants in the history of the city. According to the Saturday s release, the announcement of the candidacy of R. R. (Bob) Church to succeed himself on the Republican State Committee as a representive from ,the Tenth District Drec:. to a large extent, thp unprecedented rush of colored I people to register for the August 4 primary. Unusual numbers of persons reg stered from all wards and precincts during the last two days of registration. The state(Contlnued on Page 6; Col. 6)                 35,000 Negroes Continued from Page 1 ment from Mr. Lee's office dwelt unon the interest which lias been aroused tiy the announcement of the Church candidacy. It was observed that a most .spectacular  is expected to result when the Church fact:on of the local Republican croup clashes with the li'--Mc-CulI  zation  the primary  of Auirust 4. The  at issue is who from the Tenth District i-holl he seated as its -ve on the State Republican  and control Republican affairs in this section. The UruceMcCall Group has qualified Lindsay Phillips and Georcro Poole to run  Mr. Church and his t:. It was slated that each faction  that the outcome of the Prinforv election of August will be accented bv the State Committee as a settlement of the  of who cc  the Renulilicnn     - for the Tenth District (he Church croup of Bruce and McCall. I                 Ill tlie last Primary ~;leet:on Mr. Church polled more than .7,000 votes, and, continued the statement, from the  :nterest in the present contest a.s shown by  he Inure n/i isl ration r f last week, it  that he will he returned to lii.s position on the State;.Committee by the most impressive 1 vote over extended a candidate for this off ce. An intensive caml  has been lauched under the direction of Lieutenant Lee, Church' campaign . who has perfected a large and representative :on of voters comprising persons from, fortythree  and two hundred prec nets. The.~M persons will be used as workers dur ntf the August . A campaign committee composed of outstanding- leaders from every '"ction of the Tenth Pistr'et nnd will serve as a nucleus for the  f or'-   . Amonif the V-v )    of th s  committee ' Prof. T. T. Johnson. Mrs. T. S. Brown. M. R. Burnett. Dr. J. W. Mntley. D-. .1. .1. Rnnee. Dr. P. 0. Vinson, .T. R.      . Dr. L A. West, S. W. Oualls, Mrs. T. P. Cnoper. Herrv Hat os. Rev. W. H. Brewster. W. Hontl"v Dr. J. B. Martin. Mrs. Cnrirn Wilder. Mathew Thornton. Mr" Laurn Jack=nn, Mrs. 1 iui a .TncKson Mrs. Affie Mies, p. r. Horn-. E. F. Haye", Dr. C. Shelhv. H. M. Adnms. Dr. K. F. White, Rev. W. L. Peterson, Rev. T.. A. em". Edwnrd Lewis, Nat "'i , Or. J. H. Gilton, D. H. ". Rev. J. H. Pup-h. N. H.    "s, Mr. Torrence, R. F. Di?in, w. t. Clower, Dr. A. N. Kittrell, n--. L. G. Patterson and D. J. Tl'nmas.                 The release closed w.'th the            that for the first time in the history of Shelby county hundreds, rather than tens, of Ne^ro . officers and clerks will function nt the Primary polls in thn  election. Several  of Mr. Lee's organ-zat on over the past few weeks have been directed toward obtaining a place for these colored elections workers for  . His organization was o!go instrumental in encouraging alarge number of, colored persons to register last week.</t>
  </si>
  <si>
    <t>                                           Father light was cast upon the significance of the huge registration of Negro voters last week when a statement emanating from the office of Lieutenant George R. Lee was made public on the Saturday following the registration of more than 35,000 colored citizens.</t>
  </si>
  <si>
    <t>                                           I Georgia! OPEN 11 A.M. 15c WEEK END MARRIAGE ff If with I. YOUNG 9 ami NORMAN I-' H mrs.   KriltlTIJAI. MCT1UM Pw^ If unhappy, a failure '"Ba^  N fur you. If lit ti*  .    -. . ^l over iMi.vint^M. family ur      ^. till* ,1 k-.l rU,rv,,)a,,L and         will IMillifullr n. ami help you; it-IU llu- po.-~t ait ~-uu   il. th^ -iu n^ ft d  thr fH. Itirf us 11  ill ~,IU full nan., or  you will marry. Itradllti; dally. Ill a. m l.i a p. m. So  Sun.       or l-ri.lor-. So   Btt. look for .T Wanliinxton Lakewood rara  . 1B3G I.Nkrwooil Avr. Atlanta, Ca. ff            ^ % g ^IVU POWDER^ SAME PRICE FOR OVER Z" B 40 YEARS 25 ounces for 25f ff</t>
  </si>
  <si>
    <t>                                           CUT Ml JAILED,                  Although he was stabbed six times, in the back during a fight with Will Davenport, 374 Tyler street, in front of 371 Tyler street, N. W., just before six o clock Sunday evening, Tom Huff. 221 Harris street, N., was locked up in the  jail after his wounds had been given treatment. Davenport is said t have escaped right after the fracas. Witnesses' told OlTicors Manard and Cartwright that Huff, who had been drinking, engaged Davenport in a fight. As a result. Huff was brought to the Grady and his wounds treated. A charge of being drunk while on the street was booked against Huff. His wounds were not regarded as serious. The other man is being sought. Urban League Head Loses His Mother FLUSHING, L. I., July 4- Sadness settled over the home of Eugene Kinckle Jones, executive secretary of the National Urban League .last Friday when his mother, Mrs. Rosa Kinckle Jones passed away. Mrs. Jones was 73, and taught music at Hartshorn College, Richmond, 40 years. She retired four, years ago. She graduated from Howard in 1880, and later 'studied at the^Ncw England Conservatory. She was the widow of Joseph Endom Jones, for 47 years professor of homiletics and church polity, at Virginia Union University. Interment was at Richmond, Va. NO DEPRESSION -.     An early Sunday morning pedestrian walking along on Wiley street near Railroad evidently had too many groceries or else they proved to be too hot. At any rate. Motorcycle Officer G. A. Jenkins brought a sack to police headquarters that he found near that spot. In Ihe sack were 12 pounds of corn meal, IS pounds of sugar, two 4 pound buckets of lard, and 7 pounds of bacon. LUNCH STAND ROBBED A  stand owned by Mrs. Carrie Crawford at 334 Auburn was broken into sometime early today and an electric victrola robbed of its nickels. The loss was discovered  six o"clock this morning and reported to Ofricern Wright and Geeslin. Entrance was made through the back door.</t>
  </si>
  <si>
    <t>                                           VALDOSTA, Ga., July 3.-- With an old fashioned money-belt containing $5,600 in good United States currency securely straped beneath her clothing, an aged woman said to be Mrs. Matilda Grant, residing near Valdosta, was discovered by a motorcycle...</t>
  </si>
  <si>
    <t>                                           NEW YORK, June 21--Jack Sharkey will have his final crack at fame tomorrow night when he renews his fistic argument with Champion Max Schmeling in the Madison Square Garden's new outdoor arena at Long Island City. The bout is scheduled for 9:30 or...</t>
  </si>
  <si>
    <t>                                           BURGLARY ATTEMPT FAILS                 A front door class at the Rogers store at 67R Wift -Fair street was shattered by four persons at 1:30 this  in an attempt to rob the store. Failing to Ret in, the quartet, drove off in a car. Witnesses were unable to get the number f l!ie automobile.</t>
  </si>
  <si>
    <t>                                           The Daily Vacation 'Bible School which began its session Monday, June 13th at the Presbyterian church cor. Jackson and Mitchell street, has had a very successful week in spite of the bad weather. Eighty young people and children enrolled during the week. We are...</t>
  </si>
  <si>
    <t>                                           The Emanon's Child Welfare club met at the home of Mrs. Inez Jones at 9918 6th avenue, Friday evening July 8, with Mrs. L. F. Bryant as hostess. The meeting was called to order by the president at eight o'clock. Prayer was led by the chaplain, followed by Bible verses...</t>
  </si>
  <si>
    <t>                                           I I r^mH /All A^N^I^^M^Sw^tF^lx I IJ   EiOlHBSS^^i ONLY NEGRO DAILY NEWSPAPER IN THE WORLD ^^WI "VhTTtM'R S.  1^7 ATLANTA. (JA.. MONDAY,. JULY 4. 1932 PRICE FIVE CENTS</t>
  </si>
  <si>
    <t>                                           KEEP YOUR COMPLEXION" I ON EVEN THE WARMEST DAYS I Here is a face powder that helps your complexion laugh at the sun. It's Genujtj ine Black and White and it s made by an exclusive process that results in the 1 smoothest, softest, finest powder yet developed. Black and. White is exquisitely I perfumed, blends magically and clings smoothly and evenly for hours without I ^i^^s. caking or streaking. That's why women everywhere prefer Black and l^^^jK^v White as the smart Summertime powder. j^       ) Use the Best- Be Economical      5pP^jL Buy Black and White at 25c K^   ^^^ Try Black and White Complexion Powder at 25c just once (1  v ^^UH you"   pay 5Oc' ?1-00 or  for a"y face BSBkmm0SBSS^W^BtM   "- Why be foolish, any way? Genuine Black and White ""           ^-        'S aS aS a"y  of      can buy. Ask your favorite rW0%28^~~! '-W^^ dmg        r at my tO''Ct goods          for Gcniiim Black fe vi 9^^   and Wh'tc Complexion powder in the black and white Ib' ~^^81 I square box at 25c highest quality at a sensible price.</t>
  </si>
  <si>
    <t>                                           One of the most outsanding events of the week was the concert rendered last Tuesday and Wednesday evening by the Banks Bros, quartette of Hartwell, Ga. the boys are quite small but they sing with unusual distinction.</t>
  </si>
  <si>
    <t>                                           Already having their long winning streak halted at 11 straight by those hustling Atlanta Gray Caps from Tanyard Bottom yesterday down the alley in midseason form in the late innings, the Pullman Hurrieases are meeting still more opportunity for defeats this Saturday and next Monday, the Fourth of July, when and that demon La Grange bunch are met in that order.</t>
  </si>
  <si>
    <t>                                           Monday night at Cleve Roby's open air arena will take on a lively aspect when the main bout comes off. Atlanta boxing fans are in for an extravaganza bill sure enough. Kid La Gula, that canny little Cuban boxer, will step upon the canvas with Gene Thomas pride...</t>
  </si>
  <si>
    <t>                                           This Lottery Net Ropes In Seven Others                 Seven more persons will have to appear before the criminal court as the result of Iheir alleged connections with the policy racket as that number of indictments were returned Friday by the Fulton county ( jury. Among those named in the true bills were Mack Frey, 570 Reed street. Robert Jones. 375 Houston street, Jone Lane. 143 Jackson street, H. C. Ward. Apt. 5, 25-1 Morcland  ami Ruftis. Jack and Claud Mak-om, all of 77 Milliard street.                 GIRD AND 2 CONVICTS KILLED Explosion Is Fatal to Trio Getting Gas from Tank GAS IS IGNITED CORDELE. Ga.. June 2S.- 'Special) A guard      two convicts arc dead here as the result of burns received lost Tuesday when a gas i tank exploded on the Seaboard 1 railroad nc;ir Tliirteenth street. The three men were attempting lo Ret gas from the  when the disaster occurred. The explosion was caused by sparks which resulted from knocking on the cap of the tank. The guard, who was on top or tlio lank. was. blown several feet into the air and was dead before he reached the ground. One of the convicts ran a block, but was burned to  by flames. The other prisoner, Bitldic Fuller, ran a* far as Mt. Calvury church, about the distance of two and a half blocks, and fell. He was rushed to the Gillospio hospital, where he died two and' a half hours later.                 snoot it  A checkup of hospital records so fur today has failed to reveal any trace of a man who' is thought to have been shot about 2:15 this morning when Officers Wright and Hughes had a slight mixup as they were answering a complaint at the corner of Cain and Cain Way. 1 "On driving through Cain Way to Investigate a complaint we saw a bunch of Negroes standing at the corner. As we drove up. one of the group came out of the yard towards the car." the officers said. Officer Hughes then got out ot the automobile and, as he did so, Officer Wright who     watching the man approaching the rear of the car, saw the man  to pull out a pistol. Ho called to Officer Hughes to look out and, as the officer turned in response to the warning, the man jerked his weapon from his pocket. The patrolman fired several shots at the man who fled through Cain Way towards Houston street, finally managing to elude his pursuers. Neither officer was able to state whether or not the man was hit by the bullets.                 Scholarship Worth $1,300 Given to U. of I. Grad CHAMPAIGN. 111.. June 25- A l!~30 graduate of the University of Illinois was honored recently by the American Research Council' when Edward T. Ferguson was awarded a 51.300 scholarship for advanced study. Although he was Riven the opportunity to choose between the University of Michigan and Illinois to pursue his further studies, the young college teacher decided to elect his alma mater. Mr. Ferguson made an exceptional  as an undergraduate zoology student. He is registered in the summer school session, working on his master s degree in zoology. For the past two years, he has taught at the North Carolina Slate Teacher; College, Orangeburg, N. C. A mem ber or the Omega Psi Phi fraternity, he plans to continue his studies during the coming fall term as well.</t>
  </si>
  <si>
    <t>                                           Up From Georgia With My Banjo By Thomas Jefferson Flanagan I BEAUTIFUL LANES' LIKE THESE When the mouth of the ien comes up to swallow i The pale sun s glistening globe, And the last of the crimson in its pood night s wallow Fringes the night s long robe The dust of the stars in ;i s  . j Lures my heart to the trees Wlicsc long green  let thru the twinkle On beautiful lanes like these. On the glad bright of the low sky s etching Away in the silent blue The warble of love in the tree s vast, stretching Comes from the thrushes to you: And far from the trouble in the mad crowd s drift ng Where discords befoul the breeze, A radiant shower from the clouds comes sif tings On beautiful lanes like these. Somehow in the majesty of night I glory, Tho' some find the shadows of gloom That screen the richest jewels of story That bl ght the springtime perfume: But sweet peace is mine as the shades I follow Letting thru the star milky seas, And no monster s mouth comes up to swallow The beautiful lanes like these.</t>
  </si>
  <si>
    <t>                                           MADISON SQUARE GARDEN BOWL, New York, July 20--For the second time in succession following a Jackie ("Kid") Berg-Kid Chocolate, scrap, critics of the leading white journals contend that the Cuban Negro has been exploited and put "on the spot." As in the...</t>
  </si>
  <si>
    <t>                                           The Y. W. C. A. Board was Well represented at the Stole Federation in Selma in the persons of Mesdames H. C. Bryant. A. D. Zuber, R. J. Brown. B. J. Anderson. S. S. Bradford and A. M. Brown.</t>
  </si>
  <si>
    <t>                                           Head Beaten For Resisting Police; Jailed                 Beaten several times across the head with a policeman s Icailon blackjack, after officers said he Htti'niptL'd to resist  by  them with an icepick. Charlie Perry, of 6339 Washington street, was treated in the emergency clinic of Grady hospital for a deep abrasion of his head. Perry, whom doctors declared to be under the  of whiskey when he refused to stop talking after entering ihe hospital was struck again with a Blackjack by Officer J. E. Wiley, while waiting to be treated for the first beating He was  at the city jail on charges of drunk and  For Throwing Fire Cracker at Boy Curtis DuBois  multiple knife wounds in his back ami neck, wnen he appeared at Grady hospital Monday night, said to have been inflicted by another youth alter DuBois had thrown a firecracker on his head. DuBois, who gave his  as 475 Lambert street, was permitted 10 return home after being treated in the emergency clinic. She Gets Cut Refereeing In Family Fight Separating a right between her sister and brother-in-law proved disastrous Monday night to Minnie Frazier, who gave her address a' Grady hospital as Lowes alley. Sne appeared in the emergency clinic with one long deep laceration which  at her temple and extended across her left cheek. She was unable to tel which of her two relatives had  tho 'wound.</t>
  </si>
  <si>
    <t>                                           Bleach Your Skin To New Beauty No  r.m win \h*~  lf .n!;i'~n  if 1 1 1 1 unless her skin is IiKhl. Hear ami soft, of all known :iii tt.~nlN c-Ustriiij; thv - of ruinous, unna'. imp urn    .u-khf:ii]s. . fri  ;    -r -hfs. Nacltnoi.-i Cr-am is th*1  si. 1 1 uic- and id-imi sat Lsfiic-tory- jus: .ipi ly tnis '^'- frai;r;~!U  at ' nu mas\.ii,'inj;. nti rul ;. Nadinohi  ly ;s fr'.-sh.  tK- tu your skin: r*'~   :n:,' a Hofi . smooth, . Maw!t-:-ss  closing up IarK'\ hkI.v pores anil if-.- thf skin -. lovely. Ijkm'i ri^k your fact-, iu-ck. arms antl han N to cheap    'aching crt-ains. ointments or . hue he surt* In u.--~* real     ;ru la IIIeachlnK Crcarn With its IXTBLi:      ; in no -r jn-. Cvi ;i bii: f.Oi* jar of Xa- DleiwhinK i.'nMm at any \~nU-\ 1, bv^tn  it      :h:. and  you wj!l si f a hint     :  .- - r'.*.stilts in vxp"~-t.      *y- ;   .'~' in \'Wvy packa^t*.  IiLE.-iCHI\C CREAM \l.:i*:::!:^.\ l.:'. T::!i: SWELLING REDUCED And Shun Hr..\i;hini; -vrd wii'*n ranged hy i::Mi: .-lion of w.ittr :n .il.i-.tr.cn fee1, ^nci It-Ks. nnd whm jir.-^ . ;-s Ilmvps .1 i!-nt Trial  UM '?: COMPANY Ut-pt. b80. A'.l.inU. G3QDUclroi- ^_y r, tiling RURALIST I RESS, Inc. 713 Clcnn St., S. W., Atlanta</t>
  </si>
  <si>
    <t>                                           Virgin isles ,WiH Support                  S. THOMAS. Virgin I-lar.ds. -I:i:'!ia-rri.":] Vir-in Islanc!    win, :i;:v.- h.M-n .- with l:"' fir. i u lil :(-;i n_;i :ln[i j r,f t. tj civilian ;:ri!ni:!i--'.r-:;i:o:i today  a Koo.-l-vrl:-!-Iii--Pi-i^i(.'uut Cluh at:. l . ;h,.; thin-  i- Cov.-nn I-'r;mk!i!i D. Hi.... ; f-iy i:::,-y.;..-i.. llu' is1 lai:d- and   ;ir: :f i: j.i i] ;'ni- til" r.'tin-ii of i:;,val ri.!:ii-,..'. 'I'll.' !-a\val in' i;av:il I' ,m-:i h,.n. a1. tin- -i iion "I" I'i-o.-::ii-:r. II' utn thi V .-a;i:. v.a- I'arllv n-.-nu;i. :':i'.  ~:r-.-:.l ui ,' .-i' 01 i!;t- isi:::al. j.i ailor.-- of 'In' c!i:!i   mil 1 1 '..duo Viri'i:i 1--rs !io\\- ii'-* 11 .W\v York will a!~ii- to v.j'.u in thi' EcBtoeTisT i GETS HIS  i NK'.V VnliK. . ii Tlv l!cv. .1. K. -.i-i-v. pa.-; C!iu:rii i:: ::l.-! 1 r I      out 1 ovi i- ll;c wlr ii' i"~ :vi.  I'liiU-.i Salilia'.li Dav Aiivi-!)!'.-.:  i-ln:rrn I-'rii;;!1,' :n Su;i:i.-   : i-o u I tin' i- ii:-i!~~t!-'. v I lie - I cii ;r]-O(   . Tiu' w!     Ill1  .-~. In ili-m.:..-v." ;hr ..-..I .ri-.l I uii : i tr. l:i'i-au.-i' \'.'-v. !u:i;::!::'--y ha, I ;::.-:..:,--i! mi l.-.-.i] i::ii: a nvr.a- '.inn i-i iiii-r i:: ir^-^aiK! X. .1.. for his i n!!:iwi"Mv af  v.hilo  had I'ailoii lu allow ti-.i ii! t" r:v.i-r thi' l-.'iDH::!.-  air.'.'-l liv  ral rh'.ii-cli. Tlii- l!u::'.;:hn-v  h:'id paid i!1.     - th.an S-OO. lUn i '.u '.!u' ri pora! tri a-Mlv ii;' t ni- r*.- l"i 1 1 * '-~iv.it 10J.) Tin"' Iluinnh: iv -an  n;iv;:iLr tia';r a.-.-ip--iiii';^ 'hi' ~'~j!". :'i'!''.'lli i'. and tl'.i' '.'.'h:'.11 ul nup roun  !~v a! N1:^!''. i'.ir to t a k thi ir  r'.v. ida:ini:i:r ii v.a- th.i' ;i  t of lai' ii tiri ''1 a:nl lli l.hi' ci)iii:nM-:i. Tli.' .-'i: r; award- cd tin; -riv to lla- .</t>
  </si>
  <si>
    <t>                                           I Wfc/ VWri          * (    tmw       J I own. Cut  Wdr       - I I Ihm , f-k*    h(~.             At 1 MaA SatU/         4         MR I       H     . S-- W3r CM4       {or VSW I Ohttati Cmm CWa           4 J" l*   Hi I \~4rn.  O0.  .y fit. U*     .{ TCTC^( 1  ull I. MOJO        ^**t*^ Dcpt. C, H51 Co(l:iBe Grove    . Cluc-igo. 111. IF YOU WANlT    you get a new ita rt In lit;. nS    hope. Stop  Wrltn me today. Information FREE! M WILLIAMS, 001  Ato.. Jtrnr City. NX, Dfpt. F.</t>
  </si>
  <si>
    <t>                                           Now that George S. Schuyler's paper has failed, he will have time to ponder some of his policies and to reflect might have happened had he succeeded. There were three things which Mr. Schuyler did during his brief career as a publisher, which definitely show that his trend of thinking was not in step with the best traditions of the race.</t>
  </si>
  <si>
    <t>                                           Victory Life Gets 2nd Receiver                 co-rae NAMED FDR mm                 Illinois Official 1 s Called in to Aid Insurance Co.                 2ND APPLICATION                 CHICAGO. July 18 (ANT) James Gullett, white, nn assistant attorney general of the State of Illinots. was appointed en-receiver of Victory Life Insurance company as a result of a new application for receivership filed in Federal court last Monday and ;:                 the original bill filed which was withdrawn. The receiver Is Atty: A. A. McKlnley, also white. The original bill was filed in the      of V. D. Johnson of Washington.. D. C, whose large stockholdings proved of recent date. The new plaintiff is Mrs. Ludie G. Means of Gary, Indiana. The bill was filed by Attorney Wagner of Stansbury. Wagner, Callaghan and Welsh, the original attorneys In the matter. Mr. Wajn-; er in an interview with a repre sentative of an insurance publication shed some light on the pro. bable future of the company. He said every effort would   - made to rehabilitate the institution. He alleged that the S200.00U capital  out by the estimated impairment of $337,000 but that it was hoped to overcome some of this disadvantage first, by reducing the capital tn $100,000; see. nd by getting the state '.-e  to allow the S45.000 mortgage on Olivet Baptist Church, now held as inadmissable, to be c-. as an asset, ami perhaps to have the insurance department raise    - valuation the Gables building, at 56th and .State streets, designed to be the home office of the company. The Gables building was carried in the assets of the company at $172,681. Mr. Wagner is also alleged to have said that some insurance expert, an outsider, probably a white man, would be brought in to administer the affairs of the company. The appointment of a state official as co-receiver probably removes any likelihood of resentment which the state insurance  might have felt over tin? coup expected In throwing the company Into a Federal receivership rather than under the state law.</t>
  </si>
  <si>
    <t>                                           CHICAGO, July 18 -- (ANP)--James Gullett, white, an assistant attorney general of the State of Illinois, was appointed co-receiver of Victory Life Insurance company as a result of a new application for receivership filed in Federal court last Monday and superceding...</t>
  </si>
  <si>
    <t>                                           USED CARS Fine Late Model Chrysler and Other Make Cars V FULLY GUARANTEED AT NEW LOW PRICES 375 Peachtree St., at Forrest Ave. Atlanta's Finsst Dlspaly ot BETTER USED CARS 1D32 Chrysler Dc Luxe 8 Coupe, 0 wire . 11131 Chrysler DC Line 8 Si-JM. S wire wheels, r, 1031 Chrysler H Sedan. Late . V- , 1031 Chrysler 8 Cnupe. Only  11)30 Chrysler fl. .Sedan." All-steel '""'l". hydraulic brakes  423 I!)JO Chrysler C Cotlnc. Eilra   355 1U30 Chrymcr 711 Hcdun,           1  -%- Tff.^~*. "?/"-*~~kll !i:iO Clioiiler 77 Snliui. Fine con- *V (Htinn ggg ^CliryHlcr 77.       )c. Extra Rood -  l!l.     -c Kcdari. i:. clean T^ 1fl.io Knncx Coach. Nnccial inn  Fonl Coach Ifl28 Foril ^oi pu 13B 1320 Ifnpmtibr (t Set! mi. Krconriltlonpd o,R W'~9 Jt.. 6 sedan, six   42H  0 Cnnrli. BeflniRhcii.'.' X7S 11128 Itiilck 0 . Rnmble MPat ]5f; 1031 Ntutlrijnhrr 0 Ilnnd.. Sport mod(~l 4iB 102~-KlBilfbaker 8 Stilnn. Six wire        4,ii 1 2J Dulc!t .Sedan S 11120 Nnnh Conch 4/i 1020 Oi. Oinch 00 OTHERS AT LOW PRICES. TERMS TRADES Harry Sooimers INC. r' USED CAR DEPT. 37  Fepehtree St.. nl Vairrnt Ave. WA. J127 Open. I* B:30 P.M. f(LtTTLE):: I Joseph F. Fielder [I Watchmaker II 370 Peters Street, S. W. I I Cor. McDaniel St.</t>
  </si>
  <si>
    <t>                                           MANILA, June 13-- A blow against racial division in the Philippines was struck today by Governor General Theodore Roosevelt when he ordered the Manila Central High School to eliminate the racial qualification for entrance.</t>
  </si>
  <si>
    <t>                                           Glamour is what the girls are after. You know. "She walks in beauty like the night" all that sort of witchery stuff. The indefinable, illusive no-word-for-it splendor that provokes the dapper male passer-by to take a second ... out of the tail of his eye.</t>
  </si>
  <si>
    <t>                                           Mr. McGavock, president of the Lincoln Burial System on State street in Chicago, seems to be on the road to becoming a nationally known business man "What do you think about the future of ordinary insurance among Negroes?" was asked him since he was...</t>
  </si>
  <si>
    <t>                                           ^6^-~..^..^-^^~7^.:~v:.. '~^-m_____i ^-   ^'" -^^-r -;-:- 2  v^-^^P^^^HB THURSDAY, JUNE 23, 1932 THE ATLANTA DAILY WORLD, ATLANTA, GA. .PAGE:-</t>
  </si>
  <si>
    <t>                                           CONGRATULATIONS IN ORDER                 of his  as ; mate with President Hoover; in the  elections. Vice President Charles Curtis is shown as he' received the congratulations of friends at the capital. Left to right are- Senator David A. Reed of Pennsylvania, whose delegates, by switching/ their vote, put the nomination over. Vice President Curtis, and Senator) Kced Smoot of Utah, dean of the Senate.</t>
  </si>
  <si>
    <t>                                           IN COURT                 DR. L. H. KING Former Atlanta [\     . now head of thr half million  St. M..rki Chord, in Nrw York City, who w.is taken to court by isome of  trustee* whom he attempted to remove from the board. A restraining injunction   . granted to prevent him from  ll.em. The trouble a handover from the former pastor'. Rev. John W.         .</t>
  </si>
  <si>
    <t>                                           TRAVEL I Bargain Week-End Excursion Fares I Atlanta to CovlnRlon anci return, $1.01): Sochil Circle, SI. 50; Mi'ilison, S1.50; Greensboro, S1.50: Union Point. $2.00; Cruwfenlvillc, 52.00; WashinRlnn, 52; Thomson, S3; Augusta, 52. Tickets  ti *alr for atl train* where     stop  Saturday. and lor train z 1 1 av I n tr Atlanta  Sunday  .25 a* ni.  returning to' Atlanta la.tt train Nn. .1.  5:20 a m,. C. T.. Mmtdny ;. Sntne  apply     to Atlanta I Phonc WA- S7M GEORGIA RAILROAD WA 3G66 i Greatly Reduced Week-End Fares Atlnnta Ncwiuin. $1.00; LaGranprc, S1.50; West Point, $1.50; OpHika. $2.00: Auburn, $2.0(1; Chehaw, $2.00; IVIllstcad, $2.00; and Mcnlgonicry, S2.00. Ttcltrt^ on  for all Iraltu each Saturdny nnd for train         Atlnnta C.;  \ A. M. melt Sunday Good return Inr to Atlanta, lant train arriving \ 7:00 A. M. Mendaj-,  date of nale. Snmc ntt* apply I ruin    to Atlanta and return Ticket* not Rood nn Traii.n No5. 37 and 36. Crrscrnt Lfmitrd. THE WEST POINT ROUTE WA. 2726 MA. 0800 t : Jtane 25 is the Date OF THE ONCE-A-YEAR 3 BARGAIN FARE FROM ALL SOUTHEASTERN POINTS TO 1 I All Points in Texas On June 25 the Southern Railway will sell from all sta- 4 tions in the Southeast ROUND TRIP TICKETS to "ANY I POINT IN TEXAS at ONE FARE plus 25%. Return Lpnit July 17, 1932. Stop-overs . J Half fare for children between five and twelve. Under J five years of age, free. 150 pounds of baggage checked free. Example of Fares (Round Trip) Atlanta-Dallas $30.43 Macon -Houston $38.43 Brunswck-Ft Worth i $37.47 I Gainesville-San Antonio $40.05 I Inquire of Ticket Agents for fares between other points. J [SOUTHERN RAILWAY SYSTEM E. E.      ', Asst. Gen. Pass. Agt, Atlanta, Ga. J</t>
  </si>
  <si>
    <t>                                           Toian, metcalfe Greatest Sprinters; McCampbeH Wins                 TOM   TAYLOR II FIVE SET                  sri:. . II.MIi:- In ACIaill.l WOKI.Di                 KANSAS CITY. M"., July Hi Tf-n: "-.lev.'1'! McC;i:     II.      ;init;. ii^n-li'-.- hoy whu sn:ip]M.'c) ll;c  oui of CJ = t City .'i: icni .'_ II" n O.i vi;:. Jr., U\:.l  in AV l,i n 1. 1 y.'in.'ll llO \^~^:ll)~)^^l lh'.' miii 01' the "i-r.1 j\.it:oii;i) C'linmitl'  (~i t h c                 Republican p:. li-l, .'Mi. lii-M. tt-'.i in   p the Georgia State Open Tennis Tournament til!''. rn..e t" the  aj^iin on local .mills. ; Hi"       . Cily Tennis Cluh inept lor ihe second     ,' from .lolin Taylor, 3-S. 11-C. C-n. B-(i. (i-'l. 1~.. won lht. club f lii l ::.i;-: Jf^li OiS l:i:l vc.'ll'. i\kC;;:lt:iil!cll. (~c:.j.i- ,..l.:; l;isl yen s C ri. T;iski i-.ci' Ci':l). i 1 1 1h,: K'.in-n:, S1:j'" find . ni-Tl:. ai:. i I- rj^C'i In:; way in ill !ji:..L  bi\U'l;*i' mi Hie l:V.h iN jli'.n.'h Cli.'ini;;:. i-.ship.until :v.r: Don;: Tunic;-. tile then n. singles cii.. mi . Player; lik- I),ci: li.... Ilar.k Giniiam. :inJ .-, :cil unfit r his - r;:!-f;:i(.-i in Today, a'.. -^~nl:. (~i.ln,':v.-i Iwiiuv. t!   c. lj"V ~.i:.: ..lh f  15 slf.in^' i-u. b[t c.  l-' Ix.'ilh in  -ti.-5aiii i inn ratings the- highest available,  yu:!. Ho is ~'M'- of the .~'.~~a'! .s player:; \'.ho ever t""k 1.. a . lik" \\\v fa^l ami ;:. .in. I fov :hat mailer, already arrived, El!:: Vili'-s. of Calitoim.-,. M.i.' fur., liens ~..i'.l". a :ii' -al ai.eui Jey v.lmh !j-.re.; the .ivcr.i:,r fan.': '.:; Hie -n ;ie .v.er ft Ih.e i and Ilinli;- Him.- ardent supp'..-. II,. will r!.-,e:ni hi-. Gcor;;::. Ojn-n trie .i-:i:r.:l lien Davis. Ha;~ih J  inv..,ni Aii-her. Le. Areher. and mln so.-nII is l: -Jirn M. Campbell ;i:::i Dui:;; '1"ij.:i. i wall :jc d(n:b:e:; partners la tr- :en:ils ,-i i New .li  in Aie:ir</t>
  </si>
  <si>
    <t>                                           KANSAS CITY, Mo. July 10--Tom ("Jew") McCampbell, that indomitable, Hon-hearted boy who snapped the heart out of the Gate City population and Ben Davis, Jr., last summer in Atlanta when he whipped the son of the erstwhile National Committeeman of the...</t>
  </si>
  <si>
    <t>                                           BLAST IS FATAL TO DYNAMITER                 . La., June 2D.- ) Coley Harris,- J employed by C. S. Nelson Mowing nut stumps in the GarSejiTDIstrict. five miles from ^ was literally blown to pieces''whcn nearly 100 percussion caps and twenty sticks of dynamite were Bet off in one of the oddest accidents In tho history of this section. Harris' brains were blown out.  every bone in his, body was crushed, and one hand' and one foot wan .        _ The   never found. His clothing was completely /from his' body and his shoes, blown from his feet were found nearly ja hundred feet opart. Harris, using a knife, had cut a piece of fuse nnd hnd placed it in the hollow of a  ho was to blow out. The fuse was short and   lighting It he "lost bis head" in his anxiety to get out of harm s way. In his excitment he threw his knife ino a large box containing percussion caps and sacks of . The knife ignited tho .i. " in turn, set off the dynamite. Several other slump   some distance away and were only jarred by the terrific concussion.                 BAD IKE By 1/ P.          They imy HE THROWS A ROCK AND HIDES HIS HAND, but U ever ho throws at me I'll two my shotgun and D- It he wont  to -hide his HEAD.</t>
  </si>
  <si>
    <t>                                           TUSKEGEE INSTITUTE, Ala., July 4.--Sitting in t he shade of a cool from Porch, in the quiet of a summer evening. Coach Abbott, so, familiarly called the "Major," and the "Duke," by hundreds of fighting lads who have come to bask in the shade of his gridiron...</t>
  </si>
  <si>
    <t>                                           In Fatal Love {Triangle                 Abuve are the principals in the latest parallel to the famous Snyder-Gray I case of a few years ago. The triangle drama had its setting in Oakland, Calif. Inset is the unwanted husband. Harry A. Nelson, war hero and Deputy Assessor of Alanicdn County, who died from injuries sustained. ! to police, at the hands of Claude Forbes, his wife s sweetheart in an  plot to Ket Nelson out of the way. Forbes, later arrested at Santa Cruz where he had eloped with Mrs. Nelson, Is said to have  when informed of his victim s death. Mrs. Nelson  nd Forbea art  hown abov*.                 WM/</t>
  </si>
  <si>
    <t>                                           The Fidelians entertained on Tuesday evening with a beautiful party honoring a bevy of recent graduates. They included Miss Lillian Holliday of Clark University and Messrs. B. J. Evans, Henry Shorter, Willie Collins. Thomas Campbell, Richard Flanagan and...</t>
  </si>
  <si>
    <t>                                           " NEGRO PAllJY NEWSPAPER IN THE WORLD    X SCOTT Editor and            Fnak Marshall Saris Mansxlm Editor SUBSCRIPTION RATES Om Tm, U.H 1 Month.. 15.80 8 Month*. W.5   Weekly, la. PUBLISHED DAILY AT 210 AUBURN AVE.! N. E. TELEPHONES: WAInnt 1459       0 Attend Mont-cU- matter at the pint office at Atlaata. Ga., a.d.r    art of March 3. 187  MEMBER OF SHE  NEGRO PKE88 IB ) '  'or    .   :     aeat lata  REPRESENTATIVE V R. 7.1FV CO^ ChUuo New York. Los Anxeles</t>
  </si>
  <si>
    <t>                                           B^k ft     ^^^    ^BWBHHj^^P*TtW^\^8^^^ ^^^^PS^^^^I ^^BPS9Vr ^B^S^^^^^^^^^KIESmEa v^^^^Bfli 'U^^HH^p t* ~;-ff jj ^f.^^'T*^'.^ j ft ^)^b^ ^f ^^t^E^^^^E^^  *~*-jt^~y**''%**i ^^V</t>
  </si>
  <si>
    <t>                                           Funeral Notices                 McFARLAND- The funeral ol Mr. Clarence McFarlaml will be held this (Wednesday) morning at 11 o clock from the chapel. David T. Howard and Co.                 BUSSIE The funeral services of Mr?.- Nancy Bussie, of 413 Robin street, Decatur. Ga., will be held this Wednesday) at 2 p. m. from ThanRtul Baptist church Interment Anderson cemetery. Hanley Company. 3BURSE- The many friends and relatives of Mrs. Mnry Burcc, of 1066 Colcman street. S. W.. are invited to attend her funeral today (Wednesday) at 2 p. m. from Red Oak church. Stockbridge, Ga. Hanley Company. HAMILTON- Mrs. l.ula Hamilton, daughter of the late Mrs. Maria Boll died Monday afternoon at n local hospital. Funeral services will be held this (Wednesday) afternoon at 3 o clock from Howards chapel. Friends arc Invited lo attend. David T. Howard and Co. FAIRFAX The friends and relatives of Mrs. Ella Fairfax, of 837 Parson street. S. W.; Mr. Alexander Fairfax. Mr. and Mrs. L. M. Moss. Mr. and Mrs. A. F. Fairfax, Mr. and Mrs. Frank "Duncan. Mr. and Mrs. C. Perry, Mr. and Mrs. R. Fairfax. Mr. George Fairfax, or Chicago, 111.; Mr. Jcssu Fairfax, Mr. Walter Fairfax, of Detroit. Mich.; Mr. William Fairfox and Mrs H. L. Wpodard are Invited to  the funeral services of Mrs. Ella Fairfax Thursday, June 30, at 3 p. m. from Ariel Bowcn M. E. church. Rev. E G. Newton will officate. InK torment South View cemetery.  i Hanley Company.</t>
  </si>
  <si>
    <t>                                           McFARLAND--The funeral of Mr. Clarence McFarland will be held this (Wednesday) morning at 11 o'clock from the chapel. David T. Howard and Co.</t>
  </si>
  <si>
    <t>                                           Kead Every World</t>
  </si>
  <si>
    <t>                                           For the convenience of the delegates of the S. S. and B. Y. P. U. Congress. The Atlanta World is Publishing a list of the Colored enterprises. Trade with them while you are in town they will appreciate it.</t>
  </si>
  <si>
    <t>                                           DURHAM, N. C., June 27.-- The tenth annual tournament of the N. S. State Tennis Association closed here Saturday after being held up each day with intermittent freakish rain storms.</t>
  </si>
  <si>
    <t>                                           AS usual The other night Tom Holmes, the lawyer, taking his usual Glass of near beer at the Economy Delicatessen, He informs me he is going to add a sandwich this time. Yes, he asks the old scribe to have one and he accepts it. You Know he would.</t>
  </si>
  <si>
    <t>                                           Kidnaper Relieved at Capture Though Facing Death Penalty .j, a- .1- a. a*                 T T T* -I" T Martin Deputy, Extradited From South Africa, Is Glad He's Home to Face the Music for Donnelly Kidnaping Fiasco Last December. Capital Offence in Missouri.                 Overtaken by the long: arm ot the law, in Johannesburg, 3outh Africa, Martin Deputy, alias Marshall Depew, is back in the United 'Status to face charges in connection with the kidnaping of Mrs... Nell Donnelly, wealthy Kansas City woman, last December. Although Deputy faces a possible death sentence kidnaping being a capital offence in Missouri ha professed relief that he is no longer a fugitive and has admitted his complicity in the fiasco that ended in Mrs. Donnelly and her chauffeur: being released after being held for 34 hours. The kidnapers hod demanded $75,000 ransom, but did not have the nerve to    through with the plot. Deputy fled to New York after the^ failure of the gutrich-quick attempt and joined the crew of a freighter bound for SouthAfrica. Clever detective work by Kansas City authorities resulted in /tis trail being picked up and Cape Town officials were requested to arrest the fugitive when he reached that city. However, Deputy deserted' the ship at Beira, East Africa, and made his way to Johannesburg, where he was finally trailed and arrested. Meanwhile four other alleged members of tba kidnap clique, including Mrs. Ethel Depew, said to its Deputy's bigamous wife, hare been arrested in the United Siates and it U  all will face trial together.</t>
  </si>
  <si>
    <t>                                           Sargent Jim Douglas, business manager of the Pullman Hurricanes, has decreed that the LaGrange Stars furnish the opposition for Manager Oscar Watts' classy ball players, this Saturday, and A men is the answer.</t>
  </si>
  <si>
    <t>                                           I am a girl 18 years of age, in the 11th grade. I will finish next year. But listen, I was going with a young man. He had been married but his wife was dead and he had one little girl.</t>
  </si>
  <si>
    <t>                                           ZELMA--Mr. Gus Zelma passed away Monday, July 18, 1932. Funeral announced later. Dunn Funeral Home.</t>
  </si>
  <si>
    <t>                                           Your Loved Ones Uurv them out in beautiful SOUTHVIEW CEMETERY F.M. ind  by colored people for llic burial of  dear to them. Lots For Sale Phone Wa. 0022 j BEN H. TOWNSLEY, Pro. LEWIS C. WATTS. Sec.</t>
  </si>
  <si>
    <t>                                           WASHINGTON, July 19. -- (CNS)--Alonzo Bohannon, instructor in the Department of Commerce and Finance at Howard university, arrested on July 1, following an altercation in his home and charged with carrying a dangerous and deadly weapon, is...</t>
  </si>
  <si>
    <t>                                           The potition of WILLIAM A SCOTT, ELLA RAMSEY SCOTT, and CORNELIUS SCOTT all of said State and county, respectfully shows:</t>
  </si>
  <si>
    <t>                                           Mention The Dfllisg v WorWtflcyon^;wi^</t>
  </si>
  <si>
    <t>                                           V j iOV TOO CAN HAVEMONiYj L, w  you     a new  InWt. Wo earn  hop*, stop. Wrjlnil Writ, mo today.,.        .: llm TKSXl M. WILLIAMS Ml lS?. f^.^*~ JjJMjr OHr, N.J.     . r. KKC^SSa W11TI  I ^ T- Mil I.LT.KY .^* Dept. C, 5251 Cottitgc Grove Ave. Clilcngo, 111. How Modern Women Lose Pounds of Fat Swiftly- Safely Gain Physical Vigor- '(M Youthfulnew Hero's the recipe that  fal and brings Into blossom all the natural attractiveness that ever;        posseses. Every morning take one hall  ul of Kruschen Salts In a glass of hot water before breakfast cut out pastry and fatty meats go light '-.r. potatoes, butter cream and sugar In 3 weeks get on ths scales and note how many pounds of fat hav* vanished Notice also that you have gained In energy your eyes sparkle you feel younger In body- keener la mind. KRUSCHEN will rive any fat person a Joyous surprise. Get an 85c bottle of  SALTS (lasts 4 weeks). It even  first bottle doesn't convince you  Is the easiest, safest and surest way to lose fat- If you don't feel superb improvement In health so gloriously energetic- vigorously       vour monev  returned, j)</t>
  </si>
  <si>
    <t>                                           SING AT GRADY                 Patients of Grady hospital Sunday were entertained by the singing of the Butler Street Baptist choir. The choir, which featured Negro spirituals on its program, visited all seven wards of the municipal institution.</t>
  </si>
  <si>
    <t>                                           v ^r**  ff [Tonite 12:01, Mon.  Ju 4th and Tues Theatre '~Coolest Theatre in Town"       , He)j,o" TOM MIX SS in "DESTRY RIDES AGAIN" WITH "YOUR PA I,"- ZASU PITTS  ii Tom Mix'        All-Tnlking Picture and Your First Cliancc ice and Hear It on R. C. A. Perfect Sound Equipment! Also Riii-Tin-Tin in "The Lighlninff Warrior"- No. 10</t>
  </si>
  <si>
    <t>                                           Through the courtesy of Albon L. Holsey, president of the National Colored Merchants Association stores. Inc., I have just received a box of their private blend C. M. A. Coronas and if in my humble way I can bring these C. M. A. products to the attention of...</t>
  </si>
  <si>
    <t>                                           ST. LOUIS, July 19.--(CNS)-- Four men, one a Negro, were shot and a score or more injured by flying missiles last week when local police had to use tear gar to disperse 3,000 unemployed men and women, intent on demanding city relief from the Board of...</t>
  </si>
  <si>
    <t>                                           Mrs. Annie Belle Young of 115 Gibbs St., entertained the Society Club last Thursday afternoon with the exception of two members. After all business was arranged a delicious salad course was served with iced tea. A lovely evening was enjoyed by all. At a previous....</t>
  </si>
  <si>
    <t>                                           ONLY NEGRO DAILY NEWSPAPER IN THE WORLD M^^~      _ VOulfOuMBEiruo" ATLANTA, C.A., . .in.V S, 1  33  ^IZZ  !^  !^Ll^</t>
  </si>
  <si>
    <t>                                           Condemned Man Once Saved Asks Again for Life                 KILLED OLD FOLKS FOR MONEY                 Last Minute Respite in May Saves Him; Fight Confession                 SEEK LIFE TERM                 Faced with the prospect of dying in the electric choir for the second time in two months, an appeal has been made to Gov. Russell ana the State Prison Board for executive  Tbr Albert Jackson, Peach county man, who is Under the death sentence for the murder                 of Mr. and Mrs. Green Hartley aged couple. January 21, 1930. It. will be remembered that Jackson was virtually snatched from the electric chair May 20. alter he hud been taken to the death cell and his head shaved for the strapping on of the '"life ending electrode, when Gov. Russell granted hU attorney a 60 days' respite to pro- pare an additional appeal. The doomed man has been denied a new trial two times by the Georgia i Supreme court. At tne present time, his attorney, George B. Culpepper, Fort Valley, is asking that1, he be given a change from death to life imprisonment. Action will probably be known           Yew "days. Repudiates Confession Jackson Is said to have  a confession! 'several months  his incarceration in the Macon jail in which he named Son Strothers and Arstead Lawson in the murder of the elderly couple that Tuesday night In January. This concession was later repudiated by the defendant who wns convicted of the crime in the Peach county circuit court September 19. 1930. The second motion for a new trial was overruled December 11. 1931. Deputy Sheriff E. B. Fagan told of going to the home of the elderly white couple who lived about a mile from Pbweraville on Mossy Creek .the morning after the tragedy and of finding the two :s badly beaten with sticks and the house  tn considerable disorder. Mr. Hartley apparently died first. Both were dressed anil thr.-e sets of tracts ore said to have led from the home. Almost a week later .the deputy found some overalls and looked around the community to find someone they would lit. Several days later, he went to Jones store. As he entered Jackson started to run. He denied knowing anything about the overalls, but later on being confronted with the  who gave him the overalls .hp admitted that they were his nnd  they became bloody during a hog killing. Tells of Plans In his statement on the stand he said ho forgot to change ma overalls when he went to call on his girl friend, Miss Lilly Mae Baker, and that he took the soiled garments off in the woods  reaching the young woman s house. A chemist testified that :it     human .not ho  on the overalls. The confession, made In May, 1930, which implicated the other two men and was the subject of I much controversy, both ns t  and as to the manner In which it was obtained, said that the Continued on Page 6. Col. 7                 Condemned Man Continued from Page One motive of the attack was robbery. In part it mated that Jucksou went to Son Strothers shortly before Christmas In 1021) to usk permission to marry his daughter. At  time. Mr. Strothers told him that he liked him very much  that he had some money spotted for them. Later he  them that Arinstcnd could be de-i  upon and would work witli I them, naming Mr. and wlrs. Hartley a.s their prey. He said that his wife hud  for the Hartley's and knew that they had money n"d would pay off. Was Strothers There? The three finally got .together and went to the home of the aged pair, (Mr. Hartley was about 80.) that Tuesday (. and Son Strothers went in. When he gave the pre-arranged signal, the other two came in ami (he struggle began, u bay containing u quantity or money finally being rut from around Mrs. Hartley's waist. They agreed to meet anil      the proceeds and swore themselves to secrecy. a This confession was fought during the trial when the 'defendant stated that it was all framed up. Later evidence showed that Son Strothers' boy, Seabie. died that night, and a number nf witnesses swore that lhe older man was with i he body all of the night after obtaining the coffin earlier in the evening. Deputy Make, Promise Deputy Fagan later admitted lh:it ho remembered promising F. S. "Shorty" Anderson, who was in jail with the three at the time, some aid in behalf of his mother who was picked up for smuggling some saws into jail to him. if he would help get the confession. "Shorty." who Is serving 140 years on the chaingang in Cobb county his many . made an affidavit May 1931, stating that he was responsible for the obtaining tif the confession. ii;;.ii.'~ thiO2 ''rets of  for the purpose and of making up the story     . to sign. This the deputy  ns claims that the man came to him and made a clean '~t "r ""s without  hope of reward other than that those who confessed sometimes. got off easier. Another prisoner, i-' ;   .''   -~ wh" i-t serving a 40 year term, also  in - "in tii-'-led confession. The  two men deniO l their pai*f in the crime so forcibly that it l.s believed that Jackson    -unic -eil lhn[ 'it was v/ to Implicate innocent men in the affair. Evidence shows that 't was  'impossible Mr Mr. Stroihcrs to have bee:i                  thut night. Jackson claims  they counted something like $41 und three ense half dollars/' also said thut there were u mini of ola Ions bills In the loot His alleged sweetheart,- 1 Baker, said that he looked y rled that Tuesday night     rr,  tlio murder that even! Thut wus- the ( that shw heard of the murder of the v people. She and others  ft he sat with hia head down had but little to say.</t>
  </si>
  <si>
    <t>                                           Faced with the prospect of dying in the electric chair for the second time in two months, an appeal has been made to Gov. Russell and the State Prison Board for executive clemency for Albert Jackson, Peach county man, who is under the death sentence for the murder...</t>
  </si>
  <si>
    <t>                                           Fenders Locked                 Fenders Locked:                 Autos- Damaged                 Sliaht damage, was done when' two*  hooked fenders .- three o clock Saturday  nt the comer or Decatur street ami Kimball way.- -Isnae Hester, 181 Newman street, was           ; to malto a rlj;!-.! -n'-' his right                 ami bumper hung up with the loft front bumper of a Chevrolet sedan  by Herschel Jones. 130 Eddie avenue, which was going east on Decatur street. Of'irer Collins made cases  both drivers),</t>
  </si>
  <si>
    <t>                                           News of Your Home i^kyn- 'Si^ll</t>
  </si>
  <si>
    <t>                                           XENIA, Ohio. July 9--Howard D. Gregg professor of education at Howard University, has been elected superintendent of the combined normal and industrial department at Wilberforce University Mr. Gregg was given the new position on June 30 when the...</t>
  </si>
  <si>
    <t>                                           Cordele, Ga.                 MifM's IV.Ik.-I C. Rivers. Matlio E. Riwr.-.. I'vDMilic Hiin-if. and Mr. Thomas    -v I'niovuil :i  al party i:i Venna on Monday eve- i . Mis Matl'i; I1). River.-- was honor truest -~n a molon-ade to the Orient' Cmintv Kkvlrii: Dam on Tuesday afternoon. Miss Eula Hurkc (MitiTtaincd as  ' iuc.-l on Wedni'sday Misses Maltie K. Kivyrs. Ro.-' Harr^ and Kliii'l C. Rivers. AftiT a  kodak  Mis.-'i;s Mnttic" K. R'vi'is. Eijla L 13    " nnd .Miss Ethel C. Riwrs motored to Vienna on Tluirsdav afternoon. Mrs. Minnii: Hollowav cave an ice cream  in honor of Miss ftl-Jveivn Rivors on Tliursdav - nt her home. After which M ss E. C. Rivers entertained a  nt a rood-bye party. Mips Mnttie E. Rivers returned to her home in Mncon. On., accompanied hv Mies E. C. Rivers and Mr. Tliomns Ihey. Mrs- Ahhic It. Cook of MeR.'ie. Gil.. .Mso Tttle daughter and two sons. Mary Alice Alfonso and Aaron Coek  a week at the  of their sick mother. Mrs. Annie 'Hall of 702 17th Ave. Mrs. Hull i?  . Mr. E. M. Wilhurn wag married to Mrs. Annie Mnud Harris of  13th St. on thn 2nd of .Tuly, by Rev. N. C. Owens, ffc hope for thorn s happy married life.                 Arrest Man, Woman I After Brew Is Found j Offi cits raiding ;i n upstairs ;     (mt;ni at 'M'.i Ctmrllantl  cl Sunday .  Minimiluuti ami ,I;m IIar;n-r. atul :~lm/.~ .1  :; t,\  .1 neatly j- away in the lei' bux. B"lli  lan'.s Wile ^JVuM ' uf $\'.'.\ in- l wen iv days in i In* .slm- ~.~.~hen hah d Infon- Jud#- Ca!l-~v/ay in 1 1 t: j i (Ilt's . SCAFFOLD: HURT Unbelt Welilj. X.!. Ml! Spi-nt-i-r -i, iv:is M--ly hurt lati' Mon- 1 d;iy ;:i n In; fell 2'i [nil In ll.i- Kiniiiiil i  :i ;i:;iff"lil ;n l!;c  'I'liilil'. c UnildilH',  In: i:. \VMikiri): I-atc Muiicljy nij;ht' li.' was n .l .is r.-stim; nicely at Ihu !- Muir.onal lio.- wh-ri; hi' was n--d adiT ;  i: (. y n .-nl at tin- . Mr. Weljb. \'.    is , is Miff, .; fiu:n .1 broken ri^hl arni. Ivvii ..s!i(il lib:., and possible internal IllJIIlie:. :i:. the  lif he bl^ drup. ' is tlu- first accident uf in:~     Ian- e Iliar lias bec-n r.p Hit:d at [he (Irand \'/ is  j I'.uir.H a I  pruce:.- this summer that will cost .i:Uiiii:: i like $:i(Jl) (ifil) i I Tries To Run From Court Before Trial Sumn.on. (1 out uf the . P'OIll in Recorder's  tu . trial. Willie- Iloilall, ma.:e an   l.i -e '.ches iif Up: law. Monday. As si;un as the . of tin: Jo-Jin   shr- ran out and would hav-n.ade t:'.od her escape hid it nut bue.ii for Hie .k work of Officer Dodils. veteran bailiff. The  facing a charge of drunk and disorderly, after officers testified how she had refuted to pay fur a coca cola and then later ei/';ai;ud in a fil.'ht with the owner uf the '. after he had Suufiht to  with her. was lined $12 or twenty days in the slo. k.aae. .She still appeared to be under the influence uf intoxicant when she w.ls brought before the .</t>
  </si>
  <si>
    <t>                                           '\ ONLY NEGRO DAILY NEWSPAPER IN THE r WORLD 1 ULJUMUjMUm}</t>
  </si>
  <si>
    <t>                                           FAIR THURSDAY; Friday partly        . possibly local . Lowest temperature, past 24 , ,75; highest, 91; average. 83. C. F. von Herrmann. Meteorologist, Weather Bureau.</t>
  </si>
  <si>
    <t>                                           Lola Carewe, night club habitue, receives a death threat, New Year's Rve. Previously her dog and parrot were mysteriously killed. District Attorney Merle Dougherty suspects Lola of being the "brains" of the jewel thief ring that has baffled the police. Although her husband...</t>
  </si>
  <si>
    <t>                                           Joe Greer, a small town boy who has become a famous auto racer returns home to his father and younger brother Eddie. Although he scarcely remembers Joe, Eddie worships him and is following in his footsteps--and is already the local champion ... oracer. At a...</t>
  </si>
  <si>
    <t>                                           Ijewipchintj Is Irresistible. Vour complexion   *  Assumes a new commanding beauty that inspires admiration wherever you 90. IdeaMor even- Ing use.. .will not rub off or  i  ^  I 1     .RadMl       *  KK for TRIAL SUM ^r.X         y    .</t>
  </si>
  <si>
    <t>                                           ASSORTED BRIEFS                 NO DARK PARKING                 All drivers wore ordered  by the city police department who park cars with no lights. Dark parking is against the city ordinances and Ihe law shall bv. enforced, Chiel Sturdivant sain .</t>
  </si>
  <si>
    <t>                                           MRS. MUNN EfflM fil HUTl AL         ~$   ! I( in it-o.iMr, unhappy "' ii\tr II U ,   T Imp nf fair-. Hi:KiftH clairvoyant  p.\lti\i-,i. ~,M      ?   nrd  j tm tells \\\t pail as you  know it.'      r- n^ It i^ and the ,'u. tur*- on it will he; i*W* full  of wit am jou ~.-ill marry. Itrudtnr -, JO'*, m to 8 v. n:- No -i Sundmy* or i . No (  (i. 1^~U for  Watljlnjfton LakcwaoJ       . Ifl36 j', At*. Atlanta, Ca I/'.</t>
  </si>
  <si>
    <t>                                           At approximately 5 p. m. today the sun will enter cancer, a moist, and said to be the most fruitful of all the Zodical signs. In an astronomical sense. In represents the summer soloist. Due to the in-influence of this sign and its ruler the moon, on finance public...</t>
  </si>
  <si>
    <t>                                           Picked from Higher Priced Racks! Imagine! m^ ^^   ^^^. ALL SILK ^h  Dresses! 7"j ^B^ ^^HV Sizes: M to -to ^^^^^Br Styles for ALL summer occasion. Short sleeves,  sleeves and sleeveless. You MUST see them! 175 Dresses Actual S1.98 and $2.98 Values! Rayon Crepes! ^~^9 ~*9fll Knitted Boucles! ^^^Bb j^^^H Voiles! Linens! (~j^ j^^H Amazing! Just when you need a  ^^^^H many fresh.  frocks conies this ^^^H[ Sale! Select early. ^^^H Sizes M to II JHHLv f"     *^ Have We Ever 9s ^ac^e Your Picture? V^^HHP't'S     " to show our  both ^^t^^^B lo :inc' "ow - To our NEW,. K  wc sh;'H l nt. or make in colors one phoK^* MrSflHl tol;l';~f)'1 your order, free. To our ^^fe^.y^^^Hi OLD. we offer to make for you Photo-B^W^^^^H^Bi Kiaph free of all charges, amounting ~^M^  ^BBH  n value to 'i of nil the orders from; i^^^KHK^^H new  ^ht or sent in by COME IN AM) SEE US KELLY S STUDIO MA.-57.il 239 AUBURN AVE.</t>
  </si>
  <si>
    <t>                                           FNH fil  FAT PflMTCQT tHU ULU VdiLCAr  I CO I                 Succeeding Saturdays Tell Whole Story of Big Contest                 NO MORE VOTES                 When all the vote* were counted last night, the 15 week $750 Clover- leaf Church contest sponsored by The Atlanta Dally World .was.-,;; brought to an official end.                 Nothing remains now except the- final tabulations and the awarding of the prizes. On Saturday, winners of the $15, first and $10 second prizes will bo announced for this, the 15th week.:'. The following Saturday, July 2, the grand prize winners will be an- nounced. Contesting churches at that time will know which won the -V first prize of $200 cash, the sec-.;.' ond $100 cath and the third of $75 cash. Obviously, since the contest has ,     .m6re votes will- be ac- cepted by The Atlanta Daily World, -i Plenty of the little counters came into The Daily World office Wed- .j nesday afternoon beginning at one .v o clock and the week s report Snt- urday should show splendid results. Speculation is rife as to who the final winners are and what church- es will draw the grand prizes to- tailing $375 in cash next week. Already $350 has been paid but in weekly prizes and Sunday $25 more will be paid out to make up the $375 awarded in weekly honors. It is enough to say at present that the contest exceeded The Daily'.; World's fondest expectations and the voles cast by all the churches have gone far up into the millions. Thousands of dollars have';; been' spent with contest page advertisers during the 15 weeks and the re- ft suits have been pleasing to 'merchants and winning churches, a-. like. Meanwhile, don't get impatient as"; to the grand prize winners. You'll know in plenty of time. Furthermore, no information will be given out by The Daily World and first mention of the grand prize winners will be carried in the paper of Sat- urday, July 2. r Watch for it!</t>
  </si>
  <si>
    <t>                                           When all the votes were counted last night, the 15 week $750 Cloverleaf Church contest sponsored by The Atlanta Daily World was brought to an official end.</t>
  </si>
  <si>
    <t>                                           Mrs. V. D.: The average weight for girls of 5 months is about 14 pounds for an average height of 25 inches. Cocoa-butter massages may help to fatten your baby's legs. The oil of the halibut liver is considered to possess greater vitamin strength than that of the...</t>
  </si>
  <si>
    <t>                                           IjrrGJEb.R-.GI A 1 b OPEN 11 ft-M. 15c % ^Famous Ferguson Case I 'With JOAN BLONDELL</t>
  </si>
  <si>
    <t>                                           CHAIN STORE ENTRY IS PRAISED                 Laud Race's Progress as Negro Business League Meets                 DIXIE DOES WELL                 NEW YORK. June 23- (Special) Dr. Robert R. Moton and Albori L. Ilolsey. president and secretary of the National Negro Business League, opened the thirty-third  convention of the  Monday night in the Abyssinian Baptist church, with an                 earnest indorsement of the Negro chain stores recently put Into operation by the Colored Merchants' Association. Dr. Moton, principal of Tuskegee Institute, referred to tho chain store movement as "the largest and most forward-looking avenue of business effort among Negroes. "The Negro," he said, "spends for groceries more than a billion and a halt dollars a year.            spending power is properly organ-' ized it Is bound to make ah impression upon the American business world to the disadvantage of no one but to the very great and substantial advantage of white and black alike." Fourteen Store, In N. Y. Chain Mr. Holsey active head of the Colored Merchants Association, said that the Negro chain store plan, conceived some time ago. Is now being executed practically and efficiently! Fourteen C. M. A. stores in greater New York sell the - C. M. A. products, including baking powder, flour, coffee, pork and beans, and flavoring extracts. There is a special tobacco department which produces cigars of all sizes and prices, and which plans to issue a new form of toothpaste. "The chain store program," explained Mr. Holsey. 'is the laboratory of the National Negro Business League. Through the stores the league testa the statistical observations ft nas made, puts into practice its business theories, and strives to make our race a race of capable business men. "You know, there is a prejudice against Negroes as capable merchants anil practical men of affairs.1 Up Itn Harlem, for instance, a Negro housewife will say to herself. 'Well the white man. has been in business a long time, his stores must be better.' That's the problem we have to face. And It's getting so that in a lot oC our stores the customers come in and ask for 'our own' stuff. That's encouraging, and it s a great piece of psychology to work on. Doing Well In South "You might think we ve had a hard time getting started in the South, but as n matter of fact we re doing very well, h:ive a lot of shops marked for membership In our chain already. And there s Continued on Pace 2, Col. 1                 Chain Store (Continued from page 1) tiie.. regular a (Ml A. ' in. Baltimore now. Besides that, the  New York stores h:ive given employment to sixty-one Negroes, which is quite a " When" we have the grocery chain in smooth working order  turn to drugstore chain next os         ." Dr. Moton. in his opening ,' agreed ^ ,~lr. Hblsey's view of the Negro as a business men. 'The Negro, iike the members of other races, has his troubles," he . "but many of his most serious troubles. ,1 fear,  are not  of the race particularly his business troubles. As a r.ice we still- arc in the chrysalis stage of business. There are reasons for the lack of confluence on the part of our people, ir. Nogro business men. We are riot oversupplied with business pioneers, but then there fs no reason for discouragement, in the light of thousands of {allure.* .among beiter-tr.uned white group*. .'.'The Negro business man must  to give quality arid service ond not expect the housewife to buy goods at his store just because he is black. It ls service that the housewife wants and it is service 1hat the Negro business man must give." Race Hard Hit by Depression Dr. Moton added that the. .Negro has been severely affected by economic conditions, but expressed the belief that hard times have had n  and constructive inf  on the race. "~"This situation through which we are pacing." he remarked. "Ie solidifying and thoughtful, altruistic opinion of thinking Negroes in a way I have not witnessed before: We ore increasing in solidarity and confidante.. Thare is loss suspicion ami jealousy within the race. There is a stronger am!  .desire on .tUe part of the white race to be fair in its deal ence on the race. The audience * welcomed to "the convention by R. Golhard.           oi the Harlem Business Mer.'s Ci.ib.</t>
  </si>
  <si>
    <t>                                           NEW YORK, June 23--()--Dr. Robert R. Moton and Albon L. Holsey, president and secretary of the National Negro Business League, opened the thirty-third annual convention of the organization Monday night in the Abyssinian Baptist church, with an...</t>
  </si>
  <si>
    <t>                                           STANFORD STADIUM, Palo Alto. Calif., July 18.--America's favorite sons tasted the dust of two mighty flyers here today at Ralph Metcalfe, famous Marquette university star, beat a fast field out in the l00 ... race, in 10.6 seconds: then followed thought later...</t>
  </si>
  <si>
    <t>                                           SOUTH CAROLINA 5K5   JVea?s 7 //ome lown  FLORIDA</t>
  </si>
  <si>
    <t>                                           I just got to look out and walk straight now. Lucius Jones is on everybody's trial. I don't do any thing wrong but he might think am thinking wrong, and write it in his column.</t>
  </si>
  <si>
    <t>                                           PERSLEY OF TUSKEGEE PUSSES                 TUSKEGEE. Al:i.. July 17.- Louis Hudison Pcrseey. member of the  of Taylor and Pcrs!~". architects, and  M the :.Miitectural division of Tunkcse institute,  Wednesday :,t Veterans hospital No. 91. Ht- had been ill at the hospital for  omc time and                 tie hope h:id been neid ior in* recovery He v.-a-- a^.-o.- for a number of years with Dr. R. R. Taylor, vice' president of the infinite, in the firm of Taylor and Persley. architects. Together they designed many of the buildings on the grounds including James Hall. Sage hall. Science hall, the library building and Logan hall- This firm also .k-.-igned many buildings throughout the south, tlie most important  the Masoniv Temple at Birmingham. The temple was erected at :i cost of approximately $600,000. Mi-. Persloy was born in Macon. da.. 42 years ago. He began his ri!uc:iii"" at Ballard Normal school in Macon. He;..' he attended for six years and then went to Lincoln university at Chester. Pa. After completing his course at Lincoln he enrolled in the Carnegie Institute of Technology where he spent six years of study, receiving tho degree of bachelor of . Mr. Porsiey  came to Tus'kegee in 1915 as an . He 'stayed for iwo years and left to serve in the army .luring the war. In 1920 hi- returned to the  tute to head the division  and remained in. that  until his . Mr. Parsley's'  wife. Nor:i Lochelt Pcc-sU-y. died in t92G. In 1927 he married Mrs. Phala Harper W'hitfleld. He is survived by Mi-~- Per.fley. a daughter. Gwendolyn his parents. Mr. and Mis. T. K. Persley of Macon, and three brothers. Funeral services were held by the institute in Logan hall, the new - and gymnasium, -li is one of the last buildings Mr. Persloy . for the .-chool. After tho services the remans wi-re I Continued "n Pafe 2, Col. 5                 Persley Passes Contir:':c-1 fi"om TaKO Cine -'d Mncun wh.-re he spit'.l his '.,ol. p.'.'c-.'MipanlO'l by Ki'v., M. L !Jl'::1)ic-1 cf thu ii-.- fat:- j i;ltv and ii fellow :i!unin:   r f Linri.ln. :incl Richard Ccllins. li:s :  - :: in the  :;- ion. i Mr. P.- \vu :i metr.b.'r of Die Alplia PtU Alpha , a Sliriner and u Mason.</t>
  </si>
  <si>
    <t>                                           TUSKEGEE, Ala., July 17--Louis Hudison Perseey, member of the firm of Taylor and ... architects, and head of the architectural division of Tuskege Institute, died Wednesday Veterans hospital No. 91. He had been ill at the hospital for some time and...</t>
  </si>
  <si>
    <t>                                           DROPPING IN on Mr. and Mrs. Lawrence W. Showers, well known young married couple of the Gate City, at their cozy, semi-luxurious apartment, amid all its elaborate velour furnishings and smart contents, the collimnisk stands a poor chance of ever forgetting the royal treat proffered him by the 475 Felton Drive residents. He was made very much at-home.</t>
  </si>
  <si>
    <t>                                           Along about 11 o'clock, George Curley, who was to referee, climbed up in the ring. A few words about that ring. Its posts were square and wrapped in sacking. Its ropes were bare and there was no pad under the canvas stretched light over the board floor. The...</t>
  </si>
  <si>
    <t>                                           THE WINCHELL IMP has been kept so busily pursuing the 27 Club since last Sunday's sensational Walter Winchelling that little or no opportunity for echo has been afforded. However, these was an no opportunity for echo has been afforded. However. there was an aftermath--and you shall hear all about. Here goes, folk.</t>
  </si>
  <si>
    <t>                                           Jai!    Freed^ben Jailed; Fined $17                 Arrested on a drunk charge, and after being freed on a collateral bond, re-arrested 20 minutes later for operation of an  under the influence of liquor and reckless driving, Robert Turner Monday was fined $15 and bound over to the city crim nal court under $200 bonds by Judge A. W. Calloway in Recorder's court. John Turner, brother to Robert, was arrested at first with Robert on charges of reckless driving and drunkenness when in turning the corner at Hilliard and Houston, he struck a parked motorcycle -'ng to Officer Tuggle. He was  after a chase of more than ten blocks, police said. He was fined a total of $!~1 for speeding and reckless : and bound over to city criminal court under $800 bonds for operating a i vehicle under the influence of liquor. i George Brown an occupant of the car was fined $17. Aged Woman Fights With Bold Burglar Mrs. A. Brookman, 542 Formwait street, aged Atlantan, wns severely beaten, her dress torn and a five  bill . when a bandit cut a  screen ami entered her home shortly before noon Monday. The man is said to be very tall and was armed with a butcher knife nt the time. Hearing the woman scream, Mrs. A. H. Se.ir.i. 242 Richardson street, ran to the door and rung the bell as the burglar dashed out the back door. Officers Pope and Tyson  investigation. Occupants of Dive Given Fines of $7 Seven arrested Saturday night at a Hunt street address, after entering pleas of guilty to being occupants of a dive, were given fines of 57 hy Judge A. W. Calloway in Recorder's court Monday. A man  Bonncr, who if  to have been the operator of the place, was bound over under 5100 bond to city cr:minal court on charges of violating the state prohibition act.                 Girl Tosses Poison Upon Rival's Face What caused It all has nevo.r been explained, but Miss Elmire Harris, 114 Baker street, N. E.. was the target for the contents of a bottle of lysol that another young woman, whose only known imme to Miss Harris was 'Arma Lee." had in her possession about ten o clock Monday night. Miss Harris was given treatment for acid burns about the face and neck at the Grady hospital. IV is not expected that she will suffer many ill effects as none of the fluid entered her eyes. Another girl friend was able to escape the wrath of the young tigress when   to run from the room at the expense of a dress that     torn in several places. Her dress was also spotted with a lew drops of the strong solution.</t>
  </si>
  <si>
    <t>                                           AIDED FRIEND                 W. H. WILSON Durham, N C. Lanker, who rushed hit stricken friend. Attorney K. McCants Andrew, to the Linculn hospital where he died a few        later of a severe attack of gastritis. Attorney Andrews     educated at Howard Univerity and took hit legal work at Harvard Law School. He wai         director ofthe National Bar Association, and was famous throughout the North and South Carolina for his keen legal mind. He was buried at hos home, Suniter. S. C.</t>
  </si>
  <si>
    <t>                                           VTTTTTTTTTTTTTVTTTTTTTTTTTTTTTTTTVTTTTTTTTTTTYTv; June 25 is the Date I OF THE ONCE-A-YEAR BARGAIN FARE j FROM ALL SOUTHEASTERN POINTS TO 2 I All Points in Texas I On June 25 the Southern Railway will sell from all sta- 3 tions in the Southeast ROUND TRIP TICKETS to ANY POINT IN TEXAS at ONE FARE plus 25%. Return  July 17, 1932. I Stop-overs . I Half fare for children between five and twelve. Under five years of age, free. j 150 pounds of baggage checked free. Example of Fares (Round Trip) Atlanta-Dallas $30.43 Macon-Houston $38.43 j I Brunswick-Ft. Worth $37.47 Gainesville-San Antonio $40.05 Inquire of Ticket Agents for fares between other points. SOUTHERN RAILWAY SYSTEM \l E. E. Barry. Asst. Gen. Pass. Agt., Atlanta, Ga.</t>
  </si>
  <si>
    <t>                                           Rev. J. Clow Gives Talk to Recent Meet                 By Taschcreau Arnold                 The Rev. J. J. Clow, the highly esteemed pastor of the Liberty Baptist church, spoke at the Sunday School and B. Y. P. U. convention which met at Rev. R. H. Milner'". church. Rev Clow's message was a treat The sw.' held his hearers spellbound as he spoke out of the Word of G'jrj. This was Rev. Clow's first time to appear before this noble body Icil by the militant pastor of the Ebenezor Baptist church and one of our very prominent laymen. Deacon Harris ot Wheat Street Baptist church. The Rev. B. J. Johnson. Jr. pastor of Mt. Calvary Baptist church. 1ms the following to say about Rev. Clow's message; "The Rev. Clow is a great preacher. I have never witnessed a better gospel message in the history of our convention. His sermon has been the subject of much talk." The above bespeaks very forcibly of the wonderful success and how well the speaker pleased the convention. Hear the militant pastor sometime.</t>
  </si>
  <si>
    <t>                                           ^H n jlr 1^^2^HS^Hi^^B^^ Style* ^B  i 91.93 WHITEHALL ST., S. W. ,^or I M,  .FIRST FLOOR,,, SHOE DEPT.,</t>
  </si>
  <si>
    <t>                                           I Whitehall j Chevrolet Co.~ 331 Whitehall St., S. W. j During your 4th of July Vacation enjoy yourself in i a good reconditioned cai. Over 50 Bargains for Your Selection 1931 Cliryblcr Straight S Sport Coupe;       rubber.. A fast, hi;)i- rd car. A real buy. 1929 Buick .Master C Coupe; 1 new lire? 5253 1931 Chevrolet Coach, darU blue appearance of new 1  r 377 191!) Chcv.  133 1929 Ford Tudor 135 j 1929 Ford Sedan 1H3 1930 Chevrolet Sedan 3t3 1927 Hudson .Sedan 105 V.U0 Ford Coupe 2J0 1931 Ford Coupe 295 j 1930 Chevrolet Coupe 2S5 102^ Chevrolet Coach 135 J92R  Sedan     192S Xash Sedan l;n j 1027 NaMi Coach IBS I 102G Ruick Sciian ll](i t    f hrv.sl.T Condi r,,l j 1927 Chrysler Coupe C3 1927 Chevrolet Cn.ich 9(1 I i iri"7 Chevrolet Seilan Jj'i :.''2S l-Tnil Cl.cv. Stake Truck 1 ira Kurd rick-Up nn 1120 Fortl p. Truck  'i IS2C Chevrclct Truck J3 Cr.sh (cr   .c.[3 Csr^ Whitehall Chevrolet Co. 1 1 331 Whitehall St., S. W. Term.i WAImit m: Trnm I i  "i USED CARS I Fine L.ite M- C^ ana O'.her Make C.irs FULLY GUARANTEED ij AT NEW LOW FR1CES f 375 Pe. St.. a: Forrest Atl.itit. Fine;: Dispaly ot BETTER USED CARS i:i:r: (     :rr lie l.nxt- .s tvu.-~-. d ~(n- j I0M Utri-'-r I'c ].ti\r X  r."^i. t; wltr I I XH  l:ry!,r H Sr-I.ift 1 ,ilf crl." V-!   - ra..r. 1~:U Ihrj.lct c,..~,.,-. ()-,ly .iu:-.      'i1~. .i ilir l.r.il.r*  l-', i !'3   (fir\~J.T r. C. IXtrji K"~..~   .in   ::0 hr,,l,r ;i.  U  hr--l^. Si.",~.,i ft71(130 I tir;Mrr :u t,,,i-.,-. }   -.,- i ll'.nnl \alii.-  IH-10  *lrr 77 Sr,~ u-  l i- i i-i- I I        v I HID !        11 (,.,i['r. KMr^'j; I I t!i:il S,, i;\i-.-;,          l!K!n     \- l.n.lt. ~[.^,-l:il r.KU I..nt ~~~^,'i 102R Tor.! 'V,.v,- i:;.', I?T!~ Ititfirnotif sr.. IUi,.ii,iiU Ofd 1020 Ilnlrk n s(  ,-,  n ,\~rr  li"W t-:.s J92H IHIIck n   .r,rh    ; .,;BJjrJ K-, ll):s  n   .~,nj,t,r.  wnt IP11 Sludrhnlirr C l!oad1lcr!'K[~r.rl model 41.1 1920  R . Mi * I I , m?T Ilulrk St,l:in li'2n NiMh Coarti m:r, Oakland Cmch iii i OTHERS AT LOW PRICES. TERMS TRADES Harry Sommers INC. j USED CAR D2PT. j 315         St.. nl font* Avf. \f\.    t Oyrn It 9.10 P. M, {</t>
  </si>
  <si>
    <t>                                           The Atlanta Educational and Charity Festival Association is featuring a boxing contest at the annual outing of the colored people of Atlanta and adjacent cities, which will be held in Sunset Park. Monday. At 8:30 p. m. Billy Hooper, a veteran of 250 flights and now...</t>
  </si>
  <si>
    <t>                                           _Jp% SATURDAY!  g# Reg. $3.95 / Linen \MHm Styles *4* M If 1 ^  ^ I I    100% Pare Linen j It .Oyster W^tVe 5   /e I 1! ^ing/e or i i r, H Double-breasted I I ll SPECIAL FOR THE FOURTH! 7 B I) Come in early Saturday get ^"Wv^r into YOUR' fresh, crisp, cool B 1 LINEN SUIT-. for  1 ING. SPORTS BUSINESS, m '\i\ "STREET!     HIGH S BASEMENT</t>
  </si>
  <si>
    <t>                                           STABS MAN S EYEBALL IN FIGHT                 Cuts 'Common-Law Wife in Pit of Jealousy                 ESCAPES POLICE                 Two persons were seriously stabbed early Saturday  when man known to  onlv as "Georire" in a fit oC jealousy stabbed bis common-law w;fe, Annie t) Pearl Chandler and Aaron Ellis, after the latter sought to reason with him. According to Mrs. Willie KJlis, wife of the stabbed man, the man ran through her house to the rear porch where both of the stubbed persons, were sitting and utter knocking down h;   wife with a brick, jumped on her stabbing- her in the right  and twice in the back. When Ellis sought to stop the butchering of the woman, the jealousy-crazed man turned on him, stubbing- him vi the buck and so badly mutilating his right eye that doctors in the emergency clinic where both of the persons were . fear that he will never be able to use it again. The ; persons were rushed to the hospital in a Hanlcy ambulance. Officers Pitlman and Corlev Saturday night were  a search for the assailant. Tiie Chandler woman who works in Decaturo lives at 2011 London Lane while lillis gave his res:dence 'as 20(! London Lane. Both were permitted to return htm e.' ..in the emergency clinic. Forum's Political Series Are Ended This Afternoon At the last meeting of (he Forum council, before Its sum rner '  nml closing out the *~er]es dealing with -s. the council is presenting as speakers: B. J.            Field Secretary Jesse Thomas. Mr. n.' will speak on tho subs : "The Negro in the Recent National Republican Convention," Mr. Thomas will speak on the subject: "The Negro Should Vote for Men ami Measures Instead of Parties, or on Account of Tradition." Mr. D.ivis will attempt to show the logic in Negrnos  with the Republican parly, ami how ho  maneuver nnd  ns to gel the most out of his franchise anil suffrage In support of the principles enunciated by Lincoln and Roosevelt. Somowhnt in' contrast to the position of Mr. Davis. Field Secretary Thomas will support the position that 'the Negroes of the present time do .not owe nnd  not pledge unqualified  to any political party and that the relation of men to measures should be a primary stimulant which moves Negroes to political action rather than reverence for party, or adherence Ip tradition.. The meeting will be hold in the main auditorium of the First Congregational church this afternoon at 4 o clock. if i supplied from the summer school Music for the occasion will be talent.</t>
  </si>
  <si>
    <t>                                           ATTENTION, PYTHIANS! f Grand Lodge, K. of P. Cordele, Ca.- July 11-16/32 Buy your       -(~ over the A. B. A C. Railroad, the official  fr.-m Atlanta fnr Gr,  ) Lodfje Officer., Subordinate I Uniform Rank (Third Georgia Regiment). Court of Calatithc. AM. OTHERS  SPECIAL TRAIN SERVICE Leave Atlanta Monday. July I lth. 7:25 A. M. \ ( Monday. July 11th, 2:50 I'. M. Modern Coaches- Klcctric Fans Mantis Refreshments $5 -75-ROUND TRIP-$5-75 We have used the A K. before and know their -. is satisfactory. 1?e  m time at the Terminal Station, 7:2"~ A. M. July 1 Hh.  C.il. 11. L. Fcrrell, G. K. R. S. Gen. Jr.hu H. Fletcher,     . Inipcclor Gen. I Mnjor J. H. Hif-. I Mr..   :      A. Wn., D. G. W. C.  nd W. M. '*J Mm. Toby Grunt, D. G. W. C Stone           Ditt. Col. W. G. Flemitter, Col. Coramnnding, 3rd   . Rent. I         : R. L. Hendenon, Cupt. nnd Adjutant. I Official Route MASONS SPECIAL" ATLANTA-MACON CENTRAL OF GEORGIA SUNDAY ^nf A^f''V JULY 10th A B a?m5 Round Trip OFFICIAL TICKETS ARE IN HANDS OF THE MASONIC COMMITTEE. A STUB    attached to tint OFFICIAL TICKET which will admit yu to the  in MACON mnd ENTERTAINMENT. The fee for       only Iwenty-firo ALL MASONS AND THEIR FRIENDS ARE TO GO  THE OFFICIAL ROUTE. BUY THE OFFICIAL TICKET! I J. E. HARRIS, Grandmaster W. M. PARKS, Chairman</t>
  </si>
  <si>
    <t>                                           -Read Every; World</t>
  </si>
  <si>
    <t>                                           MARKET! j j SO  ST.. S. OLEO Ih. SV2cj i ROAST Ibjiyl I Klil'MI I Spareribs b1.^, MEAT 11). a1,:*! Isl/CAH-CI'lli:!) Sl.il l    i BACON _Jb^l2l/2t  Steak 'V^c {LARD 1b. 6t-;  1b. 81 2   1 1 r;i:sH" rai  I (EGGS, ^doz^l^ i Tin: Gveat Savings HGG W. FAIR ST. J,,. 7121 Fail Bicvcl.: Dcl^v Bent Boiline BACON 5c j sliced I Suifftr Cured HAM__^ 1 4^c Frotl, Red Fin CROAKERS ib. 5c fonder W" i VmI or Bat STEAK ~"-9ic Weitern Vi?nl or Beef I STEW  b- 5c TinToUcd Style Pure 1'orU SAUSAGE ih 9 xc Colorr*! Delivery  to 6*    Vou. j J</t>
  </si>
  <si>
    <t>                                           Atlanta Society                 By JUAN1TA PASCHAL TOOMER                 Mr. and Mrs. W. A. Scott Return to City                 Mr. mid Mrs. W. A.   "U hivI  . Kmii'l SlmII, h;ivc ri1 kj ilio i v from ;in I'xtcnslvi- him ili  motor trip ili;il itu (.i ^dinis in Tenni'sstM1, A!;ib;ni:;i. Mis.-.i.-,si  Kc-. Indinnx\i\. Missuuii Illinois mid                 Kvrrywher- they wen: hailed with  iv;^. which they justly  as representatives of tb" AUanlii W'..  Nci;   Oiiily paper In tlu1 world. [n N;i?1" the Soils were the.  nf Dr. nnd Mrs. Grntimim. !IM       . They were Kuesls of Miss lone CiiirreU in l.-. Ailnnifms will remember Miss Garrctt :. ; laily. who opened tin- Atlanta Ura'nrh of ihe I'"'" Hair Dr.s:in:; Company. In Idirin.- ilie Sc-i U.s v.crc  of the Imiinniipolis HcM:or(icr. They were  of Mr. and Mrs. Claytnn B. Abncr n Chicnro. The Abncls  thi; ScoUs :it rn rt;   ,-it tl'.cir -. SOriB Miclni:;m       Cl'.. Mr. and Mrs. Scolt :)m) bro:    mot Tcd    SI I.'.  will]  Miss Jiu- Cl:iKi;cit. Tih.'.-c of Mrs. Send. In Si I. dims, ih.y wi;re KiipstB n: Mrs. Klii'.;ibet!i ClMiKC'.t. mr. of Miss ,      : CI:: nn.l si:;u;r ul Mis Scoli. Tin; two days spc-nL ;:i S: L'niis wore J" to c;:ly \v:lh 1'inch.Ci'nS. IfISS      oilier  ::ial ..ffa::s jii Ihoi!" . Till- l);'l) fro.ii Si '..f.ir; tni lll'-m in Mdiiml li.-. :l:;il un.~p:i- M.]ii ~.,wi: opi i'.- ami I'oiilrolicrl hv r.'v^rn'.v- ']'Ih.'v v.vvi: '-nt";-.  il-.flc ll.v the' JlitlKi: nf !lic . Mr (i:orn. 'J'hc m-xi t- vi:;:K'il was iv.. Mi: ,-, b!i  Mr. W. A. Scoll. and ill- seme of Ms '.s p.i'.ti.r;m- a'. Ihe Clin.-.  for :i number (?f yen.In .lai-, Mississippi, - were une.sls Mr an.l Mrs. K. V.'. Ranks. Whi'e Uktc l!ry were lion. .red by Mr .md Mrs. ^~irr.":i at bi i.-.ik a: Now Oi'e.-ins as A d. IlKlUful .'-tay was had in Ktw Orleans as ihe r.nesi .f Mr. Uelphine Taylor. :   f I'ne l.;r \'.'.'.'. They w'.re 1.ed Ih-re hy I'mf. and Mrs. I'l.; an.l Mr and Mrs. 1. A. Webb. ^A. l erkin. is .a! :if Ihe N. w ^Tlrans iii^ii  'J'!i'- \V'el.~    .nr Ihe only N'^rne.s in Lonlana .e.; ,i yal.h and Iheir  ;bini..ii lo Ih- Se-lls' ^eiii was a .Ichch'Tiil y;ilc:lni]ji p. a:nl later a ;; parly. Til-  inp in Atlanta was made hurriedly wnh few s op':.  U'hges1. of w nieh was in Cirinnn'., wli-rc the Wori.l office lhe:c wiis visited Thus ended (he deli-^ irin llv.il  over a pi-in-d of     -cks  Iwo .i.i\s</t>
  </si>
  <si>
    <t>                                           ATAUGOOIWrrJ^DnuG STORES ,.)A A recognized Remedy for Rhcumltic [{r\ jnd Neufitii  j        Blood Pur.kr. MAn ihin Blood Rich  nd Hollhy. Buildi Slrcujtl, .r,d Visor. j-) Alwiyi Effecli.c Why Suffe.?   . V^V. S-~ll ..ir. fcj.   .n uit. StSO ^y In Your CUr to Do Good for the Publlo H MADAM WHARTON Palm Ut and Clairvoyant 4. in , love, martins e. divorce II ow to win in love, , health and all affairs of life. MADAM WHARTON has no . few ar* 10 rifted. One  to a genuine occult k ten tin wlU repay you for man? . Reading for White and Colored SPECIAL READINGS-^50c U13 How.ll Kill Rond. Atla.ta. Ga, HarML. HoweU Mill Car- Secoad House f  Seaboard Stop Your Loved Ones Bury them out in beautiful SOUTHVIEW CEMETERY Established and operated, by colored people for the burial of those dear to them. Lots For Sale Phone Wa. 0922 BEN H. TOWNSLEY, Pro./ LEWIS G. WATTS, Sec.</t>
  </si>
  <si>
    <t>                                           Held their weekly meeting at the home of Miss Willie Robinson, 366 Henry Street, S. W. Business was transacted in the usual way. The weiner roast will be given at Adamsville, Friday night. The picnic will be at Douglasville. We were glad to have Mr. John...</t>
  </si>
  <si>
    <t>                                           Masons Hope To Elect Davis Grand Master                 !;i';.\!:v--;';.\\; u- 'i,- v.;-., v.-i,1! :~;c i- I ,v. 1) D:,v t;'. ,i, i :h.: I'.'r: I i  i I.I. is V"f-.-\ :ii\1,'.  ;i I Si--:-.-i' l.:-,;. :.-i-r;: 1 '-..-I-.".:-," ..VI" v i'. i 1 1 1 1 1 1 1 I:- i' I iri 1 i i i ii. i m i .i i r y i i '.'i :i.--:' I.</t>
  </si>
  <si>
    <t>                                           Jack: Why Made*, you re beautiful tonight. Whatever djd you do to clear up all  pimple* and  on your face? If adf*:. Big Herat darling! I found out my  came from "Epidormlt Stafnoili." I nted Palmer's "Skin Success"          aqd</t>
  </si>
  <si>
    <t>                                           The newly reorganized branch of the N. A. A. C. P. seems to be growing with an unbridled impetus. Members are coming in daily almost with solicitation. The bimonthly meeting held in the auditorium of the Masonic Temple was a most enthusiastic and...</t>
  </si>
  <si>
    <t>                                           Mrs. B. W. It is difficult to tell merely from what you have stared, why your baby has suddenly developed a dislike for desserts. In fact it is difficult to explain a child's likes and dislikes. Perhaps you have been giving too many desserts, or you may have made them...</t>
  </si>
  <si>
    <t>                                           THIS ADORABLE LITTLE LAD i.s J. C Johrl.-on. Jr.. .son of Mr. and Mrs. J. C. Johnson, 632 Martin street. Atlanta.                 -Photo bv Kcllv. Atlima.</t>
  </si>
  <si>
    <t>                                           To Womcn^-^\ -zZ^SZzZZ^ "Husband ElopejWith ^'-^' Dancer Wife is Heart Broken." Headlines like this scream at you from the newspapers. Homes arc destroyed and hearts arc broken yet, perhaps it could all have been avoided. When women always complain of feeling tired and "worn out," husband* lose interest and seek thrills elsewhere. Tragedy follows. Many women, however, depend on St.Joscph's G.F.P. to keep them feeling fit- to provide abundant energy and strength so that they ran be attractive to family and friends as well. Today start taking this fine 50--old tonic that ":s womankind. Your druggist sells the big bottle of St.Joscph's G.F.P. for one dollar. Money bade guarantee. Try a bottle today, and take a  lease on life. ^ I ill I I ^^V MAKE  MORE ATTRACTIVE ON HOT SUMMER DAYS AND NIGHTS Here is a face powder that keeps is made by an exclusive new   FRESH and cess that causes it tc blend  no matter how ;md cj; ,0       hot the gather gets. Irt Genu- f me Black and White Complex- ion Powder, the softest, finest, ^- h*  ~"'"" most delightfully perfumed fare "li-. Griuinc' Black and pov.'der you ve ever . Black Vvlilfj Cor.if lc:.ic:i Powder has ami White Complexion-Powder. no MjtiaU Try it  WHY PAY MbRE-"-- WHEN YOU CAN T BUY BETTEfflf      "h .ind p.iy l:  ;li pricci r-.:t:i    ! I- a;l:iiiR your  lor Lice pota- th.it won t do half j..1:B .lo:c ,.j :ny t6i\tt  rm-rh for. tK-.imy at Gi- FSI.ick j J^T.. .-ml White Complexion Powder at ~-n::n:cr [or.Gcnwn- IlbcUcnd Whlta '.'.'ji:'f He , he -.ie.il nnd Cor. Powder in the Wtck de-:~nd  quality at r.:'mi- .-nd  ::it:.-.rc-:!iaps box at 2            v n T j : J COMPLEXION POWDER</t>
  </si>
  <si>
    <t>                                           WILSON SAYS! ELK MEET TOM                 WASHINGTON. June 18- (ANP Grand Exalted Ruler J. Finlcy Wilson of the I. B. P. Elks of the World stated on Wednesday that he would not postpone the scheduled Elks Grand Lodge ses-j sion .to be  Los Angeles. California, in August, since it had I                 been decided by law to hold it there, and because the California F.Iks wanted the convention there this year, in spite f sundry, agitation against holding the convention for economic reasons. Tho grand exalted ruler declared that lie would not ant to postpone the  unless so directed by the various . in his own words: "Unless there is a general         for postponement, or calling It off until 1933." The statement was made after the local correspondent had questioned Mr. Wilson about the convention,, as a result of considerable criticism of the Order, by outsiders, and people in other organizations. Mr. Wilson's statement follows: "We are racing the worst panic the country lias ever known, and we are trying to avoid the trouble winch we are encountering. In law; when tne scheduled convention of the order was booked and advertised i or Brooklyn, New York, the grand exalted ruler, and the majority of his  decided to call ofj! the convention from Brooklyn, the place of meeting which had been selected at the convention in Washington, in 1905. The minority group led by George E. Bates, who afterwards became grand secretary, journeyed to Brooklyn, in keeping with the law and constitution, and minutes of the Washington session. They convened, held their convention, and elected Dr. Wm. E. Atkins, grand exalted ruler, and a full corps of officers, and then for five long years our Order was split in twain, and two factions battled for supremacy, and thousands of dollars were spent. "California wants the  on Page 2. Col. 2.                 Wilson Says Continued from Page 1 lion Tliey have battled lor many years anil this is their dream  they have longed ior. and unless by some act oi Providence, or a general demand intervenes, w e have no other  other than to keep raith and obey the law. "People from all parts of the country are flooding my office with letters, and more than 75 per cent are  :or the convention, while nearly 25 per cent art suggesting postponement, or callIng off the convention until 1933. The people in California, and the Southwest, have gone to great ex-; pense. and have made extensive preparations, and without the consent of, and agreement, with a legal compromise, from the leaders in California, I have no alternative." Undoubtedly referring to Bishop William H. Heard. who spoke  about the coining convention in a sermon in Philadelphia, and others from the eastern coast, the grand                  ruler declared: "Men who arc not members ot our Order, and who have no interest, other than a meddlesome disposition, are having more to say than the head of the Order, or members of his Cabinet. And on lhe other hand we have enemies of the Order who arc members, and are seeking some opportunity to fin.l fault, thereby they may calamity howl", spread propaganda that we ve called oil the convention tearing defeat at the hands the brethren." "The organization is in splendid shape, and while the returns from the several lodges are smaller, we1 are receiving a greater number of financial , and with an increase in revenue."                 Expressing a  lo co-operate with his men. Mr; Wilson further stated: "We shall be governed by the action of the lodges anil the state conventions, in the next fif- teen days, as all semi-annual elections will be held during that per- 1 iod. and an expression will be given by the lodges and the state conventions. We are happy to note that every state convention from New York to Louisiana has enjoyed a bigger anil better convention than in 1931. So we have no fault to find, and our slogan is: "On to California.' with full steam ahead,  of the little pack of calamity howlers, whose sole stock in trade is meddling and trying to conduct other people s affairs; and especially of I. B. P. Order of Elks of the World, which is the most progressive Order America has ever seen."                 Mr. Wilson  little or no concern about the opposition  to come from John R Marauess. exalted ruler of the Onaker Citv  of phi). who was  endorser! bv I thn Monarch  of New York City, as a candidate for fr.ind exalted ruler against Mr. Wilson. "In fact." said Mr. Wilson, the very lodge which was supposed to be supporting Marouess. endorsed me at the New York State convention, at New Rochelle, before I even arrived there."</t>
  </si>
  <si>
    <t>                                           WASHINGTON, June 18--(ANP)--Grand Exalted Ruler J. Finley Wilson of the I. B. P. O., Elks of the World stated on Wednesday that he would not postpone the scheduled Elks Grand Lodge session to be held in Los Angeles, California, in August, since it had...</t>
  </si>
  <si>
    <t>                                           SHE LL TEACH THIS YEAR                 MISS BELLE CHANNING TOBIAS -Daughter of Channlng H. Tobias, senior  nf the Y.M.C.A.. becomes teacher ut Bennett College for Women, Greensboro, N. C. MisH Tobias lias made an  record as u student. Her record In uu follows: A.B.. Barnui'd , 1031:-!'~~i HtjKi Kappa, winner of Herman prize In Biology. Awarded Wellesley Scholarship for Graduate Study In Biology. A.M., Wellesley CoL-ge. 1932. after straight "A" record in all subject*. Aw. scholarship fur * study m Mariiu- laboratory, Woods Hole, Mass.</t>
  </si>
  <si>
    <t>                                           V "Hit Daily I FREE 1932  Dope lo make a Hil  1 Clronns House, Sloct'. Hondj.       , mO l I tor S. American. Policy, Race* Si Number!?? I  22S W. 12BS1. Ney.Yoifcy. t%'..-y{~</t>
  </si>
  <si>
    <t>                                           Still interested in keeping your collim live and graphic, we came all the way to this tranquil mountain site to larrup for you your fifth scoop in four days--the Howard Thurman-Sue Bailey nuptials here! We feel sure that Mrs. Juanita Paschal Toomer will have a detailed picture of this same event at some time during the week, but what about scooping it first of all? Here's our version of the colorful event</t>
  </si>
  <si>
    <t>                                           TIM ^LUCK^^ The Stillness Before a Storm ~~~.-L$~:Jbitnp:^</t>
  </si>
  <si>
    <t>                                           Messrs. Charlie Durham, W. T. Echols. Hap Richardson, and Hubert Lott motored to Buford, Ga. Sunday.</t>
  </si>
  <si>
    <t>                                           Hartwell, Ga.                 The !i"K feature of the i wci it  ill.- baseball i::i:r.c be-'1  til'' H.-ii-f.vei: Timers ami Ihe  Toccoa Ausrecati'Ti. Hart- i well Tii"-'!'.-: defeated ill" Toccoa ti ain with a .-- of V- 2. D: for Toccou wfi-e Oibbs. ami Gvlmi: Iliirweirs  Suillini; and Til!er. The Ha:;woi: Timers have won U names on a straight. Miss Sallie Tli'.n-.as. of   Av.-.. K. E. Atlan'a. Ga. is : j- s in Ilnrlwell. r Dr. .1 B. Gibei-l and Mr. Dallas CuUlwHl of Bysiuii visi'.i il Ilarlwcil this wi.'L'k end. Professor Genre.? E Archibald, former principal of tin- Ilarl county Training S'.-, lias moved to Monioi'. Ga." to In; a  u-. at the Monroe Hluh .</t>
  </si>
  <si>
    <t>                                           Through the courtesy of Albon L. Holsey, president of the National Colored Merchants Association Stores, Inc., I have just received a box of their private blend C. M. A. Coronas and if in my humble way I can bring these C. M. A. products to the attention of...</t>
  </si>
  <si>
    <t>                                           New Trial Is Ordered for; Orphan Jones                 ANNAPOLIS. M'l -Iu!\- '~~~S\~i-'. -~(~.::li:ri- In I.-'. N.--.;n.i-~; ktvt, on ji::;~-. reu!i'-i ;-.-r- 1 :n c:- !,' a :k-v.' rial f"r K:K\ T.n:-j ~"~O:-!)li:i!i .Tone;:"1, nsn-.l r.-r.-:r.h;  'l I ...~I'. 'h...l r.r-r, ~~'MH-ni-    .!:e ::i Ih-- i-li .i!- ".Ta: 1-r.i:: ^IIS ::X J lTU!::!cr ';i:-r^ of List Oi.'-:- f'^r ;i rvv.- 'vi...i v::is;  i)v ihf M;:ni i  of npi-~cn:s: .~.:  -':i::-.s tin' C":   .   :l:~-.:ri ^u-ir.-'ii.{~i- ::i;it race j-!:i-'il(! n.~-  :i j  or  fi"(MT\ j'-'.vy . Ii tin- pr-. hi::';'. il: oil'-C-:-]    :t: --'.riK.-?, kc-j\: Ni:;; thi; jur:c.-;. I I.cf was   or.vic'.cl "f killing1 Green K D.-iv:'. !iv v,-is ;i!;-i i-!'.a:-i;cd '.vi'.:-. :li.- n-.u'.-ior ':r G-.e.:r.'-, v.-if(- n     ti.'uu:!'!.':- -''~'.~r n v.-.-^ci .:i?pn;e !iii; v.-.-i.; i-."t -iic-1 on -iS COL1I1':: FIVE DENTISTS J ASS D1 OF   WASHINGTON. 'CNS' Five :! : i1!-' p.''.-! i il recc-r.t cx.".iy.:::is "i 'hi: I"5r,;ii--1 Dental Kxnrrinrrf "f t!'C District of Columbia, r.ve-.rf, I, G -..     .-;. Howard L'r.i'.'i rsi y Dental Class 1932. ])as!i'-l t hi: hij::v cst : '.i'.^ *:ro:  ) -if 14 granted t!'.t.'ir lir'-!:-:  . The other .'i:! ': :; wore .Tamos ,T. D'- iiM'. Siiiwon J Colo, T. V. Cobb. and Otis J- Williams.</t>
  </si>
  <si>
    <t>                                           SUNSET CASINO will occupy the attentions of no few of Atlanta'a pleasure mad realmites tonight when, from nine till the wee hours of the morning, the Monte Social Club kicks off with its widely-talked-of heart-palpitator. Charlie Grimes, president of the club, has been working ingenuously on this affair with his helpmates for the past two weeks. Tonight will be a reality --regardless of weather, a swell mirth carnival with good music and an inviting floor. The Fourth of July gives you Epicurus and the Mantes, gentle fans!</t>
  </si>
  <si>
    <t>                                           I BEBHa EDITORIAL EED3H3</t>
  </si>
  <si>
    <t>                                           MOST IMPORTANT ITEM IN HIE FAMILY MKD1CI.SE CHEST Exill LrVER.^MEDICINE j</t>
  </si>
  <si>
    <t>                                           iii-^HI ATl^PSE^^^^^K^ church i 1 *\ only negro daily newspaper in the world ~~~~'/}^~- ;:Wmj VOLUME 5, NUMBER 121 ATLANTA, GA., SATURDAY, JUNE 18, 1932 1 PRICE. FIVE CENTsJ</t>
  </si>
  <si>
    <t>                                           At a meeting held last Wednesday night at eight o'clock in the office of the Lient George W. Jae, 392 Beale Avenue, local Negro Republicans were told of an effort on the part of their leaders to place the direction of August Primary polling places for the colored wards and...</t>
  </si>
  <si>
    <t>                                           Nor r is, 'Liberal' Endorses Miss. Lily While j                 WASHINGTON. "--     Confimvition "f ?l I' MorvRorni.'ry as L'r.! Pr.-'c-.- Marshnl for the K.ir;ln-rn (i:~l::c! of Miss-. if!;ippi was a:lvo!M'.-(! !nst week1 by Soria'i.r Gcorci; Nc:-ris of-Xcbr.iska, de.'.-nW- ii.^..1   a number oi                   Montgomery ii;ui rn.ide a number Continued on Pago 2, Col. 0                 Morris Continued 'from Page One of st. derogatory to Negro. wc:r.,-m!-.nod and the Negro nice. ;:. who .has heretofore, ! neutral In (lie fiK m, said l-.e h;ui changed his mind : the endorsement of Montgomery by George Sheldon, while. I a .' Ncbraskan now ; in Missr-'sippi. I The Montgomery nomination. ni.i.ie 'ii the endorsement of I.anion: Roiybncls. 'lily-white     :on.ij:~~  of tlie State  m-i decisively beaten by the IV:-:y Iloworri Rroup at the recent Id ;~iib!i,r..n convention, lias been u;: in ihe Ser.;i(   .some time tv ;n:-r   f Ihe objection nf Scil:i:r S!:ni tri-l.^e of California, who i.-. :.l! i-pp:~:.c to the confirmation. I r iv:t     "s.:lion 10 'lie . c. from Mrs. Mary C. p.riK-r. ,1 (i* Perry "\V. Howard.      :n::-ci  and com 1:1:,:; Missisnipjii. MiintKimory  with  that   nn ,\r::rn wmr.an was ." U^ Ii. never   lo this t-flf fili d before the Judiciary Ci-miv.i'.tci". I" addition  was] reci. by the National,1 .V ~{~: lir^n for :iir Advancement I if Col"rcd     )ie a n d other j ;;~";;!S ni-.--pi!c the Norris endorsement.! ih.'n: is Hille -oj thai ^IolU- I :rt'::!e:'y will be confirmed b\p the I Sri'.'Ue -.^hen he is cor\;"id(:rci'. in i ,'\iv:;:ivo .sc-sion.</t>
  </si>
  <si>
    <t>                                           WASHINGTON, July 7--(CNS)--Confirmation of B B Montgomery as United States Marshal for the Northern district of Mississippi was advocated last week by Senator George Norris of Nebraska, despite undenied affidavits from a number of sources that...</t>
  </si>
  <si>
    <t>                                           [Funeral Notices I                 ivu JL UMiSLL The  services lot- Miss Mary Willie Mitchell, of 188'/~j Jackson SI., N. E., will be held this (Thursday) at 1 p. m. from our chapel. Interment Lincoln Memorial Park. HanJey Co. - Funeral of Mrs. Lena Floyd wiil be held this morning nt 11 o clock from Corinth Baptist church. Rev. W. M. Phillips, . Interment McDonough, Ca. Gco. G. Lemons ill . K. C. Tompkins. AVERY The friends and relatives of Mr. David Avcry arc invited to  his funeral this (Thursday) afternoon nt 2 o clock from Zion Grove Baptist church. Rev. II. Daniel . Interment South View. Dunn Bros. DOGAN The funeral or Mrs. Nlccy Dogan will be held this' (Thursday)  at 2 o clock from Zion Hill Baptist church. Rev. .Tohnson will . Interment Lincoln Memorial cemetery. David T.  anil Co. DAVIS- The many friends and relatives of Mrs. Lula Davis, or 493 Auburn ave., N. E., are Invited to attend her funeral this (Thursday) at 2:30 p. m. from our chapel. Intcment South View cemetery. Hanley Co.</t>
  </si>
  <si>
    <t>                                           CAPITALIST SYSTEM IS IHSilE                 So Says Schuyler in Air Talk; Tells of Negro's Plight                 MANY STRUGGLES j                 Ni-'.V.1 YORK CITY. July 7- Sljfiikini: uvi-r S'. W. K. V. I). George S. Schuylcr, Pn'sident of Tin- Yi;imc Nu,;roL-.s' Co-operative Li.-.imir, -.-r ii n d journalist. p.:i: in :.;ark realism thu KuL'ro's . economic outlook.                 Tracir.j: the history of the black laborer in America. Mr. Schuyler c-h;ira::tL  the Civil W.ir as bein^ "not only a s'.;i;!c between machine capitalism and agricultural .sm, (but) in a ccri ;j i r* yens*: a      ;:;;Ie between 1 v.'i-.it'' .-irid btn'-k I.ibor in the 1 Suuth." Which wi;h the ri*e of the v.J'.ilt' proletariat imo political ; r- thu black worker from the preferred" laboring and artisan cl:iss into the lowest, poorer-paid ta.MCs. "Since  Civil War," ho adfl"the NL'Kro has been engaged in one C'- is Mrun^o to ati.iin equal rights with all other American Cif.. Jiis .r.orr.ic: pi"r -blL tus have been, , to .f: (io'.vfi color discrimination by white ; aiu\ vo break. :.':v.-fi r.i.'. ii:~;*:*ini;na '.'".m by 'I'~.    i  . the problem of pn  a n ii i-: rr.pt ion. Si-i.iiv!er Th.u:k.-. cur s;-in! order    -.u:;i     a \a.\n five (!nl!;i:-s fur .g fifteen dollar:: :n v;-.;i:e. a:u: i .   :i;ect:i hini tn i;i;y hark ;t   );iM: what hi: i;as eir. ;is a     !ticor ;ind  a' inch  iisp!aces workers for mure :l;i!i!e .o.s. the Xe^1"1 has been mM. forced oni of I I-- i "ii  position, job ;if;er 1 1 i!:;::l v.-hi!e 1. nni1Irnih oi '.he W(ir}-.nm-cias5. he fi:in m  cities fr-     one:!n:*') to one-half nf :he p;."r M-ek111 1: ?.Tr. IloovcrV prosperity. Tiins tin.* alen Ne;;ro ?ees him so::" l''in^ :;i:n\v-! into the :i of a dependent  r!a:;s v.'ilh j neither "ir.;c nor yio'.-r i.al p wer to halt 'he process. Atidrc::?    ! Iiinisclf to tho f:~;. What Shall i he NV^ru P". lie  f. "\Vhn!o groups  do Tint pj! down .pl.-  and .starve social , :s s'. a remote ii^pe; ar:d the ^ of ri little croup capitalism on the .s of birr c.- i?: but an illusion. Only through Co:is:imer5;' Co-.-'.tion can the Nenm ;~r;: hi:;  ious ~-or.r:.: power. Only in a -- or4:1 nival ion like a co- ;-oy it we exp^c 1 wdr-'.er 1 0 ^1 vv loyal "ir.'i p(M'5 j:i' run;;[;e. because   m-np^rnt;ves do derive :,ny ii::r-ct bL-:iei':!s fi'-rr. l!:rir v'):\:\c. Theirs is i!u- service :md '.i'.-nti is Ihr p;-o:'it." Mr Schuyirr was appear: ml; as iu'.i'v.' -r nf the ~'ii-npi*r-'.*.vo I.t: n;i:e '.he U. S A., arv! .~['~'ke : fl-.i* .-: -\\h.\\ rnp.-i ;.un\nn-v's Co-oju i-i iv** M'- Car. For The   \vm</t>
  </si>
  <si>
    <t>                                           NEW YORK CITY, July 7-- Speaking over Station W. E. V. D. George S. Schuyler, President of The Young Negroes Co-operative League, auther and journalist, painted in start realism the Negro's present economic outlook.</t>
  </si>
  <si>
    <t>                                           _                 DICKERSON- The funeral of Mr. Slrincy Dickcrson will bo announced . David T. Hownrd ami ^Co- r--(. ^SMITH- The funeral of Mr. Jell Smith. Stonewall, Ga. will be announced later. R. C. Tompkins. BU1.LARD- The funeral Mr. Ruins Bullard. 1185 McDaniel street, will be announced later. R. C. Tompkins. PITTS- Mfr. Willie Pit's, brother ot Mrs. Minnie Crny and Mrs. Lillian Huckuby. of 769 Fmsler street, died July 5. 1932. Funeral announced later. Pollard und Hancock. BUCKNER- The many  and relatives of Mr. James Buckncr. of 589 Delbridge street, were  to attend his   i Wednesday at 2 P. M. from our chapel. Interment South View cemetery. Hanley Co. ANDREWS- The friends :ind rol. of Mlus Esther Andrews, of 143 Elhs street. N. E.. were invited to attend her   (Wednesday' at 12 noon from. While Rock Baptist .-hurch. WashinKton. Ga. Rev* Eirl Me- I Clend"n ;aid Rev. II. T. Tliomiii. -. Interment ;it tl'.'.1 While H"ck cemetery. Hanley Co. !</t>
  </si>
  <si>
    <t>                                           "Will the trial of Mrs. Beatrice Maxey, who was indicted Friday afternoon by the Fulton county grand jury for the murder of her husband, C. L. Maxey, veteran Georgia school principal. May 30., be similar to that of Mrs. Romie Carran, whose trial for the death...</t>
  </si>
  <si>
    <t>                                           Starved brother?                 Arres'ud after police of Baltimore, .Md., found tho partially decayed body of his brother, Grant, in tho parlor of their home, Paul Aubcl, KT.' of Johns Hopkins University, is LeinK" hold pending an investigation. Paul told police that Grant, who was a cripple, starved to death after "the Lord hud told us not to feet) him." A diary showed the body had been kept in the parlor for two and a half months* JVaul'i mother ii also held. I</t>
  </si>
  <si>
    <t>                                           NEW YORK, June 23 -- After weeks of "talking-up," and a day and a half of intensive work with a corps of carpenters and mechanics, the Harlem Trade Exhibit opened at Rockland place Monday afternoon at 4:30 with a bang. The most lavish display of...</t>
  </si>
  <si>
    <t>                                           Hit Daily I FREE, FREE. 1912 INSIDE DOPtU' I nuke HIT with Clculni Hook, CniK- Stock Exchinfe. Bondi, ElKtrtc, Motor/ Rxdio. Raeei and Nombm 111 il l.      . 200 W. 133d St. New York H</t>
  </si>
  <si>
    <t>                                           Threaten 's Bolt'..;                 Dcclarins Ihui his judgment in refusing to support the Uoovcr ticket in VJ28 has been vindicated,  Gtorgo W. Norris of Kcbrasko, lie-publican . has announced  he will follow n similar course in 1032. Norris  to 6upport Covernor Frnnklin D. RoosevcU-*- the coming contest will nee the common people  organized monopoly.</t>
  </si>
  <si>
    <t>                                           IM  CHARGES QUASHED                 New Indictment in $450,000 Fraud Case Given                 FIGHTS IT ALSO                 WASFIJVfiTpN. Julv R. (CN S) The   John A. Itisher. former  of the Nnlional Roncfit. Jjfo Insurance company. Daniel Gary, his real estate r.. nnd Mortimer F- Smith, former comptroller of the insurance company. ch;ir?ine                 conspiracy to defraud the National  Insurance  of $-150,000, to which the defendants demurred on June 13, were nolle prossed here Kr'day. New indictment*, avoiding the   effects to which the defendants demurred, were returned  them   larceny in addition to the ordinal  . The new indictments do not mention either Robert H. Rutherford, former president nor Samuel Rutherford, forme vice- of the  who will he Government witnesses in the prosecution of the three defendants. Mr. R'shers, who insists he iR innocents of anv  to de- i fraud the insurance company feels that the new  is more  thin tho original and his attorneys. Robert II. McNeil. Levi David, and David H. W'nburn, nrc planning to file a demurrer immediately although it cannot be  until the fall term of the court. I The nolle  of the orii::- I nal ind; obviated the neces- sitv for tho court to render cision on the demurrer. Thi' i.-.- of the new indictment is tii'-.en bv manv to indicate th:it tin- decision of the Judirc on the v:i. j l; of the indictments would j have favored the defendants. Continued on Plgc 2. Col. 2                 Old Risher  Irom paRC 1) RISHER  AS WHITELAW HOTEL RECEIVER WASHINGTON. Julv ((-\S)- .Inlm A.         . f"rme president of the Nationnl Benefit Life Insurance, .   "  as receiver or the Wlutr\:,w Apartment- House .  of the Whiteluw Hotel looted at KHhandTstrrcl. Northwet, ; a I'cnnriL; .which  Place in motions .l- the Snnromc court of the DifUKt of Columbia, .luni' -H-L.i. The motion to dismiss Risher win made l.v  for Robert' W. Kohinson on tho  that an incl; had hoon re1 turned          Uishcr. At the  Monday .Juf-tice '.Icfse C Adkins indicated that lie would remove Rifhcr. but heard I the  for Rishcrs reten,tion  bv  on . a^ . who pointed rut that h I records showed that Mr. Rif-hci had taken over the hotel in n. run down condition 11ml made it a credit to the communitv and that he had  accounted foi everv cent earned durini: his man"^.? ruled to remove K'-Oior nn the  that it was not tho i. of the court lo continue as mi oCf.ci- of the coun in a  . a person who was under indictment in another branch rf Ihc .     - 1  when it was ohi.-ct.-d to by nne of tho parties of the suit. Auirustns W. CIrav and Charles S. Cunrv. . won- - 1  considered as . .~v tl-r i-ourt Their ann" w:ll be made as snr 11 as th- --aiv - are im ~'tv.ii cd bv c*.~r.-i-i. tbi' ~-in-i . i I.evi Paiv.i ..ill. Tim i"! R;..h. r. plan.- lo ai.peal fi.'m 1!: I - iif I hi- .</t>
  </si>
  <si>
    <t>                                           WASHINGTON, July 6.--(CNS)--The indicment against John A. Risher, former president of the National Benefit Life Insurance company, Daniel Gary, his real estate partner, and Mortimer F. Smith, former comptroller of the insurance company, charging...</t>
  </si>
  <si>
    <t>                                           The funeral service for Mr. Eugene Canty was held Sunday evening at Cumberland ME church.</t>
  </si>
  <si>
    <t>                                           GEORGIA! OPEN 11 A.M. 15c f U'ilii.im W. The Dark Horse Mtto. In U rl n ^^B^I^h SI'IKITCAIi MI- K^V^ *--!;;*- ii fur you. If In im.it.li-, ,  ovf r . fi,tt,    or ~(lVf aff*ir*,- 1I1I5 Kiftrt! ) nut and  will Irn Ih fully mh inr n:id  joU ,WIU Hie       t j.iu   ] oi\c Lnow it.      rr.cn 1 a^ It and thr fu turf mm it will Ix-: trIN full 'name of whom 7.... will marry. Hradinr , 10 a. m to S p. in. N'u  Sunday* or Frlifir"- No  ifn. look f*r Special Readintr*. Short Time, 50 cents           V/ l. cari pan door, I8K l.,! An, Atlsnta,   .</t>
  </si>
  <si>
    <t>                                           I read your collim in the Daily WORLD every day. It is mailed to me over here. I am forwarding this by air mail and you should get it shortly.</t>
  </si>
  <si>
    <t>                                           .CARD OF THANKS                 We wish to' th ank-'lhe Hanl,Jfc Company. .Undertakers,  these columns, and express Our heart-felt thanks' for the Use 6t their cars and services rendered  in the burial of our father Atr. George Dnvenport, Sr.,             of the late Miss Katie Willis. of Atlanta, Georgia. We also, wish  our many friends for the beautiful florals. Signed W. A. Davenport; George Dnvonport,. Jr. Lamar Davenport, Mrs. Rosa L.. Davenport;"'" Mrs. Elizabeth DayfcqpotC Mrs. Ruby Davenport, all ol Rayle. Georgia, nnd Mrs. Sophia Willis, of Chattanooga, Tennessee.</t>
  </si>
  <si>
    <t>                                           A. T. Hollinsworth, the well known Auburn, Avenue sportsman, has just gone through a terrible ordeal at the hands of Prof Tharpe lucky, or was it luck, over the past few days. He has been able to put william (Happy) Brown and...</t>
  </si>
  <si>
    <t>                                           I ONLY NEGRO DAILY NEWSPAPER IN THE WORLD [] i  s MTiMitfr1  i tn ATLANTA. GA.. SUNDAY. JULY 3. 1H32 PRICE FIVE CENTS I</t>
  </si>
  <si>
    <t>                                           CIHCAGO July 7.--(ANP)--The "black sheep" in Uncle Sam's family are going to be well represented in the Olympic finals to be held at Palo Alto. California, July 15, 16, in the light of performances here at Dyche Stadium in the semi-finals Saturday afternoon.</t>
  </si>
  <si>
    <t>                                           SATISFACTION I Read What Dr. Thos. H. Slater, of M Atlanta, has to say about the v North Carolina Mutual Life Insurance Company DR. THOS. H. SLATER 158y2 Auburn Avc, N. E., 8  g#~if^'  ^^i:i1 North CarHina Mutual Insurance Co. I^B 'i In c-jr present economic and financial *. it in indeed Slllll^ ~*ii gratifying tr. know that we have left a few and only a ** /*~0'^*'S^*Smi^ few institution* which have proven' themselves true ^^^~.  ^*^^^^FX*"~v as guardian* of t!.eir trust and faithful in discharging WilSSlr^tt^^~^i their  of . AmonR them I - ^^^P^ '*RHrji\^?'"*'[ ingly place tile North Carolina Mutual Life Insurance Vsemf \^Sr ^'-^f^^j Company with the leaders. jmm^ ii IB* v^* /j i; It has kept its faith with the people, met every obligation Bf* IMW promptly and fully, and granted every accommodation H Vi'-*\^v T^J with         courtesy and alacrity. A Gibraltar in Sf *l^ V  X2k ^^^w^l fur financial storms. May its example, influence and m'~ti?* V^~^t^ service never be lost to our business world. Py3       ?      J^    ^      Yours very truly DR. THOS. H. SLATER THOMAS HEATHE SLATER This Company "Known by the Service It Renders" Has: More than 207,000 satisfied policy-holders who carry more than $36,000,000.00 worth of insurance. A sinking fund in assets of $3,907,319.57. Paid in claims since organization more than $11,000,000.00 Paid an average of $3,180.37 per working day in claims to pol-  and beneficiaries during 193i. More than 1,000 employees, 600 of whom are rendering full time service. An opportunity for deserving men and women- of the race. -j A POLICY WITH THE NORTH CAROLINA MUTUAL LIFE- I INSURANCE COMPANY GUARANTEES: i ABSOLUTE PROTECTION CASH FOR DOCTOR S BILL i EDUCATION FOR THE CHILDREN F,,pr  rnn   COMFORT IN OLD AGE EMPLOYMENT FOR OUR BOYS -v READY MONEY IN CASE OF AND  t ILLNESS FUNDS AVAILABLE FOR V0ANS_ j "NO HOME COMPLETE WITHOUT A NORTH CAROLINA i MUTUAL POLICY" v t r\Zi :i I For details concerning all       of life insurance policies and ihc service rend- T^' ered  by North Carolina Mutual Lifo Insurance Company write to the bome office, Durham, Ni"C, or 1 Atlanta. Ga. Branch Office-^250 Auburn Ave., N.E:; Wa ^612  v S. S. ABRAMS, District  v ?;v.v';7*@-^ ^^v North Carolina Mutual Life Insurance Company Durham, N.C. C. C/Spaulding, Prefc ~-.v x-'^-'-^^^^k</t>
  </si>
  <si>
    <t>                                           There is going to be some "hot" news this week. I am invited to a party and where it is going to be from what happened at the last one I would call it a "Headchopping" party is a party where if you happen to make one of the guests...</t>
  </si>
  <si>
    <t>                                           *ft!f ft f ftt-V f         ?        ??fT??'j  Let e Cure You! 1 PSSftBSll^Bi DON'T DELAY I CALL XT  -4        ^HU For z' I      been CURING         hen       3BbHH1 Atlanta-  of  A    ^^Bl^^HRI No matl*r what 700 r trouble If. no  how   KMSTlSSnHflT11'  miy be. I      yon to call and *       t once 3 JOfcHfitSOBflBBl Treatment U rtty  In . "2 EnS@?H^^^H9  dnn or  operation*. AJ1 dk KJ^^Hh'^h  with my para nator*      - with ^ n^^lHM  In  cafe. Z ^^3J^^H^9 M1XE 0R  CALL OR VTB1TI 1 k^SSk dr. t. y. young HBBb0Lt-B^H WITH TOE ORIENTAL ) CO ^^^^^vm!rL 8E HERBS AND HERBAL COMPOUND ~'TJ!rt?5aiu HMI*-7 p- 3 1 'm.   tl"""*"-</t>
  </si>
  <si>
    <t>                                           "Attorney for the Defense," a Columbia production at the Eighty-One Theatre, presents Edmund Lowe as a district attorney who sours on his profession on when he finds he has sent an innocent man to the electric chair. No more suitable role could have been found for Lowe.</t>
  </si>
  <si>
    <t>                                           Throws Brick In C r c e r y After Wife;                 Throwing a brick through an Oak street store in an effort to hit his common-law wife, who had runs in the store to avoid him,: Jesse .v Kennedy, Wednesday was fined, $25 or thirty days in the  by JuBge A. W. Calloway In Rec- order s court According to Kennedy, he and his wife had become engaged In 'a' $ quarrel after he had returned home and found her sitting in on- other man s lap. She then ran to.:^ her mother s home he said,  he followed her. The two women V  to avoid him,- ran. ln:3 the store. v -,y She testified that Kennedy .hod? threatened her life on numerous occasions and often beat her. Sho-'; said that he had attempted to atab*1 her mother with an ice pick. ''i                 toy L P. R^to^' Siiro I will {; ialr f  *i^ If I'hftvcn't'ijot a -Jitolt'litinjW pocket,.. r  z:~-M-^$lg*</t>
  </si>
  <si>
    <t>                                           Hon. T. M. Belts noted lawyer of Kansas City, Mo. addressed the citizens of Douglas, Tuesday night June 7th in a Mass meeting coupled with the following program that added to the occasion, master of ceremony. Prof, W. A. Kimbrough: selection, choir: prayer...</t>
  </si>
  <si>
    <t>                                           BIRMINGHAM, Ala.,July 8.--Maybe today's results will spell As the Southern Open Champion Golf tournament gets under way in Atlanta at the Lincoln Country club: last Sunday's round found one of the Magic City's sous still slinging on, fighting till...</t>
  </si>
  <si>
    <t>                                           TTTTTTTTTTTf TTT  Tf *                             TTTf * TTT"1 t BX^ W T Keeping up with the news as It happens is no difficult feat 1 I Atlantans who like to stay behind the times and read next w I *M I^T J Ift -^X^\*% I  W% for Negro Atlantans as they have a dally  of their l/lf if n week or the one following . what happens today do not I ~"% I ml V\^T A TO l\ ft11! I I III own. In any other community in the world, a Negro daily, f f II II read The Daily World. In any other city, they would be Mf1 \ / m^ mJ would be an oddity; here it has become a necessity. ft the average persons; in Atlanta they are oddities. JL ^ A 1 T W V 4</t>
  </si>
  <si>
    <t>                                           We all enjoyed the two weeks revival at Greater Travellers Rest Baptist church with the addition of 15 new members. Everyone is invited to the Baptising Sunday morning. July 10th at 1 o'clock. Services at 11 o'clock.</t>
  </si>
  <si>
    <t>                                           Corpus Christi, Texas, was the latest scene of a synthetic black killing. The victim, prominent in social circles there, hoped to get a little easy money by robbery and so he became a temporary Negro. That ruined him. The police shot without telling him...</t>
  </si>
  <si>
    <t>                                           DAYTONA BEACH. Fla., June 18--Mrs. Mary McLeod Bethune has just returned to the institution of which she is founder and president -- Bethune-Cookman college. after a three-weeks lecture tour to some of the most outstanding schools and cities of the...</t>
  </si>
  <si>
    <t>                                           Mrs. D.N. You state that your two-year-old child is restless, wets the bed. and has a bad mouth odor and picks at her nose. While it is true that these are characteristic symptoms suggestive of intestinal worms, you must remember that other conditions may produce...</t>
  </si>
  <si>
    <t>                                           Persistent rumors to the effect Presistent rumors to the effect that a glittering array or ex-favorites were contemplating the assembly of a ball team in Atlanta and operating under the name, Atlanta Panthers, have suddenly taken form when the information had passed...</t>
  </si>
  <si>
    <t>                                           Today Nashville citizens got their first copy of The Nashville World, fifth and latest publication in the Southern Newspaper Syndicate String.</t>
  </si>
  <si>
    <t>                                           ONC7       PAfllY NEWSPaPeK. IN THE WORLD TT A.  Editor und Publisher Pra.k M.   .      7 H.n.tlnt Editor ^"subscription  i Ox    . II.K Montln, Ji.OO; 3 Month*. J3.         7. .iPHF.i) paii.y at :io ai  avk.; n. t. TKI.CrnOSKS: V,'       145   md U60 Mat*  4       -        t           ~(~    l        . ct Hnrch 3. 1S7  I Mntnr.K oV mt: associate          THE "VfORI,D  no  lj 'or  cltH  inDi"lTt         . AnVF.        ;  W. n.  Co.. . Nfw ^'ork. l^       ]rt</t>
  </si>
  <si>
    <t>                                           The Missionaries of the Wilson Calvary Baptist church rendered a wonderful program at the County home. Many were present. Interesting talks were made by members which were enjoyed by all. Mrs. Martha Watts, pres. of the Pulpit Aid No. 1 of the...</t>
  </si>
  <si>
    <t>                                           EXCURSION Round Trip One Cent a Mile Between all points on A. B. C. R. R. And to points on many other lines, including Washington, D. C. St. Louis, Mo. New Orleans, La. Etc. JUNE 18th RETURN LIMIT JUNE 2GTH Round-trip Pullman Fares Reduced 25   For complete information Consult any agent of the A. B. C. R. R.</t>
  </si>
  <si>
    <t>                                           a-/\u^i ^B iaF f -^ EHEnaa l</t>
  </si>
  <si>
    <t>                                           tbE_S m ONLY NEGRO DAILY NEWSPAPER IN THE WORLD I ^^</t>
  </si>
  <si>
    <t>                                           Little "J. D.", age 11, badly crippled from infantile paralysis, shows promise of making a real place for himself as a useful citizen. The story of his progress reads like a piece of fiction.</t>
  </si>
  <si>
    <t>                                           FunerahNqtieesJ                 HARP The funeral of Mr. Lester Harp, 882 Drummond street, announced later. R. C. Tompkins. JACKSON The friends and relatives of Mr. Frank Jackson, Mr. and Mrs. Willie Moore, 858- Matthew street, arc invited to attend the funeral of Mr. Frank Jackson this (Wednesday) afternoon at 2 o clock from Pleasant Valley A. M. E. church on Matthew street. Rev. Hazel Brown of.. Interment Utoy cemetery. R. C. Tompkln.</t>
  </si>
  <si>
    <t>                                           For a number of years it was my custom to study ... classified advertisements in the daily papers. They form a vista through which one can gaze out upon the varied activities and agonies of his fellowman. They have a way of turning the world inside out and exposing...</t>
  </si>
  <si>
    <t>                                           UfEOT if ITPUEl I UfiyC  DDI7C  Ifll I UnCLL If 1110  I rnl^S.                 IT. ZION. WEST HUNTER WIN OUT FOR SECOND AND THIRD PRIZES                 Three Winners to Get Cash at Services on Sunday Night, July 10; Ask Advertisers to Be Present                 $113,000.00 SPENT DURING 15 WEEKS                 Atfer fighting hard for all of the 15 weeks during which the $750 Atlanta Daily World Cloverleaf Church contest was in existence, West Mitchell C. M.E. church smashed her way to victory and $200 first money by turning in the overwhelming total of 3,275,406 votes.                 Second grand prize of $100 goes to Mt. Zion Baptist church which  fought consistently and gathered unto herself 2,158,396 to brush aside all competition for her share of the Bis Money. And the third goes to West Hunter street Bapt'st church, which came alone with a rush  last few weeks to sweep to a 1,348,757 finish and $75 in (rood old United States coin. West Hunter was only a step ahead of Cosmopolitan A. M. E., which had 1,260.852 votes, and Bculah Baptist, which gathered 1,046.750 votes- They made splendid showings but just couldn't quite top anv of the three winners. The five churches just named are the onlv ones whose totals exceed a million each. All the churches together  in 13.965, 830 votes. Although the count  the first few weeks was not so great, it nicked ud and by the end of the contest totals for a week of one or two million was the rule. There were 30 churches active in the contest, to all whom     Dailv World extends its sincerest thanks for the splendid cooperation given. Already S375 has been  awav in weekly prizes to the local churches. Some of ti-nse not :n on the  prizes got som" of the weekly cash and as a result their efforts are not going entirely unrewarded. In  prizes. West Mitchell has  11 times for $145. R;ce Memorial gathered $30, Mt. Zion $80, Glenn Street $15, Bethlehem Baptist S10. O= $40. West Hunter S30. Central M. E. S10. Franklin Memor'al S10. Beulah Bintist $15. All of the contest page advertisers report extreme satisfaction with the response given. There was. * the 15 ~-~eks of           ,  $113.00" spent with contest page advertisers. Prizes will be  awav at     night services of the three winning churches on Sunday. Julv- 11 one week from tomorrow. All the merchants who advertised on tn? page are invited to attend     meeting where the prizes will be awarded. Again The Da'lv World thanks the churches for their participation and it is hoped another contest siI mil.T" to this one may be arranged in the near future.</t>
  </si>
  <si>
    <t>                                           Atfer fighting hard for all of the 15 weeks during which the $750 Atlanta Daily World Cloverleaf Church contest was in existence, West Mitchell C. M. E. church smashed her way to victory and $200 first money by turning in the overwhelming total of 3,275,406 votes.</t>
  </si>
  <si>
    <t>                                           On the Fourth of July at G.N.A. college the 7:30 o'clock group won in the kick ball. Miss Katherine Luton leader.</t>
  </si>
  <si>
    <t>                                           Mrs. James Greene who is practically blind needs clinic care. She dees not have money to get to and from the clinic. Mrs. Greene would gladly appreciate it if some one would donate ... weekly for carfare. If this money is not donated the treatment can not continue...</t>
  </si>
  <si>
    <t>                                           NEW YORK CITY, July 7.-- Speaking over Station W. E. V. D. George S. Schuyler, President of The Young Negroes' Cooperative League, author and journalist, painted in stark realism the Negro's present economic outlook.</t>
  </si>
  <si>
    <t>                                           BACK HOME 'N' BROKE! Daytona Beach was a veritable paradise. Stately palms ascended high above the surrounding landscape and gave one the impression of innumerable ostriches with plumage up and heads buried beneath the sod. Rich vegetation germinated on all sides. Every nook and niche was supersaturated with rich foliage. The happy larks made music the livelong day and the hull froggies trumpeted by night. Crickets chirped merrily both morn and eve, and squirrels darted to and fro. But more beautiful...</t>
  </si>
  <si>
    <t>                                           At 11:30 on New Year's Eve, Police Comissioner Thatcher Colt arrives at the exclusive Mayfair Club in response to a mysterious summons from District Attorney Merle Dougherty. The latter informs Colt he believes he knows the "higher-up" responsible for the...</t>
  </si>
  <si>
    <t>                                           GEORGJA'i OPEN U A.M. 75c "COMPROMISE ij" $ Willi Atlanta'! Own Jjb HK.N I. VON OT kosi: k()i;akt ifi I5AH-KVS { i 'Cooa1 ROYAL I '"TiLE CAESAR' t 5MIJl;l)AV ONI.V! H i-;  \\*. i((~i;inson 9 "Thi' rue . oT (i:iii^.rB l;i.nd 'I'll rills ;is (inly rM Uoliinson could i v</t>
  </si>
  <si>
    <t>                                           On the question of facial message women are pretty much on the fence. They believe in it, in a way. But they're afraid of it. At least numbers of women have expressed this opinion. They see the muscles starting to do a toboggan. They notice fine lines appearing. They...</t>
  </si>
  <si>
    <t>                                           BIRMINGHAM, Ala., July 18.--A treat is in store for the lovers of tennis, Saturday afternoon on Councill school courts as Mr. Spearman of Memphis, Tenn., and Dr. Portlock of this city engage in a three out of five set, tennis match at 4 p. m.</t>
  </si>
  <si>
    <t>                                           Funerat^ i                 PAYNE- Mrs. Selena Payne passed away June 19, lU3i. Funeral announced later. ItaU(/abrooks ami Co. ROSS- Mrs. Ma Ross passed away Sunday. June 19. funeral an- 1 .l later. People's Funeral . FnANKLIN- Friends and relatives of Mr. James Franklin, who  away -in Chattanooga. Temi.. ,i on June 17, are Invited to attend bis funeral today (Monday) at 2 p. in. from. Delliel Baptist . Interment in . Hanley Co. Marietta. I Decatur Motortet Strikes Cyclist An auto driven ,by Julius White. 175 Pratt street. Decalur, struck on unidentified. bicyclist light miles from Gainesville near nine o clock this morning, and broke his leg in three different places, according to E. W. Saunders. Gainesville, who says he witnessed the accident. The . who wa3  by two companions, stopped and i- the "boy to a doctor. The accident apparently was unavoidable ns the cyclist darted out of a side road into1 the. path of the car. No cose was made against nrem. TRANSFER RUTH BROWN TO WOMEN S TRISON NEW YORK. Juno. 20.-      - Mis. Ruth Brown, who recently had her   commuted life imprisonment by Governor Roosevelt, .was transferred Sunday L from Sing Sing -to the Women's n-V-n nl Aiihxm</t>
  </si>
  <si>
    <t>                                           BRIGHTEN UP WITH PAINT! 1c SALE 1 e ISly Km-..  w.~ !T,n4. w.v-tua ^3^S^^ffi^8  FOR 'ONE CENT ^^Sr^al HIMSELF IS ON THE FLOOR TO SERVE HIS CUSTOMERS. MR. V. J. COOLEDGE JK. IS ALSO IN THE STORE DAILY A, H. Cpoledge  Brc f#</t>
  </si>
  <si>
    <t>                                           WOJ^WmSmMfmi] only negro daily newspaper in the world UuSftUUSSUyili -*jj VOLUME 5, NUMBER 125 ATLANTA, GA^ THURSDAY, JUNE -23, 1932 1,;:^</t>
  </si>
  <si>
    <t>                                           PAYTONA BEACH, Fla., July 15.--As the opening of the tournament here closed with all but one first round singles match--Long vs. James--played and almost the same status of women's singles existing, Attorney George G. De Vaughn, secretary of the Florida Association, was all smiles. The well known Jacksonville lawyer is of the opinion that "opening up" of the competition in this meet has placed the sectional and national spotlight on Florida tennis, which is true.</t>
  </si>
  <si>
    <t>                                           TODAY at Fresh Meadow, Flushing, N. Y., two famous business-man golfers tee off, with 150 others, in the first round of America's greatest golf tournament--the National Open.</t>
  </si>
  <si>
    <t>                                           Classified The Atlanta Daily World THE ONLY NFy-UO DAILY IN THE  Classified Advertising Rates DAILY SI  Mr ;i line- ltr a  Con'if'clit^T Inscrfntm Daily and Sunday: Tln-rr       IV n lini H''vrrt  Iflcj ]inf Thlrlv Up"-- nr -r Kc line V,,r- u...ft, ..f i.rner Imrtl. arc r.,,,,u,l . Th- m ti.muRi         li thr   f Atls T^krn Ovrr TPlrphour: *r* ^T^ f r opi           it(r f In      ^ii.~1;l:i . Ill r ;i for Hi Hr.. II.. -rrl""  C"rl rH In    CoUnivinc Inirr :lon. On nil  m^iii    mail .Ml M'.....,,[inu.nrr. MMHI hr m.Hiill j..r...ii 1.1 th. Worli! n firr l,~ Ml I '~    '.  W mi. r T ir Im niM-ir. 1 hf Atlanta [Mil WirM ii .. hi- Mil  ,,,,i ,,.,,i,,n     n l.-" Ii..   . Tii- /.i).-.,r .h..uM .') n.n-'.ll.1. if .mi- i-rr.,1 ii., j i ; f-T the .Sit:~.  - \\ II h' ;il*-l ii' ":il f M Silnrdar. 1 1i* r. i      ,^~-ii    ,lr  Kunrtar until 0 ATLANTA DAILY WORLD j WOItl.n IVAN! ADS BltlNf; KMsri.Ts. rt sT f,\i.i, U'Alrml M.W :mil ;isk for :m Ail T:</t>
  </si>
  <si>
    <t>                                           Who Thought It; j By J. II. Williams i Ni-.-ii; ciir':f! pl;iv :..   :il lie</t>
  </si>
  <si>
    <t>                                           Sawing Chops Butcher Nips Off Finger End                 M: his finger for the chops which he was - Columbus Revelle, a butcher in Love s Cash market, severed the end off h's third  on the left hand Friday morning. Devellc was treated in the  clinic of Grady hospital. At the hospital it was necessary for doctors to file a rine off the in.  before it could be treated. He was permitted to return home. Barbershop Looted of Radio and Tools Burlgars obtained a 'number of .tools and a radio when they opened the front window of C. Carter's barber shop in the combined store and barbershop building at 1481 Jonesboro road late Thursday night or Friday morning. Besides the radio, which 1 s valued at $39.50 the Intruders took two pairs of electric clippers, a pair ot small electric clippers, three razors, anil a pair of shears.</t>
  </si>
  <si>
    <t>                                           IcIlIP- STPAQEi FOR W0 I !SSf</t>
  </si>
  <si>
    <t>                                           4 V STATE NEWS                 Greenville, S. C.                 i:. i-:. .ru-                 SI RI'Kl.Si: l                  A -in :,ri:r :'r.i--i .Mull- I V.'.ii'.L' ll j.ir.li -ln-:l. l\~!u,v \[:~\v T:n- '~~'li:' ~.i-!:(-r;:c v.j: :j!;:i.!                 n:...y.:l/i: Vi-:. .:i;'. v.-j:. -.pi-ill ;nl.i  .r., Ciirk v.-;:li :i ^~iji ;.i:ii^li O:.r c _'i ju:i t i:f 1 1 l\i ;ii;i[ ':ii'.'.-n bv ~.'.~IiiIl::::i:-. ~.va- ::..~;,i:;!y killed.  ku ovi:n M: Millur1'.'/ S:j:r.h m. i:: l..'s iMU-.i.L-r i ln.-i:ils M:'. .Sr.-.i-.i, :.:i- :i l:n-t f:'i'.-M.!.- i:i a'^'v.ViJ' "c. S-.::. :.iv. Si.r M-~ii):-'.n! a iiA i ly ;:i;r.AKi Asv  A i;: i xf \'.1:i- I,- ~;^ii .I'  1 .'..Lii.-C W.M- -ji i,. .-;n.-.-.. Julv A I..-...-.;.- :ci'!-L-i::r,i;nl.- 1 1 1 1- r -^.-Ui-.: In:I:: Ju^y -i'-ii i'.un-'u:\ C:^-.i  A .ii-iu-nm.s M'.cp.'.i ...~~~.~t: :...,u-.-, Ail w VJ'.i Jii;.' pi":ii"(~ l,:' :!.: -Ltli j-i ~_-::  -;-- 'biu t:n:i: !) 1'AltEMS i';-..- n:.:i:v fn-r..:.-: -f Mi ;i:'..! Imr. C Ciiile:- -.f Biuv.ti .^:(.i.p; b'.- ;;h.     -.hi-y v e ;;:-uud ij;i:'~;i:!s n .'~.:n: ~:.U:'J b.:by i'.H'l w lu s::i\\   J i: L  .i:ni h;ii bc(;:i I itOM HOSPITAL 'i lii.' i:.!n'- f i of Ml'. I'" f  J W-. v.Hl be i;l;i.! kni.v/ lh:r rX' h:i.- IV'. tuu:n: 1:~"mii ll'.u hup.l.'il in '.b;-. - Hi; i-^   fin'.' a: il'.c l:-iir.i- of Ins aunt. Mft: I^-K'Ht 'L'.ile on Hud-un ;.                 VISIT .I.E Mr San-. Bt.il .:   .-i S C:l ili.ll!! s::l-Ll.    -.-::l ^'v-' '::1-v* .\.liL-vill-.-. X. C. w:l:l  ail.: H-l.,!,'.-.- Ho ii/pui tiM a ni.iii... I   - Mr l'.l'.il 1:- ;l li-.'llM'.r i V,Jn^- Uru-.VM university :n !W-~ UtOM I. ATHENS I M, I'i-r".- SJarlinslui! of 1 ;i:-.si *'!;-=; a vib Hur :i: -iiL' l'^~ i Yui^i.iv a::~.-ni:i-.ii. j',o 'm-i.i.I.;\ and :ii'; Hiiylln;-. Ki.li;, ~.ia:-.-l C:l.:i:l.- Th\:   ..y !iii;l!l Till: FAT MAN i T!:.- 1'.: :..ai". y..n '1Vl':'~ S. M:- W IV IVi-.-.m,..',. W ,ll.-!M:'.:,M, r .!n p.'.ny .\-.i;:il-l:i- i v-r.n ..In.-.-., hi II.'' V.'. IS. 'IVii'.lil.:- r\rn;  kali. ,!:vv. ball will !'..v.-n i ;ll' ;ii.-' \V.i.li:ni;  ':: ti l;;ili '';1 '1 I'.ni: Jav :i:i'.i;t July M'.li 1 Mil I'.IinllDAY  1-: i;:i SlM;l.:n .l-.j!')!nf. l;i- -i-i r..i;,;~V 8 Sillima:^ Hlr'.i .HM V1..I '.li:!:i':i.UB itl- :-. I CONCERT res.va :jo:i^.ri.'~i -s"': ,-ii^,- I'.- l - Wholly CVn- k-;- :.;.ii:.;.iy :.:?'m. Tlic p.mla.- ir-ii:v.L-_-.i ~:J a'.uii.l. S-rih v/ii! "'.is' 10 l'-am ilia1    : ,.".ibk' n.'iK- .an a;;am alter be.c; CC.Mlii.U.i M lliS . 1W :'-v,-:;,l . 1 KO.M WINSTON- Mr .hi:,-: C;..:-'!i.:! of ..Un: N. '~''i'-- A Vlsl'or lK'; M":i.lay vi.: frii.'    - and I.'ii'. IVl'</t>
  </si>
  <si>
    <t>                                           A surprise party was given Monday night, July 4th by Mrs. J. D. White of 213 John street, in honor of her daughter, Miss Harnitten White. The color scheme was blue and white which made a beautiful decoration of the home. A very delicious punch and sandwiches...</t>
  </si>
  <si>
    <t>                                           ^  Storey Revealed as Consistent Radical in New Book                 [World Special Feature)                 When Moorfield Storey, the famous Boston lawyer, died in 1929 after being president of the National Association for the Ailavnneement of Colored People from the time it was begun in 1910 until his death, he was viewed in many Quarters as a radical on the Negro                 question only. But the new book just published by Houghton, Mifflin company by M. A. DeWolfe Howe, "Portrait of an Indenpendent: Moor.i eld Storey. 1845-1929." shows Mr. Storey was a consistent1 radical from the time he became I j secretary to Charles Summer, champion of equal rights for the Negro in the senate, until his death. 1 Mr. Story is called "the intellectual rebel," one of the "incarnations of the national conscience'1 of nineteenth century America. Negroes will find the  of Mr. Storey's life interesting, because he maintained the tradition begun by the abolitionists that men ci high mind, training and culture from New England should champion the helpless Negro. A great lawyer, Mr. Storey was responsible for several important legal victories in behalf of the Negro during his leadership of the N.A.A.C.P. In behalf of that organization he was the only private citizen to file a brie." with the United States Supreme Court in the famous Grandfr.ther Clause Case in 1015. which made  this form of ;it. He argued the celebrated Louisville Segregation case in 1917 (Buchanan vs. Warlry), which outlawed residential segregation of Negroes by State or city enactment. Also Mr. Storey won out in his defense of the six Arkansas Negro farmers before the United States Supreme Court, not only freeing the men from the death sentence imposed because of the peonage riots in 1919. but established the principle In American law that a trial conducted in an atmosphere of mob violence is not due process of law. This victory attracted the interest of the late Louis Marshall, another great lawyer who joined the ranks of the N.A.A.C.P. and  head of the association s national legal committee. Mr. Marshall's son, James, is now carrying on in the ploce of his father with the N.A.A.C.P. Mr. Storey's Arkansas victory has recently been cited as a precedent on which, in all] probability, a new trial will be granted the Scottsboro boys. I Mr. Storey was born In RoxDurv Mass took his A. B. degree at Harvard In 1866 and his M. A the following year. He attended the Harvard Law School in 180G-07 He was admitted to the bar in 'l8G9 and practiced in Boston,  a ey, Thorndike, Palmer and Dodge senior member of the firm of StorHe made his home at Lincoln. Mass Mr. Storey was secretary to Senator Summer from 1807-88, editor 'of T American Law Review 1871!79. overseer at Harvard 1877-88 c?.d,1892 191Vresident oi lhe American Bar Association. 18DC He was the author of two widely read   , ks:""The Negro Question" (1918) nu l- ?he Democratic Party ami Philippine Independence" (1915) He was honorary president of the Indian Rights Association and K A-     Anti-Imperialtet League. A New Yoric      ] when he died: "The Unfted states loses the., outstanding defender of                 'MOORFIELD STORE*</t>
  </si>
  <si>
    <t>                                           When Moorfield Storey, the famous Boston lawyer, died in 1929 after being president of the National Association for the Adavancement of Colored People from the time it was begun in 1910 until his death, he was viewed in many quarters as a radical on the Negro...</t>
  </si>
  <si>
    <t>                                           JACKSONVILLE, June 24.-- Because up to this date the Jacksonville has had no report through their own press of the proceedings of the 24th annual meeting of the State Federation of Women's Clubs, we are publishing in this, our initial issue...</t>
  </si>
  <si>
    <t>                                           GEORGIA STATE NEWS                 Columbus, Ga.                 Visitor  From" Knox-                 -Mr;-. Johnnie McCoy, former CpUimbusjte bi^t. now. of Knoxville, Tennessee ; several days in the city this 'Week "visiting old-friends and acquaintances.                 Guest of Dr. Carwln Dr. Richard Carey, Jr. of Tuskegee, Alabama spent several days In 'Hie -city -this week as the guest oi' ;..'Dr..L. ;J.,Carwin. Jr. -Dr. Carey is i-arecent. graduate in-medicine from Howard -University, Washington. D.; C. i Mrs. Moore To Birmingham Mrs. Emma Moore left the city this .week to spend several days in Birmingham, Alabama with  es and friends. Unfin Picnic At Locust Hill Today The Union Sunday School Picnic .~'~will be- held at -Locust Hill about  13 miles. out on the Talbotton Road   today. A. large: number. of children and grown-ups are expected to be on hand to enjoy the day. .Visitors From Manchester Miss Mattie Buchanan of Man Chester. Gd. is. spending several days in.the city as the guest of Mrs. Barbara Chappell on Fourth Avevnue. Miss Hutchlns 111 The many friends of Miss Lucile Hutchins. to learn that she is-confined to her home on "Fifth Avenue on account of illness i and wish for her .. recovery. v Guest of Mrs. Jones  Mrs. Francis L. Wright or Glidden, ..Texas is in the city as the guest of Mrs. Mable Jones on upper Sixth Avenue. Mrs.. Slater Returns From Milleilgevllle Mrs. D.' T. Slater .has returned to the city alter spending several days in Milledgeville, Ga as the guest of friends. Miss Lucille Johnson Dies Friday Miss Lucille Johnson, born Dec. I 15th,. 1911 died June 17. 1932 at -1:15 o clock, at the dawn of day. Metropolitan Baptist Cinirch Holds Picnic at Chipley Quite enjoyable and ' largely attended was the picnic given by  the Sunday school of the Metropolitan-Baptist church at Chipley, Ga on last Saturday. Everybody had a -good time. Choral Club meets with Mr. Hartman Harris .The Choral Club held it s weekly  at the residence of Corporal and Mrs. Ogden in Eastview on Vast Tuesday evening with Mr. Hartman Harris as host. A very pleasant and enjoyable evening was spent and several guests were present'. Mrs. Vontress Now At -Home The many friends of Mrs. Al. j berta Vontress will be delighted to know that she lias -recuperated sufficiently enough to leave the city hospital and is now at her home on lower Third .</t>
  </si>
  <si>
    <t>                                           Mr. Johnnie McCoy, former Columbusite but now of Knoxville, Tennessee spent several days in the city this week visiting old friends and acquaintances.</t>
  </si>
  <si>
    <t>                                           Official Route " SPEClAL" ATLANTA-MACON CENTRAL OF GEORGIA J( SUNDAY flTH ATLANTA JULY 10th ^P 9 A M Round Trip Tr:iin will leave Maeon returning ;it 7 P. M. Our Hand will furnish music . OFFICIAL TICKETS ARE IN HANDS OF THE MASONIC COMMITTEE. A STUB in attached to  OFFICIAL TICKET which will admit ya to the ground, in MACON and ENTERTAINMENT. The fee for   tub    only twenty-fire \ll  am) their  ark to f!0  the official . mjy thk official ticket: I. E. HARRIS. GrandmAitcr W. M. PARKS, Chairman ATTENTION, PYTHiANS! Grand Lodge, K. of P. CordekGa.- July 11-16/32, Buy your ticket* over the A. B. C. Railroad, the  roule from Atlanta for Grand Lodffe Officers, Subordinate        , Uniform Rank (Third Georgia Regiment), Court of Calanthe. ALL OTHERS INVITED SPECIAL TRAIN SERVICE Leave Atlanta Monday, July 11th, 7:25 A. M. Arrive Conlele Monday, July 11th, 2:50 P. M. Modern Coaches Electric Fans Bands Refreshments $5 75-ROUND TRIP-$5 75 AVc have used (he A- Ii. before and know their service is satisfactory. 15e on time at the Termiw.i StH(ion, 7:2S A. M. July Ilth. COMMITTEE Col. H. L. Forrell, G. K. R. S. Gen. John H. Fletcher, Aunt. Innpector GenMajor J. H. Hifchtower, Mr.-. Georgia A. Waihburn, D. G. W. C. and W. M. Mn. Toby Grant, D. G W. C. Stone Mountain     . Col. ~*V. G. Flcmintcr, Cot. Commanding-, 3rd Ga,' ReRtAttested: R. L. Henderion, Capt.  ind Adjutant. tl           Let Me Cure You! E^ HnEQflEHHH DON'T ! CAfX AT ONCKt 4  ^r ?     r      t^-n CURING      .  Mr. Fvffma^BM AtUnU- - of \  nl#KaWMH  No malt*r  ^our  U. no         how  Efya^  ~]1*'^*~ nin t*. I      7  a to       nd m* et    * 4 khR^~~B^BQ Treatment U veir ]t In cwt,              No   or          ^i. Afl dk Hnwbwra^HBM "W"       ) with my            - with ^ ^I WALK OR FF1IALK CALL OR WRIT? :^SIS DRoT.y. YOUNG  KbJqJHeBB WITH THE ORItNTAl, BF.B8 CO OB. T I , CtmiTBK 8 AND HrRBAL        A Car* for Evtry        Um Samaji       ll TnTll AtUMU    ^-T A. K. to P. M. J</t>
  </si>
  <si>
    <t>                                           In loving memory of young Dennis Hubert, who met his untimely  two years  today at the hands of a ruthless gunman. Gone but not forgotten. Rev. G. J. Hubert Mib. Pc.irl Hubert Mr. Johnson Hubert Hiss Jnr.etic Hubert Master Leon Hubert Miss Odcsaa Parks</t>
  </si>
  <si>
    <t>                                           Were you there when the Ajax Social club gave its initial affair on the night of July 4? Well, if you weren't there all I can say is that you just missed it. To all who were there it reminded them of Dunbar's "The Party," which with the exception of a few words and...</t>
  </si>
  <si>
    <t>                                           BODY FOUND FLOATING in me                 5th Mob Victim This Year; Taken from Jail by 25                 OFFICIALS BUS Y                 . Ohio, June 13.- (Special)- Unlike the common practice in Dixie, seven white men, today must face trial for second-; degree murder in the lynching of Luke Murray, 24 year old Atlantan-;. whose dead ana battered body .was found in the Ohio river near South ii                 Point This lynching,       took .place a* last Tuesday night, is the fifth rer.v carded in the nation this year and. J the first Ohio has witnessed In con-;-,: siderable time. .V Murray came to South Point in-,' May as chauffeur for Howard Da- vidson who had come north to-.i* settle an estate..: He was placed In..1jail last Tuesday after he is said::; to -have- threatened, -two^ -Ta'knlfe^-'- That same night a mob of about 25 men appeared at the jail, batter-;,-: ed down    . door, seized Murray..; and spirited him away. He was seen no more until his body, ba^ tered and badly decomposed, was. discovered in the Ohio river. OC-. ficials say they do not know whet-.:-.;her his death was due to a bcat-.:;V ing or drowning. Sheriff W. Bennett Rot busy and arrested 12 men. Charges have been 1 filed by Prosecutor Lee C. Andrews against seven. They are Lawrence-! L. Massie, Taylor Napier, Theodoro p Johnson, 'l/ilford Massie, a former.;. f constable; Williard Massie, Clydo-* Elklns and Garland Massie. all ol*; South Point No action was taken i against five other men who also.," were arrested. -j^, i When first arrested, all -.knowledge of the kidnapping and lynching. Later,' according to Sheriff Bennett, the rn^en have changed. their story        that they wreaks ed no Injuries on Murray and that-; he leaped from their boat into the river and drowned. Coroner J. S-.* King withheld a formal verdict.; as to the cause of death pending investigation.-</t>
  </si>
  <si>
    <t>                                           IRONTON, Ohio, June 13.-- (Special)--Unlike the common Practice in Dixie, seven white men today must face trial for second-degree murder in the lynching of Luke Murray, 24 year old Atlantan whose dead and battered body was found in the Ohio river near South...</t>
  </si>
  <si>
    <t>                                           Kindly arrange to pay your paper boy each week. If you fail to pay your bills you should not expert to get good paper service.</t>
  </si>
  <si>
    <t>                                           "Attorney for the Defense," a Columbia production at the Eighty-One Theatre, presents Edmund Lowe as a district attorney who sours on his profession when he finds he has sent an innocent man to the electric chair. No more suitable role could have been found for Lowe.</t>
  </si>
  <si>
    <t>                                           Last Thursday was an important day with the students and members of the Sunday school and B. Y. P. U. of the First Baptist church. It was the occasion or the annum picnic which was held at Thompson's farm. There was plenty of food and...</t>
  </si>
  <si>
    <t>                                           At 11:30 on New Year's Eve. Police Comissioner Thatcher Colt arrives at the exclusive Mayfair Club in response to a mysterious summons from District Attorney Merle Dougherty. The latter informs Colt he believes he knows the "higher-up" responsible for the...</t>
  </si>
  <si>
    <t>                                           Just got thru reading that daring collim of Slants you had in to-day's Sabbath number. Most was good. Some awry. All risky. Frankly, don't you think that the Atlanta public is still unready for a Walter Winchell collim? Aren't you afraid that some real mites will be carry enough to regard your "tissue paper bombs" as Big Berthas? Beware and be careful. Ole Boy .... you're treading No Man's Land now!</t>
  </si>
  <si>
    <t>                                           Up From Georgia With My Banjo By Thomas Jefferson Flanagan THE BONUS BATTALLION. OF sheriff got a hammer en bailiff got an ax. r En they levy on my pockets but I can t pay no tax: Lef the spring plowin' en that oV  mine Goln' up to Washington in the Bonus line. '/Went to Newport News, en frum  to Brest. JFrom there to bloody Mctz en      only knows the rest: '/Thank God I ain't at Flanders push in' poppies up, ^Roun' here is the buddies ' a bonus cup. The. people caIi us sorry en at our ' smile. But It beats the pushin' of a plow-stock by a mile: (En when we git this Bonus where your tax gold glo'  Wfrre * to write our congressman let us have some kno.' t. *~i Ol' sheriff got his hammer en bailiff got his ax. But honey ain't we happy, we don't pay any tax B$pid.ead its  is buryin' to hell with all the crops; We'll 'scratch them ol' camp  until our Bonus drops.</t>
  </si>
  <si>
    <t>                                           i n- e dito fv i a-l^</t>
  </si>
  <si>
    <t>                                           Once Too Often!</t>
  </si>
  <si>
    <t>                                           LaFrance Social Club met at the home of Mr. Julius Bostick. We wish to thank Mrs. Bostick and the host for the enjoyable time Which we spent in their midst.</t>
  </si>
  <si>
    <t>                                           Accredited Summer School, St. John'* Churcli, Rirtiardaon and Fraier SU.. S* K Kl*ment*ry, Junior and Senior With' Work*. R*lrB ro"?     . Call MA In 38 It. In Your City to Do Good for     Pubilo B MADAM i  Palmist and Clalrroyant \      In , Ioto, *. d.   *  : now to win 1      ,         ,  and all attain of . MADAM W11ART0K haa no equal, few aro bo Clfled. One Tiilt to a *   will  700 for nany . IKadlnn for Wlilu and Colond SPECIAL READINGS- SOo ISI3 Bowtll Hill Itoad. Atlanta Ca, MarlMla Dow. II Mill Caiw^Vcomd Iloni* ( 8        Slop Cash Prized -ARE OFFERED EACH WEEK TO CHURCHES  THE LARGEST TOTAL OF TICKETS. j Ask for Them When You BUY AT Rogers Ml The Most Baffling THATCHER  Story I rhe Murder of the Night Club Lady iy ANTHONY ABBQTJg, Author of "The Mystery of Gfraldine" and "Murder of the Choir Singer" It will puzzle you! It will en. i thrall you! The murder ol.beau. I tiful. tantalizing LoIj (.     .~ solution. She va. line ol the mom  figures -.in New York". ~;ay  life, v*/ "0 one knew who the was'! I .Thatcher Colts solution makes this the most thrilling   ie you have ever read. i 1 Begin It SUNDAY ;,lN;v AIJanta/Daily^WorlfJ Night and. Morning 1 to" keep them Clean,       and         i Write for Free VEye Care1:.. or "Eye Beauty? Book H. C.D.pl.n.S,? E.Dki.'SuCik.~. I</t>
  </si>
  <si>
    <t>                                           ONLY NeSRO  IlY NtWSPif EH IN THE WORLD W A- 3COTT KItor umi Pnbllihfr Praafc ] Davii         Editor SUBSCRIPTION 8 On.     , J7.50 0 MoiiiIm.   -=S 3        . K..'S      , :tc " daily at sio aI  avi.. n. t TELKPRONCSi         uJ llll ^twd M     4-~   matter at                 at .AtluU. Ca.,      art of Utrch 3. 1S7  ADVERTIBisC  i W. B. l\W CO-         . NfW York. Loa AxrtlM</t>
  </si>
  <si>
    <t>                                           HAGEN, Sande and Loughran are three great veterans in various fields of sport who seem to have the faculty of periodically flashing winning form just when all the wiseacres have them ticketed for the ash can. Not so lone ago--only a few months ago...</t>
  </si>
  <si>
    <t>                                           Memphis College Prof. Kills Self                 C.H. SHOOTS SELF III HF1HT                 Educator Found Dead in His Room With Gun Near Body                 WORRY IS CAUSE                 MEMPHIS. Tcnne.saee, Juno 30.-                 Professor Charles H. Condell, pro- j fessor of languages and ethics at LeMoyne College and for eight years director of the summer school at the college, was found dead at his residence. 714 Edith street, Wednesday morning with a bullet ho'.c  his loft side    -: tne re"                 gion uf the heart. A pistol discovered lying on the bed near the body of tbe' veteran teacher indicated that he had taken his own life sometime, between Tuesday and Wednesday moraine. HI health and "grief are the apparent causes of .,    act. i "~Tte- -tragedy -was first brought to light by Professor      8f-'       .                           ^science at LeMoynerand Dr. B. Braithwalte; dentist, on intimate friend of Prof. Condell. They went .to' the home of the. educator  nine o clock Wednesday morning and Dr. Braithwalte discovered ..the dead body lying, on the bed. Prof. Condell apparently killed himself during .the night or Wednesday morning because he still had his night clothes on. The body was removed to Hayes and Sons Funeral Home where burial arrangements were being made at the time of this writing: Neighbors of Dr. Condell were not able to offer any  concerning his death. Mrs. Haste. 704 Edith street, who has cooked and done domestic work for the educator since the ,deuth of his wife, was as much stunned by his act as  who had only known him in his official capacity as a Continued on Page 2. Col. 1                 Memphis Prof. Contlnncd from Pace I "(earner. When sought by n reporter for a statement she said that "she was too  10 say anything. ''A next door neighbor, however, said i thal she saw Professor Cor.dell Monday evening a round seven o'"clock. This was the las', time she mv him alive she staled. It was further reported by several neighbors that the  in both back :":    front rooms of Dr. Cornell's home had been hotted all nicr.'. Jon;; Monday. The following Tuesday r., however, the l:ou?e was dark. Dr. Condell. - of failing '"health, resigned his pos. as di1 lector of the .summer school just '~ to his death. Dr. Frank Sweeney. Prvsiijeni of I.. who at present vaca JornnR in '  !as.--:n:h;iS!;tts, accepted the  and appointed ProJ- 'Boris Alexander director. Mr. Alex;.r MKJer went 10 Dr.  s home "  pet some documents relative :v r.i:; r.ew position. The fact that the rL".i,';i:in^ professor had r.ot been ::i the ^c also created much :*n on ihc part of his as.soci;.'.'.~s ar.d .sl'.idei'.'.s. So three of hi: .:t:.s  Mr. AIcn;mih:r went to Dr. Condell'.s home ::.-e wii.it had J-.appel'.rti. They kne-vv \:v v.'js ill bu'. ikj one :-ipa'.ed fun!:!!;; him  until several lu.inks ai the Uuor Tailed to brin;: a response In keeping with a request of Dr. Condell who ! Mrs Haste tj notify Dr. Braith', in ca.-e soir.; .should lj:       to Inn: Mrs Haste /ui d Dr. Kr:\va:!i: to his home. Tlip '. an;! Mr. AIexan.hr.'      -  'd l1.,^  while the other :;-, remaine-.t u:i she out.side. Dr. Braithwaite t-n;ere.l the  and i he mystery or the pas! two days was cleat e.l with a suicide                 death as the solution. Dr. Concioll shot I'.ir. 10 death with a .3!~ calibre pistol. D- Sweeney was immediately  by  of Professor's death The new director ot tne -ttf. school dismissed school for the rest of [he  iind besan to help make whatever arrangements :he tragedy necessitated. Di Condcll w.is educated in London England. }Ie received his B. A. at the University London and his N.C.P. and L.C.P. at the College Preceptor!; at . Ho was widely known throughout ll'.e south is a ' 1 educator, '.oi::;.'! lie was quilt- retime and ,:;d no: venture  beyond t!;e cor.fir.es v( his levelling  Tiuee years ago his w:ff .lie.l. Since that tune Prof. Condel! has 1 no*, been '.r. 1:1 :h added discomfort his life ur.ti! l'-f  thy end. A i-.ote found near the body of the educator :  T;:ied and none ito Jnpiler for a rev.. I-'.! by I fools think of it. Be buck in a couple .n.l yen.rs. ,       . w!io cares? The besi one doe:t     always discounted Ksiale quite solvent. S(-c Dr. Brai'.h'.taite." I'rofe.-si.'r Cotu'.ell was a member of the British i:ia'.hcn-.a'.:cal so.-:     ai-.d held a law degree fro:n the I Univorsily !o1 Chicago. He .V-l'l been offered the chair of mathematics at the       ::iy of Mombay. India.</t>
  </si>
  <si>
    <t>                                           Up From Georgia With My Banjo By Thomas Jefferson Flanagan THE CAMPAIGN MARCH We're coming from Chicane? with another prosperity Uilk We've got an engineer en an Injun tomahawk. En we ve a prohibition plank to suit, en shout: We'll git the voter ef he don't watch out. We're ' clear of Coolidge but we keep his  knit, En we ve some campaign promises brother that jes won t quit; We'll stick to "Hell en Maria" he ll boost our platform stout ^n we ll git the voter ef he don't watch out.</t>
  </si>
  <si>
    <t>                                           , JUNE 24. 1932     THE ATLANTA DAILY WORLD, ATLANTA, UA. PAGE-'FTO^</t>
  </si>
  <si>
    <t>                                           Washington ... heated on North Second Street in North Memphis and easily reached by street car, Number 14, or automobile, is truly a haven for seekers of the Outdoor life. Although it was purchased by the city of Memphis under the direction of the City Park...</t>
  </si>
  <si>
    <t>                                           Read Every World!!</t>
  </si>
  <si>
    <t>                                           ^IBBS Mi LMn i#^^^SPV^^/l\ LI/  /!\ only negro daily newspaper in the world 1 23 VOLUME 5, NUMBER 139 ATLANTA. OA., THl'HSDAY, JULY 7, 1932 PRICE FIVE CENTS</t>
  </si>
  <si>
    <t>                                           Chattanoogans in the city for the week-end last Sunday, Miss Roberta Bailey and Miss Patterson. The latter a public school teacher and the former a play ground supervisor.</t>
  </si>
  <si>
    <t>                                           The child who is ill from a severe diarrhoea or a so-called Summer Complaint must be treated as a sick child. Under such conditions, the first principle is to put the patient to bed and keep it there. The feet and abdomen should be well protected against...</t>
  </si>
  <si>
    <t>                                           Ipvso.]~ A^ 'FOR / I! ,f *~HM^ip( :!-tW,p  s BEULAH MITCHELL. HILLy EDITOR- ~%i:    tf--Cr,^,.:H ^Si</t>
  </si>
  <si>
    <t>                                           Some people could call Augusta winters mild without arousing our resentment the least, but we claim nothing less than a perfect score for our Spring and summer and each season clicks exactly when due and registers to the last degree. All this by way of saying...</t>
  </si>
  <si>
    <t>                                           U OPEN 11 A.M. 15c WEEK END MARRIAGE iff B with LORETTA. YOUNG"-1* and NORMAN FOSTER K MRS. MUNN S51SfB SPIRITUAL  IJwSlatifl AND ADVISOR ftW*M r unhappy, a failure In    *jEB          i* tor you. IT in , unh.ppy.  int , family or  .'   clairvoyant mnd palmist will  * and help you: n-JLt the pa.it as you  know il. In*  an It Li and tht fu. turn    it will   :  full    . of whom yon will m.fry.       7. 10 a. m lu 6 p. m. No -i     . day^ or Fridara. No  . look for number Washington Lakewood can pass door. 1830 I.    . AllanU.   . % For Your -^0 Next Cake Use^ E/^  m FOR OVER M V 40 YEAR* I %^ 25 ounces for 25$i'M</t>
  </si>
  <si>
    <t>                                           ON VACATION \:i: -iii-.iic ix::vi- "I:,!!..! P'.;1 .u.'. :ii Gi-ciy :!.-pii.i! \yy l;r.);n;' a ;^  .-^:i! I;-. :riv.MV::[ '.'.'n L. :L-pn::~ -Li'.'1 U'.'.;i.'C'.'.-~ of ;i:i; i;i)cr::t:or: v.' h sin.:\-.:z'.:z:: ahci.u.</t>
  </si>
  <si>
    <t>                                           Demo, GOP Stands on Negro, Liquor                 G. P. Liquor Plank                 In brief, the prohibition plank of this year s republican national convention which was adopted 'June 1G is:                 Enforcement of the law as the very foundation of orderly government an.l civilization. To this course ihe republican nominees' are pledged. Observance by stale and indivi- duals of the constitution. Nullification by non-observance threatens the stability of the government. Any changes must be made in strict  with constitutional pro-, visions. Kcferendtims without constitutional sanction .c^ furnish a decisive answer to any question. Prohibition problems have been over- and are not partisan political questions. No public official or member or the parly' should be pledged or forced to  between his party affiliation and his honest convictions on tne question. A  limited to the issue of retention or repeal is not :". The progress Prohibition has made must be preserved and the evils eliminated. The republicans believe that the people should have an opportunity tj pass upon a proposed. amendment power to preserve the gains retaining In the federal government po  preserve th gains  made in- dealing with the evils inherent in the liquor traffic, shall allow states to deal with .the problem as their citizens may determine, but subject always to Continued on Page 2, Col. 5                 Demos, G.O.P.'s Continued from 1'agc 1 j  puv.fr (.if iho IVJuiLi 1 j;i;VL'rn- rr.'.TH in protect those :a;nes v.-Iiltc .ii in may exist ;ind /. :artl cut- riti/er.s  x^'.'liL r*; . tr.~_- n.-iu!1!! uf l he saloon arid a'.'.eniK-.Mt .-;. S;;~ ;iri :i monument s!u)ukl be pri iv.f/'.Ty .s',:bi];i-.ied to the  by (~(~n^ie:-:". to bo noted upon by ;; cc:ivi-:]!ii.t.s ~-;i:k-,l for that ^o!e iv.i:'pij;;i' in ;!ccu:\l; with the provi::i.ns u: Article V of the :~.:. ; ;i.!c(ju:~!fly .Ml ,-~u as to bt* truly representative.</t>
  </si>
  <si>
    <t>                                           In brief, the prohibition plank of this year's republican national convention which was adopted June 16 is:</t>
  </si>
  <si>
    <t>                                           __As Gotham Roared Welcome to Amelia                 Now York stood up on its hind legs and extended its usual  greeting when Amelia Earhart Putnam, the only woman to fly the Atlantic, returned in triumph from Europe. Photo shows the progress of the welcoming parade up Broadway amid the customary barrage of confetti and ticker tape (arrow                 points to Mrs. Putnam). Inset shows the ....nous aviatrix as she was greeted at the Battery by Charles L. Lawrance, president of the Aeronautical Chamber of Commerce of America. She received the official city greeting from Mayor Walker at City Hall amid the plaudits of admiring thousands of New Yorkers.</t>
  </si>
  <si>
    <t>                                           NEW YORK, July 12--The second play reading contest to be conducted by the Footlights Dramatic Club will open July 15 and run to September 15, it was announced by Ruth Ford, president, of 760 ... 221st street. Miss Fort a graduate with honors from Hunter...</t>
  </si>
  <si>
    <t>                                           M^^mST'  DAf8          \ IN  WOM-D iV^W;' gf^riTT* Editor and PobHuhef ~*   *ny-/        .      Manaslnr Editor Vs'f-'-^ SUBSCRIPTION RATE8 V:V-:;        .   .H MonthJ,  8.~0; 3 Monlh., ll. .    ..'. 8HED DAILY AI 110 AUBURN AVE..1 N. E. TELEPHONES: WAInnt Hit  nd 14(0 Batarad u       -~    nitt*r at tka pott  at Atlanta. Ca.,  tba art of March 3. 1879 MEMBER OP SITE ASSOCIATED  PRESS THR WORLD  no  for   ml iaU  fc. .</t>
  </si>
  <si>
    <t>                                           Musical "Muse"                 WI-.i-m I'hiri-in-i' M ii.-~" onie on t;..,. -.1 A t'.-v for t   1 IK'1 1..'!,i:i ni.-unv   ; !n:ii-_-iu ;ii tin- Kiulily-Um: Tin-oliv, rV-! .i[  '. I'ltMn 1 1 1 1 bOV     . f i 1 = t ii V i-:ir.- 1'i-fli-il    ' tin! -  Viu-c w:is ^"ll^unlU1 v.-lii-:. Tln-v v.wv  to In- ii; mi -.III- fcM.HV V. l:.-ll till" ViM'-:ili:*- r l.-   :.     tin? ii:'  imh- :' t ? Hi:..! w,,   ,~ I... ~.in- :lll-i-i'~:ur to "\V!i.-m h'- Sl.i'i v Tini' Down S i i 1 1 -li  l:i.-t ~..ii- Mil i- -'i tr i tiii-.-:-.- hi I.. I..M.I i^.-t".   ;t ii u!i ;,:   .:-. :,n.: !-.i.-v.-r u- a</t>
  </si>
  <si>
    <t>                                           Deficit Holds Up June Pay at Howard U                 WASHINGTON. July 5- (CNS)June salaries of employes of Howard University wero not paM in full Fri-.~.:iy. June 3D. due to a   which had been anti. but for which 11 loun hail not been arranged In time to insure the payment  f the entire amount                 Hue on salaries at the close of the month. Employes of the university who are paid entirely from university funds, received notices in lieu of checks. Thursday morning to the effect th.it their salaries for June would not be pn'.l     t isl time, hut would not be paid at this time but money i.s  Others,  are  partly from K"Vcrnment funds and partly from university fun s, were-  l ^at    \y     "C    would be paid at this time an.l were paid the part of their Kilnrles which come out of the FcrfI eral appropriation. Those whose  are paid entirely from Federal funds were th'' only employes who were paid in full. Arrangements have been made by the university to  money In cases where It is needed. This will enable ^ors and Instructors who had .l to study this summer to carry out their  without the embarrassment which woul.l otherwise ensue. A loan to the  to make up this deficit will probably be arranged in the next two  to  take care of the delimit In tho Mlary budget. The  of tho deficit and the number of person* affected could not be learned from     of Proidtnt</t>
  </si>
  <si>
    <t>                                           WASHINGTON July 5--(CNS)--June salaries, of employes of Howard University were not paid in full Friday, June 30, due to a year-end ... which had been anticipated but for which a loan had not been arranged in time to insure the payment of the entire amount...</t>
  </si>
  <si>
    <t>                                           Mr. Gant and Mr. Angel would like to know where the cigarette, Bankston Swain had in his mouth when he Started to dancing with his former girl at the dance of Arnold and Hicks the other night. He had it in his month, lighted, he didn't throw it on the...</t>
  </si>
  <si>
    <t>                                           I read with interest your editorial of June 18th and after re-reading Mr. T. Arnold Hill's article in the June Opportunity I am still at a loss as to how his article can be considered unfair to Mr. Edwin Embree. Probably a statement on Mr. Embree's book...</t>
  </si>
  <si>
    <t>                                           Thedford's Black Draught SPECIAL 19c AMOS' DRUG STORE Cor. Ashby and Hunter Streets MA. 6122 Phonei MA. 6123 ST. JOSEPH S PURE ASPIRINS TABLETS Special 8c, box ""amo!?" drug store Cor. Athby and Hunter Street* MA. 6122- -Phones MA. 6123</t>
  </si>
  <si>
    <t>                                           [TiiTlbaily I viii-.r. i-Rix.     : doi E u S</t>
  </si>
  <si>
    <t>                                           I We Claim I The Most Select Colored Customers; I In Town H Socially nnd professionally prominent colored people arp' H in our select list of customers. That ii because of the- N dignity nnd ease with which loans are secured here. Join V gj these people in thia simple answer to a need for ready H money. Our service is always courteous and prompt. We r M lr^in as high ns $300. If you need money, see us at once! I THE MASTER LOAN SERVICE ft 211-12-13 HEALEY .- MR. A. B. MADISON. Mir. v; Yoiill never know how good ^J^fSk a ci^ar can be until yo" gtf^^B  j ~''~\"h Loi-LrCici-r Mfg._CovNcwark, N.         'tf^f*</t>
  </si>
  <si>
    <t>                                           Dr. W. J. Jones pastor of Mr. Zion A. M. E. church was made presiding elder of the Griffin district. The members and friends regret the removal of our beloved pastor but we feel our Bishop W. A. Fountain will give us another one to fill the place of Dr. Jones...</t>
  </si>
  <si>
    <t>                                           Read Eve^y Adver t  CareSusily</t>
  </si>
  <si>
    <t>                                           ^T Y Y Y Y Y Y Y Y TIT?. 1 LINCOLN THEATRE m 401 Mitchell Street M M "THE COOLEST THEATRE IN ATLANTA" SUNDAY MIDNIGHT, MONDAY TUESDAY u M i i  V- h Walter Jean Wallace N ^HUESTON HARLOW FORD The Beast of the City h w ALSO CHAPTER EIGHT OP;^ ,,,$* m._ "THE LIGHTING WARRIOR^~ J Geor! -^I? l*j -^?j"3^^</t>
  </si>
  <si>
    <t>                                           ern-rr Editor  nd PoblUbtr ~:'.,.~55 art.  z:  DAILY AT J10 AUBURN AVE.! N. t TELEPHONES! WAlnut Uii   d   0 :k:feM M MC*  -~Ua m.ttw at  ota  t AUmU. C... ..d.r   . r^~  OP IDE ASSOCIATED NEGRO PRESS ,"WE WOEli ^2I?mS wJ.ii?       for UMollcltrf          t !~M eltn. :.T.' ADVEWriSINQ  T{_ B. ZIFF CO_      . New York.     Aarelta</t>
  </si>
  <si>
    <t>                                           The East Side club of Heck Chapel M. E. Church met at the home of Mrs. Minnie Williams. 110 N. 1st Street on Sunday afternoon with many on attending. The visitors were Mesdames Mattie Stapelton, Ophelia Walker and Mr. Jeremiah Brown. Miss Mabel Stevenson...</t>
  </si>
  <si>
    <t>                                           Tim Horton, of Northport, Will Smith Branch and Dora Reeves, of Birmingham, were the principal witnesses in cases before the Alabama Bar Association against Festus Windham and Robert G. Messer, white Birmingham attorneys, Tuesday and Wednesday. Both...</t>
  </si>
  <si>
    <t>                                           Smart Fashions for Smart Women LACK mid   PATTiikN Nu. 7:i(j Tin- flatter its lines, the more fIat(L']   ; your  This onu fits clo:;i' lo . It  you ;i :;, trim look through its tu.ked Ininminy at the v.i;iisi. It has lunches of lai-e at the sleeves :1 neck. And it s armed with ^iriK' -vcs partly J a and partly print. In black and white print with while lace, or brown ami In-i^e print wilh i/rt-.l    :e. is j;ivu:; the stouter figure ;i  :;.s. Designed in   'A2. 'M, '.id ;j{J ~!U. -VI, 44. 40 an(J Ml. Size 30 .-i 3 J -4 yards of - material or 'A 1-fi  llU-mcli r;~;it*.-ri;j I. /MBl^b 1 :   i i W ,736 C''! I j r vt.si(.-e. liu nii l ;;'.ei:  'M. ~\Md n!' :;u-:tn.ih - or : m:iti.Tia; for al! si/.(;s. Simiilirieil  . ln.ns lor ; ami si- arc  with r.u-h ~):Uti.in. l'l;ty (,'ivf rcm-: pli le '~li(     for  llic.-c dfl-    . I Al! y.i:i lun-i; In i!o '.u .ii; :i '.LTIl uf !!iis ;iU:-;.; ip.u.lul IS lu .-L-nd FlI"l Ki:.\ CF.KTS ilS.-j in coin:;. Kindly be sure io  \i.-:v plainly mi i;:uii ~...[;l-::i ur.\~.v.l     nd SlZiJ. New Fashion M.ii;a;'.inL-. : full of till' h.U::.t Pa;is .- , lo;:~.';hi.-!- wilh       f , can now be li:ul at tun cents when  wilh a patu.-rn ar.d  cents when  separately. Sfnd all or.ler.s to tlu.- Sourlhern NiVA- Sy:-.i;e. L! 1 0 Auburn Avem:e, M. F.., Atlanta. Ga. Soullicrn Ncwwpapcr Synditntp 210 .N AVK.. N. E. ATLANTA. GA.</t>
  </si>
  <si>
    <t>                                           HOLLYWOOD, Cal., June 22.-- Though Vicki Baum sojourned but briefly in Hollywood, her influence has been far-reaching. 'Hotels, railroad stations, steamships have been glorified and now Paramount will perform a like service for the suburbs.</t>
  </si>
  <si>
    <t>                                           THE column congratulates Mr. J. W. Dobbs on being elevated to the highest office in the Masonic order.</t>
  </si>
  <si>
    <t>                                           (Making Exit With 19 Hose When Caught                 Cansht walking out of Silver's!  v.-ilh nineteen pairs ol women s hose concealed nn his person. I James Julius was bound over to c:ity criminal "court under $200. bonds on  of larceny by Judco John I.. Cone in Ret  s court Krldny. Thu  were va:i:ci at 2Sc a pair. Alhei-i B.and. a  -it!  . who cau::ht Julius t"ld :hcl court. .!'.:l:i;s a: his preliminary he.irini; er.(i a pica of; . ManWhoRan; As Cars Meet Gets ^12 Fine Chaix"'! with rei- . I Mr.yd Y.int-ey. iri..-;-il as the n who descried a Chrcvnlet  a/lcr ii. l-.ncl .l "ill of Fort i.   ear Iriven by H L. Hooper, wai'.e, of I :t1fi Sniflair street, was Riven a fine I  f $1^ or '.y days in the stockade by ,Ii!(l::i- .ii:li:-. 1 Cone in Rt.'Corder1^  Friday The or in  Yaneey wns ;; w.is registered ;n ilie name ..f Paul \V. Rtibinsoil t.f 11)55 Oylimpian Way. but it was found that Yaneey had ivi  h- llt- plate a:;er purchasing 'i-.e )hile from a used car . JudRO Conn 'lid nnl (:ne  on a second i-!ian;r of nr.pi nP~" :i" cimis" .  i.'ia1 the used ear " w.is in blame</t>
  </si>
  <si>
    <t>                                           Friday I rushed up to Howard university between trains for Atlanta to witness the commencement address by the chief executive of the United States. I arrived, just before he was presented by Dr. Mordecai Johnson. Mr. Hoover arose and said that it had been his...</t>
  </si>
  <si>
    <t>                                           Night and Morning to keep them Clean, Clear and Healthy Write lor Frte "Eye Care" or "Eye Beamy" Book Muiis.Cc Dipt. U. S,9 B. OkioSl.akil. Your Loved Ones Bury them out in beautiful SOUTHVIEW CEMETERY Establiihcd and operated by colored people for the burial of  dear to theirs Lots For Sale Phone Wa. 0922 BEN H. TO., Prei. LEWIS G. WATTS, See.</t>
  </si>
  <si>
    <t>                                           BIRMINGHAM, Ala., June 22--The Birmingham district of the Modern Mosaic Templars held a joint meeting last Thursday, June 16, when a program was held at the Sixth Avenue Baptist church.</t>
  </si>
  <si>
    <t>                                           IRONTON, Ohio, June 13.-- ()--Unlike the common practice in Dixie, seven white men today must face trial for second-degree murder, in the lynching of Luke Murray. 24 year old Atlantan whose dead and battered body was found in the Ohio-river near South...</t>
  </si>
  <si>
    <t>                                           World Announces New Low Subscription Rates A dras iie reduction in m;iil subscription rates to The Atlanta Daily World, effective immediately, is announced today. Tlie new prices will enable readers i who want their World delivered by mail to cfl ccl enormous savings over the old price. The prices, effective immediately, are: Old I'rice New 1'rice One Year S9.50 57.50 Six Months S5.00 $4.25 Three months $2.50 $2.25 Single Copies 5 cents i 3 cents daily 5 cents Sunday</t>
  </si>
  <si>
    <t>                                           JACK LOSES BOUT BUT IS CHAMP                 Title Must Be Kept in America 11' at All Possible                 FIGHT TOO TAME                 Ilv )                  NRV.' 'YORK, .h:ni' 22-      .-i;iil AIum- : i.-ir.!i: yt.-;ir.-; i-"   tin; hull":' all. I  cif UlL' Wiil-lil1:. l.i.'::i-if l:l ~-h;ur.piu:...:iM). Uic  SlKirki-y i: i tt  s im:i.~i- ^i IJi-.-.i.'iH 01' Uu- i-.-i: Ijy ui '. U.-i .' i!i--: i-VL-i- ri.'Miluri-.: Ulh-i-  i:h.- ill' lii.' li!n:-t UTrliili-                 ill il:; ::im:i.-mi-: lir.nls ever i .li.-d in : llis'.m-y Of 111'- CiiUlirlinvi-r -ii-y. lie v.-a:,   Ihe Ifi rolin.l route last  by Max Sdiinelii:!1, tii win Hie lil But .1,-; aim ..~vi.-ni il     by; '.In- pie:;.--i..e c.'.u: Si:ml. in;::i:ii:i!;-" uf the G.- .'f. c;:. IjV ;: with CiofU'-1 Kcily. dii(.' of li:f i'.v(~ j mo;*--:-. 1 1 i-ro'.vn v.m.s pl^iti'.l dm l!u' ba:tc:iri: bll.'.v i.l  C.nil.-Hil-.i.ruu.i Siiiirl-.i'V ~-,.-:-:-(in  up I!.:-!i.!i way. I:i.Thap:; :ii.; f:u.l Itiai K. -lin-.:!'.. coi:Mdi-i--il a Kivuiili- bc-:V,:.- l  :.l:i!-!i!il Bl.Mi-lly :-.f:i-r 1"    !.nv. Iru-'. iiii'.iii. '~'~'~1::'1 I'"'1' 1-1'1 him - ;hi-:-r w;is p!i.-i,ly "1 Klurkuv nullify :i!lo:il :i:.:: i.:i:. Tii.' ni".v "       '.n" iu.ii:rd  l.tv b:nl a: turn-:.. m-'.'.-i 1 1 o-i-'j:    :. li- h.'.l v.'iiii lii--  ami i - v.-i Ji iii?' ja'.i.-. '1"Ih.'  .' were times when he il a i'.oo.! i: Tor the Olyir.pa:-; :,c!~.-chi]e,l l(ir C:ili:ni-ni:i I.''""' i:; ill"""-'!' As a rac. r. he ^ -~i!.'iii1l.I i fi.rin -i'.'-; !~ae;-:v.-ai.l lr..:    Telilon he .-.'l i:url uf - f y V i     .:-~-i wri ff"  Dixie wi?:.-! l.ii'.hly i'l :av..r of the decision linn .j; a ci:iil:l lu u::--e:s 'J'.-.) cmd l be M-on :i:'Il'i- Lilt.' - 1 j i j j lo r:iil U a lil'.iH W.Hll'l be a joke  Jii S!i.-iri:ey v.-.n-. i Mavbe :i was l;.-.::ir-i' .S.-;1. -.l SUiblmi;. llu- ClL'..fi;i:ui ;e. las', year and U;.-.; '.van'.e.! lu Continuct! on paKS 2. Col- 3                 Sharkey Wins ('Continued from page 1) ^lL ;o:i I'-'s beer, a lew years s::xe Sharkev arl .e .', :;::g they ve ,-uri. ci forgotten a- bout it. Th(;y s;:u;^d nV: before the crowd of 70.000 :;pu:-:-":ior.~ like a couple of  ^-~tt;:i^ ro.uly to shoot murI bl'.1*-. I.' it progressed to    -' 1 .."-.ivity a pir.i; por.j; i;amc Sever;1.: c\i: h .L'rs in the i cheaper ."'~'-*}, hv-d to be awakened I '.'.'   er;.p v.-a.s (.l*.. S.--.r.*: '.  rounds, i Siuirl'.ey iv Jr a;u: l oui- v/evc even. I J ; i by the .. tli*- win.- j  h.ivi;    .Tt chosen be- i l-A-c.-M S'.-y a:u! Even. Tea oniy ; to iiit the c;mv;iS  ti'.e 15  \v;.s 0  v.-iv.:* one of the sports scribes 1 to.-^L'ti :n. Ij. \vr:.s a. wonder but Is b' ii Ain't catch pneumonia from tht: wind raised when ?=e wild rights end1. ' fi -ised Sharkey was the only one to look i after it v.Mr all over like he had been ::j::. llv could have p:ise.i fo:- Oi-.c-Eyeii Conn-lly s twin !):*ot her cine to the frequency with '-h S'jhmi:;'s vij ht connected with "Jiat orb. Tht.' G*. started ot;l t;-;n;i n. sty'.L* dil erent from that of old. L.Ll-.t   - *!ed .j; and ' ir-.j; :lu* .~~ stuff  made :i:;u:y ^'-L- him to Df-. Hut      :he resemblance !i;'.;key v.'as  of Sclir. and i!iJ latter returned H-e c-JinplinxT.t   ; io land !:;oi;t punches .~~oir.-''. They Mil) :ji-i.'. If Si'l'.r.Hilinj; hadn't started wi-.:it  fireworks there were boil; boys could have pys.-.'d for :";a aiu^ T;:is ?:    .'' over-caution robbed ihe Teuti'it . The cards were lacked ;r him and only j.  r.r a ten-mile wide mar;:\i\ would Ik'.vc saved h:t:i the championship. It wurk.-i like thU: \W\w:\ a Nc;;ro and a white boxer mix, j^ivo the bi  to t:io white. When a white American and a foreigner ~;et , keep  cl'. at home if it is at :iU . I.oui-I-' lost that way when he '.ht J.-ek Uen-. and hit him so hard w         like a football sailing over ;i-.e :-upe-i. Yi'l.  \vo!i.!"r why  t  ilc'.s ".-e of the '.!</t>
  </si>
  <si>
    <t>                                           NEW YORK, June 22--()--After waiting eight years to cop the honor and glory of the world's heavyweight championship, the terrible Sharkey man was made a present of the crown by one of the most terrible decisions ever rendered after one of the most terrible...</t>
  </si>
  <si>
    <t>                                           Jerking Guns Is Dangerous, Opines Judge                 That it is bad business to pull out one s weapon and attempt to throw it away was brought forcibly to the attention of Fred Thompson, who was charged with doing just such a thing when an officer approached him April 17, by Judge Woods Thursday morning when Thompson appeared before him to answer to accusations of carrying a concealed weapon and possessing a pistol. He was fined $75 and given a six months sentence which was suspended upon the payment of the fine. Judge Woods told the young man that that was one of the few things that might be done to cause an officer of the law to shoot a person. He ilustrated his point by showing how a policeman, seeing a person pull a weapon from his pocket would naturally be forced to take some action to defend himself against a possible attack and warned the young man not to be so thoughtless as to try to throw a weapon away in the future.</t>
  </si>
  <si>
    <t>                                           A wave of purse stealing from homes has commenced if reports sent in to police headqaurters during the past twenty four hours may be taken us an index.</t>
  </si>
  <si>
    <t>                                           This Ad Good for 10c on 3 'Any Shoe Repair Work or  Hat Cleaning. 3 ^BUTTON S 1 CUSTOM SHOE 3  Hat Cleanins (Odorleti)         ' Men's Solol Sewed or^ Vulcnnliod on (None Nulled), II Ediewood  l B PoinU  ls. 4268 Downtown DeliTerT^</t>
  </si>
  <si>
    <t>                                           GA. LETTER CARRIERS HOLD A ONE DAY SESSION                 POSTMASTER ADDRESSES CARRIERS                 Favors Reduction in Gov't Employees' Salaries                 LIST DELEGATES                 Declaring   employe:, should not ri-si.sl :i cui or furlough. -vLT me case maybe, and that In; was openly in favor of such un action on the part of , E. K. Large, postmaster of the Atloma office, was the   speaker at the one day                 slon of the Georgia State Association of Letter Carriers  convened in the United States district couri room Monday morning. Large, after  the mail carriers for the efficient work that they were doing, declared that they should expect u cut just as much as the poor devil outside ol  service His re-marks brought a storm of applause  the carriers. He was Introduced to the  by R. B. Perry, president of Branch, No. 172, who was presiding. Otner speakers on the lengthy program included W. G. Westmoreland and Mrs. J. T. Sharpe, who welcomed the delegates to the city; L. F. Livingston, superintendent of carriers; C. C. Clarke, chairman, board of Atlanta Postal Credit Union; and W. H. Trezunt, superintendent of mails. .1. H. Scott, of Augusta and president of the state association was introduced by Perry near the close of the program, and delivered a short address. Various methods of improving the distribution of mail and the locating of correct address were discussed by the postmen in  business session which lasted from 11 oclock a. m. until after 2:30 p. m. Musical numbers were furnished throughout the session by the Atlanta Lettters Curriers' Band and a solo was rendered by Mrs. Marie B. Butler. Following a parade which was Intercepted by rain, the group dined at Mrs. Sutton's cafe on Auburn avenue. Two huge Georgia Power company busses curried tlie group on a rapid  tour of the city. Various social fum- including a smoker and stag parly were held for the delegates ami their families during the evening. A complete list of the registered delegates follows: J. W. Ree^e, secretary of the state association, Atlanta; J RGomilllon. Atlanta; John H. Scott, president of the association. Augusta: J. W. Lavender. Columbus: P. W. Richardson, Columbus; W. M. Syockiom, Columbus; M. B. Davis. Dalton; D. S. Daley, Augusta; D. Barnes, Augusta; E. E. Collims, Augusta; W. E. Lavender. Cordelc; J. P. Monroe, Brunswick; P. C. Minnlefield, Augusta; W. L. Bakes. Marietta; E. A. Davis, Lindale; D. S. Browi!. Rome; J. W. Horlon, Athens; W. H. KUIIum. Athens; j (Continued on Pace S, Col. 8)                 Postmaster Continued from P-igf- One W. II. Gray. Atlanta: J. W. Morse. AiiKuiitu A K Hubi'MMiii. Augusta; J Hollimun. Atlanta: M.    Hume: K. K. Powell, Mcmtlcello; W M. Meadows, Maeon: J. R. Suit's. Savannah; James 1D'1" 1 omit' Savnnnali: S. C. Williamsnii. Atiania: H. U. I^rry. Ail-int:r John Wall, Elb.-rton: R. T Smith Atlanta; C. A. Caruwoy, Thomaston; C A. Butt';. Thomaston: W. F. Dicken.i, Tliomaiton: J T Sharpf, Atlantu; W. R. Stephens. Atlanta: J. C. Slmms. Atliinia- C G. Ezznnl. Atlanta; J. T Wnuht. Mncon: W. G.         -. Allanlu: Will Hush. Atlanta: Wylii' Drayion, Augusta: I -r H. Cuoper. Atlanta; A. Mcl.. Atlanta: A. W Brown. ~\: N. A Uranham. Savannah: K. Henry Hi-, Atlanta.</t>
  </si>
  <si>
    <t>                                           Declaring that federal employes should nut resist a cut or furlough, whatever the case maybe, and that be was openly in favor of such un action on the part of congress, E. K. Large, postmaster of the Atlanta office, was the principal speaker at the one day...</t>
  </si>
  <si>
    <t>                                           One of Booker T. Washington's chief objections to segregation was its inconsistency. He said, "The Negro is segreated from his white neighbor, but white business men are not prevented from doing business in Negro neighborhoods" this way the...</t>
  </si>
  <si>
    <t>                                           DENVER, Colo., June 13.--(ANP)--A prospective view of the local political situation in around this city reveals 1932 as a banner year for the group in politics and if the many opportunities are properly taken advantage of, when the curtain goes down in November the...</t>
  </si>
  <si>
    <t>                                           BllHEPflH ONLY NEGRO DAILY NEWSPAPER IN THE WORLD IjjmUMJLmJUMI VOLUME 5, NUftiBtR 1G7 ATLANTA, GA., FRIDAY, AUGUST 5, 1932 ~^  - PRICE FIVE CENTS</t>
  </si>
  <si>
    <t>                                           GRAND JURY INDICTS MOHE                 Lottery, Assault and Hurglary Are Mentioned                 1 5 A It E N A M E D                 Fjf:i''-n ." bills and on*1 no bill  i1*.1 tu filed Fridny by the KuJtun   jury- Twu r:  -n wlti.'  in Id I cry t-f:;j i:;;:i::. bu. up the u\n- sdy l:r;v iium:brr to fnt i-  in !!u- f.'ill --vi-:- i  hcs '-r. f                 Three  wciv nami-d in hill-'j i fur          :i .: mi the F. until nl I .Inly. John Himkley  ..m lri;il fc* t-liar;:es of :i:~soul v.V.h intent I" murd T in '.e':-. with the ).; of the Mh-er Hi..-;:. Bell am) Loii^-nie DuIIk, If)!! Griffin . X. W., in a ^y k 1 1 1 f i 1 1 I'pi.mil". I.'.l Eut!er, ;ili:~s Luon Butler, an.! Willi;un I'orlfr, ;.Ikjs James Thi'inas. an-  with : Mi-. Julia Illair. 178 Brooks alley. ..f five  Ihf san:i' date. B^tli wen- arri-sti d by OfficiTS Simj   Caldwell. BurK!:    also came In for smut .Mtcnlioii. Sims Janus, I-' Kulluy. I Jatni'S Carli-r, and Grady Tiiomas ;  for ; a quantity uf beauty preparations, a brief cai-x- and pii tol  the Kewbro jMar.^ i-ompany, -'.TO Walker street. Jihh; 27. Said to have      -  -(] a parse :iiin^r S10 iron- Mrs. Mur^'aret Balls, 5-i J Ci. , -M. E_, .July 2. Thornlon Ucilr-. is charged w;lh robbery; v.-Jiile a true bill of burglary v.-as lu- In a/,' James Wy.ai. wh.i is alli KOil t" have robbed the Jacobs pharmacy at  Pelers s:r. el of HO p.,cka;;es of  and ".ri in cash. July 2.</t>
  </si>
  <si>
    <t>                                           Fifteen true bills and one no bill were returned Friday by the Fulton country grand jury. Two men were named in lottery charging, boasting up the already large number to face trial in the fall several notches higher.</t>
  </si>
  <si>
    <t>                                           WEAKNESS TIRED FEELING A  foci ing that hang3 on, day and night, whether you work or not. i often, goes away following the usa of Cardul. 'With. Improved strength, monthly periods quit bringing so i much of the suffering that women dread, and pains due to a run-down condition are overcome 1q a whole- j gome, natural way. ,, much with severe ^                 pains and a weak-               mis In my back. ~*5KS0     3v^5,O At times. It seem-       ^WWw^BfijgJ stand It. "When I Y 1 stand on my feet VL*% **%"*~~ the pain was very      . !w8  Ji bod. I would set        *.13 r^ so weak I knew I   !5^T-^ must take - i, f -%~ so much of Car- J?~~, ^SjS^Vv" v*' dui, I decided to '';..%'' i try it. After tak- f, '""1"  two bottles, I )$~ felt all . I fc;,^%y- can  recom- ^^H^^v^ ^i*H$L Sirs. Cora Smith, ^%3r^Kr^~ Montgomery, Ala. ' . Sti Taoosands of other  women hava Boid that Cardul  them. Build up your strength with tho assistance of Cardul, a harmless medicinal tonic that women, have taken for over fifty years. Cardul Is sold at drug stores, ic-47 FOR , RUN-DOWN WOMEN In Your CltT to Do Good for the Public MADAM YjW WHARTON ^S^WV PalmlHl and CUir*      -jK l \ in       *~. love, -III KB divorce: How .1 1*1 MB to win in love,         , U'lAI health and -all affairs of  lifr. MADAM  ^^Bl^fl has nu equal, few are ao  LaV H  ,     vb*it to ^aT^JH genuine occult scientist ^HtaaaflBal wil] repay you for            *        .        9 for White and Colored SPECIAL READINGS- 50c 1513 KnwcU Mill Koid, Atl-   . Cm.. KariHtx Unwell Mill Car- Sr*    Houm from Seaboard Slop Cash Prizes! ARE OFFERED E A;C H WEEK TO CHURCHES SHOWING THE  TOTAL OF TICKETS. Ask for Them When You BUY AT Rogers</t>
  </si>
  <si>
    <t>                                           N.I.11 FOR FORGER!                 I NEW YORK. July 1- Mrs. Lucy P. Haynes, a well known political i worker of the 19th assembly district, was indicted last Friday on a third degree forgery charge in connection with signatures n petitions designating Harold Forstenzer and E. Gilliard as delegates to the State Judicial convention and the Republican National Convention. Attorney Francis E. Rivers, defeated Republican candidate for Judge in Harlem, showed that more than 100 signatures had been forged. Justice Ford of Supreme Court ordered both Forstenzer and Mrs. Gilliard's names stricken from the ballot. When arraigned before Judge Koenig Monday Mrs. Haynes pleaded not guilty and asked two weeks postponement to file a motion. The request was granted. Mrs. Bishop Given Custody of Kids NEW YORK. July 1- Mrs. Eloise Bishop, estranged wife of the Rev. Shelton Hale Bishop, assistant rector of the fashionable St. Phillip's P. E. Church in Harlem, won custody of their three children pending settlement of her suit for a separation. A former court decision had awarded the children to the father, with right" of visitation to the mother. Judge John L. Walsh in Supreme CoMrt decided the children are to be with the mother until August 15. when they will go to see the father and remain until Sept. 1. The mother will put the children in school next year instead of the father, who schooled them last year. Man Hurts Arm in Automobile Wreck Struck by an automobile, a man who gave his name at Grady hospital as S. W. Warren of 103 Daniel street, was treated in the emergency clinic for a slight abrasion of the right arm. He was permitted to return home after being treated. SOLDIER DECORATED NEW YORK. July 1 Harbert Johnson, an overseas veteran of the 369th Infantry has received notice from the War Department that a Purple Heart has been awarded him because of a wound he received in action on October 4. 1918. while acting as  of Company D of his regiment. Neertham Roberts of Trenton. N. J., received the honor several days ago.</t>
  </si>
  <si>
    <t>                                           MUST EXPLAIN                 EDWIN I! SF.ri.KV i Bllsir.l"-^ r:-.;w;;ii!er of the United I Sabbath D-iy Advent, si Chi::di m Harle.-n. which its suit ir. i.ol.l the- church building 'ak'.iin--t the white of tile Si; D;ty   1- I  who h.'ivt; cu.^teH  pastor, Elder J. K. Humphrey, for Koin;,' .iKe;i:i with ;i n;nl estate FCheme ;.s( ihr whites of '.he white  lru! of the . The proje'.'t v.-as the cuii ii of :i recreation center with  lii^. N- f J~" n-.emb. of Ins church ,-iftr.T he c!;::r;ed :he whites would ni l admit tns member.; to the regular chur -h ho:-p;iul ar.'!  cer.t'i-.' The church rr.rrr.bers paid 510.000 c'. c:i '.he proper1.',',  !o^i it, and the me;i:bers are now asking Mr. Set.lcy. wh'~ -.v;is tn^ the center, to explain why : can t i;et their ^qui'.y money b.ick.</t>
  </si>
  <si>
    <t>                                           A series of meetings began Monday night at the above named church located on the Wynnton Road and they will continue thruout the week. The public is invited to attend each night.</t>
  </si>
  <si>
    <t>                                           ORDER HOUSE OF PRAYER REOPENED                 CULT HOUSE IS GRANTED INJUNCTION                 'House of Prayer' Not to Be Molested by Police Officers                 HEARING AUG. 19                 AUCfUSTA. Ga.. Aue. 4. -Officers of "The House of Pr.iyer" loc.- on Wrlghtsborn rood, between Chestnut and Mill streets, obtained a temporary Injunction, in Richmorul superior court  restraining the Augusta police   rom interferring                 n-1h their services. The House of Prayer, one of a -roun of churches strung out over  he South and said to be the property of Bishop C. M. Grace, who Tms himself the "Blnck Christ." -is " by Chief of Police G. W- Britt a week ago Monday following a shooting scrape in the  or the church In which Fred Shaw was seriously wounded by Billie Schley, according to police records. This was the second shooting near the church. In the       n man was slain. R. Lee Olive, chairman of the civil service commission, termed thechurch a "menace." The chief and members of the police department are temporarily restrained from interfering with services in the same order that  the return. Qf Bishop Grace in tms city:- "Services will be conducted, it was . by Joseph James Bnlley. pastor of the church. The injunction, directed against Chief Britt. et al, states that the closing of tlie  "without legal authority, excuse or justification" 'hns deprived worshippers of the "spiritual comfort" of services at the church. It is denied that disorder has ever resulted from the services and admitted, also, that two serious disorders occurred near the House of Prayer. The petition sets out     _ two ushers or guards are kept on duty at nightly services to prevent disorder. The injunction will be heard lor I final disposition before Judge A. I L. Franklin August 19.</t>
  </si>
  <si>
    <t>                                           AUGUSTA, Ga., Aug. 4.--Officers of "The House or Prayer" located on Washington road, between Chestnut and Mill streets, obtained a temporary injunction in Richmond superior court yesterday restraining the Augusta police department from interferring...</t>
  </si>
  <si>
    <t>                                           ONLY NEGRO DAILY NEWSPAPER IN THE WORLD U^^Um) VOLUME 5. NUMBER     ATLANTA. CA., WKDNKSTTAVrJl^V 1l),i2 ]J__ PRICE FIVE CENTS</t>
  </si>
  <si>
    <t>                                           Spend Your Vacation Profitably ATTEND THE Atlanta University           --Spelman SUMMER SCHOOL with The Atlanta School of Social Work affiliated College Graduate School Professional Social Work Rural Institute Observation in Nursery School Scoulmastcrsliip Course JUNE 11 to JULY 22 Strong Experienced Faculty Wido Range of Counei in Education Modern Equipped Building!           and Healthful Location r</t>
  </si>
  <si>
    <t>                                           JS THAT PROMINENT Noo Yawk medic really l,,Ve" with winsome Miss Lois Rutlcdgc. ihe blonde Hawlcm Hospital  as they have it? Miss Verna Mac James is yielding m. quarters with that swell young man Roy. the Anniston boy, will have an awful time explaining his trip to the 130 Griffin street address to Miss Carolyn Kent, the  doll Miss Irene Dobbs will make another European trip this fall Ralph MctcalCe will break a         in this year s Olympics Jack Sharkcy will argue In dollar sign language a long time before he gives Max Schmeling another chance at "Schmcliiig-s" title Col. T. W. Holmes said: "Shark-y was an awful picture of a Champion at the end of the fight- battered left eye resembling a toy balloon, hitting back weakly ami only in defense of himself, and retreating to the ropes throughout the last three rounds" Mr. Theodore Goosby sums it up in the sarcastic and ironical "So this Is America?" Miss Miriam Price is looking lovelier, sweeter, and more alluring than ever to the so-called invulnerable mAIc society, by their own testimony, and Mr. Bob McFarlortti is to be commended by you and awarded today s sweet-scented rose by the ole  Sclnh for today- Lough Carl Bcckwlth! THANKS FOR YOUR' PATIENCE, Ncrtz here, there, "n" everywhere.</t>
  </si>
  <si>
    <t>                                           i T- k \i Libby's- I Corned Beef CAN 17c Libby's Potted Meat 3 CA*8 10c Best 'American %%~ Cheese  15c I Libby's Vienna- 3H$~Sausage 3 Tl* 25c "Sunshine" Nobility 'Assortment- Crackers 25c f American In Oil I Sardines 2 ^3 9c Fancy Pink 4 Salmon 2 aa 19c Large, Freeh Ga.-Grown j Waternelons -= 25c Kentuoby Wonder I] POLE BEANS 2 5c SQUASH ~*,w 2c I Jumbo Ulalki, Fancy * V. ^1 i CELERY 10c .Vo. i      or White ""i POTATOES 5 9c. IV'?iife or  ii, ONIONS 3 10c California SunkUt K-~ ^%. i I ORANGES   z 15c Echo-JJri Pale Dry GINGER ALE 3 T7~* 25c TEMPLE GARDEN TEA lb. 23c VERIBEST CEREAL' BREW bottle 10c Ttviftle Garden l* MUSTARD 15c ROSEDALE TINY PEAS no. 2     15c SPAGHETTI FRAN-CO-AMERICAN 3 j?   ! 25C Itnactldlc Fine tor Salads BARTLETT PEARS       13c EXTRACT BOSTON BRAND BOTTLE SC K.A I nHl, I LEMON OR VANILLA BOTTLE aw MARASCHINO CHERRIES       1Oc Iiiiiii.-O'iiclicd. in Olive Oil) SARDINES "size can 10c ZION FIG BARS pun, or fruit lb. 10c j SLICED PINEAPPLE S8   ^S K X'c BRO-LO no.! can 25c PEANUT BUTTER sau^oa ul^j. 10c RED SALMON turn uw cam 25c American Sweet Mixed t J PICKLES 32* 30c PAPER NAPKINS/* m.       10c  LUNCh/ aou.^^ 10c VEAL LOAF 15c FOSTER S ROAST'  v ^V 12^~ I FOSTER S  NWAf- d' \ft. "c 1 U'clcft's-^-Pura Oonoori v 1 GRAPE JUICE SgSs. 17y2c I IN  MARKETS I V I I I r           t V^*1*. HAMS 29c SLICED BAKED HAM 39c Premium or      ^~71 Ptato S(    r !~5    y Park Shfliridtrf 10c HAMS uj, ,'r ..'He Vcef Short ra*V** ^^r'',15c Ctaok  itl 17o MEAT LOAF lb,, 15c Beef )~yr tonj; Horn m cheese t* i5c Pot Roast ~*-   J5c Uulh or Carton Pure I LARB 2 lbb.15c Dreut K K 1       8EAT ^.Tjc HENS 19C</t>
  </si>
  <si>
    <t>                                           Bind Preacher Over on Girl's ThefrCharges                 Rev. H. 11:1! uf L-iil C\:\-' pi.-.Ci-. isler   ::ii:''i'!i-~. c Ic i r w.i s boi nci 0Vi !u fity c;-, ii       ;aUi) i:.~:ids on a I:. of hivi :iy of ;i ii.ii:.--. bv J-:-.:i;i- .K'bn L Our in l!--i-o:-.li'!-'s\-- hi: l-'nilay.   \-u: iiii:.: Mi--; i;i;.i n-.bc-r!y. Hi".'. Hill stole l-.ci- -k.-lij.io!: c i j i w 1 1 i r. i_; flJ.'.Ti. fron: \vj!r:c  hl-!(ii:i it l)cni'.-.!ii i!i. ::i:i:'.'. tss u .1 in-(! :n In       . r:- :i. at J-ll Ciif..:.:i ;j!:uv Ti:.- :hi-:i w.i:;l cn:i! Thursday :r.-: in:.:.:, sh.- ,:a:i.i lu v. Ii:ll (icr.lcd 11-.. i'l;:i:-~v. but :;;::r.ilU".l h,. hiid vi.5:ti-.l tin- :r!_s i b:ull r rs l-.nusc ' :   ' \v;;.:-:  :,:; ai Hi,, linn.- 11,, i Mi::;: \V:::;i.~ r!y had !..~,1 Mi:n that slur had nu ::in:u.'y. Tin- :;lim:, was b..c.:ki d :,t (h,. ::IatM:. ii: .i c:ia:::i.' ol" hem1:  i-!i !l:r '.H. ;il'---~-  s '.WiI'i- c! l:;.il ho in-.ii. i- tin- inU' :i- 1: of  w!:in arn-sled. Tin; a:ie.-t was 1,'iad bv OITlf-T I IX-. I</t>
  </si>
  <si>
    <t>                                           Bacchus in Bondage Awaits Release by Repeal                 One Million Bottle, of Choicest Champnsme Gather Dust and Cobwebs. in Sandusky.O., Looking Forward to u Act America.                 ONE Or tVi HoM M6J, EteeiS.ES                 Michael .                 T^USNUtS THC CHAMP**!*                 Homm,.T.  ts fender, -..brought [TT ^  ; 2oUm"      th" V.n-Americ.r -          in. Buffalo. {.    n .rli.t in v,,nemaLinE. H.~  J.^1",T*"*1 bul .on, Willi.m, .. in.nd l.tcr won 8     .  t St. Louii. Hommel died 25 y.~n "B"^. government. Mich..!1! widow u</t>
  </si>
  <si>
    <t>                                           Piggly Wiggly WlIX HE CLOSED ALL DAY MONDAY, JULY 4TH RICE ESMr 5 lbs. 15C BUTTER , lb 20c LETTUCE  ea 7c LEMONS SfAS^LI- doz- 17c GRAPE JUiCE  8 23c pts. 1 2ic Banquet Tea i 37c 1 9c Peanut Butter ib..10c Table Salt     %%~ 2 for 5c Pink Salmon S^ 3-.J9B nST 24^55.   *SfY^~ie ToiietSoap 2 ^r 15c Soap 4for25c southern style Pineapple ea. 1 5c vSp apples lo^o' Fresh Corn l* 5c WATERMELONS ^[ *~J** IN OUR QUALITY MARKETS: FRYERS K?'i?s^ lh- 25c mm , lb- lliC  UNDEiFilc Beef PotRoastib.15c FANCY SLICED. White Bacon jn-7ic Bacon J^ 7mjm"~ik"*iF*fr*  "S? 83 BROAD !IVI AT T H W S STREET, S. W, 100 Lbs. Dixie ;^s^s mm $3.92 10c Lbs. Baliard's Chicken Feed $1.69 100 Lbs. Ballad b^lng IViash $1,99 (WAPPy D/ ,S Cheese 1 3 c" ;1RLE"KN Bacon 3 20c Good Luck    )~gM 12-Ifa. 38c or Miss Dixie ra0Ur 24-lh. 69c Dixie Crystals SUGAR 5-ib. 22c Irish or Sweet Potatoes 5-ib. 10c MEAL 6 lbs. 10c CREAMERY BUTTER Ib. 23c HAM Picnic, Whole or Half 9'c HOME-MADE SAUSAGE, Ib. 10c</t>
  </si>
  <si>
    <t>                                           I- Pony Rides The Only Electric Lighted Pony Track in the South Ri';il Ponii's, Kind .'iiid Gentle Hie a Ride! Lotii of Fun and Whnlrioinc Exe- for the Kidt'iel JJorsi.'s RtMiuni by tlie Hour to Adult.:; I Opoii Sunii.-iys fro:n A. M. tn 10 P. M. I I Up. -ii W.-r!; V:\    10 A- M. Id M 1'. M. Exclusively for Colored Washington Park Pony Track Located at Woihincton Park Roosevelt JonCS, .Mjfr.</t>
  </si>
  <si>
    <t>                                           ^Hlb^ ^1 ^^^ATTS^^^^^^lT^J^fl^Bflj sK^ ^B B  B fl /IjBbL^^A T^-^~ T*^v I '^^^V  K"m   h *^^^^^^       Be Jfcg ^^^k fl B\l V A ni QH  Jl Bw v A^HbW ^^B^^ j h^l    9^ B^^^^^^^^M^^^^^^^b^^^^^^ft^fl^B^H ^BfiBl fli B1 i ^B^Bfc. B^   ^ fli b^ jtf^^HL j "''i^ m^^^w^ s*\ I-St^^y v^O \mL*' i^^HJBj ~^*^^B'*^Br^*^^MM*^M'*""*^B\'BXi.^B' Bj fll ^B^ fl BIa a^~ ^B BU B^^^^'^^^^hk B^^ v a^m ^h **B1 ^^^^^^^^^i^^hL^h) B^ I *\T.  *46 ~.^iI *fl 'JBbHB Jv    Bl V- ^Bf       Bl ^iw! B    *i iln?7 TaI/ 1 fl^^^^il t/'Sl7i* ;^i^y*^V^t ^R"  ^^       "T fll       "^ B hi bI HHKHBsHHHflBlfl^Bi^B^^BSAflHHHBH        ? only negro daily newspaper in the world %3^     ^MM VOLUME s, NiiMTsEimT- "ZZZ. -._-ZI.JlilIIZZI!^^~v^^ ._IlZI_... _== I  Frice TijRE-E"CESTs</t>
  </si>
  <si>
    <t>                                           During the hot, sultry days of the Summer months, be careful to avoid over-dressing your child. While this warning holds good even in cool weather, it is especially timely in this discussion. Give your child an opportunity to cool off instead of retaining its body...</t>
  </si>
  <si>
    <t>                                           VARSITY CLUB IN SHUTOUT MEETING. Memphis.                 i holo     Jones-i urdy. Mrmpnis.</t>
  </si>
  <si>
    <t>                                           Sunday, June 26th, Spartan Star Lodge No. 108 Pride of Spartanburg Lodge No. 111 A. F. &amp; A. M. and Sisters of the Eastern Star held their Saint Johns day celebration at Macedonia Baptist Church, W. Henry Street. A forceful sermon was delivered by the pastor...</t>
  </si>
  <si>
    <t>                                           Net play is to tennis what sales is to production or liquor is to the human blood circulation (if you do not get too much of it). It speeds of tennis. It puts zest, kick, punch and excitement into the game.</t>
  </si>
  <si>
    <t>                                           IF YOU WANT ^^...-^^^""^^c to  you Bet a  U- in . No case beyond  ! Write nie tody. Information FREE! M. WILLIAMS.. 001 Benrcn Ave., Jersey City. s*. Dcpt. R. Have the Skin All Men Love You can t go against nature and it Is men s nature to love a light, clear,  Bkln. Of all known methods of clearing the complexion of ruinous, unnatural Impurities, blackheads, pimples, freckles and other blotches, Nadlnola Cream Is the simplest, quickest and most satisfactory Just apply this white fragrant cream at bedtime no massaging, no rubbing. Nadlnola quickly brings fresh, youthful beauty to your akin; restoring a soft textured, smooth, radiant, flawless complexion; closing up large, ugly pores and leaving the skin Ivory-white, lovely. Don't risk your face, neck, arms and hands to cheap bleaching creams, ointments or lotions, but be sure to use real Nadlnola Bleaching Cream with Its DOUBLE ACTING qualities found In no other product. Get a big 50c jar of Nadlnola Bleaching Cream at any toilet counter; begin using It tonight, and tomorrow you will see a hint of the wonderful results to expect. Money-back guarantee In every package.  BLEACHING CREAM .XUnvfattured by National Toilet Co., Peris, 7Vim.</t>
  </si>
  <si>
    <t>                                           PHILADELPHIA, Pa., June 22.-- (ANP) -- Kid Chocolate, Junior lightweight champion of the world, experienced little difficulty in winning the windup at the Phillies' Ball Park, in the first outdoor boxing show of the season in this city, Thursday. He decisively...</t>
  </si>
  <si>
    <t>                                           Classified! i The Atlanta Daily Wcrld  ONLY NT.'illO n.MI.Y in tiii: woki.1i Classified Advertising R.'ifes j DAILY  He a line Ho a I'.1"' Consecutive insi- Daily and Sunday: Three limes HT  nt I Seven times Thirty l\mt* or - Sr line j       urdi          I'kmxU I counted n- s Hue. Thr minimum :* Prirf Ads Taken Over Ttle.;~li"iic: j IHl* telephone ~.r  -, tury mi   har"" In r-' for I thin t"-v lilt- n.-ir i. np cl- I ~.i lo  Ihe "lav f.      i, in-.. On nil ail.-r-'i.'ii-  tn! hy mail All lli.c.'. Ml'Sr I- n.~v in i.rr.cti "t l"e WorlJ uffi, .,r liv lc!  -r. 1    * ( art- j NOT . I ERRORS If any t- ii , Tlir Atlnnln Ilnily World is r(~  )ni.;blf (~r ""ly 1.11c -ct . Thr ml i-rti**T i*              '      iil.-     -nl in-rr;ji.n- Tli" ~(lv.Ttinrr    'f mrr.dian It nr.d-a. CLOSING A,K. r'...'in.-n[. In The Acl.nl. DiHy up Lnlil's I' M S.. Th. ..ffice.  rr ,r;irn (  :l-         Sunilai until V I'. M. Lit '.Ik- cm.'-iu*  if -mi. ATLANTA DAILY WORLD  WANT ADS IiKING .TS. JUST CALL WAInut U'i'J : risk for an Ail Tnker j i</t>
  </si>
  <si>
    <t>                                           ^J STATE NEWS                 Columbus, Ca.                 St. M:ilK\ A. M. I.. Church                 Krv It. ll:im-y l . IVsl.-r y:J:i A M. (;:-.  -(i S:i..u:.y :i""l TliO Sui. .-vii-M.l i^ ;.K-.~':r.iy oiv.aiu/t I ." thi- ;,-.-iii.-r.j. Mipjiid'/r. v.*i:ii oi ii.pt-!' lit ii-:^'lic: :~a' c:\cu l Ij-:?'. i                 Today is rally ~:.-y f-r i!    Sii.nci:iy Sc'h..o! "V :i!.- h..j..!i-: il v. ::i bi; bu1 suir i.'. ll:.'iU A. M. M.::: m-~.;  .:    . Don't i:nl ~-      wi'.li t'11" l:"'~!~' c-i.wds and l..-ai    - 1 :i joi;-, ;'.e:H-rai ,-vai!i'..-hsl. Hi- ~"i::i-i A. ll;   bv, ..-liver :i ,-p.-i-i;il .-aiv you. His \vi!'i- v.-:!l .n-.-..i!. lmr. and Min: i:.':0 M All .;nin-: ..f  I.au1L-:: Missionary aiv l ~-c; u-~.U-.l b.pi lit a: I!:.- par:'-~n:nv. C-'M 1' M Ail..-:i C'hriSlian V.V.deavor Leaf,:..- iii.v!.- Un:o:is In ti.:.ti-li a:l ji!iv; Mi.--- M.-.b-l M:n-...-r. p:v::..r.-nl. 7:51) I1'. M 'h.- pastor v.-.li .!.-.i-..-:hour. Si-ivia; : will 'if :i-:n;--r,-d by tin- i I. ..ii-. 'li.i- \.:r.j'.\i- \0 ciu- invited id a li r.'i all VI.-.!:: Mrs l. l-'i:li.T. ;vp Miss Howard l:~J \~: Til.- many frK'-li l:- Miss Howard wii! U- --.lad ktu.w that she is able 10 b.- up af:er b: in.~ co.-i.'-c1 to   .\) of an -js v.e?ks. I.e:ivrs I'or I'M. .ill Spriiics Mr 1~. II Wil:ian..- ami c-in!.:veil, lii-.iiii-liar.i unii l'.-iry. J1.'.. ll-ic- .-ily V.'.-dni-.-da.-. vis.', .i: in UiiH'M Spiini:': A:abani::. TliL-ir s'.ay is ii.di.-:.-. l,\vu Wire Sutiai CIiiTi TIK- I.lVL- V.'nc Sw :u! Ciub ni.-l TiK-sd.iv t)ii;i:^ at 8 o  :it t:iLlu.r.ie ..f Mrs. . Mil- s 'I'm; i:! was .ailed or.:w by ihu prf.-::. Mr J:.s. M. C CaMrr. Son:!, s.- WL-ru Luntiuct' .1 by Ml*. Whltv and mudi     . was Iransattud by :!:i- club .-t-ijl.'y lh.it! .olK-i- IIil- pi.-nii.- "M ll'-x". Thars.i.y. !.:,rt - ihu :~.-i:ii! hour. A ; ii-.i-m: fi-i-a!i:. ..-.ike. ami  j 1 1 1 1 was .-.i-r-vud anil: Hit- .:', \i.s;:i'i"S p:esi-nl: tin- iin.-n.b-1-i i.f i:k- C:a:..- Cl-.:b. Mi.s.-fS Sii.:ii; .K.lir.so::. I!..-)i-n Uaw- kins Odi'llL- .1. n-s. Kli/alu-;!-. Williams. I.!V..- V.'n-.. Club :ncl::!ii;r::. Mi.'-M-:. M.r.'.i-.- t in.-1-.'.-y. Anr.J H. urs Osi.- l.ei- Dixun, Mr. a:i.l Mr KauVli.'r. Mu.-d.:i!-..-.s. A. L. D.-ilr:.!. lUllie MliL-H. Vi.-:m.-i ?.i.-~s. Aimiu WilkL-i-.son. M::i\-lr What:, y. Mr. and Mrs jc:frr.su:i. .M. Kd-.vard Hudson. J. W.    . M- C. Curte:-. Ik-nry Taylor. Grirg-.- I.ov.-i; SeiT,'-. \Vv:i.-:i;'.lf. Ku(U;.i. Mr Joe Bl---.-k an.: LV:i:.-ral Hail Farrar. St. .I"ln\ A. M. E. Cliun-Ii lt.-v. S. II. U'Jinr.  Siili.i.iy .--i-:-!"-L=i :n.l a'. U.-J : - 'J:30 A M. v.-.1.t1, Mr. I- .-s. -ii.t-.-lKl-.-ii1.. t:Vv:'i' Tin' it -.-I'M kis vr:y .~:f;.-:L-:i:ly .au^;-.1. by t l ai-lu-rs Mi---; y Lii' t'-.-nd--. at tl1.--' Sabb.iih ml :iiis l:i.r:i::U. At h..l:: of 1 1 A tlie :i:u:'t:::-:'i v.'or:-ni;.' O'-.uan I-11 pas-.or. it-.-.-. i:-.-n.' ;;i :, r i.f ini;:'. -b W I- AW-::, v.-i: c:.-!:  .T--ii a --.i: ~:;rr'~~H St::-n,o::. At the h:~i:r uf ..I. :lii- -i C. E. Ll-.ii;~i- mtt ;'l ~.-lr.:n-:i with t!:..- pr- .-:dc:i'. ^:l .la... M C Car.-r i:: Lii i ;V 'I'll'1 :.---i ii '.'.-as A l-u.o ~',ill will b^- (m  m.-i-.!.'.: all ll-.al atU iiu 1!j- i.i-a::'.u' :hi.. ;ift..'ll:out:. .-'-I! lil- h-.j: ..I M ;!.c- p:.: lor fil:-.:: '.!l.' 1,1-c! l)l-.-:if!!-.! a .,.Ul-:i::-.:: :.-:n:i.u. The !.a'.:i.-- hop: -.-vci::.-:-.! i im.-!.- .J.i Mi- A .lon.s is cl.ni ::i.-i at lii.- b-i:.--' M:-- ''~I" I Sl..-r:i:d.-. on T:-.-iay ' M^y v.-.-ru Tia- Wil-i.-i;: W .is Cl'ib .~f wl::. h M:-:: I' K ~-'r.:I-lH!.ni is ~,:-.-:.iiit-i:l i::.-; at church .n T:i!.:, -day n;::hl. T.. -. :i:u Ju:n..r   .'V.-...~-.is  at :. Tr.uy v.:li i:avv -iia::;.- i tile s.rvi.i'::. !.i-l Hi ::..~kc Hi:.-; a i;ala .'.j!' ::k-;:i M- .v"'-:i' J;.-;. M. C C: I'r.-^i)yt.'rian (.li T,i Jlavr \'.    -i- .Si-i-m i-,. 'J'lii-i A((..in TiK-i'i- v.-ii! I;.- a W:.; :.-e at L-V.l:: IJ:- -by:.-ri:ui i-: Sunday ...i.-ri:....:: .iul-y l'.':l-. ;il -i'30 ..'t-: -.vi::i'!i !:i!'.'' W . p:- :.-i.: ;:ie i.M-e. a: A.'. Ca. a:i.i 'I..- P.cv 3:" B. J..:V. .-.r tl:(: I'l'i-Sbyl'.-i:an C'h'.::.!: Aib.H.y. Ga win bi: here I-:.".-. 1. t-r w-,11 COndi:cl     : service:-. We a.i I'.no-.'.Dr. Hoi,-y 1 a;:-. su:t y..-: will mi:;.-, a lie.l if y,,:i f;;il !i-a;~)il:i speak .'::. invin-'.i iind on:- iii.-;;;b..::; ..le ur^'..u to l)e pre:;. pru:. :1. I.. La-Al.-n. St. I'aul A. ^1 Clmnli The n--.e:::bf:s and .'- if S: Paul 3;.y ;..- i-i.j..y..-d \:-.ei^- I .selves very ::iu.i; a! li'.- u.:i picnic which was i:-:d Li'.i-.cl li i  w.i--;  'j very p:.-a:.:.;:'. affa::~v/ilh l^en'.y ui1 ri-i:-i-sl-.:r.-.'s The '.r was p!..*a:ar.tly surp:;:^-.. a". Ihc- -  that  c.a I  after !~-.i..ru:;:i:ly i.c-r;~! i tile joyous four1.!: j The pa. is expec'.aui :i:s f.uher Dr. B. V. Thornton, in :!ie c:ty thai day t.. worship w;!i us Tl-.i: Illtmbers and  a;i- ^l.,d "welcom'.- Mr. and Mrs C I',. 'A'arr~-n from Dctrciit. M:..-!i;^an Mr \Varren wi'.h his family ;s ir.; Columbus his h.m.e. Tl.is :s Mr.Warix-n j home Iuri:;eily. Tla-y have                 :..v V..-.: I'.: I-i In- lli-li.itl- r Siui.il dull 1 T:::- i :il lin- 1 1 A V.',!.:.-:, 1 V.'. .'..::i.v. .lu:.v i:i::i. '-'i'.''' 1 i::u*-k. Tin.' l;..:.i:;i.-i, v...i i-:i:-i-L-u ..".it ,D :im.:,i way A::.-:' i!il- Ul:v tl-..- [111- j.Il:: Ill ;.,Vi' :i V. Olul. I f I j iu::-: :n:.l i'V- ;\\.;n- v.a U'ni'Cttud  Hi.; i:hi'.. 'I'iu- m-xi in.-i.-i mi1, wil 1 ill t::i- iion.u u: Mi s.': :\.-k. l-iL':i-ait!i .'-III.-I-!. i-.'i   -t.!ii.-.-il-iV. 1 July 3JH:. :u i-u'.'ii nV;i.--k. An iv sll TS uri- \   lct t:u- Mr H K A;. pi ivi :~-iil :ns.l Mi H A Wi.-:- j "'I'- I Muslfal AI Sillily - ^t Chiirrh       ' 'I'll,- Vui,ii:-. I... (I:.-; AuxiM:i:-y ul !!n- Slii.cly li:-.ivi- LJ:i[j:isi i-iiu; .-!i I wi!: ti-.'i-b:-:i:,- lhi-.i : AnniVi-r.-:i:v in: .S:.-iiii.i.v. 1 1 j l',::i. :il :i I' M Tin- l.1,  j:-ni r:i:i.ivn.-(l will  i--f. .1 I., willi-ll ;l:.- !J..b!ii- :s Ji.,l;v :i:vm-il A n:v.:- .'lik- v.-il: .i-.ki-d. l.r:i-m- l-"..rtin-:l At Ml. Cili-Jil A l.iMi'.ii' :i: i!"- Ml -:"! A-'':': CIi:i:i.-Ii ill' \v!i:rh Hi-v. V,',-:,l p..:.- tin- am- ii. ~-il Siiii,:;iv at i''- ila-k l.y i!;.- :m-.-~!(!i-mI. Mi' j M C l';.:liM A ;:Ou.l .-!"Wil w;i mi:. i-:.j";cul!y  yui!:iL; p-o;j;i-. Mis. H 1. BlKi.l- is ' pri LilU-nl "1" Ihc ACK l.t-:  ',i:,-  .-. I Live Wire Cliiu .And (.'.'av.' I 'I'ii Have I'iiiiir Thursday Oh  i:h-i.-[ v 1 1 lra-iu:^ ul Hh- r.ui... i.f"iM!-. :.-'id M:-:' Sy:v: t l -r :n Kasi \Vynnt--:i :il liu'.i j picnic   .-xl Tiuu^UiJ. Oil it i-^ l'-~" j ni^; to bi_- li"t but tiit-'it- wil! '-j'1 ;j!i nty ui :ci- LiiM IL-Ml.-Siaili1 :-'!'V..!] .iir Tin- ,- v:;i:-:s :il li-li I i!i,i-k IHl- 1. lira I in.- ii..y. All an- pia:::!!";: I..1 i; . up !ou-n pl-:i.-- :i.w. a; j ;h,- ro:   ,.f iith Stic-L-i a:id :f:d[ Avirllui; al 10 o i-li-i-k. Tiiu.a: ivl'.n a:c ^'.uili;: : .n Imvn pU-:i:L-~ n-.c-l ill tti- i- "'-h s'.rui.M .u-'l i i;ih Avc-::l:c a! ilu- rans.- !i"iir. Maki.-j I;m,: Wyrn'.ua Ho-.cl lift r.txi Tin:::- tia-.-. Miss Sqsk.' .I"h:. -::: nf - C'iasSKiu. Sici-i! Cll::.i ai;il j V: Ja:.. M C. Cart.-i.  jn.-si.:t.-iil ~.i I fc- 1 ivi- V.'ii u Sm.- Clab I                 1 Krlici'i IV. im Vllr Tri-City" I'sllrrs j Association I 1 Th.r liXL-i-.:    - nf :li- Tn- j 1 C::v U::!i"i':. .-V." ~'::1'- ir.cl on !;ist i SurV.iav at  iu- War.'V Cli.P'-: A. Civ. at -i.W M. with I i ihc pi v.-i.N-m:. Mr .1:.:: C. Car- ;L-:-. j si i iu:'St T!l- ;i.    ;il:o:i Has: 1  il li.-.iii'.-- :iii.\-ili.n y cU p:i:t-~ I Mi,.nr ..f -.vh:. i: Miv. E..\. 3:j:k-:' .if I Ko:-l.-..!i. C'.a Ih- p: i-sicli-slt. Thry wili !u)!.i l:.c:i"   atl'. h.~ii:of ll'.c ::U:.s; :il IU u clock. 1 'I'irj ,l:!c Ucpiinn^i: "f wi'.ifh I y.r. Gi:.-;:sov i:; p:-. ;-;clu:r. w::'. :i..:-.i I i-.-ii- :.,.-ii,n:; :.l :i .~1d.-l-k ai:ri::~~  :: Tin: JU-ii s IX'iwi-l-l ::n-:u ho!. I l U- i I i i    :n.-.-s I Afiii:-iv.   !\ a - 1;,.-:-ani wil. j Iji' lu-M    i;:)::. r.!.-. .las. M C. Carlr:-. p:-.'.:.- f ;i.v V.'..- .S:r.:l:i. v:c- I I piv:   .:il: Mr. Ii..'.v..:.l \V:lli:i.nS. Mine: vi.v-,J,l-:cir::!. X: SyhvMrr. i\, i ~.:~^ur..!-: Mr C, Hul.-...-i.-u-.ary :in;i .V.: J;i-- t:^'-, Victor* . Tu-.k.-ni-i' I C:~: ia:t: C!;;.!    f!.-:-:! '1'u- . A!..b;i'.'.i:i v.\r. in '.iic. i ~-v V.\.. '. V! :.ll.':;! li iiM'!.-</t>
  </si>
  <si>
    <t>                                           Rev. R. Harvey porter, Pastor 9:40 A. M. Graded Sunday school The Sunday school is most efficiently organized under the general superintendency of Mr. Timothy Alexander, with competent teachers for each class.</t>
  </si>
  <si>
    <t>                                           Registrations are still being made for the "World" learn do swim week. The first two days have brought many compliments for such a splendid opportunity to learn to swim by scientific methods and at such a needed time. Members of the eight classes which are being...</t>
  </si>
  <si>
    <t>                                           Mrs. Laura Poke and little daughter, Anna Mary, are visiting her mother, Mrs. L. A. Hudson on ... street.</t>
  </si>
  <si>
    <t>                                           Will you please give me some advice. I am worried and my life does not stem worth while living. I am in love with a boy, 21. He is a nice young fellow and I love him very much. He and I have been from each other for about 6 days or more.</t>
  </si>
  <si>
    <t>                                           Section II of Atlanta Daily World, Jacksonville, Binjningham, Nashville and Memphis Worlds</t>
  </si>
  <si>
    <t>                                           Too Hot For Clothes; Man WalksinNude                 I.~'m..:'.ade Be:: an.- Charlie Mops, arrested "ii chaises ol .hs.' . i arrowing out ni1 iij;h: .'.-..~re c;ich iis;*_-- 1 ST nr ten (I -iys in the stockade by .Incite J"hii L. Curu. in Re.-... -dor s couri Friday. Ai:ci;rcii.-.K 10 Moss. Bell struck him Jis 'lie head an-i then subbed h:m in the ri^ii: shot. id. t ai i-:- a.jns-j in-; him nf stealing se.nic wi.. Bull a.iiv.it i-d .-:^ Muss, but :~iid  he  r.oi slab i::i:i. Moss :il' suit:, v.-iis ~;i:. by .1 pice of ^:ass. \i.'l'.o:i nc 'Jii''v.' imn m .1 gar- h .so ciin. The ; ~'     . ;u:;:".^ to Bell, wh'-n ".l"ss insi"\:ri nr. i^1113 a !a . iio-.'.Ti the street. Form Associations j to Fight Rods i pnn..AnKi.P:i:.v p.i .I'iiv w;-  l Kff-'PS :n 1 '-l:,1!' '.he i ^':owi:ii,' iii:-. :ni.' LDinn'.uni^'.s  t'1'- jua^t-s nf Nc^rui S an: -; ih-- aid various in-  loaders In I.nuis:.':;ia .111 j n:-/a:i-.i'. rr."t-.th ;iu; A:-:v- c:.aion A =;n 1 1 Radicalism and Comnuinis:i. .inmn;; Nccitps was i .l. ni h M:i''.ii .S liri-iml"" I ami Pro.'iwr I. C Bales a- . In I'h:!a';o: \vek. The National Ncu:'m Asse :ia: 1011 Opposed I" C'oi::..ni and Atheism was i..ud. Ma.ms  Ivl. \V. }.  };ni;v.n Elk ;uid rec'.-n' '." for thi: ^.nni:rt? r.' in from i.ls d: w.is a ~)!-::ic;i-al : a: the  .i.-i'.ti"ii .~i'-"-".:iiU One of :hc i.-harm1:; sires.'-'d w.-is, Jtui'. th'1 Vtn::m Coi::mur.is' Lea.;i:': ;s  Vini;  uir!:; I)  vers inde Nci:rri li-'.vs join it-.-.- (.'":r.:r.unl.st Parly." T!   (~u;-.::n;nis:. practice 01' ; ..i.-iivi'.y which 1 tK l ;;'ios ; dar.cu  ".lu-  y resi:i;:ni:  intimacy w.^ d:  n: des1:;;)- 111K tlv.- ;ai!cl oi/.an- . Burglars Dare Her to Send for Help i Twn I-..;.!. li.-.ti lr:r::!a:s wh" crawled ri-,rou!:!i '.l'-e l::'i''ev. '.vi:~ dow of Hie :;m::i? M:'S- T Taller;;. ^17 s!i'.:s sheet n:~r r.-- :;; I In- .~ al-n;:' n:i:" o-i-lock' Friday night, sic!.'  .i!ii!  li:e v.-i'.'.i.- 550 -n in... re and loo!: the w:inn'~ ]v.     ; between $:i'l an.:   M r.\ Mrs. Pallors  Officers Floyd ana. Ricbav.lso:'. wi'.o mad. 'm in- v.T.!iKa!tnn Hint ?:-.e was threaten- cti by th.c inis ine.</t>
  </si>
  <si>
    <t>                                           Masons Go to Macon Over the Week End                 A:l:mt:i Mn;w;s have mail.' - \v:tii the Central ol (Inmriii  Cor a  train am! -- rales tu M.'u-~~n Sim- . . ID. when the lw;d Ma1 1 l- ' will Klii-iul tin-  a- I i--.n-.-t- nf :hv Masons in that . I Tin' Maton Ma.-"Ks have  c.-nti itu::      ;1ie Atlaataiui. The .Ma'-'cm K sin-tial train w;ll ~.ContilMH'd on Pa;;e 11: Col. 2)                 Masons Go j (Continued from Parc 1 j me: e!y .~ whe-r: ho i j i 1 Mr.:. ic;ivr Atlanta at 7:li."~ a.m. ami will J it-avi' Mai' on  il lx.~u:id a* j 7 r.m. the sanit? (lav. This vuv.il j ij in fai i- \vi!i    - S 1 am! an - tio;:nl of -f :vo i.'i.'lU.-'.vi!! bo -'d for admission U* Or1 ^ent L't'ouiuis. Thi1 c; i ficial t;. winch contains tho amusement ?lub. can bo , j from the Musonic committee.</t>
  </si>
  <si>
    <t>                                           ROUND ONE--Lean and browned. Schmeting dashed into Sharkey, who met him with a short left hook flush to the jaw. Sharkey boxed cool away as Max rushed in with a right to the body. Standing straight up, forsaking his former crouching style, Max...</t>
  </si>
  <si>
    <t>                                           3 BOYS LOSE LIVES IN GREEK                 Heavy Rainfall Is Cause of Water Tragedies                 2 WERE SWIMMING                 MEMPHIS. Term.. July                 A  downpour ol rom insi Thursday       and Friday morning resulted in three water casualties when two youths drowned while swimming and it third boy stepped (rom his porch into n terrific current which swept him Into a nearby creek. The two boys                 whose bodies were found and lt. arc Charles C'hasvey, 21. of 2226 Eldrldge St. Hollywood subdivision, and Joseph Sanders. 17. D41 Montgomery, Klo. subdivision. The third youth has been removed from the creek but had not been identified at the time of this writing. Chasvcy was drowned in Cypress Creek, only three blocks from his home. Eight CofiTpanTdns", including his stepfather, Uiyscs Shcllon. witnessed the tragedy. Mr. Shelton stated that he, his stepson, and six other men whent to the creek to take n swim as they nod customarily done after a hard ruin. This was about ten o clock Friday morning. Chasvcy did not go in with the other men. He made several trips back to his home, the last time for the purpose of changing his trousers. After returning to the creek the boy showed reluctance about  in, his father stated. Finally, Cnsvcy bent forward and took a leap into the stream. He swam approximately twenty feet with the current and then suddenly a frightful expression came over his face. He turned over on his back, threw both arms up, and, as If though rendered motionless, sank without a struggle against the current. The other men were nt the opposite end of the stream ami found themselves powerless to rescue. Mr. Shelton said Hint they expected to see the  come up Continued on Pace 6. Col. I                 3 Lose Lives (Continude from page 1) again but it never did. It took a crew twelve hours to remove the body. John Rogers. 2244 Eldridse street, finally discovered the body about  feet from the place Chasvey went down. Believes Youth Cramped Mr. Shclton and the oner witnesses staled that they believed that Chasvey had a cramp because he was a  swimmer and would have battled the current under any other condition. The position of his body also indicated that the boy evidently cramped. His legs were crouched and his arms still pointed upward as they dr* when he sank. i.!S .. were removed to Curtis Tnomas Funeral Home. Cypress Creek, located near Springdalc, has many treacherous holes. The water rose steadily Friday morning with a heavy rainfall, and several points in the creek were as deep as twenty five feet. Surrounding streets were flooded by overflowing water from the creek. Drowns While  Looks On Joseph Sanders lost his life in Lick Creek, near Vollcntine and Bcllevue streets, about the same time that Chasvey drowned in the treacherous bayou in Hollywood. Both tragedies were similar in that one of the parents of each boy was an eye-witness. In the case or the Sanders lad. his mother. Mrs. Ada Osborne. was on the bank of the creek when he wavered in the manner typical of a drowning person. and went down to a watery grave. Several other young boys were also swimming in the creek at the linn.but their efforts to save him proved fatal. To hours later, around II o clock two boys came on ihe scene and  hi;: body. Barnwc'l and Spencer had '.barge funeral arrangements. Couldn't Swim So Well Mrs. Osborne, who had just recently moved to the Klondyke subdivision from the , said that her son had asked to go swimming earlier in the day. He had been taking swimming lessons from one of (Tie boys in thc neighborhood" at Che creek. She consented to jet him go bui had him to return home fo do some work. After Joseph  his . he went back to  crock. Mrs. Oshorne said that she had always shown extreme concern for the boy, her only child, and she soon followed him to the creek. A neighbor. Mrs. Mary Hicks, accompanied the bereaved mother. 'Please watch myi boy and don't let him drown." Mrs.' Osborne remarked to several friends of Joseph as she watched him hanging over thc  from a bridge. A few minutes later the: boy .'ell into the water no one suspected that he was drowning' until he began to right thc        desperately. cH went under came up. once, but never arose again. His mother became frantic. She urged the boys to rescue her son. and would have gone imo 'the water herself if friends had not held. her back. Mrs. Osborne stayed on thc banks for about an  after her boy sank but was later persuaded to go home after it  indefinite before the recovery of the body would te effected. Tragedy Foretold In Dreams According to relatives and friends they were foretold of the two tragedies through dreams. Mrs. Shclton, mother of Chasvey, said that her son told her thut he dreamed or drowning In clear water. He told several neighbors the same dream. "That  be good to play policy one. two. three. "Cnsvcy remarked to a  early Friday .TKg. .*'rj. Lula Grandberry,                 of the Sanders boy stated that she dreamed that she was washing white sheets but would drop one on the ground  she d take it from the tA. Several days later a telegram came from Memphis to Jackson, prr home, informing her of Josoph"s . Remains of Sanders ^ taken to Jackson. Tcnn.. where interment was held. He was a junior Stewart in the Mt. Zion A. M. E. Church.</t>
  </si>
  <si>
    <t>                                           A heavy downpour of ram last Thursday night and Friday morning resulted in three water casualties when two youths drowned while swimming and a third boy stepped from his porch into a terrific current which swept him into a nearby creek. The two boys...</t>
  </si>
  <si>
    <t>                                           YOU '^~0' am BEAUTIFUL A P. you   h*    to     1 AUC1N1D ? Uyourlulr      Bltf Money .        and wiry? and              Would you lika   * I Pfrmiumi. Write hair? StRft  Harolla  for . today.            ,  Ita           fum*. will      your hair  loaf, toft  nd . It  your  of 4*              , itch, ate. Hetolin Pomade Halt Drtuiac u itti tot 25c by all leading drill  of  from  GO. SlfefeSi f^ ALEUTS Co.. Dept. E.-551 Cottmtc Omvc Avc.        ". I^ST^, S700-In X Hoars! National Supply Houso     KrrnrOi Ate, . III,</t>
  </si>
  <si>
    <t>                                           Despite the police guard placed in her home Commissioner Thatcher Colt, Lola Carewe, suspected "higher-up" of a jewel thief ring, is mysteriously murdered. Dr. Hugh Baldwin gives heart failure as the cause of death. "Those present at the time besides Colt and his aides...</t>
  </si>
  <si>
    <t>                                           ~*^^y/?^9    ONLY NEGRO DAILY NEWSPAPER IN THE WORLD 1 1 B^:";        ^ 0LUME.5, NUfliBfiirrOY. ATLANTA, GA., MONDAY, JUNE G, 19 2              -^M:ClNigfl</t>
  </si>
  <si>
    <t>                                           Again Saturday afternoon after the Pullman-Tate gut struggle, which begins at 3 o'clock, feminine fans will get a chance at a beautiful prize to be awarded the lady holding the day's lucky ticket. The holder of the lucky number is of ... to be determined...</t>
  </si>
  <si>
    <t>                                           Mrs. C. E. W. It generally takes from to three weeks for the first or branchial stage of whooping cough to develop. It makes an equal length of time for the second or whooping stage and a similar period or longer for the third of convalescent stage. We...</t>
  </si>
  <si>
    <t>                                           THE GOB AT THE MIKE                 Jnck Sliark'cy. (he new champ.  Into radio microphone as Max Sehmclinir. (lie loser, st:n:.ls in                 Ills corner disconsolate after title  Tuesday night.                 International Illustrated News Photo.</t>
  </si>
  <si>
    <t>                                           Dr. N. A. Fearonce, who moved from the Tivoli theatre building to 4221 Central avenue last winter, seems to be "official fixed of rambunctious molar to His Royal Majesties, the kings and queens of the Flickering Footlights." Atleast judging from the large...</t>
  </si>
  <si>
    <t>                                           --^.m f^fh^' fairies     REAL PONIES, KIND AND GENTLE Lots of Fun and Wholesome Exercise for the Kiddie* Price: 10c a Ride Horses Rented by the Hour to Adults Open from 5:30 a. m. to 7:30 p. m. Exclusively for Colored Washington Park Pony Track Located at Washington Park RoOtSCVelt JollCS, Mgf. BETHUNE-COOKMAN COLLEGE Dayiona Beach, Florida "A School Of Personality"' junior college normal training hk;h school 1'INIS. INDUSTRIAL AND MANUAL ARTS. MUSIC AND PHYSICAL  Individual Guidance Cultural Environment Modern Facilities 1 High Christian Ideals Efficient Faculty Approved as a Junior College by Stale and Secticnal Accrediting Agencies) Mary McLeod Bethune, President</t>
  </si>
  <si>
    <t>                                           MONTGOMERY, Ala. June 9--The Little Rock nine how to the Grey Sox three times in the week end series with the final game being played on Monday. Little Rock lost to the Grey Sox Saturday to a tune of 5 to 1: and Sundays game was a doubleheader in...</t>
  </si>
  <si>
    <t>                                           We have two weeks of hard work in front of us. On next Sunday morning there will be home coming day through out the Church. And the Men's Bible Class will remain over for the morning services. They will sit together in church and also the Glee Club will...</t>
  </si>
  <si>
    <t>                                           One of the loveliest of recent entertainments was the party given last Thursday evening by Miss Jeanette McCombs on McIntosh street.</t>
  </si>
  <si>
    <t>                                           STARTS DRIVE                 Jesse H. Hanlcy.  chairman of the Y.M.C.A. membership campaign, and associate chairmen T. J. Ferguson and Dr. John Hop*? announce that R. B. DeFrantz. ot the Finance bureau, Natoinal Council or the Y.M.C.A.. New York. City, is here to direct the 1932 Y. i M.C.A. Membership champaign, June 14 to 20. Mr. DeFrantz is a veteran ofmany outstanding Y.M. C.A. campaigns throughout the country, which have been for buildings, current budgets ami membership. Recently he has directed successful campaigns in the southwest at Dallas and Houston, Texas, and Columbus, Ga. The campaign organization is being rapidly developed and by Monday oC next week a large number of Atlanta men will be on the field like a tidal-wave securing members for the Y.M.C.A. The men and boys of the community are urged to join the "Y" during the June campaign. Atlanta Girl is Among 86 Fisk U. Grads NASHVILLE, Tenn., June 3.- The ~!S!7i annual commencement ot Fisk university to Jbe .observed from today to June 8, will turn 36 graduates out upon a particularly hard cold world. Twelve of them will have majors in English, 6 In History. 7 in Chemistry, 7 in Business Administration, 8 In Biology. 5 in Education. 9 in Sociology, 5 in Mathematics, 7 in Library Science, 4 in French. 4 in Music and 1 lone man. Charles C. Bishop of Denver, Colorado, a major in Religion. Only six seniors graduate with honors. Three men and women will be i granted the- Master of Arts degree: Miss Eunice Bloodworth of Nash- Davis of Athens, Georgia, in Education and Andrew Pope Watson of Nashville, in Anthropology. Miss Miriam E. Price of Atlanta, will re- ceive the Bachelor of Music degree. Miss Price gave her senior piano recital on May 27. Customarily non- orary degrees are granted at com-  but due to the inability of Roland Hayes to be present In June, the degree of Bachelor of Music was conferred upon him during the Music Festival in April. Michigan Divorce is Tossed Out in New Jersey TRENTON, N. J., June 3.- torney Robert Cjue*~ ,me only Negro lawyer In Trenton, came to prominence last week when he had the divorce of Joseph King Princeton, which he secured in Wayne County, Michigan, in 1925. pet aside as counsel (or Mrs. Alice King, his wife. Mr. King, who had lived In Princeton for more than 20 years with his wife, secured his decree in Detroit on grounds not suitable in New Jersey. When he returned to New Jersey as n single man Mrs. King, retained Attorney Queen and. as' a result Advisory Master Aaron-' V. Dawcs of the New Jersey Court of Chancery handed down (he decision which also' gave Mrs. 'King Alimony. The couple, has. three grown daughters.                 R. B. DEFRANTZ</t>
  </si>
  <si>
    <t>                                           Official Route "9 SPECIAL" CENTRAL OF  SUNDAY ^IT fil A1'L^-1'A JULY 10th I A MRound Trip Train will leave Macnn returning at 7 V. M. Our Hand will furnish music . OFFICIAL TICKETS ARE IN HANDS OF THE MASONIC COMMITTEE. A STUB    attached to this OFFICIAL TICKET which will admit you to the  in MACON and ENTERTAINMENT. The fee fc-r ll.il  tub ii only twenty-five ALL MASONS AND THEIR FRIENDS ARE TO GO OVER Till: OFFICIAL ROl-TE. HUY THE OFFICIAL TICKET! J. r:. HARRIS. Grandmaster W. M. PARKS, Chairman ATTENTION, PYTHIANS! Grand Lodge, K. of P. Cordele,Ga.- July 11-16, '32 Buy your  over the A. B. C. Railroad, the official route from Atlanta for Grand Lodge Officer!,          4A I. r, Uniform Kank (Third Georgia Regiment), Court 5r Calantl.e. ALL OTHERS INVITED SPECIAL TRAIN SERVICE Leave Atlanta Monday. July 11th, 7:2fi A. M. Arrive Cordele Monday. July 1 Hh, 2:50 I\ M.  Coaches Electric Fans Hands Refreshments $5-75-ROUND TRIP-$5-75 We have used (he A- H. C. before and know (heir service is satisfactory. He (m time at the Terminal Station, 7:25 A. M. July 11th. COMMITTEE Col. H. L. Ferrell, G. K. R. S. Gen. John H. Fletcher, Aiist. Iniprctor GenMrtjor J. H. Hightower, Mn. Gtorjia A. Waikburn, D. G. W. C. and W. M. Mr.. Toby Grant, D. G. W. C. Stone Mountain Dilt. Col. \V. G. Flemitter, Col. Commanding, 3rd Ga. Regt. Attested: R. L. Hendenou, Cnpt, and Adjutant. :$~$~~ Let Me Cure You!             DON'T DELAT1 CALL AT ONCE! ^BB     -J 7~*rt I hire b*tn CURING        r1 ht b*rt EtHlMEflEsyB^B TryhlUr  your trouble 1~, no mitt*r how  4 BoKTffit'^^^^Hfl toot ***" mar    . I urge you to and in* at oir* jj^^Q^HHHl     (rn*nt U '*ry  In coat. 4 HbBn^S9H03 No "     *     Aragt or torrid) operation*. AH dfc BSBwaftlBttlHSKn *              with raj pure *        ^wlth  BgfflSiWWBttta        OH FEMALE CALL OR WB1T9  '        y. YOUNG        ^j9BH WITH T11K  HERB CO OB. T I . CnrNBSE HKRIia AND HnUIAL COMPOUND Faa^~~s He** A Car* for CTtrr    ;  f     Homaa Had; r BwMbt        A_^ A. JIM AU..U. 8. In, la AtlaaU m-n-i m. U t P. H.</t>
  </si>
  <si>
    <t>                                           on5T   . in the world W A. 8 Editor tad           Divli Ummmtin      SlmSCJilPTION RATKi .1 -i     Yf.r, 17. JO C        . JI.25 -1 Mniil!.., J2 ^. -nr  paii.v at :io Ai'inirtN Air.. N. t TF.I.: WAInit I45  Hid UH VltsrH M      1-~        t       PMt  Rt Atlait*. (it.,       t       3. 1879 ADVEKTlSING RFPRrSrSTATTVE W. B. /1FP C0_ QiUiio.     York.      Aairira</t>
  </si>
  <si>
    <t>                                           LESLIE- Mrs. Fannlo Leslie passed away at ft local  Aug. 4. Fuivrnl  later. Cox g Bros- p DAVIS- Mr. Willie Davis, of 550 Rockwell St., S. W. passed away in Chattanoogu, Tenn. August 2, 1932. Funeral announced later. Ivey Brothers, . DENTON Mrs. Luella Demon, of 850 Drummond street, S. W:,     d Wednesday morning. Funeral will be announced later. David T. Howard and Co. HAYES- The funeral Ecrvlcrs for Mr. Wesley Hayes, of 374 Buchanan street will be conducted this (Thursday) at 1 p. m. from our chapel. Interment Lincoln . Hanlcy Co. JEFFERSON- The many friends and relatives of Miss Ella Jefferson of Tunnel Hill, Ga., are Inviii rt to attend her funeral today (Thursday.) at 2 p.    from 111" residence. Interment Tunnel Hill cemetery. Hanlcy Co., of Dalton. Ga.</t>
  </si>
  <si>
    <t>                                           The Fourth of July has come and gone and with it a host of ... visitors of importance, who honored the Gate City with their presence despite the fact that they were very, very busy transacting business of importance and doing things that should make...</t>
  </si>
  <si>
    <t>                                           All work and no play, will make the grownups dull men and women; as well as Johnny a dull boy. Worry, the doctors assure us, is the enemy of youthful spirits, a foe to good health and that unrelenting for that chokes man's course, and is often a forerunner of cowardice.</t>
  </si>
  <si>
    <t>                                           ^p  ndT^ FOR WOMEN1 I ~^</t>
  </si>
  <si>
    <t>                                           Mrs. J. B: This may be due to a local irritation as from a tight foreskin in boys and a vaginal diseliarge in girls. It may also be caused by constipation, intestinal worms, a bladder irritation, tonsils and adenoids. The cause should be determined before any active...</t>
  </si>
  <si>
    <t>                                           01' Hot Is Back! Greet 01' Hot Sunday in the "brown sheet" of The Atlanta Daily World! Become acquainted again with the whole gang! 01' Hot is, as you know, the strip character created by Ric Roberts, The Daily World's own artist. Remember how he used to thrill you? He's even better now than ever and he s in the rotogravure section, which helps things still more. See him Sunday! Atlanta Daily World</t>
  </si>
  <si>
    <t>                                           The whole of Atlanta should be proud of the fact that at this time so many young men are establishing some kind of business, the most recent being the Naborhood Delicatessen on West Hunter...</t>
  </si>
  <si>
    <t>                                           Iggfc News of Your Home Town       *. FLOR1DA CHICAGO/ ILL.u</t>
  </si>
  <si>
    <t>                                           Attempted to Rob 2 Policewomen: i Is Indicted                 Jim Hammeit, 2'j, 533 ThirJ street, who maue the sad and scrim;:; mist.'ike of attempting to hold up and rob two women, who were .cn. Thursday nij;iil. .lime w;:s  oti two counts Tuesday by the Fulton county  jury. The man is chared with ; to rob Mrs. J. W. Baxter in one count and with assault and  u;--)r. tin; woman in the next inr.*ance\ He was  soon alter the incident by (Jiiioovs Floyd :nui Oailcy as ho was sitting on the ; tr.^ his chin that had been sucked by Mr:;, . Mrs. Baxter, was enroute to the slat  111 company with Mrs. Hewell to chock out for the night, aboul D:3U \vl;er. they stopped their car at the intersection Formwall anil I-'air . w!icn one of Ilie two ni-JM    pa; ii of  ir car. JIanimet'. is  to t'.avt' L^ '.he steer mi: wheel from, Mrs.  i-, who was driving and  her money, 'l \wy hit one another. Mrs. Hax'.t-r ;inj; tin.1 man  the ' board.</t>
  </si>
  <si>
    <t>                                           Using Switch Knife Costs Him $17 Fine                 George Peasley received a  or $17 or thirty days when Fannic McOhoo. . in Recorder's court before Judge A. W. Calloway, told how he had threatened her on several occasions and a week ngo shot nt her. Saturday night,     said, ho drew a long switch  knife and .slashed her on the wrists. The knife was exhibited in court. Charges of drunk against the woman were dismissed.</t>
  </si>
  <si>
    <t>                                           Up From Georgia With My Banjo By Thomas Jefferson Flanagan THE STRUT Toad frog a-limpin' long where the creeks have dried, Hoppergrass is hangin" 'roun' where the daisy dried Peckerwood floatin' 'roun' in his yeller cap Whalin' on the tree en askin' "Ain't you got no sap?" 01' mule is ' fer the dinner time But thar ain't a nubbin' lef in the ' crib; Bootlegger in the tree, hangin' for a crime Ragged shirt a-showin' the print of his hollow rib. Jes a single string is lef in the fiddle rack En starvation s goin' to play, 'till Shiloh comes back, High tax en Hard times, man ain't that a pair To do the dancin' while we hang by a stran' hair. Satan sends August  down the lonesome ol' road, Tormentin'  en saint long before the time He never lets a body res' ' like a Ford While the engin s racin' 'round' stickin' in the slime. Toad from a limpin' long where the creeks have dried Hoppergrass is hangin' 'round' where the daisy died: Peckerwood floatin' 'round' in his yeller cap Askin' of the cypress trees, ain't you got no sap?</t>
  </si>
  <si>
    <t>                                           When the gates of the big fair swing open in Chicago next year, it will take nothing short of death to keep Walter Bell, 80 year old Greenville, Ga., part time resident, who has spent much of his life in the Gate City away from the mammoth event.</t>
  </si>
  <si>
    <t>                                           MESCAL IKE What Could Be Better    ^T"                 PHILO VANCE The Insuran ce Mystery Ky S. S. VAN DINE                 TIM TYLERS LUCK A Fi!:i;~~ Search By Lym^ Young</t>
  </si>
  <si>
    <t>                                           From Oshkosh- B'gosh!- To Norway                 All the way frum Oshkosh.    ., to Bergen, Norway, with only two intermediary stops in New Jersey and Harbor (Imce, Newfoundland, is the program mapped out fur this Stinson . Clyde Lee, IM- Id.  of Oshkosb (shown In ), plans to lake I                 off front his hume town in the near future on thf during trans-Atlantic attempt. He will be            '(i by '.'- Julius Robertson, of Negaunce, Mich.,  Kwm'r of the plane. If successful, they will be the youngest -Atlantv ii.rs on</t>
  </si>
  <si>
    <t>                                           P'ln-the Democratic Derby                 A powerful "Dork Hone" in the contest for the Democratic nomination for President. Born at Martinsburg-, Weit Virginia, Dec. 3, 1871.' Graduated Johns Hopkin. University 1892. Admitted to bar 1894. Married Elizabeth Leopold oF Pottstown, Pa., 1902. City solicitor of Cleveland, 1902-12. Mayor of Cleveland 1912-16. Secretary of War 191G-21. Retired to practice law. Homi, Cleveland, Ohio.</t>
  </si>
  <si>
    <t>                                           THE AMBASSADOR OF CHRIST The Christians are the Ambassador of Jesus Christ. They are the ones and only one's who to make known to the world the principals and ideals of Christ. An Ambassador is a diplomatic officer or representative of a government at the courts of another.</t>
  </si>
  <si>
    <t>                                           -I.'- -~~i.'--- -i i",- --,,t-'f ~^]Se-~*yi KS^JH^BWj ONLY NEGRO DAILY NEWSPAPER IN THE WORLD i.~ifl MfflMl JMjj VOLUME 5, NUMBER 115  ATLANTA, GA.; MONDAY, JUNE 13, 1932 PRICE FIVE CENTS,</t>
  </si>
  <si>
    <t>                                           THANKS PRESS i                 GARDNER D. PINKETT Who thanks the press for exposing treatment accorded him by Wallach Brothers clothing store in Harlem, which hired him to solicit colored trade and be a saleman on the floor of the store, then  him the right to wait on all customers. Pinkett promptly resigned the   *b then told the newspapers what the       tried to do. The management denied Pinkett's charges, but refused to allow him to function as a        . Pinkett is from Atlantic City, and was formerly a nifc ht club operator.</t>
  </si>
  <si>
    <t>                                           GADSEN, Ala., June 22.--Th Baptist Women's State Convention which kept this city agog for the past week, closed in a blaze of glory Friday. Meetings were held at the Shiloh Baptist church, and the gathering is said to have been one of the most successful in the...</t>
  </si>
  <si>
    <t>                                           GETS NEW JOB                 WILLIAMS M.  Gradaute of Fiik, Drake and Heidelber*. and a candidate for the Ph. D. degree at Harvard, v/ho will  teaching at Friendthip college. Rock Hill, S. C in September. He wn on a  tour railing  for the  chool recently^</t>
  </si>
  <si>
    <t>                                           HOLIDAY CROWDS                  Despite the ocassional showers,  clouds, and what have you, Atlantans are out to make this a.  and better Fourth of July. Busies and trucks are leav!nir various concentration points, from school yards and church buildings, on their way to                 ent parts of the city and state for this errand and  day. And the  crowds didn't seem to mind the prospects of br.d weather later in the day as they piled into the;r conveyances on the way to pleasure land for the sun and blue sky conspired to make it appear Quite often as if the day would be more  than bad as far as the weather is concerned. Cool breezes and the  dampness, attracted  a few enjoyment seekers to the many house        in all sections of the city while quite a number enjoyed the breakfast fiances at the  Tcrpischorenn palaces, : alone the n venue. There'll he  till the wee hours of Tueyclav moraine, continuous merriment. The first annual southern open coif tourney at the Lincoln county  and country club is  it s  of holiday revelers and sports lovers while the Gcoreia Letter  meeting at the Federal  this . followed by a  at Mrs. Scott Sutton's restaurant on Auburn this afternoon, topped off with many smaller social affairs ,  many visitors from all parts of the state to join tho Gntn T:ly Fourth of July throne. Washington park will be the  of many a small  and pirnie croup before the darkness attracts Mie dancers to the . Tin1 bulk of the folk, however, seem Sunset Park  whore Hie bic annual  iind church  is in process with a host of fp; ' for !it  . and a presentation nf "Heaven Bound." Atrain, today is the crand and  Fourth of . and firework;: and watermelons will be the bic features of the dnv and . Watermelons are "officially" ripe today and the bie luscious GceiE'a fruit may be eaten without fear  don't, eat too much for the size of  "". As for the fireworks, the ceneral precautions of beine careful to allow once  pieces a I'hance to explode before picking them up for inspection and the use of ordinary common sense as to the  of the  explosives under people and  tanks, all co. I,est you . fireworks may lie :;hot off anywhere in town except on the sidewalks, in the streets, and in the downtown business district The  officers will  enforce the ordinance.</t>
  </si>
  <si>
    <t>                                           Despite the ocassional showers, threatening clouds, and what have you. Atlantans are out to make this a bigger and better Fourth of July. Busses and trucks are leaving various concentration points, from school yards and church buildings, on their way to...</t>
  </si>
  <si>
    <t>                                           Declaring that federal employes should not resist a cut of furlough, whatever the case maybe, and that he was openly in favor of such an action on the part of congress, E. K. Large, postmaster of the Atlanta office, was the principal speaker at the one day...</t>
  </si>
  <si>
    <t>                                           WELL, GENTLE FANS, here it is five o'clock in the "yawning" (morning to those who missed the OUR GANG sizzler), and the ... collim is fairly idiotic for space in which to say all that is to be imparted to you and you and you! As we told you, on Friday, advertisement generally limit the space of Society Slants. For that reason, and not that your Comedy of Errors isn't ready to smear up a whole two collims of double-column stuff, the spicy reminiscences from that swanky affair will be a feature of the Sabbath issue. You'll...</t>
  </si>
  <si>
    <t>                                           DURDIN -- Mr. Matthew Durdin passed away recently. His funeral will be announced later. Hanley Company.</t>
  </si>
  <si>
    <t>                                           Four years ago Negro business was practically unknown officially to the Department of Commerce at Washington. But today things are different. You can write to the Department of Commerce and ask almost any reasonable question about Negro business and...</t>
  </si>
  <si>
    <t>                                           My friend Lucius Jones just keeps me in that "Winchelling" business. I can't--I mean turn around without the people reading about me under the head of Society Slants and I know about as much about society activities as a hog knows about wearing a shuttling...</t>
  </si>
  <si>
    <t>                                           Helen Twelvetrees and "Seth Parker"^ At the Royai Theater                 WEDNESDAY "DOUBLE HIT" DAY                 PANAMA FLO" GIVES STAK^ FINEST ROI.K OF HER FILM CAREER I                 Wi'.li .'ul Kel'r. Twelve- trees as its star, ari i Ia;~: a^. a ;ni] of the tropics, -par-.a- m:v i"lo." an RKO -P:i:f.c p:-"'';' p'. t.j.lay  a:  P.oval Theatre.                 Here is n story so different in i story content, so different in tr-nt-: men: :-  ! so full of :!ini; tv.-.o'.. it is certain to warran: nr.'muten comment on the part nf -ill audi- j  ns it warranted comment from the audience whi^h '  the .inc of   ;ast . Not  tho final  is it pos- j sible to determine the outcome c.r I the plot. j "Panama Flo" is. remarkable also for thA .Oinc cl'.ar..-.at- ion.s of.'crcl by every member of j lhc small bat brilliant cast. Never before has Miss Twelvetrces hai! such an opportunity to display her motional ability. As Kin. a -  dancer in a Panama  live." she cives a performance which h"r- j J,ers on thc superb, as d,, Robert Armstronc. ns her unfaithful lover. and Charles Blckford. as a burly oil '-wildcatter*' who .es i girl he loves. Murphy Direct* Director Ralph Murphy cou d have allowed the story     run away j from him because of its am.ir. rapid pace, hut wit i ~!eft :::'.!cr-  he starts with a rush ar.d j builds an always inter- . tale j up to a smashing climax. j                 Deserted by her .: t. Hob- i crt Armstrong. Miss Tweivetreo* :s j forced into tricking Charles B:cl;- ford out of his bank roll. Discover- j1 ing  loss. BicklOnl thr-  to j place the Rirl In jail unless she agrees to accompany him to !iis lonely jungle hut as housekeeper. Having no  she agro- s. Armstrong flics to th.* j uncle a::-! tells her he is there to take her i . In r- ality. he is there In nb- tain valuable documents {    B:ck- i . When Miss Twelvetrccs loams' the truth, her sense of  makes her turn .- her lover ; ir. a fight sh^ shoots Armstronc Thinking herself a murderess she ^ her way to New York. It is here the story takes a decider! . one bound to hold     ry  until the last foot of film has beer, run.) Velez In Slmw "Panama Flo." an  story by Garrett Fort, brings to trie screen two newcomers who will bear watching. Rcina Velez. sist- r of the famous Lupe, makes her "American motion picture  in the role of a native girl, and Maxjorie Peterson, .late of the New York, . is cast as a double-crossing dance  sirl. Otlier members in the cast arc P.iul Hur?t  Matidc Ebtirne.</t>
  </si>
  <si>
    <t>                                           With beautiful Helen Twelvetrees as its star, and laid against a background of the tropics "Panama Flo." an RKO -Pathe production playing today only at the Royal Theatre.</t>
  </si>
  <si>
    <t>                                           The Advertisers in j These Columns Want Your Trade</t>
  </si>
  <si>
    <t>                                           You'll never know how good ^^(T^ a cigar can be ^^^W tf*l  HJjAk^^1^^ more havana\</t>
  </si>
  <si>
    <t>                                           1 d\ OPEN 11 A.M. 15c Douglas , Jr." tf LIKE YOUR HERVE" fj UKBfflll! Soothing, cooling ZEMO brings prompt relief to itching, burning ; even ) relief comos aa 3    aa ZEMO touches the tor- tured . Eczema, , } Rashes, Pimples, Dar.druS and other i          skin or scalp troubles gen-  yield to this , out!- I  lotion. ZEMO is sajo and de- . All Druj?       - 3Gc, COc, i Sl.OO. Extra Strength      i         - J1.26,</t>
  </si>
  <si>
    <t>                                           Mrs. D.N. You stole that your two-year-old child is restless, wets the bed, and has a bad mouth odor and picks at her nose. While it is true that these are characteristic symptoms suggestive of intestinal worms, you must remember that other conditions may produce...</t>
  </si>
  <si>
    <t>                                           WASHINGTON, D. C., Aug. 3 --(ANP--The Pittsburgh Crawfords took the first game of their four game series with the Pilots, by a score of 6-1, under the Kleig lights, at Griffith stadium Monday night, before 4,000 fans. Webster McDonald started on the...</t>
  </si>
  <si>
    <t>                                           The physical department of the Butler Street YMCA makes the following announcement for the summer:</t>
  </si>
  <si>
    <t>                                           IOeatly Reduced Week-End Fares All. i in Nnui.ui. Mil". l.iiCr.ui^i-. Sl.r.O;      I'nillt. $l.f.~l; OjiHik.i. n:i: Auiium. ;^.~i:; Ih-Iuii-. S.MHi; AliJ-.lc.wi. $2.11":  Hid ^   :    :im-ry. 5'i.i ii. i luki:-. ..I: .-ali VI lm.:i- ai li !.    " .-~i-.d l"~ lt--.ni        AllniiO j Allintn Tli'u'V. M. M'iml.i). (~.il.~i:.; il .1.- HI -n.r. .u.nc mil" "i'~   I .THE WEST PGiHT ROUTE WA. 7?2P ?.1A. JWWl ATTENTION, PYTHIANS! Grand Lodge, K. of P. Cordele,Ga. -July 11-16, '32 Buy your ticl;ol'. over    : B. C. Railroad, tlio  route- from AtUnU for Crawl Lni(?c- Officer*, SutioriimMc LodttcJ. Uniform Rnnl: (Third    -rr;i.i Rcirimenl). Court of C.. AI.I,  ) SI   SERVICK Leave Afl.inla .Monciav. July 1 1th. 7:2") A. M. Arrive Cordclc Monday. July , 2:30 M. .Modern Coaches Electric Fans Bands Refreshments $5-75-ROUND TRIP-$5-75 We have used the A- B.  and know their service is satisfactory. Be on lime at the Terminal Station. 7:2.-) A. M. July 11th. COMMITTEE Col. H. L. Forrcll, Q. K. R. S. Gen. John H. Fletcher,     . Inspector Gen. Major J. H. Hi(,blower, Mm. Georgia A.          , D. G. W. C. and W. M. MrJ. Toby Grunt, D. G. W. C. Stone Mountain Diit. Col. W. G. Flemister, Col. Comm. g, 3rd   . Rr-jjt. Attcitcd: R. L. Hrnderton, C.ipl. and Adjutant.</t>
  </si>
  <si>
    <t>                                           MlU  IN THE WOULD SOUTHERN NEW8PAPEK SYNDICATE, INC, P0 IT. A. SCOTT _    4ar Ftmak M.~l-n       Mimlil Kdltar MEMBER OP THE ASSOCIATED NEGRO PRESS THE WORLD imus n*  (or   "~t Uta pm . SUBSCRIPTION RATES Dm Tmi. 17    I . (US 3 Months K2! 1 Mamth. Me      . 3*c SomUj Only.      PUBLISHED DAILY AT :1O AOTUKtf AVE- N. C TELEPHpyESi WAlimt      nd    0 *Ktmi - matter at th. port  at Atlaata.   - sadar tlw act of March 3. 187  ADVTEKXISrNG REPRESENTATrVE W. B.  CO^ 201 WalMh BUx- AUanta. Chkaxa. Kiw Terk.     OrlraM</t>
  </si>
  <si>
    <t>                                           IT DOES NOT REQUIRE a superior memory to recall that glamorous span of last summer when the firth annual Georgia Open Tennis Championships were being played here on the Spelman college courts, with an average of ids hundred Atlanta elite witnessing the events each day. It requires even leas reflection to review the gaudy attire, the widespread mirth, the verdant greenery, the immaculate tennis players in spotless white duck, and the overwhelmingly aristocratic atmosphere prevailing throughout it was the...</t>
  </si>
  <si>
    <t>                                           GET A BIG ONE! I DON'T forget the three grand prizes to be awarded at the end of the. contest. 1st Prize $200 2nd Prize 100 2fd Prize 75 SUGAR Buy SUGAR And' Help Your Church Every Domino Cartoon,.       .Domino Sack Good For Volts for Your Chorcb. l,.Vote for Every      You        for Domino Suzar- Simply Vote     Dagt or        - DEMAND DOMINO SUGAR '"Swectenll MM</t>
  </si>
  <si>
    <t>                                           t*~  on _5T*N  DAttttcwspXPefi. in the world ~^V SCOTt Editor and PoblUber   TOk'iurrfun DarU -J.          EdIWi fiii-:-- SUBSCRIPTION RATES Jj^'T-OM Tm. Menthi.  5.eO: 3     )~. W.~~: WMklr. IQc PUBLISHED DAILY AT J10  AVE.. N. K. TAj!1. TELEPHONES: WAInat K59 anit UtO i -    MCOod-cU- matter at the put . at AUanU. Ca., lulu '    -..-7 att  f March 3. 1~*9 ^ MEMBER OP WE ASSOCIATED NEGRO PRESS THE WOULD a_     no  'or      t lato</t>
  </si>
  <si>
    <t>                                           (Bailey's "Cool" Royal THURSDAY and FRIDAY N I "SO BIG" With BARBARA STANWYCK C. L WENTWORTH Successor To k. MILAM COMPANY Auto Bodies, Fenders Repaired j Seat Covers and Top Workj 1 G. L. WENTWORTH 17-19 Piedmont Avc, N. :-E.~t WAlnut 8970        , Ga. -vg miin "</t>
  </si>
  <si>
    <t>                                           ATTENTION, PYTHIANS! Grand Lodge, K. of P. Cordele, Ca. -July 11-16, '32 I Buy your  over the A. B. 4 C. Railroad, the official 'route from Atlanta for Grand Lodge Officeri, Subordinate Lodges, Uniform Rank (Third Georgia Regiment), Court of Calanthe.  ALL OTHERS INVITED SPECIAL TRAIN SERVICE Leave Atlanta Monday, July 11th, 7:25 A. M. Arrive CortJelc Monday, July 11th, 2:50 P. M. Modern Coaches Electric Fans Bands Refreshments $5-75-ROUND TRIP-$5.75 We have used the A- B. C. '' and know their service is satisfactory. Be on time at the Terminal StaUdn, 7:25 A.M. July Hth. COMMITTEE Col. H. L. F., G. K. R. S. Can. John H. Fletcher, Atit. Inspector GenMajor J. H. Hifhtower, Mr.. Georgia A. Wa., D. G. W. C. and W. M.    . Toby Grant, D. C W. C. Stone Mountain Diat. Col. W. G. Flemiiter, Col. Commanding, 3rd Ga. Regt. I Attested) R. L. Henderton, Capt. and Adjutant.</t>
  </si>
  <si>
    <t>                                           ONLY  DAiLY         * IN ThF WORLD yj j^ 8COTT Kdltor  nd Publlihti fr.ak )       Dmili          Mllof BL  HATES Om     . 4      ,  5.~0;      , ~.   J^^?-_!?  DAILY AT S10 .KN AVK.! N. t TELEPHONES: WAlnat 1459  nd 1460 bund M Me*Kd-~     at the pott office ftt AtlajU.   .,       ct of M.rch 3. 1 9  OP IIIE ASSOCIATED   TBK W0E1D      tor              xst l.u          . AnVKWTlSING  W. B. 7AVV CO_ ~_'   *o.     York. l^          J</t>
  </si>
  <si>
    <t>                                           Mr. Betsch., Auditor of The Atlanta Life Ins. Co. is the guest of Mrs. P. L. Lindsay.</t>
  </si>
  <si>
    <t>                                           "Suicide Fleet," RKO Pathe's sensational screen spectacle revealing the Navy's part in the world war unites three famous picture personalities for the first time. Bill Boyd, Robert Armstrong and James Gleason are the real life pals who are carrying on this friendship...</t>
  </si>
  <si>
    <t>                                           HIGH BLOOD PRESSURES reduced with simple home treatment; Write Alertox Med. Co., Dspt. 1 Atlanta, Ga.. for free leaflet  Jiow thousands have relieved thern-j ,       of this dangerous," Insidious .condition.</t>
  </si>
  <si>
    <t>                                           I have been reading your Everyday Problems of Life in the Atlanta World every day and I,too, want you to give me some advice. I am 17 years old. have been corresponding with a certain young mall about 8 months. He is very nice to me and he' says that...</t>
  </si>
  <si>
    <t>                                           NEW YORK June" charge against the Wallach Brothers store in Harlem. located' a 246 W.125th street was made by Gardner D. Pickett. last Saturday when he' said he had been forced to quit work there because he recognized as a sales.</t>
  </si>
  <si>
    <t>                                           HELDiSHOT INTRUDER                 Said by John Walker, colored night watchman for the C. A. Smith Roofing Co. plant on tho A. B. C. railroad tracks near Western avenue to have been stealing wood from the company s yards, Arthur Mullins. 27. white. 607 Jones . was taken to the Grady                 hospital In a serious condition Monday evening. Mr. Walker, who has been employed by the company tot the past 33 years, was locked up pending the outcome the wounded man s condition. According to the watchman s statement, the man was stealing some cord wood from the company yards about 8:30 that evening when he told him to put it down. This, Mr. Mullins refused to do, contending that he didn't get it there. He furthermore told the colored man that if he said that he did get it Continued on Page 2, Col. 1                 Watchman Is V. (Continued from Tafc 1.) there that he.was a liar. Mr. Walker then told how he told  he white man. that lie saw him pick up the wood from the company s r.TStack and how lie called him a liar and started advancing upon him as if to strike him. Not knowing whether or not the man was- armed, the watchman pulled out his 38 revolver and shot at him twice. His antagonist dropped to the ground when the second shot was fired, picked himself up and walked on off down the railroad - all right.' He was taken to the Grady hospital by W. H.' Johnson, 607 Jones avenue and H. A: Moon, 611 Jones avenue after they discovered that their  bcen-shot. Neither knew any of the details surrounding the shooting: Mr. Mutlins'.told Detectives H. C. Newton and P." H. Jones at the Grady that he picked up a piece of i wood trom the railroad tracks when Walker ordered him to put it down. He asked- why and upon being told that he stole it he. called Walker a liar and made a pass at him whereupon Walker readied for his gun and shot him; He also said that he   walked1 home and was brought to the hospital.' "This is the first trouble that we have had recently with people 1 stealing. wood," Paul Cousins president. of the roofing company stated. Mr. Cousins- added that the man had been asked to watch the plant 'at night following a fire, of several months ago. The. work of the  employee, who has been with the" "company 33 years, was also highly praised by the executive. v He stated that.jthe man was a very ^efficient engineer, running the boil^cr plant :and. other mechanical apparatus when .needed. Mr. .Walker was brought to the station house Irom his home on .-Hightower road, where he went af...ter informing J. T. Cleland, night watchman for the nearby Wofford  J3il company; that he had shot a man.</t>
  </si>
  <si>
    <t>                                           Said by John Walker, colored night watchman for the C. A. Smith Roofing Co. plant on the A. B. C. railroad tracks near Western avenue to have been stealing wood from the company's yards. Arthur Mullins, 27, white, 607 Jones avenue, was taken to the Grady...</t>
  </si>
  <si>
    <t>                                           7                                     f^mMH.I-.TrTT,,,.,, Rf    *. II KecninR up with the news as it happens is no difficult fcal  A/~TM Allantans who like to slay behind the times and read nest B B*fc 8 I^V^AFd0~^ Im. Oljtfl 1     for NeproAtlantans as they have a daily newspaper of their V W El IB week or the one following that what happens today do not H I 8 fiT^ 9 W fi"^ l/lf 2 B%C^dJF \mf own In any other community in the world, a Negro daily f A *~A A read The Daily World. In any other city, they would ho Jfi. *IV Jb ^i V    V J m 9T f^ would be an oddity; here it has become a necessity. (Tie average persons; in Atlanta they are oddities-</t>
  </si>
  <si>
    <t>                                           Thomas H. Nelson, Jr., of 1268 North Decatur, died suddenly at his home last Wednesday morning at 7:30 following an attack of epilepsy of the brains. Funeral rites were observed at his residence Friday afternoon at one o'clock with Rev. W. S. Jackson. pastor of Jackson...</t>
  </si>
  <si>
    <t>                                           GEORGIA $ I OPEN 11 A.M. 15c g ROBINSON % n -i seconds'"        8H MADAM j ^p*~~ WHARTON J-ft^        -.  WllAKTON ^   \i B^.a^.1. On* y]~Jt to P^^_/Ajtf  iH      fur maa? if tiH.i.- O'-H  - 50c 151.'* I. .--II VI -~l K--..tl. Allnntt t,a M.r.^u.   -     Mill Car-        11,,,,-r ff,,,n           Slop mrs. munn ng If in t.u.-hli-. ,   Itu-'.  or       *.      kift^l clairvoyant tin) .1 will Irultil-llr ndn-p aid 1-dji you tell,      a- v.it) *  1. Ihf pr^"i i- It i.    .I 1hP f,,       n-. it  ill I":  foil     - .if whom you will marry. * , 10 n. m to S p. m. No  Hun. c1!)! or FHrinv*. Nn ^, look for      . 1H3C l^-l    . Atlanta.</t>
  </si>
  <si>
    <t>                                           Congregationalists Will Hear Nurse Talk Tonight                 An interesting feature of- the vesper services of tlie First Congregational church at seven o clock tonight will be an address by Mrs. Ludic Andrews, head nurse at McVlekers hospital. Spelman college. This presentation Is under the auspices of tlio Evcrready club. Holy Communion will be administered during the 11 o clock services this morning. Rev. W. J. Faulkner pastor the church, is to preach on, "The Sacredness of Time." The public Is invited to attend all services. PRISONER HAS TYPHOID FEVER Just beginning: the service of a four to five year sentence for robbery, C. D. Lockett, has been removed to the Grndy hospital, where, after a checkup, it was discovered that the prisoner had contracted typhoid fever. Lockett is said to be in a serious condition.</t>
  </si>
  <si>
    <t>                                           TTTTTTTTytttttttM f TTTMTf T T T T f f T 7TTT* TTTT MADAM JACKSON, PalmisSer -WIlI'I-^?' HoW cin I gain ty i^jt^^f Would,I be successful in business? Will I get the ONF I LOVE? Should I gamble? Should. I ^ year?. Would I be successful in the business i I'Sm dImA-^ i mg on?..,; ,v: J:H: .~;..^^^%r^^iif, I See this Palmister at once and have these and '~', v other questions  rs\.     'ou/"I^,          '~j Hand on the side of th house," Davis Ave. between St." Charles Ave. and ButcKerJs/Mi'e^^'V-^//,.";,^,.^-^-"^' MOBILE, ALA. JACKSON. 2fe63.R?J f': ........~~.1............</t>
  </si>
  <si>
    <t>                                           Fitzgerald's Phi Beta Kappa Social Stars, consisted of Mr. Ed Lamar, and his wife, and two daughters, Anna. and Burnice, Rev. and Mrs. G. C. Thomas, and their daughter Aeolian, motored last Thursday to Jacksonville, Georgia to the home of Mrs. Lamar's mother...</t>
  </si>
  <si>
    <t>                                           'tMT! A PAGE FOftTWOAAEN I ^!   !f ^~-'V "w BEULAH MITCHELL HILL/ EDITOR- ^V8 r "M ~?i=</t>
  </si>
  <si>
    <t>                                           A meeting of the Independent Business and Civic Association was held August 2nd 1932, at the Universal Life Ins. Co., Building. The meeting was well attended and much interest and enthusiasm was manifested. Pres. J. E. Walker addressed the meeting discussing the...</t>
  </si>
  <si>
    <t>                                           I  f I*T Q-l^l-o^l^^WaBiragl</t>
  </si>
  <si>
    <t>                                           - AUTO ACCESSORIES BUY FROM GOLDEN EAGLE! STORES GET VOTES FOR YOUR CHURCH</t>
  </si>
  <si>
    <t>                                           LOS ANGELES, Aug. 1--(ANP)--Experienced white airmen and spectators of both races, were equally thrilled on both Sunday afternoons past at the flying and air stunts staged by Herman Banning at the Compton Air-port. A parachute jump by Maxwell Love...</t>
  </si>
  <si>
    <t>                                           The much-heraldtd wedding of Miss Sue Bailey and Rev. Howard Thurman took place Sunday, June 12 at 8:30 p. m. in the new dining hall of Lincoln Academy, King's Mountain, N. C. in the presence of a large and distinguished assemblage from all over the country.</t>
  </si>
  <si>
    <t>                                           Rogers Is Not Hurt; Knocked Down by Car                 John Rogers, 255 Roberts street was found to be uninjured after he had been taken to the Grady hospital Friday night by Major M. C. Bishop of the G. M. A. college. According to Major Bishpo, the man suddenly ran across the street in  of his car as he was driving along Peters street near McDaniel. The man, wh was making the crossing in the m  of the block, was knocked down by the Impact. The major, carried him home afterwards.</t>
  </si>
  <si>
    <t>                                           Policewoman RobberUnder $1,000 Bonds                 Jim Hammett, 25, 533 Third street, who made the serious mistake of ;ng to hold up and rob two policewomen in their automobile near the intersection of Fornnvalt and Fair streets about SI:30 Thursday night, was bound over to the errand jury under $1,000 bonds when he was brought into the Recorder's court Friday afternoon. The two policewomen, Mrs. J. \V. Baxter and Mrs. J. 13. Hewell were in the car at the time. Mrs. Baxter, who was driving, slowed up when one of the men stumbled in the pathway of the ear. Hammett, jumped on to the running board and demanded Mrs. Baxter's . As he snatched it, she clipped him on the chin, knocking him to the ground. Officers Floyd and Dailey returned with the two women several moments later and picked him up as he was nursing his jaw. He was identified by the officers and placed in the city jail under the same heavy charge that is hold ing him for grand jury action.  with gun A   bandit put n gun on Floyd Wright. 797 Pulliam street about three o clock Saturday  and robbed him of S3. 10. The hold-up took place under the Courtland street viaduct.</t>
  </si>
  <si>
    <t>                                           LEADS G. P. I                 FREDERICK .M. ROBERTS Assemblyman of the California legislature, who hopes to turn that state s Negro vote to Hoover in November. He is publisher of the New Arc Dispatch of Los Angeles and was a delegate to the Republican National convention In Chicago during June.</t>
  </si>
  <si>
    <t>                                           Met at the home of Mrs. Willie E. Keiser Thursday, July 21 with the president presiding. Plans were made to have a moon light Picnic at the home of Mrs. Burdnett Thursday, July 28., The picnic was enjoyed by all and the club adjourned to meet at the home...</t>
  </si>
  <si>
    <t>                                           ^Vr^V^P? BELLAH MITCHELL HILL^ EDITOR. RtCI P#^~</t>
  </si>
  <si>
    <t>                                           The fashionable residential section out on Peachtree Street set a new record Thursday night June 23rd. A party was given at the home of Miss Josephine Wilkins, 925 Peachtree Streets N. E. This affair was given in honor of Mrs. Sarah Smith, who has been the...</t>
  </si>
  <si>
    <t>                                           Another Thatcher Colt mystery BEGINS TODAY The greatest sleuth in modern fiction faces a  of murder. Fol low his solution every day inTHE MURDER OF THE NIGHT CLUB LADY. by ANf HONY ABBOT TURN TO PAGE 2 FOR THE FIRST INSTALLMENT Atlanta DailyWorld</t>
  </si>
  <si>
    <t>                                           I am a girl 18 years of age, III the 11th grade. I will finish next year. But listen, I was going with a young man. He had been married but his wife was dead and he had one little girl.</t>
  </si>
  <si>
    <t>                                           May Be First Lady                 This charming camera study is tho most recent made of Mrs. Franklin D. Roosevelt, wife of the Governor of Nc.v York and Democratic nominee for the Presidency of the United States. In the event of Governor Roosevelt's election next November Mrs. Roosevelt \vm;!r! "~)t be a newcomer to W:..r, having had her share of diplomatic life when her husband was Assistant Secretary of the Navy from 1013 to 1920.</t>
  </si>
  <si>
    <t>                                           MISS JEAN HARGROVE, that charming and eloquent young B. T. Washington High School senior, who blazed her Way to the oratorical championship of the United States in a contest fostered by the Elks since this spring, will be tendered a gala motorcade reception this afternoon at 3 o'clock. Plans fully underway for yesterday afternoon had to be deferred when a telegram from Miss Hargrove revealed that it would be an impossibility for her to arrive in time. However, today, Miss Hargrove is to be in the Gate...</t>
  </si>
  <si>
    <t>                                           MRS. A. M. WILLIAMS, daughter of Rev. and Mrs. Cardwell, of Chattanooga, Tenn. spent the weekend in the city as the guest of her aunt and cousin, Mrs Mayer and in Ellison at 850 West Mitchell She was highly entertained Sunday evening by Mr. and...</t>
  </si>
  <si>
    <t>                                           WHEN the current baseball season opened, two of the teams which were torn from all hope by "expert" opinion were the Boston Braves and the Detroit Tigers. Here, most of the more prominent sports writers were agreed, were two teams...</t>
  </si>
  <si>
    <t>                                           ONE OF THE REDEEMING FEATURES of an otherwise lethargis social week during the past seven day span was that brilliant honorary affair for Mr. J. W. Dobbs, newly elected Grand Master of Masons, succeeding the late Dr. H. R. Butler, staged by Messrs. R. L. Dobbs and T. L. Curry at the home of Mr. J. L. Dobbs, 969 Lena Street, southwest. The affair took the form of a swanky stag smoker, the feature of which was a round of progressive whist, the like of which one seldoms sees.</t>
  </si>
  <si>
    <t>                                           Art is a very broad, inclusive term. In the abstract, it is comparatively easy to define; but in the concerete, it is exceedingly difficult to portray. It has no independent existence of its own, but it invariably identifies itself with some other thing--for...</t>
  </si>
  <si>
    <t>                                           West Side Delicatessen Is Bought by S , Walker                 Two of the most popular "regular fellows" In Atlanta's society realms. Ch:irles A. Shuften and Theodore R. Walker (both originally sons of Bibb county, but wh0 have spent the last seven years in the ole Gate City) have officially announced that with the legal                 ance of CoL T. W. Holmes, they have purchased the West Side delicatessen (formerly operated by the owners of the Economy delicatessen, on Auburn avenue. The name will be changed to the NABORHOOD DELICATESSEN; The place will be completely renovated and a. high standard of quality and service will always be maintained. It will doubtless necessitate Hie closing of the place for at lo:ist Monday and Tuesday, and prob: Wednesday. Hence, the grand opening date has been set for Thursday, June 16. Charles A. Shuften Is well known in all circles of Atlanta. He is the son of the late Dr. John T. Shuften, of Macon, Ga.. was offi- i Continued on Pago 2, Col. 3                 THEODORE WALKER                 CUARtlE 1                 Delicatessen Cnntinllfti  Pnf,,. I::iici1 with the Pi!~   :~ Life Insiir.-n.-u company In this city and reveil his - nt Knnxvlllo ::i!ii Tennessee State Colleges.         :'c R. Walker, who is al.-d well .-n in Atlanta's , tli'.- -son of th(. late Richard F. Waikt.-, prominent i'~. and war. formerly .1 with the /Jaiita Lire Insurance  here. He is a member of the Otnof.-i P.'i Phi fraternity, and received his education at Lincoln University. Pa. Mr. Walker ami Mr. Sluiften are  at 88U Simpson street, An invitation is being extended 10 al! persons reading this article to visit i.lie .store cm grand opening day. (Thursday, June 10.) As a special treat the proprietors hive arrango.l to -erve" free ice cream 'if you happen to have i-i;~re friends who didn't get the World today and hence, couldn't rea.l this, article, tell them that they are welcome to come to the new delicatessen.) Be it plainly . Mr. Shuften and Mr. Walker have purchased, the place and are from this date the owners the place. The new proprietors will everything to        tire .-lew place a  place for many and  n eating place for all who would enjoy clean wholesome food, prepared in the most sanitary manner, under the most interested supervision. Watch the Atlanta. Daily World o*ch day during this \ve.?k for further details about this new  ~'=. which we ail are proud of a::d will surely patronize. With the cooperation of all  and  Charlie and Theodore I will beyond a  enjoy wonderful success nnd we will  have a place to go on the west side. Here's wishing every success to tw0 of Atlanta's youngest business I .r.en.</t>
  </si>
  <si>
    <t>                                           Two of the most popular "regular fellows" In Atlanta's society realms. Charles A. Shuften and Theodore R. Walker (both originally sons of Bibb county, but who have spent the last seven years in the ole Gate City) have officially announced that with the legal...</t>
  </si>
  <si>
    <t>                                           i  S   )5 . AVf.NUE 2S2U  ROAD j FRYERS 22  i Eggs doz. 1 8c TURKEYS THE riNT.ST HENS SircE S to 13 11... i) Ac i You must sec 'cm ^pJj^BlfwiEJqffnagiflHm</t>
  </si>
  <si>
    <t>                                           ALL FROM ONE fraternity. Om of a class at ten degree nun, who finished May 18 at Garr.ra.'.T Theological Seminary, leven m r members of the Omega Pat Phi Maternity. Front from left to rigl.:: John T. Enright. Horace N. McLil'.y, Dr. Timothy B. Echols. D. D.. Alpheus T. Wilson, Charles H. Dubra. Top row: William C. Strother, Jr.. Warren W. Snrtor and Alphonzo J.  dward:;.                 -Start Photo by Mackay                 C B. CAMPBELL owner of the Campbell Photo Studios In New                 York City. -Photo by" Campbell, New York                 EAST END CIVIC Baseball team with headquarters In the Orange Mound subdivision. Memphis.                 Photo by Jones-Purdy, Memphis.                 ANNUAL FIELD DAY hela by David T. Howard Junior High School, Atlanta, attracted more than 2000 spectators last week. 1000 students participated In the exercises held on Morris Brown university campus.                 -Start        by Mockay                 MISS Wnycri Y.W.C                 IsSIE MITCHELL, of Ma., u president of the land a member the . class at Morris I'ferlW' Atlanta.                 oto Tby Kelly, Atlanta                 NO. NOT REAL Indians. These youngsters portrayed America's   in the annual Atlanta School of Social Work field day hold at Washington Park.                 -Staff Photo by Mackay                 PARENT-TEACHERS ASS N. of St. Anthonv school. Memphis.                 -Photo by Jones-Purdy, Memphis.                 OUT OF THE alleys and , John Ball, Butler street branch "Y" boys worker, has gathered  youngster" to spend their spare hours In profitable pleasure In comfortable  of the branch                 building. Staff photo by Mackay                 ni GROUP of teachers at the  School Ensley, Ala., with  Wood, at the recent May I exercises.                 MISS NORMA CREOLA MICHAEL of Abbeville N. C, who graduates this year from the Atlanta School of Social Work.                 "-Photo" by kelly. Atlnnta                 LITTLE MISS  JURAN BRADLEY, charming daughter of Mr. and Mrs. J. B. Bradley, 2011 Venus Avenue, Jacksonville, Fla.                 Photo by Weems, Jacksonville, Fla.                 PUPILS pi' .me School. Birmingham, exh ,!..~K one of their Health Week .                 MASTER OF WORDS: Little Miss Janice Donahue who won the annual city-county spelling bee sponsored by the. Piess-Scimitar, local daily paper at Booker Washington High school. Memphis. She in a student at Carries Avenue school, and the daughter of Mr. and Mrs. Donahue.                 Photo by Jones-Purdy, Memphis.</t>
  </si>
  <si>
    <t>                                           Negroes Donate to Campaign Pot of Democrats                 WASHINGTON. June 2- (ANP) Negro Democratic voters resident in the District of Columbia have contributed over $1300 to t h e Democratic Victory Drive Campaign, according to Mack D. Rowe, colored organizer for the Victory Drive. Mr. Rowe has been made an honorary colonel of the campaign by District of Columbia managers of the drive. "It is significant," said Mr. Rowe. "that colored residents of the District of Columbia should make such a substantial contribution in this time of depression. The more we contribute to campaign funds the greater voice wo will have in deciding party policies."  RIDER RUNS AWAY Appurently uninjured, a youngster, who wns knocked from his  by an automobile at the corner of Murphy and Glenn streets about 10 o clock Tuesday night, got up and ran and left his bicycle. A. C Daniel. La Grange, Georgln Tech student, brought the wrecked bicycle, a Columbia No. G8649, to the police station. He stated that he was coming Into town on Murphy street when the boy. who was going cast on Glenn, ran through a red light. Officers believe that he resorted to flight as they think that the bicycle had been stolen.</t>
  </si>
  <si>
    <t>                                           ^ONLYNEftRO DA^^ER IN THE WORLD SOUTHERN NEWSPAPER SYNDICATE. INC, PUBLISHERS If x. SCOTT Ttmitr Praak Xanhall Darii         Mltar MEMBER OP THE ASSOCIATED NEGRO PRESS THI TOItLD umbo no  for   MM lmt* Bm SUBSCRIPTION RATES Dm Tmr.  f MonOu. MJ1 J MonUa. His 1 Heath. Me W.AI7. 2 c SuuUr Onlr. PUBLISHED DAILY AT 110 AUBURN AVE- N. E. TELEPHONES.: WAlnot 1459  nd 14(0 ErtnW u      -      matter  t the port  at Atlanta, Ga,            act of March 3.  ADVERTISING REPRESENTATIVE W. B. ZIFF CO.. 204 Walum Bldr-. Atlanta. ClJcaio. Nnr York.     OrltaM</t>
  </si>
  <si>
    <t>                                           ELEVAtQRBOY SHOT AFTER DANCE                 Following an argument said to have started over the admission of Joe Wiggins to the Piedmont Hotel Boys dance on, the Roof garden last night. Tommie Griffie, 19. elevator boy in the Odd Fellows building was shot in the arm by a man known only as "Black." Wiggins, witnesses say, attempted to crash the gate of the dance and when refused admission by Black who was on the door, reported 'back to Griffie, who promptly took up the fight. The shooting was precipitated on Auburn avenue near the entrance of the Odd Fellows building. Griffie. who was rushed to Grody hospital was reported not to be in a serious condition, by doctors Friday morning. Griffie gave his address at the hospital as 24 Bell street.</t>
  </si>
  <si>
    <t>                                           Atlanta's proverbial switch-blade has been forsaken for the more effective pistol as a weapon, judging from the list of week-end casualties registered as late as midnight saturday.</t>
  </si>
  <si>
    <t>                                           FIRE DOES S450 DAMAGE I JACKSONVILLE, Fla., Aug. 5- Fire originating from unknown causes In the rear of a double one story building located at 517 nnd 519 South Iloman street, owned by the Pythian Temple, nnd  at $3.00 did damage to the amount of $450. The (Ire then spread to another onP story double building located at 521 and 523 South Roman street anil damaged it slightly. Early Monday fire from unknown  destroyed the building at 2540 Cloue , which is occupied as n. grocery and residence by Sidney Dcpayton. The building is valued .it $4,000 and the contents at S800. The fire then spread to the adjoining house, which is owned by Depayton. and damaged it to the extent of $$150.</t>
  </si>
  <si>
    <t>                                           West Point Entered by Colonel s Son                 I j NEW YORK. July (CNS) Benjamin 0. I).~. .Junior, *on of Colonel Benjamin Davis, ranking  in the LVted Slate.* army was admitted to West Point Fndny Julv 1. The  cadet was named as a candidate to the miltary academy hv Representative Oscar DePriest, Republican of Illinois. At that time Davs was studying at Northwestern university, where he had been attending school for the past two . following his  from a Cleveland  school. Davis is the second colored  to enter West Point in  years. The other. Alonzo . who was  in -lune. 1{J2!I failed in mathematics at the end nf the  mid-term in 1!KI0. The last colored officer to lie r - from West Point was 'onel Charles Younir Colonel Davis, who is now in France,  intr the l'.KI-  nf Gold Star mothers, rose to his present  from the . and  nut attend West Point. Snatcher Of Purses Held; $1000 Bond Tlmrnion Rnhr-rson, 21. of TiO] Beani street w:i:; bound over to the Fnltim i;ran,i jury  5;  nn a - nf robbery  mil of his attempt Snllirday niehl In sn.mh  purse nf Mrs. M. Ball, while, or   29 Conrlland street.  was  after a : uf   by A1. Trim Dowsy.  was ai-j unc-icri In the  by Mrs Hall's screams for . The  was empty when   Mrs Hall declared (hal it contained S10 an'! a bill of Sale for an automobile- when stolen from her. Frolmiin;iry  for  was held in Iieconlei court  Judco. John L. Cone. VEIUtETI' HEARS LOUISIANA i MASONS  ORLEANS. I.a.. .'lily fi --E D Vetrcll of New Orleans was  must worshipful Rniticl master nf SI. John's, 3 LoilR". A. F. an 1 A. M at I that order s i- here Other officers chosen were C. A. CTmnbre. Li'!:o Charier.,  Rinntl master: 'lev W. Scott, Chinn. New Orkon.~,  .-; J. A Patterson. New Orlconn. crand : J A. Steadmnn. "rt.  burial Ireasurer. and Hen McAlroy. New Orleans.  lec:urer. Mt. Olivet Grand Chapter 3 nf Eastern Star, held it? invention with the Masonic or4:mi7. M meeting.</t>
  </si>
  <si>
    <t>                                           Saturday at High 's Picture CH1 Made to sell for 49c yd. SENSATIONAL LOW PRICE! ^5^ J0H^,    White, eggshell, maize, nile, or-          chid, blues. SHEER AND COOL. ^Jf.^gS - Jfa ^M Yd HIGH S STREET FLOOR   IVl, iil GH 'v^'Q. ..I   .^ears of  UnderseUlna-         "i</t>
  </si>
  <si>
    <t>                                           With Franklin Delano Roosevelt astride the Democratic donkey as it flounders through a Wet pathway toward the November elections, with President Herbert Clarke Hoover riding atop the Republican elephant as it waddles along-its handmade road just between the Prohibitionist Devil and the Anti-Dry Deep Blue Sea toward the same goal the time comes to take stock of both parties and see What each has to offer.</t>
  </si>
  <si>
    <t>                                           The colored merchants of Atlanta for some time have been trying to figure out a way in which they could have something else with which to claim the patronage of their People other than "trade with me because I am a Negro." They lucked in on a...</t>
  </si>
  <si>
    <t>                                           DROPPING IN on Mr. and Mrs. Lawrence W. Showers, well known young married couple of the Gate City, at their cozy, semi-luxurious apartment, amid all its elaborate velour furnishings and smart contents, the collimnisk stands a poor chance of ever forgetting the royal treat proffered him by the 475 Feiton Drive residents. He was made very ranch at-home.</t>
  </si>
  <si>
    <t>                                           Jestimony at Macon Points to John Downer's Innocence                 TWO 1IKS THINK HE S IHNflCEHT                 Point to Odd Facts in Convicton at Elberton, Ga.                 U. S. JUDGE SITS                 MACON, fin.. July -(Special) The  of "evidence" which Completely  .lohn Downer \ than a veur niro and   K him to the electric chirr is   hut Mirelv Rhoveled       it  k nos. the Kllicrtnn mnn  lie                  solver! of all  in the  attack nil a  white woman. Testimony bv two white .i horn Tucsilnv in a Bpcc!al  before Federal Court . P- Denver cost crave doubts on 1 ho  of Ilowncr. Cnntnin Mnrion Willinmoori. Atlanta  who *   one of the officers in the militia unit* called to Klherton to mve Downnr from  a vear aco Mnv 1R. the   the  .  the court in no uncertain * he  the N'et'ro wii* innocent. Still more aid came from the Rev. \V. T. Hunnicutt. also white-,  of the Methodist church in Elbcrton. who wns one of the first to doubt the L-uilt of Downer, lie  defense counsel at the tr nl Continued on Pat;e 2, Col. 5 t                 Two Whites j  :rom  1) In \iM l-.avt" produced the  (lie  man who was the  :inion of Downer's altered  Cant. Williamson  ;-t;    ) ho   '    the euTs   ~:ii L- of the ata.k. The        t 'ion for writ of habeas n . Downer iva-i convicted at, a special term of the  In Kibcrton ori Mav 2~. nine (lavs after tlic  com-  m-sion of the crime, and was sentenced that same (lav to be executed June IS. Atlanta am! Macon lawyers became interested in the case and two davs before the Neirro was to have been executed at the stale' prison [arm thev presented to . Denver the petit on for writ of habeas corpus. Thev  the  "without due process of law." described it as si "mere sham" and said the . the :--. and - for both the prosecution nnd the defense were "swept bv an irre.-         wave of public .uv  of the  Tuesdav  the complete picture of the situation to . Denver Thev testified the trial could not  been held- had not the courtroom and surrounding Tire-  \  bv  200  =ent there by the t  of the ?tate. Cnnta:n Williamson .;.'i(d he had made everv effort to persuade Governor "L. G. Hardmnii nnd Juiize B- T. Moslev that." there should he a  of venue in the case- that there  not possibly be n fair Irinl in/F.  under the conditions. He said others, tco. hml  the same recommendation. Colonel C. P. O'Keeffe.  of the 122d . said he bad been warned not to return to Elfecrton. that the mob was determined to take him and Downer. Nevertheless, he sa d. he returned' on Miw 20 with 200 militiamen to prefect the prisoner. I The Rev. Mr. Hunnicutt criticized counsel for Downer at the   for not  ?uff  cross-examined witnesses. On cross-examination Kellev asked- "Didn't counsel for Downer  a hard ?" Kellev is  -Eeneral and now  for . I  paused the pastor. "They're mv friends, but no lawyer can he notified at 7 clock nnd cet  for trial bv 10.' Chnrles Kmorv Smith, of Downer's counsel, said he failed to cross-examine the companion of the  woman on the real point of the  whv the bov  Downer to take the . The hnv nnd the cirl were later married. "Wasn't the Nerrro's  a  com-lusion"!"  Orville A. Park, of the Neero's counsel. "I wasn't surprised." answered I Mr. Smith said he had been told I bv Downer's wife nnd  thcr  he was not of sound i mind, and that "if he was  of the crime he hml been linked  nto it bv enemies." While, the - was in pr:~cress Ti:e d.iv the father and hi" of the victim were in the courtroom. The Xeirro. too. was I under  in a corner of the i courtroom. l)owner has been :n i jail hero fi r a oar. . Deaver heard evidence In 'I in the co.~e until 7:.')0 o clock Tue.~dav n . The court  [until Wednesday  for  testimony.</t>
  </si>
  <si>
    <t>                                           MACON, Ga., July 6--(Special)--The mass of "evidence" which Completely buried John Downer ... than a year ago and nearly ... him to the electric char is being slowly but surely shoveled away and it is possible the Elberton man may be completely absolved...</t>
  </si>
  <si>
    <t>                                           Obsequies of the late Mrs. Mary S. Eddins. who died at her home, 588 Camilla street, early Monday morning of last week as the result of injuries received in an automobile accident were observed on Thursday morning and afternoon at New Prospect Beale Ave...</t>
  </si>
  <si>
    <t>                                           ~,:i^.;:.^;;.;^"tV  ^^SSM ^r^BMMMi   - ':.'^  [ -"y^--^~if^^^ ^    ^^j^^ ONLV negro daily newspaper in the world UlSUUuhfiuyHi VOLUME 5; NUMBER 103      ATf  a ha *^''.nAV UTrJr imi ===^^ 'jl</t>
  </si>
  <si>
    <t>                                           WASHINGTON, July 13. -- (ANP) -- Presenting a different spectacle from the determined group of tattered veterans who marched into the Capitol six week ago, the members of the Bonus Expeditionary Forces last night (Saturday) began their homeward...</t>
  </si>
  <si>
    <t>                                           PHILO VANCE  Mystery                 Hbyg^S. VAN-DlNE"                 'S LUCK '^'-'''K Overbad . Xym Ydting                 "'TELLING ^TQiimY'^..^:: =rJ^~S===                 THEM DAYS ARE GONE FOREVER                 W  This on t  W                  DOROTHY DARNiT                 B-y Charles McMdfiits                 BILLY S UNCLE</t>
  </si>
  <si>
    <t>                                           In my first article, if you were one of the readers to peruse it, I took you "Inside of Kilby," the central head-quarters of the Alabama Chain Gang. The second article described, "A Holiday at Kilby," and in this article I shall attempt to describe, "Working at...</t>
  </si>
  <si>
    <t>                                           This exhibit shows conclusively that Negroes have learned to co-operate. Are you willing to sacrifice 2e at times to gain Economic Independence?</t>
  </si>
  <si>
    <t>                                           The most potential weapon of the south against the strain of economie pressure is gradually being discarded the farm and when the Yana is pitted against what some observers call the New South, meaning the Textile South ... of a ... disadvantage, and...</t>
  </si>
  <si>
    <t>                                           Luther Orr, local middleweight boxer, will meet Buster Mallini tomorrow night in Hodges Field. They are scheduled to go the ten round route as the headline attraction. In Mallini. Orr will be pitted against the most experienced and leading opponent ever...</t>
  </si>
  <si>
    <t>                                           12:30--Georgia State College of Agriculture and University of Georgia</t>
  </si>
  <si>
    <t>                                           Smart Fashions for Smart Women STOUT WOMAN"-" SLENDER./-INK DRESS  Nn 7R4 Wnmrn with full .-i lo..k for lust -.urh a pattern for summer. hilt c aiin-it always find" it     an this .me nor as easy  ne-.- and the Vee   arc      ".H Kicn.7.inr, features ""t ,  to  MRiirc'-Thr. ape shoulder linn Is one of U,r' .est R- in summer f"          1o lends ilM-lf             to Hhocr  or voile prints.  up for much, much "ess than youM pny for such a ~%L?A ?8nd40.T2 44. 46. 4B and 50 Size 42 requires 4 36-lnch fabric. 1-2 yard for  illustrated Instructions for cutting ami  are "wlth each pattern They =ivc  directions for making th53i -e to do to obtain a            1fiS          be sure to write very SINew Fnfilnn MnRa/.lne chock full of the  Paris style news.  with color supplement, can i...w be had nl len con s when ordered with a pattern and fifteen cents when ordered Hcpuratcly.</t>
  </si>
  <si>
    <t>                                           BMlGMTEN UP WITH 'PAINT 1c -SALE lc ""-.'. 'Buy One and Get an Extra ^K^ .'ONE FOR ONE CENT P^fev^i^^^M  Aim ^*OOlCOgc "^^v. HIMSELF IS ON THE FLOOR TO SERVE HIS CUSTOMERS MR. F. J. COOLEDGE JR. IS ALSO IN THE STORE DAILY ^g AH.            . ir</t>
  </si>
  <si>
    <t>                                           Rome's "Viva" to Famous Fliers                 Reminiscent of a Broadway welcome to returning heroes was this greeting which Rome tendered to aviators from all over the world who gathered IP t. Ital!an capita] for the recent Congress of Fliers. Havinc no ticker tape in Italy, sheets of paper were pressed into service for confetti. inset shows Captain Sir Hubert Wilkins (left) famous explorer: General Italo Balbo. head of the Italian Air Forces, and Sir Arthur Witten Brown, who. with Sir John Alcock, was first man to fly the Atlantic, ar they left the tomb of Italy's Unknown Soldier after placing a wreath.</t>
  </si>
  <si>
    <t>                                           TTTTTTTYTTYTTTTTTTTTrTTTrrTTTTrTTTTTTTTTTTVTTT^ Let Me Cure You! DONT DELAY! CALL AT ONCEt For 13  I hare      CURING        hen In Atlanta-  of Uieml No matter what your  \a. no  hew  roar  maf be. I urfe rou to  and    n* at onca 4 Trcalagmt la   In coM. No   ar            . All oV       mi para Baton karta- with   hi  wt.  OR FEMALE CALI. OR WBITf DR. T. Y. YOUNG WITH TOE ORIENTAL HERB CO L v- CHINESE HERD8 AND HERBAL COMPOUND</t>
  </si>
  <si>
    <t>                                           Sport-loving Hollywood is keyed up to a high pitch of interest in the Olympic games.</t>
  </si>
  <si>
    <t>                                           Ill S'l- ()ne TT U I I W% ~% Ji %#   l Aft aj THURSDAY 'l store-wide money-saving event- SAUL S DOLLAR DAY- Thursday, one day only- with values so remarkable i fill that tlle crowds wil' be even greater than usual! Plan to be here when the doors open! Ill i L"di"' 250 Silk CrePe Rayon or Crtp* III ^0S ERY gg TXnT-r* ~+*-** 4 ROBES BS7-' 1 DRESSES! r= s i  II a r?r\B L^HS beautiful late pat- ^BI III 4 hUK MB Regular values up to S5.00 ^j 3at ^5 III        ' and M'"C5  in lovely Silk Crepe Dress- ^H SlU III SWIM SUITS es in light and dark colors.  T^~ or ni  III Pv.rv i. tun Sizes to 44. Dollar Day $~ DLUUbLb g^ j III Tl^ZZ m Special, while they last, at ^B J^iS^ $1 III worsted  ^H    nf l^lHI purc silk Blousos ^BL III p ^L Second Floor at IHi     for Dollar Day at HHI     Ladiet' Wash 3rd Floor Economy Dept. Ladies' 59c and 79c HI DRESSES ^fl Boyi1 J1.95 Sport Troueer. Men'i $1.95   IJNnFRWFAR Reoular $100 valut. In white or  (tj-l and work  In Wl^l/ t,ni\ III  dot., .  tB       . aii      ^~1        or . Ah d. t pOrto Eican Gowns, Step-fni, i  -.^h   3t     *t ^H Boys'  shorts and ti^ciat Ol Tll vv  HV and neat print, at TJ .Jckcrt ln ,.gM and dark Bjg           m^,~ Blooaen, Mesh Pantie. and HI 2 FOR HHi patterns.      broadcloth Pajamat.     i Shorts and Broadcloth Slips. Ill aii size. 2 for 01 $1.95 values at 0 1 Special for Dollar        Crinkle Bed Boys' Genuine Broadclclli Sport       51 SPREADS Shirts or Blouses at 2      1 ^k HI .,    SAULS == HI Sale Starts m Wm E*rlU Choosing III 9:00 A. M. Sharp 91-93 WHITEHALL ST., S. W. Advisable</t>
  </si>
  <si>
    <t>                                           The Usher Board of Grant Chapel A. M. E. church met at the home of Mr. Wiley Simon Thursday nite, June 16th. The meeting was opened in the usual way. We were proud to have Mrs. Rosa Webb and Mrs. Latimore present. The talks made by both were interesting.</t>
  </si>
  <si>
    <t>                                           TEACHER IS FINED FOR ASSAULT                 Character Witnesses Fail to Win Case for W. B. Long                 HIT COLLECTOR?                 An assault and battery case that has been pending since December 7, last, against W. B. Long, instructor in brick masonry at the Booker Washington High school, was finally ended In Judge Wood's court Thursday morning when Mr. Long paid a fine of $50. A jury brought                 in a verdict or guilty Wednesday I but Judge Wood did not sentence the teacher until Thursday. A chain gang sentence of six months wan suspended upon the payment of the fine. C. B. Collins/, collector for the Fair. Clothing company, testified that he was. 'greeted by a brick barrage' anti  to leave the school grounds when he went out to collect a bill that December Monday morning. He averred that the teacher threatened to kick nim if he did not leave and followed up his threats by hurling a brick at him. with his pupils completing the job of running him off the grounds. Mr. Collins said that he was hit by one of the missiles and vehemently denied ever going to1 Mr. Long's home. "I asked Mr. Collins to go to the i office and get permission to speak, to me," the elderly teacher said in his defense. "When he came back to the. room' he stated that he didn't respect any "nigger" office, and threatened me if I moved. I didn't leave the little brick building  I hold my classes nor did I agree with him as I wanted to hold my job. I didn't even get up and leave my chair the second time." The teacher, for whom a number of character witnesses including three police officers, appeared, told of the transactions that led' up 10 the attempt of Mr. Collins to collect the money. The checks were late in arriving and he whs forced to postpone his regular payments for several days until he got his money. In th e meantime, Mr. Long alleges that the collector came to his home  cursed his daughter out. He did nothing about it he said because he wished to protect and hold his job although his friends urged Continued on Page 5, Col. 6                 Teacher Fined Contlxual front Pr.gc Onc him 10 haw Mr. Collins arrested or fight him. When he did get his money, he went to the clothing store and paid two dollars. That was on a Saturday. The following Munday the man c:ime out anil said that the j manager was not satisfied anil it was then that the toucher says that he  him to go to the office ant] get permission to .speak to him. Mr. Long denies leaving the room on either occasion. The latter statement was supported by u number of pupils who testified that lie did net go beyond the front dour tho first lime and that he railed to even leave his seat as Mr. Collins threatened him upon his return. The youthful witness--'* varied considerably as to just what the man said and as to the lime at which the alleged conflict took place. Must of them testified that the collector kicked the  in, while two of the lads said thai one cf the boys got up and opened the -r for hint. Mr. West     . of the City oC Atlanta Construction department, supervisor of a construction job un the i.-orner near the  that morning, stated that lie recognized one or the buys in the courtroom as being in the brick throwing gang that morning. He said, however, that he did nut see the elderly U- Hint morning. J. Y. Johnson,  white man, who was w.nking on the city job also, said that one of the bricks hit one or the city prisoners. lie too denied seeing Long In the group. Witnesses Hinted ihat they believe that some or the boys who were unable to get In after ihe last bell were responsible for Hie brickbat shower.</t>
  </si>
  <si>
    <t>                                           An assault and battery case that has been pending since December 7, last, against W. B. Long, instructor in brick masonry at the Booker Washington High school, was finally ended in Judge Wood's court Thursday morning when Mr. Long paid a fine of $50. A jury brought...</t>
  </si>
  <si>
    <t>                                           LLD. GIVEN JOHN HOPE BY BATES                 One of 5 Nationally KnownMenAwarded Honorary Degree HIS FIFTlT HONOR President John Mope of Atlanta University, was one of the five* nationally known men to receive honorary (lugi-ei-:: Horn Bates college. LewlnlOn, Maim: on the occasion of its  commencement. Tlio degree; or Doctor of Laws was conferred on him in recognition of his  service In the field of Negro education. A similar decree was  on William Camerson Forbes, or Boston, former ambassador to Japan. Others to be honored were JolinCarroll Purklns, pastor of Kin^s Chapel, Boston,  Peter Ilujjh James Lerrigo, of East Orange, N. J.. secretary of the Aiocricnn Baptist. Foreign Missionary , who received the degree of Doctor of Divinity, and Robert Lincoln Kelly, of Leonia, N. J., former president of Earlham college and now executive secretary of the Association of American colleges, who was made a Doctor of Humane Letters. Bates college Is the fifth institution to hom.r President Hope with degree. Brown university, his alma mater, conferred an honorary degree of Master of Arts in 1907. From Howard university. Washington, D. C; Bui.knell university, and McMaster university, he has received the degree of Doctor of Laws. Visitors Say Camp Rating Is Excellent BIRMINGHAM, Ala.. June 18- Camp Margaret Murray Washington has opened with a bang,  the hard times. The two  r,  to boy campers have jeen profitable to both camp and I :. During the first week 24 I Ili-Y boys from- Industrial High School, under Professors Johnson. I -.s and Ward, and 15 boy3 from 3t. Mark's School, under Rev. A. H. May and Messrs. Davis and Jones. The second wee!: finds 24 Boy Scouts from the Congregational and Sixteenth Street Baptist churches, inder Scoutmasters Johnson and Jackson. Paul and Jones are their . The creek has been nade more inviting because of a  shelter and rock steps;  rails have also been placed ror -seers. Visitors at the :amp included Dr. G. Thomas from .he Board of Education; Prof, and Mrs. A. II. Parker, Miss Hattie Butler. Mr. and Mrs. E. R. JohnlOti. Mrs. E. A Brown. Mrs J. W. . Miss Bertha Clements and ,wo health workers. During the second week a: group  f Boy Scout executives came out inspect the camp for cleanliness ind camping conditions. They  that It compared favorably with other camps throughout the  for such work.                 Sunday Schools to Hold Mass Meet                 The Atlanta S. S. Association in co- with the Georgia S. S. Association will sponsor a Mass Meeting, July 31. This is the first lime the gathering has been called for a public meeting place. Tile officers are seeking to have the S. S. Workers gather in various sections of the City and march in a body to the City Auditorium. There will be bands on hand to furnish music and each school will curry its banner, and will be provided space In the Auditorium. At the regular mooting of the Atlanta S. S. Assn.. Monday night June 21st each S. S. has been asked to bring one cent per scholar to assist tn carrying out the plans for tills gathering. The superintendents who were at the last Executive Meeting were very enthusiastic over the plan and pledged themselves to get 100 per cent cooperating from their S. S. Some of the prominent pastors of the city assisted In securing the                 auditorium and all of the pastors are to be asked, to join their S*-S., and are to be given a place on the platform on the 5th Sunday afternoon. This is the biggest thing yet attempted in .the interest ot S. S. activities in the city.</t>
  </si>
  <si>
    <t>                                           "Arrowsmith," the masterpiece of Sinclair Lewis, the only American novelist ever to win a Nobel Prize, comes as a motion picture to the Royal Theatre on Monday, in a great production by Samuel Gold-wyn, with Ronald Colman playing the title role of the crusading...</t>
  </si>
  <si>
    <t>                                           Failing Tree Hits Convict On the Head                 Ill', on tin: ni-MI v.i:i.-ll a 1 1:~--. on I!n: ::nui mar ~..'.- Ki\-l-l- \vhi:;v In- v.-:i: v.-~j!-,'.i!1,". Wllli OIIrt  j:i.vr.i.-:r. li l! lu L-liti; I" him LiS il (.TaM.c.: l-i ;li-' i/ar'.M. CliarluDnb-n;:. !l:)i IVi-nvl! s /U was Ori)-.:i;IU ll;i- c i-;=tly   r. Tia.-.- l"i- medical alII is not lhi.:i:'.:-'.; !h:i! 1 1 1 man':: skill: v.-as lr;ir'.:i:i'.l l).~U:-.nii war; Linaljiu In '.L-:i i::-:a.-;ly        ;i':ii.-(l In !n:n l.'i.'. l:c v.as cai-in.-,l I f rr j u llu: Huliwuf'tl . wp.l Il- Ik: Is M-rvu:;' a ^'.-n-.i.-ni.!'. \n aic lio.-. 'Y'r.r ;;i:~aik-nl u- i.'J !; j bi-Ioi i' he wa:; in-.:'i-.i-'l Iroiu tlic I l- In Ihc l:n:.~.:Uil. I Call Ambulance for Woman Tickled by j Amusing Comedy H;:1m-\v il or :iul folks. (Ins is a . irm.1 .--lory, ;! U  t happen "^. Ion;:. :k'.o." us tlio story bi)o!-;s  have it. but T;: ni it-i r.'Miii, 0:1 Occatur street, 81   't\ili:r street ai . :i;:ht, in- } ^.- -i:i ley s famous Highly One Tiu:al: e win1: n-.a::y  L   l:;ivi: :i:.(l - :iun-,':~lc. be^,^:;. It was .!1, llu: showing vi Laurel and Haniy's "Any Old Port" coir.i Hy feature that it bi.-ji.'i". Mrs. Xilivy U'ain. T:i I T:i 1 street, was se.ir.cd with a fit of '.hini:  Ihal could not bu stopped. Tin* W(~ii:a:i was taken into the fre;-h air by       :r attendants, where, it  mi  sho x\ obtain speedy relief "but just as soon ns  the picture;; oC tin: Uvu  comedian:; on tin.1 i) 1 1 '.si tie billboard her ur. : ir. , only mi".c .T. I-Variri:; thai her i.'.ion ;ht bt.'? ;.. an Ivey .'ini  was  and the worn a ii n.'::i the Grady j where nie.dical i foa rtv.?nl was f.iv- i on ar.d sl',(? w.is ~-] !u ru- Kirn I'.ome. At'-';; In iiu  ;', j tin* t ii ket seller by a  who i claimed lo know the woman, I Ins is i tily Hie second lime  Mrs. Hains lias attended a picture show in !h.t life. i</t>
  </si>
  <si>
    <t>                                           a *z This institution has practically. revolutionized the idea The mass-production idea has sounded everywhere- *WY Uaw of newspaper production .among Negroes. Never be-  4 A11F a four-year organization has aroused new ideas-has V    ^^ /TlIICI fo'-e has such progress been shown. 1 UU1 employed hundreds and sounded some new possibilities. .'~ F ,~~^AAAAAAA^.AAA****A**~.AAA*444*~~***AaMai</t>
  </si>
  <si>
    <t>                                           In observance of the 47th commencement exercises of Morris Brown college, diplomas were awarded 61 graduates, representing five different departments of the college, at the services held Wednesday morning at 10 o'clock at Big Bethel A. M. E. church.</t>
  </si>
  <si>
    <t>                                           The 4th of July went over with a BANG Tale played Commerce a double game, winning the first and losing the second.</t>
  </si>
  <si>
    <t>                                           K::th Chu'.UTicn, famous star of the talking pictures, evidently is a - in I'r.t maxim thai i: is not e u d f c r inr.v,, or woman, to live .e. Just us sc-rn her divorce ' her : husband, Ralph Korijej, is t:n'!:i1^ -;hc will wed George Kror.:. H:-lly.'~ newest fi\::-. h^ro, wi;;-, o;ii sre if s:;u\~*n here. Kori)05 i nn'.v in Rtijo .c I rct .</t>
  </si>
  <si>
    <t>                                           --W t AlH e l\ CLOUDY .probably light  today or Friday. Lowest ,  24 hours, C9;  )~0; average, 79. C. F. von , Melcorologlut, Weather Durcau.</t>
  </si>
  <si>
    <t>                                           JACKSON, Mas., July 14--Remus Birds who has spent half his the in prison, today is studying with unbelieving eyes a large document bearing the great seal of state and words that he cannot read--words from a forgotten world. It has been explained to...</t>
  </si>
  <si>
    <t>                                           JACKSONVILLE, Fla., June 22.--Preparations for the fifth annual tournament of the Florida Tennis Association are going forward in a very thorough and ... manner. This tournament will be held on the courts of Bethune-Cookman College. Daytona Beach, beginning Monday, July 11, and continuing through Saturday, July 16. Everywhere in tennis circles throughout Florida, the tournament is the most popular and most engaging topic of conversation.</t>
  </si>
  <si>
    <t>                                           MR. T. M. CLAYBORN, prominent in the educational and social realms of Greensboro, N. C., was registered at the James Hotel for the week-end. He was the guest of Miss Aurelia Williams, secretary of the Phyllis Wheatley Y. W. C. A.</t>
  </si>
  <si>
    <t>                                           THE SMARTER SET stole a march on realmites last week-end, and in one of the really brilliant affairs of South Atlanta's swanky colony, of social personages during this season, affable Misses Mary Saxton and Elizabeth Adams, two popular members of the Alpha Kappa Alpha sorority, entertained Miss Matilda Saxton, of Manhattan, Kansas, in intrinsic epicurean style at the home of the parents of the latter hostess, Mr. and Mrs. Grant Adams, 93 Martin avenue.</t>
  </si>
  <si>
    <t>                                           By the time this release is published the render will, no doubt, have digested portions of Hoover's acceptance speech from many angles, but the two particular points that commend themselves to this writer a his utterances... equality of opportunity to every individual.</t>
  </si>
  <si>
    <t>                                           Ye Olde "Boiiiis Army" Shoppe                 Necessity is the mother nf '.io'.i, t-.rui, whi-o this  t..: n :v.:-.y no' bo r. an ri vt.-ri t iori it is a:: ;iir:u vrit I: is ! tin* "I 'our Mum's. .Story," r.nd i.s Inc-iiu-il Czu\\) C:;::H:L-ri.   ";isJ;ir.i,-.oii. fur '.In- -i. vf the Uonus Army. Cli:-.r!.rs   'f^-   . "f I)i-ii-n;t. .Mi.;i:.. is ::'.i* 0/ tlie ^hop,  iw.' t'-: in :i(i-li:i ::1.   \-l::'.fi(     . )Jl- is si'.own</t>
  </si>
  <si>
    <t>                                           Sentence r of Cult Leader Dies: A Sign?                 NEW YORK. June 9.- (Special Wire) Justice Lewis J. Smith ot the New York Supreme court, who last Saturday sentenced Father Divine New York cult leader considered 'God' by  followers but just a plain nuisance by his neigh- bors, .dropped dead today of heart failure ot hin Hempsteail Long Island home. He wus 50 years old and had been a Supreme court justice one year, being appointed by Gov. Franklin D. Roosevelt. Father Divine wsis sentenced to one year in jail and also given u line by Justice Smith, who did not think much of tho cult leader s claims to divine protection und his gifts of money "directly from God." Some disciples of the cult- leader, when told ot the jurist s death today, looked upon It as :i manifestation oC heavenly displeasure at the sentencing of Father Divine while others, thinking the  ult lender God. believed It personal punishment meted out to Justice Smith.</t>
  </si>
  <si>
    <t>                                           J^rrl^Preacher for Swindle on Gotham Mail Order House                 A $1000 swindle on the Lane Bryant mail order house of New York, which had been  by the Rev. Daniel Otler, who says he is a minister at large for the African Baptist church, was uncovered by United States postal authorities Wednesday.                 Otler was placed under $2000 bonds  his  activities could be investigated by the federal grand jury. It is expected the local "minister" will be indicted for using lhe mails to defraud. First complaint of the swindle being -practiced on the New York firm came to United Sates District Attorney Hagar. The company revealed that they had been deluged with  fund checks from women giving their addresses at small  near Atlanta. Clyde Fleming, assigned to the 1 case, uncovered the swindle by 1 trailing a package addresed to u Mrs. Sarah Cooledge at general delivery Tn Avonclale. When Otlor appeared at the station for the package containing women s clothing, he was placed under arrest. According to postal detectives, the preacher admitted he had done a wholesale business by sending orders to the few York dress house under many different names and mailing bad checks in return for payment He is said to have acquired the names from an uld phone directory. The Rev. Mr. Otler. who said he lived on Thurman street, said he was encouraged in the plot to, defraud by a woman. Local clergy have no knowledge of an African Baptist church existing in Atlanta and doubt that Otler is even a minister.</t>
  </si>
  <si>
    <t>                                           A $1000 swindle on the Lane Bryant mail order house of New York, which had been practiced by the Rev. Daniel Otler, who says he is a minister at large for the African Baptist church, was uncovered by United States postal authorities Wednesday.</t>
  </si>
  <si>
    <t>                                           Happiness I s Changed; She Goes to Gang                 Short lived was the happiness of Mrs. Lula Hardnett as she 'Jeft Judge Wood's courtroom accompanied Thursday morning by a  to sign probationary papers and take advantage of the Judge's generosity in permitting her to serve a sentence outside the                 tines 01 jail tor wnat ne Deiievea to be her first liquor offense. Soon afterwards, the middle aged woman was  back to the bar of justice to face a stern countenanced jurist who was decidely severe as he inquired why she had attempted to fool him as to her past record. "When you asked me if I had ever, been in court before for liquor, I told you that I had," Mrs. Hardnett stated. "I thought that you said that you hadn't, the judge replied" but we ll let it go at that Just be sure and tell the truth all of the time and it will be easier for you. I'll have to send you to the chain gang for four months this lime." Mrs. Hardnett entered a plea of guilty to possessing a gallon of liquor on March 30. Among others appearing before Judge Woods for liquor were Joe Mackey, who was arrested Sunday for having a half gallon. He plead guilty and was given $50 and six months. Henry Brown received $25 and six months for selling liquor from the street curb May 20; James Weathers, a $25 fine; and Mrs. Mary Erskine, put on probation for four months for having a quart in a m'"r bottle, her first offence.</t>
  </si>
  <si>
    <t>                                           Short lived was the happiness of Mrs. Lula Hardnett as she left Judge Wood's courtroom accompanied Thursday morning by a baliff to sign probationary papers and take advantage of the Judge's generosity in permitting her to serve a sentence outside the...</t>
  </si>
  <si>
    <t>                                           The Atlanta World realizes that the ability to swim, other than one of the most wholesome recreations, is very important. Thousands of lives are lost annually as a result of drowning. Increasing numbers are using municipal swimming pools yearly and more and more cities are providing this helpful health builder for its youth especially; increasing numbers are spending their week-ends and summer vacations at watering places; occasionally pleasure...</t>
  </si>
  <si>
    <t>                                           NEW YORK, July 14--If Libby Holman, widow of the heir to the Reynolds' tobacco millions whose fatal shooting is still a mystery, has colored blood in her veins, she is proud of the fact, if readers believe Martin Summers, star reporter of The New York Daily News...</t>
  </si>
  <si>
    <t>                                           AS ROOSEVELT STARTED SEA CRUISE                 Governor Franklin I). Roosevelt arid his three sons  happy family i;roup as they 'ft  from Port Jeircr?on, I.. I., on the vacation cruise which will take  around thr .Ww F..d eon?(. At left arc the I Governor and his boyn T.cft lo  Franklin, Jr., i                 John and .Innira, r.s they waved n joyous fan-well. At rich:   - :i:: .'icri.-ij she n;" the Myth II on its way with the JViiiur: ~;ii:c .i ri'.^i  r.-..ce at the  Ifiwcr rij:hi is ,'i lir.c t lor.u-v;p  if iho ^ or nH ho *iv(vi the ^] wi.si;cs of ii lii'.Ic .</t>
  </si>
  <si>
    <t>                                           WASHINGTON, May 31-(ANP) --Despite the strenuous efforts of Negro political leaders from teorgia and Mississippi to oppose the confirmations of President Hoover's nominees for United States marshalships in these two States, the Senate Judiciary...</t>
  </si>
  <si>
    <t>                                           FREE all information FREE The wonderful spiritual Specialist who tells you everything Free, the cause of your sickness, and how to proceed to get well. Write for FREE information blank today. DR. SCHLECHT CO. Palmetto, Florida</t>
  </si>
  <si>
    <t>                                           ReMt^EMy' World!!</t>
  </si>
  <si>
    <t>                                           GRID SCHEDULE OUT, PRACTICE SEPT 10</t>
  </si>
  <si>
    <t>                                           CLASSIFIED ADS; The Atlanta Daily World THE ONLY NEGRO DAO.X IN THE WORLD Classified Advertising Rates DAILY SUNDAY 8e a line Sc a line Consecutive insertions Daily and Snndari One time 8c line three times 6c line Seven times or more 4c % line Five words of  length are courted an line. The minimum dum U tha price of rwo lines. Ails Taken Over Telertione r.  from  UtUi la the telephone or cltr directory        . In  for.       the  b          to  the      -' Hon. On til  wst br m*Ul   !l   the aider. All Dlaesntlauaen MUST     In  mt the WerM af8   or kr Mler. Tefcphano  an NOT ~~]Id. ERRORS tf inr error to' made.     AtUnK DailT World 1   for  one Innrrrct Jiuertiea      4TerUMr it  for       ' . The     If tor  U       . CLOSING Adr. In     Atliints DmflT for the Sond.j .World will k*  up until 9 P. M. Saturday. The  are open  except Sandar utll t P. M. for the convenience of . ATLANTA  WORLD '4 WORLD WANT ADS BRING RESULTS. JUST CALL WALNUT 9913  nd auk far an Ad Taker</t>
  </si>
  <si>
    <t>                                           :'mm^-'-- :^' 'K-'-S"-. .y-, I '~.",_*:~%~ FRIDAY, JUNE 3, 1932 THE ATLANTA DAILY WORLD, ATLANTA, GA. PAGE FlVB-lll</t>
  </si>
  <si>
    <t>                                           (] RELIEVES ITCHING  ECZEMA Soothing, cooling ZEMO brings prompt relief to itching, burning Bkin; even in Bevcre case3 relief cornea as      as ZEMO touches the tortured Bkin. Eczema, Ringworm, Rashes, Pimples, Dandruff and other annoying skin or scalp troubles generally yield to this soothing, antiseptic lotion. ZEMO in safe and dependable.. All Drugglats. 35c, 60c $1.00. Extra Strength ZEMO best lor chronic      - si jg,</t>
  </si>
  <si>
    <t>                                           Mention The Daily;' World to your mer- chant</t>
  </si>
  <si>
    <t>                                           ONJ-Y NE4RO DaJl.Y           IN THE WOULD SOUTHERN NEWSPAPER . INC. PUBLISHERS T A. 8COTT F*      Prmnk Manhall DaTi, Maaalisr Idilor MP2 OF THE ASSOCIATt^) NEfiRO PRESS THK WORLD  no  for              Mat  Ho ^ SVliSCKirriON H\TKS Out Tear. J7.50 I Months. 5~^S 3 MonthA. t;^S 1 Month.       . :0c Sur.d.y Only. j:.SO PUBLISHED DAILY AT IIO  AVE.. N. X.  HO.\  ; U'AJimt HIS mnd H50 Kytend a* -clus matur at the pott office at Atlanta. Ck.      art of March 3.  S79  REPRESENTATIVE W. B. 2IFT CO.- 204 Walton KUx... AtlanU. Chfcaro. Nr*r York,  OrWnJ</t>
  </si>
  <si>
    <t>                                           Let this 1932 frock give your 1931 figure a new look! Even the not-so-slender woman can wear the wide-shouldered. slim-waisted silhouette that's so smart this summer with this frock.</t>
  </si>
  <si>
    <t>                                           The Zayat Kiss Night of Peril By SAX ,;                 MESCAL IKE Oh Well, Never Mind ^l                 TIM TYLER S LUCK                 The Human Sacrifice -i^i*"1      ,l                 ^                 "TELLING TOMMY" 'Dy PAULPlM f"</t>
  </si>
  <si>
    <t>                                           According to members of the Baptist Ministers union of this city the Rev. Dr. Jordan was ousted from the Baptist church at Leeds, Ala., Saturday.</t>
  </si>
  <si>
    <t>                                           ^2-^----- ~~?%1  SyNDICATE w ONLY NEGRO DAILY' NEWSPAPER IN THE WORLD S^J Ll/i I IV^M V6       5, VlIMBEft 225 ATLANTA, GA., FK1IMV. SKITKMBElt .SO. 1932 PRICE</t>
  </si>
  <si>
    <t>                                           From Oshkosh B'gosh! To Norway                 All the way from Ushkosh, Wis.. to Bergen, Norway, with only two intermediary stops in New Jersey and Harbor Grace, Newfoundland, is the program mapped out for this Stinson monoplane. Clyde Lee. 24-  of Oshkosh (shown in inset), plans to take                 off from his Home town in the near future on the daring trans-Atlantic attempt. He will be "  by S-year-old Julius Robertson, of Negaunee, Mich., joint owner of the plane. If successful, the; will be the youngest tran*-Atlantir Jiers on                  "IM</t>
  </si>
  <si>
    <t>                                           The walls and fixtures will ring again Monday night to the anvil chorus of many fistic addicts who will be on hand to see Jimmy Snell, erstwhile punching bag and "the guy who couldn't dodge a right hook", mix it with up and coming Young Billy Hooper.</t>
  </si>
  <si>
    <t>                                           The Advertisers in! These Columns' Want Your Trade</t>
  </si>
  <si>
    <t>                                           i Cash Prizes! ARE OFFERED EACH WEEK TO CHURCHES  THE  TOTAL OF TICKETS. Ask for Them When You BUY AT I Rogers =1 MRS. MUNN     SPIRITUAL MEDIUM FIR^^I AND ADVISOR _*a-"SMJ If . a failure  n HM^~Xjg ** or love, thl* ?_v  Ih for you. If In trouble, unhappy,  over        , family ur  0~,  .~. this       clairvoyant and  will truthfully        and help roa; U-IU     put you        it, the  u It Is and the fo. turo an It will be: tella full of 1 whom you will . Keadlnc . 10 a. m to 8 p. m. No r*adl?            or         . No . look for j number Waghincton Lakewood cars pass door IMS Lakewood Atc. Atlanta. Ca. I</t>
  </si>
  <si>
    <t>                                           Read The World Every Day</t>
  </si>
  <si>
    <t>                                           I mmi^i^^m pl]M an(j a razor prj,);ly ;uul a 5JB8  knife Saturday added Ihree more jwH lives fo Atlanta's toll of murder vie- Mr H *'msi iln(' a rs11"- the figure jumpA^^ to 51. Is Uicre no way curl) the """SrMtiHprs and make Atlanta a more decent city in which to live?</t>
  </si>
  <si>
    <t>                                           R*       *iun NOW CARRIES A LIGHT LINE OF y r GROCERIES Such as    :.p. Powders. CofTcc. Tc;u Snuff,' Tobacco Cigarettes. Cigars and Baking Powders etc ALONG WITH HIS OLD LINE OF i- HARDWARE f. I Stoves- Heaters- Ranges I Putting Water Backs and All Connections 5 I to Ranges, also a Line of Hardware I I and Kitchen Furnishings. 24 JACKSON ST., S. E. JA.2931 In Your City to Do Good for the  ROgerS g*T MADAM GL**   *%~*   3$ -'WHABroil-; t9 O3   9 ran^SuiVr'" c'*lr""*nl ^A'l.l'I N ,  How HANDLE ATLANTA WORLD FaiJjJH''1 , ln ""'""j CLOVERLEAF CONTEST      liS." MADAM "wii  TICKETS GET YOURS ft' f  Xd"C IM" WHEN YOU BUY AND HELP BWw ABT'.1" t.^'mt'* YOUR CHURCH WINS A "   ^./  1. CASH PRIZE. Rmdlnin for Whltt  nd Colored SPECIAL HEADINGS- BOo    A+ Vj-MirTIf"L'/i + cl  ll"w'11 Mill Atl.nH   , VJ6T TOUi I ICKeTS: H.ri.n. -n-.^i mhi c.r-       ^^^^^^^^^~^^__i___^_^_^^__^ HnuiMi (mm Scahoard Stop ~~-~     Let Me Cure You! ^^^Swffi DONT DELAY! CALL AT  tvg^^^1     2.1       I hi.i     -n             R-T-- ~^         In At Inn til * of Ihrm! '"''T  ESlW Nn        what 'your  1*. tin matter Imw     t.M^    L^Swl T0Dr  mar be. I urc* you to call and    at #    w^   4i   Treatmrnt It very rt*Mon* In emit, I K ^StPUfe - No d"   '0Ul dru^ii or           *. AJI k ^"15^*"** BEETi tC(l) ) with my pure            *-  l(h  -i ff^^SflH  f5w:vi'  (n very . i ~*~SlS  P^  M.LK OR  CALL OR VRITf I ^^S DR- T. Y. YOUNG t^m^ WITH THE ORIENTAL IIKRn CO i*  1J USaHBAJasB  IlKItnS AND , COMPOUND A\ UK.T. V/.O. A Cure for       1)1~... of tin Ulna IWrv l- i*il l-    - ]J2 KMrtwood .   . WA, JIM, L AlUoU, 6  4 V? Sprcl.ll.t - 7 a. M7 to',I.T.;H3i/fJ i- ,S v,.. AU.a,. ,:;^^"v*^  J ^            *AAAA*       .AAAA***   *~4   A4tA4        -['^:;:.^'..^r^^J^m</t>
  </si>
  <si>
    <t>                                           How To Have Lighter Skin Tin- KMMt l"Miitv M-rn-t   f !.         :n-( r.-*-"   and other wurm-n  ..linn turn is th.-ir lik lit. Hear. m-H -Kill Of ;    kui.Wll Mlftlimls of li.iri til: til**  mpl''\     of r u i nt his, im ii.it in ;tl impurities.   hu ;..!-. ).i-     -kics :wi(i  t.ii-t. h'-.V.i ili in.!. i ('ic;nn is i)n-  I u i and most ~;;      - just :iiH Iy     is whit*- fr;iKi-.mt iTi-.un ;i1 Ih-' n.i in;. im ^. N'..t      -kly luin^s .           iH'.-nity     your skin: restoring a soft  uri-il. .  tt:i wli ss ~*on))~U'Xi(in ; up l;    \ UKiv   un-s  h-,- ti.t skin -     \ lovely. Don't risk your fare. tn-c k arms and hands in I nap  i-rt-anis. oint tin- nts nr In I ions, hut 1*' suri.- to use real Nadinola  ~"iram with its      :j{i,K   :    ; 'ma lit it s found in no other product, d-i a Uit: :, of Nadinola [UrarhiiiK Crfam at any initi-i counter; hr^in usin^ it ton iuli I a nd tomorrow  will sec a hint of the wond THi! n- j.i -:. .Mimf.v-lurk ^-" in .-very p.t k.-iKf.  iii.t.; cream \l..:. ~~..~..,J l.y \.ir:..,,:,' 7...V;</t>
  </si>
  <si>
    <t>                                           EVANGELIST                 T!:.- ni.uvc is thf .f-.- 1. 1' Iti-v. .1. M. K.'ccl. tin- Oncral .-'ivi-i-miv i.f tin1  ni Kvai'.ia-li-m of the M. I-:, chun.li. The Kev. l'.t-d is  a rv  nif^ n1. IIu'J.t Si.. M. K. Chiiri-ii. . Iltwl li;is ;i    tv  i a  ni:itual MaL'iH'ti.-in   - L  found. Sfivip.'s .-ri t V'.ry i i:vi;' at 7:.'!u. All ::w invited. Kev. A. P. . na.-tol'.</t>
  </si>
  <si>
    <t>                                           EfTjr QRiJiL-Bjiii</t>
  </si>
  <si>
    <t>                                           Police Find Gin Hidden Under Tubs                 Answering a call to the rear of I 28G Dccatur street Wednesday] night, officers discovered two one1 gallon cans filled with corn whiskey neatly hidden beneath some wash tubs in the kitchen. Bessie Holt, landlady of the house, though denying ownership of the whiskey, was held to the city criminal court under $200 bonds by' Judge John L. Cunr in Recorder's court. According 10 Mr.-. Holt  boys who wore running through the alley stored the whiskey in her home. Three other occupants "f tlv house who were jaik d in the raid. were freed by Judge Cone, win n no evidence against  was shown. Doctors Kept Busy By His Inquiring Host of Friends With a continuous stream of visitors totaling marly a half hundred pouring into the emergency clinic Thursday night doctors wore forced to draft one of their num1 ber to  r the many inquiries concerning the  of Cleveland Jones, rear 123 F..rl street, who wns wounded in the lift 1 cheek. The wound, although not, n serious one, brought no end of inI quires from a host of friends of the wounded victim. Just why the popular. Mr. Jours was  could not be learned but it was believed that he was shot as the result of a heated argument with his assailant,  Onr-eyed" Joe Hearn. Persons who know .Tones declared that the man was literally I a "Bail man and a bully." They i also claimed  both he and Ills I brother, who have  ccl a man. were tough. Although Jones was not seriously wounded, a radical operation had to be performed, hospital authorities said. Doctors at the emergency clinic declared that in less  than ten minutes the largo assembly collected asking various questions. The popular Jones wns admitted to the hospital and police were soon on the trial of his  ant.</t>
  </si>
  <si>
    <t>                                           Col. Ward to Give Address at 'Y' Sunday                 Col. Joseph H. Word, medical  in charge ot the Veterans  at Tuskegee, will be guest  to the membership campaign group of the Butler Street if. M. C. A. next Sunday at 3:30 p. m., according to an announcement made today by J. H. Hanley, chairman of the committee. The address will be delivered at the Y. M. C. A., and It Is hoped that it will do much toward Increasing interest in the *Y" drive for new members. ARRESTED AFTER CRASH W. H. Pitts, 537 Ethel street, was arrested by Officers M. C. Evans and W. A. Chewing on charges of reckless driving and leaving the scene of an accident after he had crashed into an automobile belonging to Leroy Pullln, 499 Welsh street. S. W. at the corner of State and Walker streets. Both cars were badly damaged.</t>
  </si>
  <si>
    <t>                                           BAILEYS ROYAL THEATRE Thurs. and Fri. Only! 'VEILED ARISTOCRATS' All-Talking All-Colored BAILEY S "81" THEATRE BUTTERBEANS SUSIE AND REVUE All This Week! 25- People- 25  Ad Good for 10c onj Any Shoe Repair Work     Hat Cleaning. J [ CUSTOM SHOE 3 REBUILDERS     Cleaning (Odorlsu)       * Men's Sole* Sewed or 4 J Vulcanized on (Non* Nsiled) II Edzewood mt B Polntt In. 4268 Downtown Delirery 4 '...~...1 Mention The Daily World?</t>
  </si>
  <si>
    <t>                                           The services at the Holy Church first born was well attended Sunday. The pastor Dr. J. w. Jenkins, preached a strong sermon during the day.</t>
  </si>
  <si>
    <t>                                           VALDOSTA, Ga., July 8.-- With an old fashioned money-belt containing $5,600 in good United States currency securely straped beneath her clothing, an aged woman said to be Mrs. Matilda Grant, residing near Valdosta, was discovered by a motorcycle...</t>
  </si>
  <si>
    <t>                                           y</t>
  </si>
  <si>
    <t>                                           ^^^B ^^^^9 Don't be foolish and ^^B' ^^^^B pay high prices for ^^V t face { that can t ^^V _,.!"-*"'!w ^I^^B *'c 'ia'^ much for ^^~V*~^"^~~ ^^^^B beauty. Be sensible and ^~-.v., ^^^^^H ask foe Genuine Black ^V ^Jjjx- ^^^^^H and White Complexion ^B f ?r-'r s ^^^^H Powder at 25c It is ^m ^g" ^^^^^1 tiK x^n^rd of high a:~ j-?/   ' j^^^^^l quality and the symbol     i^i^i^i^ of smart thrift,  soft, smooth and clinging, this superfine Black and White Complexion Powder brings new charm and loveliness to your complexion. Made by a special new process, Black and White blends with magic perfection and clings smoothly and lastingly without caking or streaking. You'll adore its fresh, flowerlike fragrance and you ll find it  asy to . your most becoming, tint from White, Flesr^- j Pink, Brunette and High Brown. Do what thousands of America's most attractive women are doing, ask your druggist for a box of</t>
  </si>
  <si>
    <t>                                           THE most rousing and stimulating evening in a blue moon ... up at the-Roby-Arena Monday and after it had come and gone some 2,000 happier and ... souls trudged homeward through its portals. They saw everything from orthodox boxing to slugging and...</t>
  </si>
  <si>
    <t>                                           Group To Leave For Kings Mt. Tomorrow                 Prnr. W. H. Kindle head of the I I Physical Education department ot' 1 Talladcga college, Talladoga, Ala., 1 arrived in Atlnntii Tuesday to spend a few days visiting Mr. anil Mrs. Philip Daviil before going to Kings Mountain. N. C,  he will ha\v charge of the recreational activities of the young men in atI tendance at the Young People's  for the  consecutive year. Mrs. Kindle and their two children accompanied her husband. Mr. David, who is superintendent buildings and grounds at Spclman. and Prof. Kindle were, class mates at Fisk. In company with u number of Atlantans tho Kindles are leaving Thursday morning for the North Carolina camp whore sessions will be held from June 7 to 19. Among 1 those going from the gate city are H. S. Barnwell, who has general charge of this Congregational camp I for young people, Miss Erskine, a Spelman faculty member, will direct th0 recreational activities or the young women at the resort and Rev. W. J. Faulgner, pastor of. the First Congregational church. TAKE FISHHOOK FROM FINGER The next time that William 1 Jolmnson. 142 Hilllnrd Street handles n. fish hook, he ll be very. very careful. Johnson stuck one of the sharp pointed darts In his finger Tuesday morning nnd sufI fered considerable pain and misery until Dr. Bilrman extracted the troublesome hook. KILLED IN CRASH NASHVILLE. Tenn., .T;tne 8- (A NP) Sam Halloy, was killed whon the automobile in which he was riding Friday night crashed into a parked machine at Berry road and Franklin Iano.                 "VIRGINIA SONGBIRD" OFF AIR FOR SUMMER RICHMOND, Va., Juno 8.- (ANP) Virginia's "Songbird of the Air" Miss Ruby Hill, will not bo on the program of the local station WRVA, during' the summer. Miss Hill who has become exceedingly popular, for her artistic interpretation of popular numbers will take a rest during, th s period, to prepare for a new series of broadcasts in the fall. She may appear also on Eastern stages Jurinf* the fall and winter season.</t>
  </si>
  <si>
    <t>                                           hk*J  1 k MB ^^~BBjHSBJSBRHsBBSHflH In half the time at half the cost with this Bleaching Cream JLhere's no sitting around waiting and wishing for a M light, fair skin when you use Genuine Black and White Bleaching Cream. You get action right now because this amazing bleach is made double-strength to penetrate right down to the fourth layer of your skin where coloring ^d^^^^^~K is regulated. ^^BJfWBiW5      Because of its                     ^ strength feature, Genuine  Black and White works twice H^3i^^2iES^^H as fast as ordinary bleaches to WHRmT-S^^B give you a creamy light, ^^^BBpBHHBbBV  fair skin, free from ^^BBgYiZ3BB^r bumps, blemishes, mole dis^^MJmi^SjP^ colorations and dark spots. For best results always use Black and White Skin Soap J5? i^~ J0  (25c) before you apply Black HB fiT* and White Bleaching Cream ^0 ^B? (double-strength). The thousands  use Genuine Black and White Bleaching Cream  tell you that it s TWICE AS ECONOMICAL as well as twice as effective because it is double strength. Prove its economy for yourself today!          BLEACHING CREAM</t>
  </si>
  <si>
    <t>                                           II SOCKS TOSSED B! 5T I                 Illinoisan Talks of Vote, Equality to S. C. Audience                 SPEAKS HIS                       KLI/.AIiriil CITY. June li J- iC.'.'Si- !{  )R':;i.':i!:.' O;i-a:' Oi;I'rn-M. lii:[)-.;;iii, Con;'.!u;:n Kii-;.l Ui:. Ul]!iu:s. ;  );'r'.i:i!],". h.-tp  the Mlspicj:; \Uc No- ili-n V.'e::r.r Civic I.i.-o;'.i:i;  j Un- Nt.^rii-:: Nos'u c :i ri i-'ir it-t" a .1 1 vu'.t.* in ll'.(; ;                 ..~I. ~(.111. I). 1 i liu:~i;*n. :i v.-: i: ii1 l-"!izal)i-;!i en: M.t-l a p:'-l':re n: ihi' cuni;r'-;rni;ih on us ::r?: pai:e and i-i-pc=rl':.l I Ik- ; :'.:   I'lu; a  lo;'.i.-n nio:-,. wli:lc n:i-fi I" In:'. -n-'r i dul r.ol c:ai::n ins : an J n: speech ci:t:s:: the In'f.i-r part I ,,l 1:0'.::' in.' said i'. i.'i:' winch In' :si-t--cl apologize In either h:s ov.'ll ur Un; v.'- r..if. j "ill inai:'.' p:irls (jl  ! D.~Pnest  p:i;;s us a wl. man. "1 clon l know how  Ni--~ I'ro blood I : in my vi-im:; and I (ion l rai i:.1 hi' sui!. '1 want lu :,:-.y j ;il tin; oii'.s.'t nun 1 an: nol i  ol my rac-L-: I hail i:'V'-' l)i: a SOir.L'l)iKl.V ; Nl'IJii.cS! Uian a .iy : wl'.iU-s.' j anri :iol '^l'-'d in .social I        :y. No ::i'.v can  a man  L'lllJ .;ts::o."iul:nr:s. Social i- i:. n"! a : lo Ue L'.-,:-lK-d iav;. "Tl-L'  u:*(ib!c;n m AnK- wii! t^;  d o:i Sou'.tH.-rn M^:l. i Anc n is  a linn;: thai is ;.;omu I :u l..r :l 11: Iwci or Itnuc .lrs: it  will :al:c two or] llin-i.' ccir.i:rii-'.-. Thi; Ni't,i'~ can l.asl'.:: l!ic 'Jay ot  ctt:rn;L'nl oniy j I by .l! In.' own M'lt i*-j sped alK! tiy ho ^1, Inn:sell as tu command the M:~pcct ol Ins  neighbors. l; Sontlicnuus wlio have the "most I lo say against social equality an: 1 ;:ep.era:iy the people who s. j have the least lo say about it. lor. I they have not practiced what they preached; the South has had .sun- i Continued on P.   -- 2, Col. 7                 Many Rocks (Continued Jrom )~W 1) lii'.hl yi.M'rL-t!        :nul '.h' '0; look al uiu Nrj'.ro race tuday; we i-amt? lo Amrri-.-a Mack aiu! how, :i:; a ror.uK mr ::n- or while nu::i.  i^~*!i : : wi.nu-ii lJL Cimini!1. 1 i-wry^ay. ~~'I'tH' .NVci-o ::iii.-::    :~:-n lo uii-- Lhi:  Ijuk i.) net Mi:; sights. i' l  in Klr/alx-in C:iy 1  ;; my raci: -ic by  ;,ncJ put IMfin un tUe ri.'t'.ii.'.i  J" . I'wuiMd runi.iU-r 2.UUD Ui f)UU Ni'i;ro 1:; m K!;ili City. Aiui 1 woul.urt ::ul IMl-i:1 Uj - tlu: UL'publiL-aii parly or Un.UL'inuc:] alii: parly; UcIv/l-im: a Soirtt:(.*rn Ni}f,   -ii:i'-      .^ ami a l,i!y-\\'Mitc Soi:Uu-ni l(t:~m:) I would as a * t:    .t: Uic Uiimtvrai. "1  i allL- U' fic.i MUMnlKT.1." Ol. IV.V OV.'M I UCL' I(J *; :i - lii j  III-/ i-acu tin.- bt:.-:i : jr.L'.'i ru;::i:\l!~_\-;s ot ihi.-ir parly !abcl- V.' t J t bt St v.'Mi'.c ijt-oph; :u c Lo:iv,ncL'(! lh:il you :nv Sur it. cm mul win.-!]  Ikivu won UiL'ir -c an-l c.-.nct.-t by ciL-'.i: yoi:r i.bi.ily tu :ii;nl: r:r,l:t ui:H Vu'.c i;;tit.   -i; ;i:l- i:i         :i ;u nni.'UKl  cu-upL i-.:i. "More !i!iMii;i to U io .\  :m ra..e tl:a:i a lu:;;i:~c   i:; U:~.- .-~Mii'lk.1:--; .\"(..-;:ru v.im Vi.'i;.-; hi:*, vol"-. 'i lio .W1.",!"'.* who :l II:-' \\\r- v.^c n.u  Id any ol \!ui b(.'tu-:i'.s oi j "Ar.il !uL me ;i ir.".o:i:- h ymi pay yo'.n j-ul! a man v/jiu ( L help I-.) t.'L'Uay ihi- tost oi j       .'rnn;i.'    lie Hvua uin'.L-y -;  nu .i' m I!1.:.: ii(jvi:na:.i.':ii."</t>
  </si>
  <si>
    <t>                                           ELIZABETH CITY, June 22--(CNS)--Representative Oscar DePriest, Republican, Congressman First District Illinois, appearing here under the auspices of the Negro Welfar Civic League urged the Negroes of North Carolina to register and vote in the coming...</t>
  </si>
  <si>
    <t>                                           I-H--.* En IT R I A L  i</t>
  </si>
  <si>
    <t>                                           NEW YORK, July 12.--In their first formal statement since their joint endorsement of Governor Franklin D. Roosevelt for president prior to the Democratic Convention, U. s. Poston and Floyd J. Calvin on Monday, declared after carefully studying the...</t>
  </si>
  <si>
    <t>                                           1        , I OPEN 11 A.M. 15c I Douglas FAIRBANKS^ 1 ^1  ' ZEi 8MES       i  ECZEMA 8, cooling ZEMO bring* prompt  to Itchine,  i Bkin oven in  cases relief  I u      u ZEMO  tho tortured  ddn. Edema* Rin^wonn^ Rsshee, Plmplee, Dandrufl and      annoying skin or  calp troubles gtn.  yield to thia ,   lotion.  is Mlo and dependable. All Druggiata. 85c, 60c. Sl.OO. Extra Strength ZEMO trf lor chronic     -  l^6</t>
  </si>
  <si>
    <t>                                           DEATH III BRAWL                 MEMPHIS, Tcnn. June 13.-                 Bec.,V(= LcRoy ClilKuS. 23. of 308 East Parkwcy. did not like tho idea of "Negro man" being at his girl s homo. 399 North McNeil, playing cards with her, he is dead today irom gunshot wound. He was shot to  by Sam Ward, U46 Poplar, below the temple after striking the slayer over the head with a chair. According to Ronelta Jackson, i the girl of the house, she and several of her friends were playing cards. Cullins came in and he did not like to have 'Negro men" around his girl. He picked up a chair and hit one, Sam over the head with it. Sam pulled his pistol and shot him once. The man was dead on his arrival at the general hospital.</t>
  </si>
  <si>
    <t>                                           THURSDAY HIGH S BASEMENT $$ DOLLAR DAY$$ Women Buying! Buying! Spectacular One-Day Values! 79c COSTUME "= 59c TO $1 SLIPS MEN S SHIRTS Good quality flat . bias Men! Supreme values! Slightcut back and front lace ]y toiled collar-attached trim. Sizes 36 to 44. styles, all sizes. 2  or $1 5 So* $1 79c AND S9c BOYS' 59c, 79c DKIliOofciO T*TTR ' Tub-fast materials pretty c L i r Tub-faat colors and ! Smart stylet for i ia iaU! Many, many . home, for hopping! 14 to sizes to 2 $1 3 Sor $1  9Sc KRINKLE Corselettes- Girdles COTTON SPREADS Worth way more so hurry All popular colors! Coot, to select your style 1 All quick to launder! Size sizes! One day only! 80x105. $l 2  or $i WOMEN S 59c 40-IN. BROWN MESH UNDIES DOMESTIC Rayon Pities, step-in, in Stur(, w- h dainty desirable styles I A super-buy to share! "    lf            3 iov $1 12 yds.  or $1 SI CHIFFON HOSE TURKISH TOWEL FULL FASHIONED ENDS Perfect quality 1 A sensation Each hemmed, ready for for first comers I All colors, use. From wash rag size to sizes I large towels! 2 pr. tor $l 2O tor $1 THURSDAY HIGH S BASEMENT $$ DOLLAR DAY $$</t>
  </si>
  <si>
    <t>                                           If clothing or the lack of It has anything to do with immorality, then the summer of 1932 should go down at one of the most salacious in history.</t>
  </si>
  <si>
    <t>                                           The Educational and Charity Festival Association is featuring a boxing contest at the annual outing of the colored people of Atlanta and adjacent cities, which will be held in Sunset Park, Monday. At 8:30 p. m. Billy Hooper, a veteran of 250 flights and now...</t>
  </si>
  <si>
    <t>                                           Mr. Murry Martin of Martindale ... relatives in Atlanta Ga.</t>
  </si>
  <si>
    <t>                                           TftEORGIA     STATE NEWS                 Vidalia, Ga.                 Rev. A. R. Eaxter is in the  this week 10 ilic  of her many friends. .Miss Mattie Johnson, of Higgstcn I* home from Savannah, where  he has been attend.ng summer school at the Ga. S. am! I. college. Mr. and Mrs. Jenkins and Mrs. Cora Wright, of Abbeville. S. C. were in the city Wednesday on a. busine-5K trip. I Mr Robert Jackson and mother, J Jackson, spent last Sunday here as the guests of their son and brother, Mr. Willie Jackson. We are very glad to know that Miss Evelyn Carpet Is improving from her recent illness. Mrs Amanda Drummond is on the sick list. We wish for her a speedy recovery.</t>
  </si>
  <si>
    <t>                                           20 ROUND OF TOiB IS ON MONDAY                 50 Homes Will Stage City-wide Bridge, Whist Games                 FOR POOR KIDS                 With .-ible   by the many participant* in ihe  wide bridge" and        that is being held every Monday  in August for ihe i  of the Neighborhood clinic on West F:iir .street, the second j session of the big event will 6 t 1                 under way tomorrow  at th' more than 50 Atl.im:i homes whose    opened for this great charity event. All who participated in the first round Mon.lay night :ire asked to play again this week and not only help the good Cause but win one of 'he many valuable prizes th:il will be .-       \ at the end of the contest. This tourney, the finals .if  will be held Monday night. A"e-ust 29. with the high score  ot, Page 2, Col. 7                 20 Roui\4 (Continued from pase 1) ncrs of the various croup tournaments in both the whist and bridge Mvislon* :.s contestants.' ix for-  of the underprivileged -en of the district, a work that has been carried out for more th:m 24 years by the organization. However, ih? need tor help is greater than ever, due to present economic conditions. The lormer aid or medicine including cud liver oil. ami medical treatment, must be - by the addition ot fruits and fruit juice* and other health building foods for the undernourished youngsters. The novel plan to meet present conditions is Dclng carried out by    . Cirrie Connally and Mi-s. Eunice Hcnxy. The  mal[          . of twenty-five cents a player is charged each Monday . In order to be sure that the money Bill go for ihe cause for which it is being raised, the  and hostesses are being   to                 the serving  tea. lemonade, or water, to their guests of. the evening. Valuable prizes will  be  ;o.the winners in both .the         of the bridge as well as whist  U-~ visions. Thexs awards are being made possible through the CO* operation of local merchants and business, men.</t>
  </si>
  <si>
    <t>                                           With considerable enthusiasm displayed by the many participants in the city wide bridge and whist tourney that is being held every Monday night in August for the benefit of the Neighborhood Clinic on West Fair street, the second Session of the big event wilt get...</t>
  </si>
  <si>
    <t>                                           In the Realm of Music                 By BEULAH MITCHELL HILL                 JOHN WHITAKER and his Singing Buddies scored a decided hit on Sunday night when they presented a splendid concert at Warren Memorial M. E. Church, winning the plaudits of a" large and i Mtlms:astic audience. Mr. Whitakcr was ably assisted by Hiss .lean Hargrove, talented young dramatic reader. The program opened with the singing of the Theme Song, ".My Buddy," by the unseen trio, composed of Norton K. Evans, L. Eugene Dixon and Percy J. Moore, Si'., foll  by n. harmonious arrangement of Grieg's "Morning," and "Marchetn." Norton E. Evans, tenor, received much praise for his  "Thou Art Risen," (Coleridge-Taylor) Miss Hargrove was well received in a delightful reading, "Aux Halienne." The trio achieved some unusually melodious efforts with its presentation of "Absent," and Victor Herbert's "Gypsy I.ove Song." 1,. Eugene Dixon, tenor, displayed  voice wh;ch he put to splendid use in his rendition of the favorite "List Rose of Summer," from the opera, "Martha," and "Silver Threads Among the Gold." "Trees." was the vehicle chosen by Miss Hargrove for her next leading. It was enthusiastically received. F'ercy J. Moore, Sr., baritone, rendered Carrie Jacob Iionds' ".lust A-Wearyin' for You." with much artistry ami feeling. However the climax of the program was reached with the trio singing an original arrangement of "Wade in de Water," which received thunderous applause from the   auditors. This was followed by "Tramping," and "I'm so Glad Trouble don't Last Always," by Dctt. The program was closed by the hidden Iro singing the Theme Song. John Whitakcr presided at the organ throughout the program.</t>
  </si>
  <si>
    <t>                                           Important Notice!! Ueciusc of the fact that several news reports have been lost in this manner, the Atlanta Daily World will not be responsible for any news sent in by route boys or by m" AH news should be brought in, in person, at leas t one day before date of publication, to insure getting your news in the World for any particular issue.</t>
  </si>
  <si>
    <t>                                           "If there ever was a need for the services of hie Community Chest and its allies agencies." stales Reginald A. Johnson, executive secretary Urban League. "it is this year when we are facing all possibilities for a colder and more severe winter, less employment, which...</t>
  </si>
  <si>
    <t>                                           WASHINGTON, D. C., June 8--(ANP)--U. S. Government employes drawing salaries in excess of $1000 per year, will receive a flat ten per cent pay cut, effective July 1, according to a Bill passed by a 38 to 27 vote by the United States Senate last Saturday, after...</t>
  </si>
  <si>
    <t>                                           Funeral Notices I                 ..ROSS- Mis Juli:i Ross puss, (i .r.'.ay  V.Ju!y 1U, at her late iv:.id. mv mil: Parson . S. V.'. '1'hc Juni;r;il su- arc    In: ;- I l-lM lat.r. Ihiiih-y Cu. PALMER- Mr. Kus:wll PuIm.it ~)..      aw;iy July 10, 1B32. Fuiu.t.iI services arc Lu be ain\;cd upon i- of ai ranjit  nl:-. H:.nli-y C"SCOTT- Mrs. Luvonia S.-nl1. of   !)(l i Humphries St.. S. W.. passed away Sunday a! 1-W p. n;- Funviul a:ii. il I.. Ivey livo:; .</t>
  </si>
  <si>
    <t>                                           SraflBBSSiSflSS only negro daily Newspaper in the world ljj^lM^^     volume 5. ^il^^^^^_7ZZ____ aJu^^^^^. nj^C]m2_          ~~-=== price ^</t>
  </si>
  <si>
    <t>                                           Classified SOUTH SIDE TAXI CO. SSl-A Fra.er St S. E. FIRST-CLASS TAXI SERVICE Day or Night- -Courteous. Safe Drivers PHONES JAclcoc 912S 9128 I'Olt RENT U room house, Ueusonnlilo rules, 384 Tazor Street, (just off Simpson). Call owner, Raymond 0803.</t>
  </si>
  <si>
    <t>                                           FOR years and years, the Phillies of Philadelphia (then known as the "futile Phillies") have been convenient stepping stones for the other clubs in the National League. They might have been (and in fact were) likened to doormats, as they were always...</t>
  </si>
  <si>
    <t>                                           READERS: We must have our money when we call, we are delivering your paper on time each morning and we ask thai if you wan i us 10 continue your paper wv cannot accept your promise to pay tomorrow. We want ine ci^si) t,*  - we can pay our bill on lime.</t>
  </si>
  <si>
    <t>                                           WBmMwMS^SS^ ONLY NEGRO DAILY NEWSPAPER IN THE WORLD M W  m</t>
  </si>
  <si>
    <t>                                           The Atlanta Daily World THE ONLY   IN THE WORLD Classified { Advertising Kates DAILY 8 8c a line 8c a line Consecutive Insertion* Dally and Sunday! One time 8c line { Ihree times So line Seven times or more 4c line Fir* ward* of *  im counted    a lint. The      tlM  of 1 two . Ads Taken Over TeleiAone 1 are accepted  persona Uatoi m the telephone  r    ch*   -          CDUrtn^ Ul* advertiser fa         *d to Tvmtt     dtr  . On all dT.rtl.lar Mat b7 BUO caib mutt  th* or4*z. f All DlKontinuanm MUST b. Bade In        at the WorM  or by . T^UpboBtt  arv NOT valid. ERRORS If tnr error la made. The Atlanta D.llj World In  ttr  one Incurred              a4         in  for  - V . The    I             It aar           to I . closing I                la Tht Atlanta Dattr I for tho Sund.7 Worid will be accepted i up until P. H. Sotardar. The        are open daQ?  Sondar oaB^ p. U. for Uie  of b9e^**~ ATLANTA DAILY WORLD WORLD WANT ASS BRING RESULTS. JUST CALL  9911 and aak for an Ad Tako I.</t>
  </si>
  <si>
    <t>                                           Behind The Scenes                 In Ho 1 1 y wood                 By HARRISON CARROLI,                 HOLLYWOOD, Cal.. June 14.- I Broadway stands to lose Zita Johann for good Her new picture has pleased  officials and she starts work directly in another, "Thirteen Womeo."                 Th^s is the Tiffany Thayer best seller which has been causing K-K-O officials headaches         of the many feminine parts to be cast At one time or another, most the unemployed actresses in Hollywood and there are dozens ot them these days have been un  ler consideration. Miss Johann, however, draws a I . She plays the Hindu girl who is the chief  in this unusual story of murder by suggestion. Irene Dunne is the only other actress in the cast with a role of equal importance. Some other players chosen are Kicardo Gurlez and JiU Esmond. Whut with this official approval of her work in "Tiger Shark," fur which she was loaned to Warners Miss Joliunn may nuw set : buying th".t home in California. When 1 talked to her, soon  her arrival, she said sue was "-~:iii8 off to see what happened. Her I '.first try in the films! you know,  was disappointing. The much joked-about studio "conference" comes in for another dig 'from Al Santell. The other day, says Al, he walked into a room and  j group of men in earnest discussion. "Pardon me," he excused himself. "I didn't  this was a conference." "Ob, that s okay." reassured one of the men. "Come on In. We'll talk about someone else." HOLLYWOOD OBSERVATION  Estelle Taylor has the only lawn in Malibu. To get it, she had to scoop out the sand in her backyard and have dirt hauled in by the truck-load. The ex-Mrs. Demp1 "sey, by the way, has had six stage offers in a week My story about the South Sea natives pouting over, the salaries they ' from Doug Fairbanks gets a rise out of Doug's publicity department. They would have it Known that he j  ave a", bonus to everybody who worked on the picture and that he left substantial donations ior the leper colony and for the Pierre Lot! memorial That case between Blanche  and Ralph Ldkq, the  ; '-j ducer is progressing. Saw them dining quietly at Stark's Cafe But it may have been a bit            to' revive the romance of George Raft and Peanuts Byrom. The' dark-eyed actor, who bears a 'resemblance to Valentino, now has 1 '-'transferred his attentions to Max1 ', petite blues-singer at the Frolics Latest novelist to have a whack at the talkies is Irving Fineroan. author of "Lovers Must Learn." "This Pure Young Man." ;~te. He's moved his typewriter to M. G. M. .It's Billie Dove now                 who will take a house in Molibu And Carole Lombard and William i Powell are .renting the Beverly Hills mansion that Lita Grey Chaplin built out her divorce settlement With tlie gambling ships oft the California coast due to disappear as soon as Congress gets around to passing that bill, some of the smart- er gentry have invented an entirely new idea. A luxurious 285-foot steamer will shortly institute daily cruises (two on Saturday and Sunday) for those who like a game ot chance. This vessel, originally built by the British navy as a -war-time mystery ship, and later devoted- to Ensenada cruises, will be the last word in appointments: It will fly a  Hag, so when the 3- limit is passed the liquor supply will be '" and drinks served across the bail Superior cuisine  a dance orchestra will be added attractions. These cruises will be G hours !oni!. returning the revelers to port about 2:30 a. m. Backers of the   :hemo insist it is entirely within the law and will aim lor the movie trade. Vessel accommodates 288 . "Baby" Pegcy Montgomery is j back in Hollywood- only she is 13 years old and already something of a young lady. For the last; three years.- it seems, the former child star has been living with her "parents on a dude ranch- in- Laramine, Wyoming. She has been going to the same -house used b;' Douglas Fairbanks for his picture. "The Man from Painted Post" Though this film dates back to' 1915. several ot the sets are still standing. It was due to Fairbanks that "Baby" Peggy      to Hollywood in the first -.-Doug had gone to the Grand Canyon to photograph another early picture. \A. Modern Musketeer."' While there he met Jack Montgomery, chief governnment ranger, and spoke glowingly of the young film capital. Later on. Montgomery came to Hollywood, bringing his wife and little girl. The last picture "Baby" Peggy made was "Helens Babies." Sol Lesser produced it tack in 1923. If the proper offer develops, you may be seeing Peggy on the screen again. DID YOU KNOW- That Mae Clarke's father is a 'ormer organist in a motion picture theater?</t>
  </si>
  <si>
    <t>                                           HOLLYWOOD, Cal., June 14.-- Broadway stands to lose Zita Johann for good Her new picture has pleased studio officials and she starts work directly in another, "Thirteen Women."</t>
  </si>
  <si>
    <t>                                           I Bargain Week-End Excursion Fares All.,i,l;, to Cminclon ;ui,; . SI.OI): Sorbl Circle 5150; M.-'. SI SI):      '        , MM: Union I'nlnl. J2.00: Cruwrnnlvillr J2 III): W:            J2; Thomson, 52; A AurukU, $2. Hr!,.!. o.i -nli- f..r n l It.ln. .l..rc n-lir.li.IH In it"P ~~"r          .      S. ir.Onc      ..              1 :2S m. (  1 1  n I   . 1          5:3" m.. T.. Mnnf..llo.,,,,B. S.m, r.lr. l,~ .l...vr         'd 1'"'"" Jj "-GEORGIA RAILROAD WA 3Ma Official Route "MASONS' SPECIAL" ATLANTA -M ACON CENTRAL OF GEORGIA SUNDAY JM ATLANTA JULY 10th  A I a.m.' I Round Trip OI-. TICKETS ARE IN HANDS OF THE MASONIC COMMITTEE. A STUB i. attached to  OFFICIAL TICKET which will  yfu to Iho ground, in MACON and ENTERTAINMENT. The Ice for  Mi  ii only -fWe :    . All, MASONS AND THEIR FRIENDS ARE TO GO    :i; THE OFFICIAL ROUTE. BUY THE OFFICIAL TICKET! J. E. HARRIS, Crandmaiter W. M. PARKS, Chairman</t>
  </si>
  <si>
    <t>                                           CHIEF among the South American Olympic contenders now competing in the games at Los Angeles are the colorful Argentine athletes. The Argentine squad may not be so large, but it boasts of a number of formidable Olympic threats.</t>
  </si>
  <si>
    <t>                                           !   #Tv fA^ for women PMilP -~L  Ty-*-r BEULAH MITCHELL HILb EDITOR. t^I K -I-'i^*</t>
  </si>
  <si>
    <t>                                           What a week, what a week! Only the busied pens of Mesdames Beulah Mitchell Hill and Juanita Paschal Toomer, those connoisseurs of things social, who conduct this newsy page, and the quill of your melancholy one, can properly attest to the fact. But take it from this trio--the seven-day span just ended was a proverbial wow! Many Gate City families honored out-of-town guests from all over the section reeking in business, professional, and social...</t>
  </si>
  <si>
    <t>                                           Smart Fashions foh Smart Women A Pretty Ngfhigown Pattern No. 324 Simplified illustrated instructions for  and sewing are included with each pattern.- They give complete direction for mak- ing these  for Milady are coming into vogue again, as evidenced by this softly appealing creation,  as H21. Du'lt-up-shoulders give that highly desirable fitted lino. Its femininity is delightfully stressed by the lacy  on neck and armhole. The rowh is amply cut, causing it to envelope the form in graceful drapes. The woman who likes her personal things tailored and yet dainty looking, will favor a nightie of this kind This model is most flattering when fashioned of flesh crepe and set off with fine cream lace. Designed in sizes M, Hi, :)C, ,')8, -10.  12. .11, -1(5, .IS, and 50. Size ,'!8 requires 3 yards of 36- material and 1 % yards of lace. All you have to do to obtain a pattern of this at motive model is to send FIFTEEN CENTS (15c) in co ns. Kindly be sure to write very plainly on each pattern your         ADDRESS ami SIZIv. New fashion Magazine, chock full of th latest Paris style news, together with color supplement, can be had at ten cents when ordered with a pattern and f: cents when ordered separately. PATTERN DEPARTMENT Syndicate Southern Newspaper 210 AUBURN AVE.. N. E. ATLANTA. GA.</t>
  </si>
  <si>
    <t>                                           SOAP Octagon Clesmer' Oettfoit Powder *j well  a Octagon Soip Wrappers' rood for Votes   ch AUTO TIRES WE GIVE VOTES AUTOMOBILE  , Tubes and Batteries One Dollar does the work if two- Golden Eagle Company 741  St. Ma. 312C   5 Pcttr. St. 3383 22S PrieTitrx St. WA. 0147 10  W. Crt. 8q. Dwatar Or.  ST1 VOTE OCR RECEIPT3 FLOUR BUY J. Allen Smith "White Lily" Flour Every J. Allen Smith Flour Sack  for Votes for your Church. EAT I       Bread -und tave the wrappers for / for your church! AUo the t   from: Bamby Wholewheat Bread Bamby Tea Rolls Bamby Junior Loaf i Bamby Sliced Loaf I Atlanta Baking Co.</t>
  </si>
  <si>
    <t>                                           "A boy!" Nita Nahlman cried, Eluding over the bed in which Lily Lou and the little swaddled red thing lay. "And what have you named it?"</t>
  </si>
  <si>
    <t>                                           With banners unfurled and in martial step more than 3000 Sunday school pupils, teachers and workers, representing practically every church school in the city and marching from four directions joined one solid body shortly after 3 o'clock Sunday to enter the city...</t>
  </si>
  <si>
    <t>                                           Misses Geneva and Nellie Weldon have returned home after spending a week in Hamilton and Columbus, Ga., They report a jolly time.</t>
  </si>
  <si>
    <t>                                           CHICAGO, July 5 -- (ANP)--California Negroes are not afraid of the Democratic Party, according to Miss Thedora V Jones, who served as an alternate delegate with the California delegation to the Democratic national convention.</t>
  </si>
  <si>
    <t>                                           CAMP ANACOSTA, WASHINGTON, D. C.--(ANP)--Against a background of the Potomac River, trim Coast Guard cutters tall three-masted schooners, river steamers and barges the picturesque camp of the Bonus Expenditionary Force (B. E. E.) nestles on a broad...</t>
  </si>
  <si>
    <t>                                           WASHINGTON, Sept. 30.--The War Department has fallen in an attempt to hush up testimony concerning the treatment on a peonage and slavery basis of Negroes working in the Mississippi River flood control camps.</t>
  </si>
  <si>
    <t>                                           Last night at the Butler St. Y.M.C.A., before a warm gallery, which made up for its smallness of number in fervid applause, John H. Beil, boys' secretary of the "Y", Robert Turner Johnson, Jr., Clarence Sykes, and Judson Pharrow gave a sterling gymnas...</t>
  </si>
  <si>
    <t>                                           PASTOR LOST Si fi HAM CHURCH                 Financial Matters Said to Be Cause of Departure                 TO VIRGINIA POST                 BIRMINGHAM. Ala.. .Tish- 12-                 Member- "am! friend? of the Metropolitan A. M. E. Zsnn church filled that structure to capacity on Sunday morning to hoar the f.  of Rf-v. E. B. Watson who the. Sunday before h?.d -i! his resignation from t_hc pastorate                 The announcement camo     a shock to the  city and many of the minister s  dr foci thr.t the action wag taken to aviod  embarrassment at a -il  meeting called by the presiding Bifhop B. G. Shaw for . The Rev. Wat    on W.ll leave for his new church at Petersburg. Va., this . Trust"'1:' and influential member? of the LonRrf-'jiau tn wore reluctant to  dr.-- the* c.;~e when ir./eii by n -pre/.-- of the Bir- 1 mitu  Worltl. ; expre-j.-iid I them".-M :ts ; deeply  I by the pastor s . AcconiinR f to ai vi-.-. clove to them, the mm- I ister s  S date* b;uck to hih  rr.L'nt ;is p.'i?tor two and one I-.:; If '-. rj^'O. y. before his appc)ip.i:i.en! pressure ha i bet-n i ::1.!.: bear on   i'.'iry '-^iir' .l later up- ivn: t=: c.-iUm.' \':.l' board of trustee.-; of :in.1 j church n-.- a  01 $. ii is kz\~\ However, nn. ea*-h occasion ih" board  to    ;iii.-  ! on the (Jrcunii that \'r.i: .-!:u:-ch had been free or all encumbrances i 3 number of years, and :-uch an action  be ;;i;.u:i.-t the best ir;t crests of the          --hip. It then  that v.;o R-..*v. Woisori's .T.s were !:un!e i h"avy that he ha.-s never bet.*:: ab!~: to meet tl'.em in sp::e of the K;ei I (Continued on Pa^e 2. Col. -1)                 Pastor Lost j  I-..' Mt1.:' 'h: n c'-i  :he !~-a.i:i,.; church :i :he N":".h Ah.ii:..ti ic".. if nut ''~'r i;:;:mi; A! iL-:.:p..i juva. hcl:.;ll. I Appaiei.lly  15 l'.o r.-.--a--.1. ..:i pan i"yur.e in : ::. ar.-i the Kev. \V;.:v.r! :i: hi- v.'imo:: S'aaiay ::;..'.-m:i:i;. fok for I. is subject: Love. N'l1 ru:'.'i ~.~ncc wb. was ^ai'.: to iiv.v Ik-;:'. ::;;nlc to ir.i-:;t:i:;t!:::i: an.:  1 et': i:1.^ pastor ..,.:dc a bL-.!i:l::'ul ".a::u:i on j.- ..i:b.-jcl. The sen:iOM v.-a-. ;ypi.if ::\i!:ister s rh;n;i. '.(.t. He fir.vti :-el:' hav;ni; lived :'.ii^ir.:"(~:-.v:ir.! wi'.h i-.:~ i-i:i::-.-!i. ai. i '- lie t'.ad . iic  ;;;v.-iv, fc-1: ill:; 1 Co.; v.-o:;!u -.-ike v-a'.c \it h-.r.i. T\c: \l.':: h.u :oce:\'.(i a:i ap^~~li i.el.t :v. B:V"!l'..p J. S. C.iMv.-c!! t" ix.~:;'r A. M. E-; Ziun l. r.-. Pe;::~bu:c. V.1. an. I im  m imv.' bi O:1. :!-.!.-:1i! S'.:n-I;iy. .": j-...-;:i.: '.hv quar:. 1 L:;n:r;er;\: c..:; i;i.-tr.-.i by the r.i.w'.y asn.i.n'.ni ::; cl'!'-'1.-. Hcv. lfi'.l.i.:; 1-i:-^-ilo..i:-o. iv f. It that lie h.raM :(.':n.i;:i and sec1.::'.1 '.he1 c-.::--i':;'. '/i ^'.-!~:p Caldv.ct:. ll is i .'M\.: ~-v.il be ia\ve.:e.i :v.- T .a:i:::t)l c; .f X 11 Caro!:::;;. v.h- :s haw rea:;   ! t::C ap!"in;:::e::: ah1-. !y. Al;h i-.mh :!i'' .~r-:uv..-11.:o:i ai (iis'.ii i-: f;:ip; ;.-:e. i'.in- -C;     .. ^~l'  eve:al we-ks ,:r.e :;i:i:! ..cli^-'n :il1 a:y I:  i:ci riia;  wa-i scc-i-d j:-,00 i u:- expense '.he :eh:'-..:e.s iiie Gene:'..': C:i:i;v:;::;c ::i M. v. "'lie ;;  ;ui -.1:.: Id have -.i:.l h:ira.e:r to th.e r::ui; to l-ais:; -.i!-.' .:xn\e:/ ai ci ::e .i. iei;ur:na a;p!-.:x:::- sic;. I:'. :pi!v of I he p:-e.-'.'P.: l f :c.] 1 .I.e.- in :-:-.:.-ir:s: :::o:'.ey lili' fact 'ha: tl-e '.-rence u.o cul -\,v:i o:h' \vert a:i.l f.vu .    . ;;:'ejs,::e -u sa:.! u. :i:.vt' been applied 'die  pa-'...:' ca.i.-e him to ::.:x: ih.e .c:..' -f S132 Appaiii^ly. i;pu:i ins :a:h:n.p to tiii"-. he ;~'ah::~-.l 'J.a: wuu.ci '^-a:y Icjr !"..in i.~ lake suu'.e act. on lo  .in::: .'n . un.;...'r  ir.L!i:..stan-.-..c- Kev. Wal.'-a ie i\x-~ :i h-.wi of .il:; and a loy.il ia,.'Ha: .en. m-jst of whom have  hini i::uch . j in his                 new wurk. He could no: be r^nci; Oil for a  Bi.'-ho;) B. G. Staw xa^ r:oi ex- ]jL-c:ed to ; lj e city b'.'fo:"*. Sunday  fi'~ m M(.'~  ;i:^. Ton:i I :iv,-\ con id not be rt- ct for n Tt:,t It Is b"i!c\-i:~l. -. ;h:j[ upon his etui u public ;ir.  mont concern in:.: the ir.Jtler ami tin1 n: of Hev. Wat-em s sUL Ct s-.or will \)n ir.ado by iiu? Bi^.</t>
  </si>
  <si>
    <t>                                           Members and friends of the Metropolitan A.M.E. Sion church filled that structure to capacity on Sunday morning to hear the farewell sermon of Rev. E. B. Watson who the Sunday before had announced his resignation from the pastorate.</t>
  </si>
  <si>
    <t>                                           It does seem unreasonable of the feminine nose to demand all the beautifying attentions; but what with diligent plying of the old powder pad, in the hope of imparting a beautiful, romantic dull finish to the impertinent beak, a girl doesn't have much...</t>
  </si>
  <si>
    <t>                                           Gladly advantage of the opportunity to make a statement as to why Negroes should vote the socialist tiicket.</t>
  </si>
  <si>
    <t>                                           4 This institution has practically revolutionized the idea "IT* The mass-production idea has sounded everywhere- '%T ~~~~~'~~^   j\ fT AiP of newspaper production among Negroes. Never be- fr   111* a four-year organization has aroused new ideas- has AftI!?SP*Si JT1l* 1~^* fore has such progress been shown. "1*1 employed hundreds and sounded some new possibilities. \f%AE::^^m</t>
  </si>
  <si>
    <t>                                           ^A PAGE^Fgri^WpMEN I 1</t>
  </si>
  <si>
    <t>                                           JThis Ad Good for 10c     tAny Shoe Repair Work      Hat Cleaning. J SUTTON S j CUSTOM SHOE 1 I REBUILDERS 3     Cleaninir (OdorleM)       .' A Mcn'i Solot Sewed or4 ^Vulcanized on (Nonit N.)* 11 Edsewood  t 8 PolnU    . 4268 Downtown Datirerr 4</t>
  </si>
  <si>
    <t>                                           THAT PROMISING Williams' Business College ringer gets off to- night and Gate Citizens are all set for something "hot." The commercial colony will he in full blossom, supplemented by the usual leisure business and otherwise throng.</t>
  </si>
  <si>
    <t>                                           GENERALLY FAIR Saturday and Sunday. LoWe.t temperature,  24 hours, 68; highest, 78: average 73. C. F. von Herrmann," Meteorologlal, Weather Bureau.</t>
  </si>
  <si>
    <t>                                           *"^ newspaper tell your commodity over to the people in an economical manner. If you have something to sell or desire a situation let us tell 'the crowd with WANT ADS</t>
  </si>
  <si>
    <t>                                           ATTENTION, PYTHIANS! Grand Lodge, K. of P. Cordele,Ga. -July 11-16, '32 Buy your  over the A. B. Ac C. Railroad, the official route from AlUntn for Grand Lodjjc Officer!, Subordinate Lodgel, Uniform Kank (Third Georgia Regiment), Court of CfcUntbo. a f t ALL OTHERS INVlTEI) KI  TRAIN SERVICE I Leave Atlanta Mondny, July I lth, 7:2") A. M. Arrive Cordelc Monday, July Illh, 2:,r)0 V. M. j Modern Coaches Electric Fans Hands Refreshments $5-75-ROUND TRIP-$575 We have used the A- B. C. before and know their service is satisfactory. He on time at the Terminal Station, 7:25 A. M. July ,11th. COMMITTEE Co). H. L. Forrell, G. K. R. A S. Gen. John H. Fletcher,     . Inipector          J. H. Hlfhlower,    . Georti. A.   .. D. G. W. C.  nd W. M. Mrs. Toby Grant, D. G- W. C. Stone Mountain     . Col. W. G.          , Co). Commandinf 3rd Ga.      AtteitmJi R. L. Henderson, Capt. and Adjutant.</t>
  </si>
  <si>
    <t>                                           IN its first real test of 1932, the American Davis Cup team faces the racqueteers from Australia this week-end at Philadelphia.</t>
  </si>
  <si>
    <t>                                           The industrial high school enrollment will be 247 short at the opening of the scholastic year next fall, for Friday night 247 boys and girls crossed the rostrum and 'finished' as far as their high school training is concerned. The general theme of the program was "Report of...</t>
  </si>
  <si>
    <t>                                           ^SSP^TA-      FOU WOMEN F^!~p' /A- -V V*^ BEULAH MITCHELL. HILL, EDITOR.         4</t>
  </si>
  <si>
    <t>                                           Atlanta Society                 By JUANITA PASCHAL TOOMER                 1 .r f u 1 Garden Party Given by Mrs. Amanda Reece                 The spacious expanse of velvety Krcen lawn surrounding the  home or Mrs. Amanda Vaughn Hecco, on MayHon-Turner mart, furnished on Idea setting for the garden party given by her on Saturday afternoon. The affair honored the Ah-Wnli-Tah-Niih Club,                 of which Mrs. Recce ix a popular momber, and several other guests. The R;eere home 1m picturesquely situated  seventy feet from the street and the intervening stretch of gross,  and  has been the scene of many colorful  of the Ai-Fresc.-o variety. On Saturday, the multi-hued afternoon gowns of diaphanous chiffon and the large picture h:its worn by the guests ,as they vied for honors in Auction bridge, added to the beauty of the scene, making the whole a striking picture. The prizes for the club members were won by    . H. D. Canady. Dr. Hattic Wnrd Wnrner and Miss HMirlettn (Branham; tost, second , booby prizes, in the order ^( for the . guests were won by Miss Tillie Blair.           H. M. Holmes and Mickcns; first, .second and booby prizes, in the order named. A very refreshing combination salad and beverage  was Hcrved. Enjoying Mrs. Recce's hospitality were the following members of Ah-Was-'Jah-Mih Club:1 Met)dames Nettle Wise. H. D. Canady. Mlswcs Henrietta Brunham, Jessie Mac Jones Josie Starks. Janie Gonsby und Dr. H. Ward Warner. Other guests were  Evn Ncal. Cyrus Campflcld, Forrester B. Washington, Mary nose Tolivor, J. B. Blayton, C. W. Powell. W. A. Bell. Eliza While. Mickens, Sarah Trultt. Lillian Parks, Charlotte Shorter, Alma Bryan, Dnwdell, H. S. Murphy. Marioa Tartcc. Horace Thompson. H. M. Holmes, Emma Alston, S. M. Lewis,. Baldwin, Siibbath. Salina Shaw, Lucia Moore Bacote. Helen Siller, B. M. Shetkird,         Uoberis. Eugene Anderson. Greenwood. Manley. A. B. Cooper. Ludie Andrews, Wnrdlaw* ,E:Me Hubbard, F. A. Toomcr and Miss Tilllc Blair.                 Miss Mae Gomillion Tenders Party to Group Atlantons who have not  suc: lo the luro of travel, are  interesting ways to entertain  iand   during the  season. These ore taking the form of impromptu , anti carefully planned ,  run the entire gamut of informal entertainment. FurniKhlnfi* delightful entertainment fir herself anil n small group sf her  wan the spend- party Riven on Wednesday by Miss Mae Gomillion nt her attractive -nce nn Si/.set avenue. Already recognized as a hostess :~f finesse, on Wednesday Mims Gomillion displayed  in entertaining hither to . It cannot be denied that more skill is required to keep a group interested all day than is required to keep It Interested a few hours. However. Miss           succeeded in providing ho much amusement that there was never a dull  throughout tlic day for the guests. who  Misses Eff!e McGhcc, Ruble Ford, MiiHIc Berry, Anna White. Willie Mae Ramsey and Mrs. Louise Chisholm. Winchelf Collim Is Liked, Letters Show Last Sunday the local social realm was introduced to its first sensational Walter Wimhcll , falling from the pen of Lucius Jones, that ever-active WORLD . The venture was tried for better or worse and no one would have been surprised very much had the career of ihc bold step ended then and there. But not so! Letters circulating through the Atlanta Daily WORLD box during the week show the Winchell type of  to be very entertaining, tactful, and well-liked. It is here to stay, in other  Today, the.  appears again with that same element or meddling everpresent, and with the general feeling of "How did he get so much lowdown and. from whence?" lurking on the minds of all.</t>
  </si>
  <si>
    <t>                                           The spacious expanse of velvety green lawn surrounding the charming home of Mrs. Amanda Vaughn Reece, on Mayson-Turner road, furnished an idea setting for the garden party given by her on Saturday afternoon. The affair honored the Ah-Wah-Tah-Nah Club...</t>
  </si>
  <si>
    <t>                                           HOLLYWOOD, Ca., June 18.-- Mystery films will have much Inure important casts this year in Hollywood.</t>
  </si>
  <si>
    <t>                                           The Toung...</t>
  </si>
  <si>
    <t>                                           PfcM^^TOI^^B ONLY NEGRO DAILY NEWSPAPER. IN THE WORLD ll^ VOLUfflEy^UMBER 194 ATLANTA, GA., M6NDAf: AUf;UST2g;_1932 PRICE, -THREECESTg</t>
  </si>
  <si>
    <t>                                           Black America made a solid impression on Germany Wednesday night during the postponed international Golden Gloves contests between teams representing Germany and Chicagoland when Johnny Phagan, welterweight Golden Glove...</t>
  </si>
  <si>
    <t>                                           Home from Europe                 One of the .Euished passengers thut made the trans-Atluntic crossing on the maiden trip of the new French liner Chnmplain is shown waving an enthusiastic greeting on arrival at New York. She is Normu Tnlnindfrc, once the idol of movie *nnn. It was reported -she was seeking a divorce in I'aris, but Nt)rma  if she want.s divorce she ll  et it at I'.eno.                 I</t>
  </si>
  <si>
    <t>                                           ST. LOUIS Mo., July 12--(Special)-- Because his divorced wife had left his church to join the congregation of the Rev. Samuel S. Pitcher pastor of the Saint John A. M. E. church of Festus, Mo., the Rev. Hill, pastor of the Festus Freewill Baptist church...</t>
  </si>
  <si>
    <t>                                           I GEORGIA if OPEN 11A.M. 15c J EDW. G. Jv ROBINSON I "2 SECONDS"</t>
  </si>
  <si>
    <t>                                           Lola Carewe. "The Night Club Lady", is mysteriously murdered in her penthouse apartment at three o'clock New Year's morning. An hour later, the body of Lola's guest. Christine Quires, is found in Lola's room. Christine had been killed first and her body hidden.</t>
  </si>
  <si>
    <t>                                           CHRISTINE was in the room at the time, so was Guy Everett, so was Mrs. Carewe. None of ... seems to remember that ... did anything suspicious with he sleeve. I should fancy it would be deliberate and delicate--and certainly dangerous--operation. But...</t>
  </si>
  <si>
    <t>                                           Mrs. Cecil L. Frederick and Mrs. Johnnie Mae. Freeman motored to Fort Pierce Sunday to attend the funeral of Mrs. Julius Scott. Mrs. Scott was the wife of Mrs. Frederick's brother. Mr. J. Scott of Ft. Pierce.</t>
  </si>
  <si>
    <t>                                           NASHVILLE, Tenn., May 31.-- (ANP)--A Southern boy, just turned seventeen, a product of the public school system of Tennessee will receive his master's degree from Dr. Nicholas Murray Butler, at the Annual Convocation of Columbia university, New</t>
  </si>
  <si>
    <t>                                           i i n A /^tj* VI VR \^^)       '7rT^ THK ATLANTA DAILY , ATLANTA, HA.</t>
  </si>
  <si>
    <t>                                           Florida Wife Shot to Death by Mate                 WEST PALM BEACH, Fla., June 17.- With the trickery of a Judas Iscariot, Bennie 0. Bnen, 20, shot and  his  wife "of two years', Rachel, 18. here -last Tuesday after  his arras about her waist and-? her to their room. The killer was apprehended soon afterward bv. Serft. R. B Post and Deputy Sheriff R.. C. McGr ff. He told  officers he did "ot  to kill -J his wife but . only to  her. He  S he found -her ..Hi -the company anotHer man: .AUjSix. bullets in .i -S gun lodged in the  a body,</t>
  </si>
  <si>
    <t>                                           Dr. Schuman will answer any question on child health problems Address him care Daily World. 210 Auburn Ave., Atlanta, Ga. Enclose stamped and addressed envelope.</t>
  </si>
  <si>
    <t>                                           HFI a          JKP^  ll</t>
  </si>
  <si>
    <t>                                           Grant Chapel A. M. E Church, Rev. C. Carswell. pastor Sunday school at 9:30 A. M. Sermon at 11:15, 5:30 P. M. A. C. E. League 7:45 P: M. sermon by the...</t>
  </si>
  <si>
    <t>                                           'ROOSEVELT!!'                 . Stewart Mills of Minneftota does her cheering for Roosevelt aloft during  for New York ROvernor m Chicago Stadium .                 International Illurtrattd N*~s Pholo</t>
  </si>
  <si>
    <t>                                           I read with interest your editorial of June 18th and after rereading Mr. T. Arnold Hill's article in the June Opportunity I am still at a loss as to how his article can be considered unfair to Mr. Edwin Embree. Probably a statement on Mr. Embree's book...</t>
  </si>
  <si>
    <t>                                           GRAND LABOR DAY OUTING t MWt THE COOPER RIVER AMUSEMENT  PARK, CHARLESTON, S. C IS SATURDAY, SEPTEMBER 3RD. Round-Trip crick-.*, go^ six D.yo The only exclusive Colored Park and Playground in the           where colored people     enjoy  urf bathing  nd     gather for a grand outing. The fine.t Dance Pavilion to be found. Alto Athletic Field for variou. . SPECIAL LABOR DAY . GREAT EXCURSION FOR COLORED. PURCHASE TICKETS IN ADVANCE. Wa. 2726   . 3666 Wa.. 1722. GEORGIA RAILROAD</t>
  </si>
  <si>
    <t>                                           Smart Fashions for i Smart Women SUSI ENDER STRAP FROCK PATTERN No. 723 You'll sign on the dolled line for this dress! Dotted fabrics and fluttering lines moke this a  rind" for the younger smart set. In pin dots, polka dots or dime dots for the frock, of, course, anil in plain colors for the pin- -. Smare color combinations that Miss Fourtccn-lo-Twenly will love ire: navy blue and red  crepe with a rod crepe blouse; brown and beige dolled crepe with "723 a  lace blouse. Suspender straps and separate blouse make this a  frock to sew and fit. Designed In sizes 12. 14. 18 and 20. 3 16 requires 2 5-8 yards of 30-lnch -material or 2!4 yards of 39-inch material. For blouse IB1 yards .of 36-lnch material or 1 3-8 yards of 39-inch material. Simplified Ulustralccl Instructions for cutting nml  are included with each pattern. They (I've complete directions for  these . All you have to do to obtain a pattern of this attractive model Is to wml FIFTEEN CENTS (15c) in                 coins. Kindly be sure to write very plainly on ench pattern ordered your NAME and "ADDRESS and SIZE. New Fnahlon Magazine,  full of tl\o latest Paris style news, together with color supplement, can now be hml at ton 'cents when ordered  a pattern and fifteen cents  ordered separately. Semi nil' orders to the Southern Newspaper Syndicate, 210 Auburn Avenue. N. E., Atlanta, Ga. PATTERN DEPARTMENT Southern Newspaper Syndicate 210 AUBURN AVE.. N. K. ATLANTA. OA.</t>
  </si>
  <si>
    <t>                                           a Let Me Cure You! DON'T DELAY I CALL AT       No         whil your Iroubla n. no mattar how MtiMM4    7 be. I tiro too to call and m cu  t  Bca 4 Ttnlnnnl    orr  In coal 4 No   or (DtiHcal , AH fll WAI.C OR  CXL.L OB WRlSt  In      . DR. T. Y. YOUNG W1TD Tnr. .  CO OB. T. I. YOUNG. CniNKSP.  AND  COMrOUND ramona Hat* A Cart far Brarj Dlaaaaa af Um Iuu Badr 4 8          1   At*. WA, 11   AllaaU. 0  I II Tra. U Allaau      - t A. M. U r. M,</t>
  </si>
  <si>
    <t>                                           Make yours black, lustrous in 15 ^flP^^^A Ji  this  French way j^  ^3BHk /Ca Of  cmd fall for           *Bgz^^_?^    ^*^~ . w,th h-troo.       beautiful lu.trou. black yoo hair, it      , ) ner11   Titality men ar. looking for. Ifyo. Try this ( French  let your hair Ret streaked with        than 100.000 women     . and turn red  hot irona, joa can t       it   hair ).  .              then watch      men fall for yoa! ! jet black hair      rmj -s*nd coupon and $1.15 for full   , . enough to makeyour Hot dont -orr, if      I. b'~'li''~~   "t a  tUn,~,T.Yonci,m.i.       ^      Hmg ..tore. ful  black a^nin in 15  ^~^SVsW'vT'^^^^^H in your own room. A U you hara to do ^^    ^^^^^^M^^    ^^M in      bottle-of Godcfroy'a L*        ^^^^^?MT^^^^^S?^^nr^^^^ r- Hair Colonr.g and put it tLM.     your hair. It.     . There is only 3 c St., St. Ia), Mo. . to apply. No  or n.  n mn m*       odor. In 15 minutes your hair i.i the i^itea^      -a Hair C*. 1 wtat ^~^^^~~I^H^^HMjH^H^^^BHB to  ar  a   ^^~^~^^~^^P^B^^^BH^Vb^H I . I        SI. IS (  r     H fi  W^ I Iwl SH I  nn . BnMnvi9lt9^H        *Mfiw5^^M "  *</t>
  </si>
  <si>
    <t>                                           The first slayer to receive a life sentence during the present term of Fulton superior court, Cleve Lawrence shot and fatally ... Fletcher Rosser on Oct. 10, 1932 was found guilty of murder by a jury Wednesday and sentenced by Judge D. Humphries to serve...</t>
  </si>
  <si>
    <t>                                           Whether or not a member of the phrail sex is entitled to a 1932 coiffure license depends upon just what she does with those hirsute side curtains that have been dangling over her ears. Dangling belongs to 31. Wave em, fold them toward the rear, reveal the...</t>
  </si>
  <si>
    <t>                                           Southern Newspaper Syndicate 210 AimURN AVE.. N. E. I ATLANTA, GA.</t>
  </si>
  <si>
    <t>                                           The Ladies Aid Board of Grace M. E. church met last Monday at the home of the president. Mrs. L. T. Lovelace on Usher street. The meeting was very interesting and after business the host served a delicious ice cream course.</t>
  </si>
  <si>
    <t>                                           5 HURT IS CRASH ON HIGHWAY                 Machine Turns Over Three Times After Leaving Wet Road j                 NEAR NEWNAN:                 Five persons were injured, one of them seriously, when the automobile in which they were ruling slid off the  about seven mile* on this side of Ncwnan. Co.. about 10 o clock \         .v - The p.irty was  to WhitcsburG. Ga.. to visit a sick                 relative. According to those In the car. the I read was wet from :hc rain when Willie Tucker. Blandtown. driver of the machine, attempted to pass a wagon loaded with ~-otton. In do- i ing so. Mr. Tucker got on the soft, slippery shoulder nad slid into a shallow ditch, turning over three times. The car was completely wrecked. The injured are: Marian Johnson. 28. a Ernest street, broken collar bone: frac- i  skull: bruise*! eye :ind other minor Injuries.              *. Mrs. Lula Hammonds, of 918 Grove street, left lee broken. Mrx. Lrln Tucker. 921 Grove street, left lee broken. Paul Hummonils. 918 Grope street, minor injuries and lacerations. 'Willie Tucker, Blandtown. lacerations of the nose, arm and hand. Aiv ambulance      summoned from Newnan and the wreck victims  to that city where they were given Irciitincni by a local physician. Early in the evening, two Hanley  were dispatched where the injured were being cured tor. and the people  to the Gmdy hospital about ten "'clock where they were all examined again and Riven treatment. W. Johnson, whose rendition is deemed    very serious, was admitted. Doctors at the Grady worked until past midnight making a cast for Mrs. Hammonds' broken lee, as much care w:is required In CivinR the  woman a. satisfactory support. The others were :~ to return to their homes.</t>
  </si>
  <si>
    <t>                                           Five persons were injured, one of them seriously, when the automobile in which they were riding slid off the highway about seven miles on this side of Newnan. Ga., about 10 o'clock Wednesday morning. The party was enroute to Whitesburg, Ga., to visit a sick...</t>
  </si>
  <si>
    <t>                                           ^f^   'u7WAo DA^N^i^ER IN THE WORLD ^^^S;    .,_.-      :.:i:z- 1. PUBLISHED DAILY AT J10  AVE.. N. E. TELEPHONES: WAInnt US*  nil    0 l^-it*. "'asa^rs .us? A"-   - - OP THE ASSOCIATED NEGRO TRESS THE WORLi "T?l- Tf.n.., for .          B...K.lpt   t Ut.</t>
  </si>
  <si>
    <t>                                           Red Fin Croakers Lb. 5C Ficsli Pompano 25c Speckled Trout n 19c Pan Trout 18c Sea Bass Steaks 25c Cooked Shrimp 20c Crab Meat "*25C</t>
  </si>
  <si>
    <t>                                           Mr. Gant and Mr. Angel would like to know where the cigarette Bankston Swain had in his mouth when he started to dancing with his former girl at the dance of Arnold and Hicks the other night. He had it in his mouth lighted, he didn't throw it on the...</t>
  </si>
  <si>
    <t>                                           Mention The Daily1 World to your mer- i chant I</t>
  </si>
  <si>
    <t>                                           Smart Fashions /Of Smart Women PRINTED AND PLAIN FROCK PATTERN No. 748 If it s cool.... if it s comfortable ..If it s colorful- it s correct fur he smaller smart .^et. Short sleeves for coolness, .side  In the skirt for comfort. .g:iy  material* for a colorful  with the plain yoke and . Red and white printed inen with white trimming anil red  Is one colorful  blue     yellow printed crepe vith a yellow yoke and belt and  blue buttons is . Desicne.l in sizes 8. 10. 12, 14 mil 16. Size 10 requires 2 1-2 ' of SB-inch material or 2 3-8  of 30-Inch material. Contrast or yoke 1-2 yard nf 36-inch                 or 30-inch material for all sizes. Simplified Illustrated instructions' lor cutting and sewing arc included with each . They Rive complete directions Tor making these dresses. All you have to do to obtain a pattern of this attractive model Is to send FIFTEEN CENTS  15   in coins. Kindly be sure to write very plainly oa ear-h pattern ordered yi.ur NAME and ADDRESS and SI7.F-. New Fashion Magazine,  full of the latest Paris style news, together with color :. can now be had at ten cents when ordered with a pattern and -n cents when ordered                 NEWSPAPER SYNDICATE 210 Auburn Avc. N. E. Atlanta, Ga.</t>
  </si>
  <si>
    <t>                                           Remember Her?                 ".My, how that  has grown!" is the ejaculation' that springs to our lips when introduced to Ailccn RijjCinf whom we remember as a treat little girl who won the fancy diving championship of the 1920 Olympic tames. She is now Mrs. Guy Younj. of New YotIc and California, and is shown at White Sulphur Springs, W.   ., where, she is vacationing. AUeea hu been "married for two MMtlU.  J</t>
  </si>
  <si>
    <t>                                           FIFTY-ONE THOUSAND cash customers--with an additional five thousand clamoring to get in--a record for Boston, reminded Beantown baseball folk of those boom days in 1914 when the Braves emerged from nowhere in July to capture the...</t>
  </si>
  <si>
    <t>                                           The first annual Food Show and "Harvest Day" will be sponsored today at Douglas County School, located in the Douglas subdivision. The project has evoked the attention of the County Beard of Education and several members of the bord will be present to participate...</t>
  </si>
  <si>
    <t>                                           The 1932 Football Guide is out this week, which is more than a month earlier than the usual issue of the football rules. The purpose of this early issue is to give football coaches the entire summer to study the new changes made by the football committee last winter.</t>
  </si>
  <si>
    <t>                                           Mrs. J. C.; The term "itch" is often used very loosely. Technically speaking it applies to a contagious disease caused by the ... an animal paraside burrowing its way into the folds of the skin, causing severe itching. The treatment consists of two parts...</t>
  </si>
  <si>
    <t>                                           Tiger's Villa, that attractive old Spanish layout out Simpson way, flanked on either side by verdant shrubbery, lovely homes and stately trees will fairly rollick with mirth tomorrow (monday) night when Atlanta's well known epicures. "The Joymen" pry off...</t>
  </si>
  <si>
    <t>                                           Things dashed off grandly out at the Lincoln Country Club yesterday, the first day of Atlanta's first colored Southern Open Golf Tournament. The results of the qualifying round are included as a part of this article, and no little apprehension has been occasioned by the fact that Thomaston has forged to the front in both the professional and amateur division. In the pro ranks, Hugh Smith turned in a below-par score of 69 to lead the field, closely pursued by...</t>
  </si>
  <si>
    <t>                                           CURTIS SAYS HE S LOYAL TO NEGRO                 Vice President I s Aware of Hoover's Unpopularity                 GIVES INTERVIEW                 ,J2 EKA- Kans-    - 25- (ANP)- In an interview at his office here Thursday. Vice President Charles Curtis told BWiop J A Hamlett, owner and editor of the Plalndealcr. that he had observed the indifferent attitude ot ~,mj Negro citizens  the Hoover                 administration. It was hinte-i that he. himself, was proud to notr that they had found no occasion In question the  of the . :   ! that he h;l-~ that same high esteem of Negro citizen.- which he had when he represented the great  of Kansas as its senator in Washington. Bishop Hamlett expressed appreciation for the warm and .-il reception accorded him by Vice President Curtis at his office here and , "I am sure Negro citizens have in Mr. Curtis a 'friend at court' upon whom they can always call and be sure that they will not be denied. That Is what I hr.vo been able to observe during the 30 or more       it has been my privilege to know him." The bishop once lived m Topeka. and  an acquaintance and friendship at that time which has become stronger through the years. Bishop Hamlctt Indicated he was personally better sr.. now that certain things had been cleared up through the interview with                 Mr. (Jurtis. The vice president is home here for a "few^. having; come for the purpose or receiving official notification of  as the running mate of President Hoover. Bishop Hamlett spent considerable time with the vice president, bu'. vns reluctant to discuss in detail the  of the matters and is- j sues talked of  the extended Interview with Mr. Curtis. He dl.l remark, however, that "Mr. Curtis looks the picture of health." The distinguished churchman left for Denver and other points following the interview, but returned in time for the official notification exercises given Mr. Curtis Thursday.</t>
  </si>
  <si>
    <t>                                           TOPEKA, Kans., Aug. 25. -- (ANP)--In an interview at his office here Thursday, Vice President Charles Curtis told Bishop J. A. Hamlett, owner and editor of the Plaindealer, that he had observed the indifferent attitude of some Negro citizens toward the Hoover...</t>
  </si>
  <si>
    <t>                                           The bubchen was well. He was chubby and blooming. He reached for the crystal beads around Lily Lou's neck, and pulled on them sturdily.</t>
  </si>
  <si>
    <t>                                           m SO -GOOD Hair Grower Is Here to SUy Sent by Mail Anywhere Send Money Order Growers Large Boxci 5Oc Straightener* for Man and Women, Large Box 50c Cocoanut Oil Soap 15c SO-GOOD CHEMICAL CO. 75 Fair St.. S. E., Atlanta, Ca.</t>
  </si>
  <si>
    <t>                                           The ministers and workers conference held at the Log Cabin Community Center began off Thursday, Augast 18 at 12:00 a. m. The meeting was opened with the singing of "Swing Low Sweet Chariot" after which a Scripture reading was of words indicated that be was at...</t>
  </si>
  <si>
    <t>                                           HOLLYWOOD Cal. July 3.-- Two nights ago. Al Jolson played a benefit at the El Captain Theatre here. As he was leaving the stage entrance a crowd surrounded him. It was several minutes before he could get away.</t>
  </si>
  <si>
    <t>                                           "^      \~FOOP STORES.^^~' f^^^VRffiSl Sweet-Mixed, Snur, Plain or LARGE 9r ny T ^T 4% "water" j"JvC MELONS pink 24-L8. 2S-LB. Q ik B IIS ft Ai       AvEAe OALIwUii 19c 25c 3 sa 25c YELLOW LAUNDRY SOAP OCTAGON SMALL SIZE 10 Cor 20C K. POWDER 2 boxes 9c GRANDMOTHER S SANDWICH Pullman LoaS BREAD Jgg     ^G ARGO OH  PEARS s 1 0c SULTANA APPLE BUTTER 15c  MILK EAGLE BRAND 19S LIBBY S POTTED MEATS 3 1QC CLICQUOT CLUB- PALE; OR GOLDEN GINGER ALE 2  T 25c     PURE GRAPE JUICE 2 25c UNEEDA Sc SIZE CRACKERS 4 15c ENCORE COOKED SPAGHETTI    5c RAJA H SALAD DRESSING 2 T 25c RAJAH SANDWICH SPREAD 10c WASH THE DISHES WITH RINSO 2 bvs 15c GIANT SIZE  10c 3-MINUTE OATS 2 ^a 5c Lucky Strike, Chesterfield, Camel, Old Gold CIGARETTES Carton $1.25 Plus Tax 5Oc TOTAL $1.55</t>
  </si>
  <si>
    <t>                                           One of the most outsanding events of the week was the concert rendered fast Tuesday and Wednesday evening by the Banks Bros. Quartette of Hartwell, Ga. the boys are quite small but they singh with unusual distinction.</t>
  </si>
  <si>
    <t>                                           IN DENVER                 RALPH COOPER Leader of the "       Knights u red hot ilar om orchestra, who is now playing; the K.K.O. circuit anil    in Denver this week. Cooper is known as one of the " t" orchestra leaders in captivity, lie saved the day for the .A.C.P. last spring in Harlem when Duke Ellington let them down at the 'Olympic Ball.'</t>
  </si>
  <si>
    <t>                                           2T^^53 Genuine Slack and* IVtiX^"t GROW EjjLtf/ e.rily and quickly iu any style j $** _^r- *~(fc-ttv 1 White. Hair Grower Jv/^^^'imi"1?^^^' 2     choose. -ThTs  mto^r I SllltS DCCtlllSC It IS \.*tc^~a=~-- -~?^^fV"/ HI V r:,Bi T tt^  u\ !y made. J sweet and 'clean; TwQ-k :    ffl^M^r^cn^S;: LargeCan2Sc **T*;**:s n      :  the  of A t Your D r u g g Is t g S HHi HMkI* the scalp to promote .-j** p; i-'i-JE IHBb .full, rapid, luxuriant growth of silken textured ^^te^t^' gf [*(^~^^'~.'ja     . IJH'ha'r. Thousands use it, thousands praise it. If you a (^^^vA^^j YOUR HHn^vHB Have "short hair" or "bad hair" here s your big op- H tO^*^^  8    ) to grow gorgeous silken tresses in an ^Sa^^gSs^'.tl n a u J MIlSB^N IWiamazincly. short time. The bic can of Genuine Black 5 ^^5  ^i^   ^ IB- fl II       '/A and^Whitc Wair Grower is only 25c, but if it cost n ^jti, *'       H H IT times as much you couldn't get a finer or W WltH       SUpert me g isW^ more effective hair grower.. Sold, everywhere.  Oil H                    ^BjHWHBBBB^              Genuine Black and Whiec Gloss- H HBMnQKfl^^HnBH^^T^^X^7               inc ii used in bcsi  B ^^^       ^              ^^B^^^^^BHH'' everywhere, . Jiair from ^BB^  ^MBff^     { ^AytfjWih **Ib"h*J^^8B^ hnf r   ^*t keeps it B SBfll^BB *^l *Tm\TJ LV1*"^    111! BJ^^B^B^BB* neatly, pressed and prevents.                               )Bf^^wP^BBH**  onJ  . J Hjg ^^TaW ffl   'Mll'.'l ^91 Also  wonderful gloss and  im g W^ al Bi ^KH^^^BLA_^BC?^B^.^L^BLSbCA^BBB^ sheen.' Large can. 25c* B</t>
  </si>
  <si>
    <t>                                           There will be a great day at St. John A.M.E. Church. All members and friends are cord ally invited. The Eagle Four Quartet will entertain you at Antioch Baptist Church on Sunday night, July 10th. The Flying Eagle Social Club attended their meeting at the...</t>
  </si>
  <si>
    <t>                                           Mr. and Mrs. Charles Henry Lloyd, of 283 Harris St., N. E., celebrated the twenty-fifth anniversary of their marriage, on Monday evening, June 27, 1932. Mrs. Lloyd was formerly, Miss Ruby Pearl Bean Sherman, of Eufaula, Ala. Mr. and Mrs. Lloyd were...</t>
  </si>
  <si>
    <t>                                           ENTERTAIN DEMOS AS WET PLANK IS ARGUED                 Idling nway time until the Resolutions Committee, Charles E. Coughlin of Detroit/left, Will Rogers, arguing over a  plunk, could report, the Do- right, and Gene Tunney, inset. The crowd cheered  convention in' Chicago gave itself over to these speakers to the echo, entertainment. Among those heard were Father                 News Photo</t>
  </si>
  <si>
    <t>                                           SUMMER SCHOOL BEGINNING JUNE 15. Individual Instruction in Shorthand. Typewriting, Bookkeeping, Secretarial Studies, Filing Williams Business College 137 Boulevard, N. E. Ja.2651 Need Money? wmmm GET it this easy  Dignified Way If you arc in need of ready money you should ice   . We make family loans up to $300 and our service is simple nnn . You will enjoy domB busmen with us. Pay up your bills and  avc your credit standing. A loan from us will do it- TaI.e advantage of our offer now! THE MASTER LOAN SERVICE 211-12-13 HEALEY BLDG. MR. A. B. MADISON, MEr. ^TTtTTTTTyTVtVTffVyVTVVVvTVTTTVrVV^y'/TTVVVVyryyVg Gartrell St. Market OPENS FOR BUSINESS Fresh and Cured Meats I AND A FULL LINE OF Groceries 408 Gartrell St. S. E.</t>
  </si>
  <si>
    <t>                                           I Great SaviKgs_ G6G WEST FAIR ST. i HONE: JA. 7121 A l\i^ Bifv,l.._D1lj:L.1rv PURE HOC LARD m. 5c i J I-Ri-.SV! GUAitANTl'.r.D I EGGS ^h 1c I :~y: 5Tc"Hd  cb u n     v I STYLE PURE 1'ORK j! SAUSAGE _ib-9^c  I8 BAGGft a- Sc LARGE CAN MALT 33c WK PAY TAX j  WI'.S TERN VEAL OR " STEW m. 5c  Wl'.Sri'.UN VF.AL OK ' 1 STEAK ih. 9ic</t>
  </si>
  <si>
    <t>                                           Were the raids on two lottery headquarters Thursday framed? Did one big company tip off writers to "load heavy" on number '953' in order in break a westside bank operated by two well-known exbootleggers? Why did all four companies fail to pay off? Was the...</t>
  </si>
  <si>
    <t>                                           Behind The Scenes In Hollywood                 By HARRISON CARROLL                 HOLLYWOOD. Cul.. Juno 13.- Impolite to remind you of your age. but Jackie Coogan goes to   coming August.                 It seems that while we ve been absorbed in tho coming of the talkies and other cinema problems tho kid of yesteryear has  up Only a little while ago he was the wistful waif looking up at Charlii* Chaplain from .beneath that big cup. Kven in Tom Sawyer," tho change wasn't so apparent. Now he s 17 and going to college. Mrs. Cpogan, a wise movio mother, confesses she can hardly believe it, . Jackie is no  plays tennis, golf and is an expert swimmer but he s been kept a boy. Last week he had his first date. Mrs. Coogan straightened his tic, gave him the big car and chau.feur ami toll! him to be home by midnight. He was there 20 minutes earlier. Where will he go to college? Up to Santa Clara University, also the alma mater of Edmund Lowe. He'll specialize on languages, because he Intends tn continue with his  career. There's a chance he may do picture work in his vacations. Tiffany wanted him and younger                 brother, Kobort to appear in a film this summer. Mrs. Coogan vetoed the idea, just as she turned down some flattering vaudeville otters for the two boys. As Santa Clara is noted for its football teams, I asked Jackie's mother if lie would go out for thi? sport. "Why, he s too small." she said, "The weighs only 105 pounds." But swimming honors, that s another matter. "Frosh" Coofian is out to win them if he can. WHAT THE GOSSIPS ARE SAYING: Connie Bennett is being praised for her quick-w.. She was at a Hollywood party when the news was Hashed that' a Beverly Hills bank was closing its doors the next morning. Summoning her car, she routed out the Warner Brothers' comptroller and insisted that he stop payment on her weekly paycheck. The next morning he managed to do this just in the nick of time.. The Beverly Hills home of Lilyan Tashman and Edmund Lowe will now attract as much attention as their red-andwhite Malibu cottage. Jetta Goudal was commissioned to redecorate it during the absence of the two stars. AH the walls on the lower                 floors arc now mirrors.. Cecil B. ile Mlllc's adopted daughter, Catherine, will play a part in his now picture.. John Boles is being welcomed back from his personal appearance tour. If you can believe your eyes and ears, tho Martha Sleeper-Randolph Scott case is waxing serious. Ever since Hollywood sow Will Mahoncy do his tap-dance on the xylophone, ho has been a popular figure in cinema circles. This week he was guest honor at the West Side Asthma and Riding Club. Groucho Marx introduced him as:       man who took dancing off the floor and put it on a pedestal." Harry Ruby, by the way, would write a theme      for this club: "I Ihink 1 could dip tor good old Asthma, but would old Asthma die for me?" Returning trm New York, Director Edward H.  says that the film version of Philip Barrv's Play, "The Animal Kingdom," wll attempt to crystallize more sympathy for the hero. One method, he reveals, will be to  up tho play s revolt against the machino arie. The studio realizes that tinkering with a Philip Barry play is a tender job. but thinks that Griffith and Horace ;Jackson can do it BacK when "Holiday" was released, Barry is quoted as saying that he couldn't tell where his work lc;t oft and Jackson's began. Approached to come out here and                 adapt his novel, "The Indiscreet Years," for the talkies, Author Larry Bnrrotto  R-K-O .this week that his cat was sick and he couldn't get away to Hollywood. But ho consented to sell an option on the book. Studios nowadays buy options on stories, then take them up' if the scenario department is able to produce a satisfactory treatment. Hollywood is chuckling over that meeting between Tallulah Bankhead and Sliri Meher Baba, India's silent mystic. Tallulah confessed right off that her chief interest is to find a man in Hollywood she can be crazy about. Slowly the Indian swelled oft on his ouija board: "You'll get your man." And then: "After you find him. will you come to visit me in India?" i.-ji "Sure," flipped Tallulah. If i" find him, I'll go anywhere.) DID YOU KNOW- That Allison Skipworth, another stage veteran who has succumbed to the  (via Paramount), once appeared in 20 consecutive Broadway failures?</t>
  </si>
  <si>
    <t>                                           HOLLYWOOD, Cal., June 13.-- Impolite to remind you of your age, but Jackie Coogan goes to college this coming August.</t>
  </si>
  <si>
    <t>                                           EARLY THIS SPRING, pertinent to the announcement of the annual Elk's Oratorical Contest for senior high school competitors, Mrs. L. D. Shivery, head of the B. T. W. H. S. English department, issued her usual call to available talent. Answering the cull was more than a dozen ambitious young people. Practice began, and, anon, the Washington High eliminations were staged. Miss Jean Hargrove won in a walkaway.</t>
  </si>
  <si>
    <t>                                           PfcM BB^TO^iy^i 1 ONLY NEGRO PAIL.Y NEWSPAPER IN THE WORLD 51 ^^MMM 'VOLUlftfe^^ ATLANTA, G A., , JULY 1, 1932 ~^Z- PRICE FIVE CENTS</t>
  </si>
  <si>
    <t>                                           Appearing in another column is a letter written by a Southern-born white woman who is now a New Yorker. It is an interesting expression from one who has observed the Negro race through both the press and direct contact.</t>
  </si>
  <si>
    <t>                                           GRAND LODGE FROM HERE                 Major Jobs Go to Masons of the Gate City                 DOBBS NEW G. M. i                 A large group of Atlantans, both delegates ami visitors, (journeyed to Americus this week to attend the U2 annual Grand lodge of the Ancient Free and Accepted Masons of Georgia. Prince Hall affiliation, at the Georgia Masonic Orphans home and help the newly elected                 Giand Master J. W. Dobbs, return to the- Gate City the position held for 31 years by the late Dr. H. R. Butler, Sr. Dr. M. L. Taylor, Columbus, past Deputy Grand Master, who completed the  term ot Grand Master Butler who died December, 1931, presided over the meeting which saw the election of: Dr. J.W. Andorson, also of Atlanta, to succeed the new Grand Master in his former position as- Secretary Treasurer of the Masonic Relic.' Association. A member of tho appointive staff from the Gate City is W. E. D. Griffin, grand lecturer of the order. Sessions ended early Thursday morning. Mrs. Duller There 'Among      interested visitors were Mrs. R. H. Butler, widow of the former Grand , and her son, Dr. R. H. Butler, Jr., and Bishop J. S. Flipper of the A. M. E. church. Bishop Flipper, who Is 73 years old, is incidentally the oldest living past grand officer, having served as deputy grand master. A large number of other spectators were also numbered among the throng that added to the 500 or more delegates. Official representatives jif the local lodges at the Tuesday and Wednesday sessions : St. James No. 4, M. M. Milligan, W. M. Bishop J. S. Flipper, Rev. G. R. Forbes and George W. Stephens; Rising Sun No. 23, George W. Carroll, W. M. E. B. Gibson, and A. W. Wright; Gate City No. 42, P. L. Johnson. W. M. and C. R. Johnson: Plymouth Rock No. 87, f M. M. Dowdell, W. M.. Dr. J. W.I Madison and Oliver Bomar. J Attorney T. W. Holmes Atlanta Star No. 110, J. S. Graham, W. M.; Crystal No. 112, R. L. Brewer, W. 'M. and Attorney T. W. Holmes; Progress No. 181. J. W. Dobbs. W. M. W. H. Ragan. D. T. Robinson, and Dr. C. W. Reeves; Golden Eagle No. 253, C. A. Faison, W. M., John C. Coley. and Yates R. Rogers; Capitol City No. 272, John IT. Golden. W. M. Pride of Atlanta No. 273. L. W. Rhymes, W. M.. and J. R. Lott; Fulton No. 274. J. P. Downs, W. M., and A. T. Hanley; Acme No. 278, F. B. Brown, W. M. and Dr. S. A. Peters; Excelsior No. 294, L. E. Dickerson, W. M. and W. B. Glass; Elite No. 302, A. E. Jones, W. M., and E. H. Green; Alexander Harris, No. 332. W. C. Smith, W. M., and W. T. Courtney; Alexander Hamilton, 349, Daniel Franklin, W. M.; North Atlanta No. 372. E. L. Collier, W. M.; and C. C. Cater No. 522, D. W. Griffin. W M. E. E. D. Griffin, and P. B. Bonner.</t>
  </si>
  <si>
    <t>                                           A large group of Atlantans, both delegates and visitors, journeyed to Americus this week to attend the 62 annual Grand lodge of the Ancient Free and Accepted Masons of Georgia. Prince Hall affiliation, at the Georgia Masonic Orphans home and help the newly elected...</t>
  </si>
  <si>
    <t>                                           I am a girl nearly 17. Have a mother, father, brother, two sisters. Of all the kids I am the eldest. Just a fool for staying home. I guess. Here's the trouble.</t>
  </si>
  <si>
    <t>                                           [FunerahNotices                 -Littlc H;i.xl Hell Kimbr"UKli. 17 Klcciur :. died July 5. VM2. Cox Hiothei. - Mis.:; M..r;:arc: '.-n. ol (107 Ciiru-r :'. N V.' -d i nway July 7 t  t" m n Miri d upon i-!cti'~:i i'1" .-Mnnomcnts. H:    - 'I"hc- funeral .~~-,-,  Mis^ Jdhnnl" Mac R";:i':s. nf fnl!     ~), nc.ir Millettn. will 1)C  this I-'j i  .i' 3 f. from the ;:. Pleasant Giovc -'iy. Hanky Co of M:mcll;i.</t>
  </si>
  <si>
    <t>                                           Smart Fashions  Women i The Youthful Frock Pattern No. 178 Simplified illustrated instructions for cutt ng and sewing arc included with each pattern. They give complete directions for making these dresses. The Young- miss nml the Youthful matron will instantly take to this adorable frock. 78. because of its :ntr air 'Here is revealed :t smart simplicity, enlivened by intriguing details. Quite dashing are the pannier h p pockets and also quite the thing, by the way. Of style interest, too, is the novel sleeve, while the cowl neckline gives such a pleasing softness. The skirt, though conforming to i the slim silhouette, evince a slight fullness, which renders this frock particularly becoming to the petite figure. It is featured in the new Cndct Blue. Designed in sizes 14, I 10; flG, as, 10 and 12. Size :ifi  ros !% yards of ."fi-inch fabric or 1M yards of 3!)-inch fabric. To get n pattern of this model send FIFTEEN CENTS (15c) in coins. Please write very plainly your NAME and ADDRESS and SIZE of. each pattern ordered. Our new fashion magazine with color supplement 'and Paris style                 news is now nva: at ten cents when ordered with a pattern and fifteen cents when ordered separately, j PATTERN DEPARTMENT Syndicate Southern Newspaper 210 AUBURN AVE., N. E. j ATLANTA. GA. j</t>
  </si>
  <si>
    <t>                                           Georgia Vets Hear: of Progress in Alabama                 With a largo  ill attendance, Atlanta Post Number One of the Colored American War Veterans Ajjsuciation  a very   Tuusdav nik lit at their . Room ~' . The organization went on record as .:                 the payment of the balance of the bonus and a letter: is ; sent today to Congressional representatives to that effect. Five new members, one from New York, were enrolled anil a membership drive that 'will last throughout the month of October, wus launched. Four teams have been  under the direction of A. C. Murdaueh. Guy Me Clarin. James Prather. and Atty. T. ,T. Henry. Jr. Many facts  the progress of a similar veterans organization was made by Commander Carl Me Gill, who presented a report on the Alabama State and National  of the Colored Veterans of the World War of America which were hold concurrently at Birmineham Sunday. No definite action was taken on the much  bonus Question at the . Mr. Me GiU states, although the matter was brought up. "The Convention, which was largely attended by delegates from 15 of the posts in various sections of the state, was opened at 10 o clock Sunday morning bv National Commander Thomas E. (Continued on page 5; col. 4)                 Georgia Vets Continued from Pace One Woods. Kirminirham "tlic visitor] reported." with tin- executive sess:on  held at the; Little Masonic TVmole on Eleventh avenue. Followine an  by tin.- leader. Mixon Toosiin. Tuscaloosa State Conimanilvr. assumed  of the  which was devot- cd to tin;  of various: problems and the hearing of re- 1 ports from the posts." "An ( reception was sriven the delegates and visitors at the Klks Rest at one o clock. Many outstanding citizens wore present to add to the welcome. Shortly after three o clock, another business session was held at which . several prominent speakers were introduce!]. A drive for new members was  the important topics discussed although the bonus question was I sidetracked for the time  I The 19:;:!  is to be held in Tuscaloosa." Mr. Me Gill added that ttw enthusiasm is very ^reat in Alabama.</t>
  </si>
  <si>
    <t>                                           With a large miniver in attendance, Atlanta Post Number One of the Colored American War Veterans Association held a very interesting meeting Tuesday night at their headquarters, Room 222 Herndon building. The organization went on record as favoring...</t>
  </si>
  <si>
    <t>                                           BAD IKE                 By L P. Reynold*                 I told my wife my  ached nnd r couldn't help her       th9 house, but  hc siii.i: "If you don't d- n 1/ your head won t atop aching forever.</t>
  </si>
  <si>
    <t>                                           Your Loved Ones Bury them out fti beautiful SOUTHVIEW CEMETERY Established and operated by colored people for the burial of  dear to them. Lots For Sale I'honc Wa. 0022 BEN H. TOWNSLEY, Prci. LEWIS C. WATTS, Sec.</t>
  </si>
  <si>
    <t>                                           When iKi Need oJ a... Notary FuhtiQ COME TO 1 Hi; Atlanta BaiSy World        ^lo Ainu -us avi;., n. 1;.</t>
  </si>
  <si>
    <t>                                           Anderson, S. C.                 A .'. nii nic was riven mi the lawn Mr.      Mrs. P. \V. Simmon.- Tuesday        .Inly ii for tin' N'ii.-fi; "f Hi'' WiKon lal-  U.-.-i. . It was  attended. Mu = u- ~'n-i -~l l.y Timothy Tli"iiip-"M. i Tin1 M;k-."m:u.v Snciity i Thnitiason (" M 1'.church met :it !hp homo of Mr:.. Violn Smiih Ui-'luc day . -InIv 7. The moi imc "'a1- -'il  nil After the  ntr  us  was  of mi lad and liu.^inn tea bv    . Ironu Cautt and Mi.-s Evh Allen. i Tlie Toiichor's  :U He- i  A. M. K- Cliurch ~"   a: the  of Mr. Simmons Wedne- n;. Ju'.v 0. A     ;l di.-cu^- I sion on "Mo.'-cs" \Vas enjoyed 1'v i nil present. Mrs. Marv Dawfon. of I. is  relative'-' on   ;ii;icl street. Mrs. Erranuel .Tones is ill i:i tl:'- i St. Marv Hosnitnl. Mis.~ An- I diT-on is on the s:el; list also We wish for them a  .</t>
  </si>
  <si>
    <t>                                           VALDOSTA, Ga., July 1--()--Complete exoneration of Patrolman A. Murphy was made here yesterday in the fatal shooting of an alleged holdup-slayer identified as Fred Davis, said to be an escaped Berrien county convict.</t>
  </si>
  <si>
    <t>                                           V TRead Every World!! The Daily World is published especially for you</t>
  </si>
  <si>
    <t>                                           There are very few of the parents who in selecting menus from day to day try to secure the proper food for the growing children. Why don't they? Is the first question that will come into our minds. First reason among the number of reasons will be: We do not know...</t>
  </si>
  <si>
    <t>                                           When in Need a Notary Public COME TO THE AtlantaDailyWorldbfHce 210 AUBURN AVE., N. E.</t>
  </si>
  <si>
    <t>                                           NEW YORK, June 3.--Three men met death by violence on Decoration Day in Harlem as a new crime wave swept the district. Arrests were made in only one case. At 2:30 a.m. the Four Seasons cafe, 2159 Eighth avenue, was the scene of the first slaying as two...</t>
  </si>
  <si>
    <t>                                           CORDELE, Ga., July 10.-- An Atlantan. Dr. James M. Nabrit, will deliver the annual address to the Georgia Knights of Pythias who will held their 4th annual session here beginning Monday night. July 11. Dr. Nabrit will speak Tuesday morning. The Court of...</t>
  </si>
  <si>
    <t>                                           ASK BUYERS BUT TO MEETING.                 Two of the outstanding labor leaders. A. Steve Nance, president of ihe Atlanta Federation of Trades anil Albert W. Gosselt, president uf the Atlanta Building Trades Counril. will speak .in Unionism" and employment at ihe New Post Office building, before a group of bricklayers Tuesday evening. August 9. at 7:30, at the Butler street V. M. C. A. AH bricklayers in Atlanta unit surrounding territory are asked to come out anil attend the mass meeting that is  sponsored by the Atlanta. Urban League..</t>
  </si>
  <si>
    <t>                                           FunerahKotices 1                 I KNIGHT- Miss Ruth Knight. 625 McGruUer street, died Monday at a local sanitarium. Fun- ral  later. Huugabiooks and Co. RICE The remains of Mrs. Bessie Rice will be taken today to Poplar Spring (DcKalb county) for funeral and interment at 10:30 a. m. Hanley Company. BEED- Watson Reed, of R. 416 '     street, di' d shortly after   by a coal truck. Funeral announced Inter. Ivey Bros, morticians. DORSEY The funeral services for Mr. Nathaniel Dorsey will be held today at 10 a. in. from mir chapel. Interment Washington park. Hani' y company.</t>
  </si>
  <si>
    <t>                                           CENTER OF FIGHT                 LOUIS ARMSTRONG Known .is "     world s  trumpeter", who had the  of seeing two  ; machine record  , Ok eh, n RubiJJinry of Columbia Phonograph Co., nnd  Victor Talking Vinchinc Company, ro into tin.- courts of California for ck  on -  !ic should go mi  retr''    for. More than 100,000 Armstrortf; records wnr (.old last year.</t>
  </si>
  <si>
    <t>                                           DAYLIGHT THUGS LOOT RESIDENCE                 Burglars entered the home of Mrs. Mary   ;xon, .  67 Fraser St.  Wednesday afternoon and stole two blue dresses, two Drown dresses, one brown silk . a man s grey suit and a pair jf men s black . Entrance was Rained through the rear door, during the absence of members of the family. The loss was reported to police headquarters Wednesday night and Officers N. E. Pittman and G. W. Richardson started an investigation. Knife Victim Thinks Other Was in Error i Before he could find out just what a passerby was talking about as he was conversing with a group of frends on Irwin street, Charles Singleton. 89 Wowell street, was stabbed deeply in the  arm by some unknown man about 9 o clock Wednesday night. As he turned to run, the attacker made another lunge at him, this time slashing- him badly on the right leg, just above the ankle bone.. Young Singleton was brought to the Grady for treatment and permitted to return to his home. He explained the freak cut near his ankle by stating that the  found such a low mark when he had his right foot up in the air behind him in n running stride. The  man lost a considerable  of blood from both wounds. According to Singleton, his as(Contlnued on Page 2; Col. 2)                 Knife Victim (I -l^cd  ) v:,i!:.:it i-:iim; up In  a;ic! m:"''-1 some remarks as to \vh:il v.e wou.il iln In-  t sti.p t;il!:ini: r.houl him.  to i-:irr.v out his I're.-its  \v!-,t-]i lie   - him what In.- infant. SiiiKltK'ii .s t nat ho was .- 10! seme ".- pit.- on.</t>
  </si>
  <si>
    <t>                                           TIM TYLER S LUCK The Better Man By Lym_You^gi</t>
  </si>
  <si>
    <t>                                           !j Office Houri 11:00 A. M. toll I 3:00 P. M. and by Appointment j! Phone Walnut 11S0 j j I DR. RAYMOND H. CARTER I jEYE, EAR, NOSE THROAT Eyei Carefully Examined Glane. Fitted I [Room _206 Odd Feliow^BldjrJ; SPECIALS Hnir  and curled or j   for SI. 00 for 15  only. 190 Auburn Avc. Lincoln Salon SYSTEMS Dcr mis-Cur a and       Walker MISS ALMA HICKS. Prop. i Banks Barber Shop i Pressing Club Now Clc. Any Garment 1 for 40c 2 for 7Sc 3 for $1-00 I Work Called For and Delivered I JAckion 8378 11       Street ELMO ADERHOLT. Mar.</t>
  </si>
  <si>
    <t>                                           Tlie HhrJek of siren* and the  of fire bell, too often announce a .ly-a death. Always it announces a.  loss: waste There are so many ways of making your home and   safe from fir*-  the Amplest tools fur preventing fires 1m the broom and the  clean-up tools that It . Clean homes and  run little chance of fire     . There are innumerable preventive , yoo  may take. BANKERS FIRE INSURANCE CO. Atlanta KeprrsentaUves  ALEXANDER 250 AUBURN AVE.. N. E. PHONE WA. 4615 I  Dr- Young's HERB MEDICINE r ^3^3R^9^n ^ou  not                  Ch**r fc-c^rS^HH V"1  nJ or" WKhlrTtcBmnnMlnl for  ny  uf B55 5BB13 ift', W*1"1}' ufh Lvov. Sumach UtmrU LIvot BA^WMKEa Skin    .~~. Fcm.lt Troubl. .ad All       !L W^ u** oth"* u ~~^u  toi; OS- T. X. XftOO. THE ORIENTAL HERB CO t,,   AND ,  '2</t>
  </si>
  <si>
    <t>                                           MISTRIAL IS HGT ill SHQOTiNG                 I1;::'.:'--! tu tile .*!CU. :1 f.v i:: :i s:v 11:1:. ?r:;ipi- i-:i P.:'.-l:-i ~-.i,.;-. M: v M v. J,,l1;. p.. ~;,!(i i;;,w- ctl.tr/i-: .*i r hn: in Hi '.::i' /'i 111 lt;ii n .1 r.i-i^hii Po: S::ni!:. 3iM;::r:l'-n :':"i?v-.    jury .1: .'i. I:i::vr!;: !.iri\i                 ;i ni: :m.-I .'".i:r.-fi i;.\ S:1 11, h V i:: no: v.i r.(ix'.A''i":'iin: :hi' rr *:.vd in.* n h*- v.(.-!m t- O-Ci il.f k L I'" fiv.rv I by ;.;r. Xi.vn v.hr Srilth I! ti..ni;c In -~-i.-::U t" ..iKi i: :r.- i-l t fr:l. h :i.::': !.(~.,.iv r: 11:; nl.,r,-   .- l.:i:'l- cil .1;;; !!ic r:-'-r" ..~"in '.:*i:;:' .i  r:i'l 1.1' ;t".ii ;i -i'. i- S:li!'h i'-' l:.ni ..:n:i  :11m in.r. nil 1 h ;i t h- 1:1.' c'1^ fi., sl.  1 it I!)i- \:.ry -f li1.. .-~it! I'1: :::a: he v. 1 nol ,n;.iir.-l hi 1:1 Sr-.:1!:. h..v.. h;ul (i:.' II'~   iy. t = I'.r.n.'n lie1..  ii.i'. .'tf  '..ii irl". !v/o 01 i.-: i:i'.i:  b:~'':r th-' ci i^r '1' Tt;c nic-i i:p M:i!r.1111 iV n-.ill .i/i-ii-^ I :::ir: "f in ~;!l'i: I!-.- -K n.il .ii:.: M.nlo l In U'P'ii ilc "~Ml liii.'il n.'i p.i;- I ('~I                 Mistrial ri.ri!iiii:i'i! i-'lli I'-W!'1 i.~n:k.-:i (li-i-. Whili- n;:ai.:~-.l lii.,1 I;,:.!.. [I :I:it mail   j;i.  :i lii. :uul mUl Iiii Mi.'il hi: v.-.r; :;~i:n;: 1" kill A Suulh .im-l-.i-il lit- \hv i!uoi I'iliiiiJii ili: l h:ir:~-.i 1 1 1 .h : :i ";.ul :.i'.'.--tl ll"''1 ll1 . Sn:ir!i :-:iys 1 1 ll; t In' ili.nn :.l;Oihi:, pi: In! i: 11 I r.fl'.':' !nr i'. nl bet' fm-.l    :.i:i Hi- :   -. i-i.nk-i;ils ilia Hillin:i!i. v.-!i-i . ji:ro:::'. Ill :.:iti-:. .veil' ii -I"' :ii!iu-'.- b.ln Ili;,: ai"ji!:iT :l:i-li :i:; li.- w:i:. i;uill In l:i!! him 'J'iic .1' en1 ii! :ii:i:i. \-.ii in SiniU mv:- :n!i:.il!i-!l In-: :;iii!i hi lU- i-l-'-.. r.:i::. :n ii:-i.liii: l.v lOll.lllC i!'.:u {~ -.illi-t'.i-i! I" li:ivi- n: :~-.~  ilU     )ii il Ii' ap-'li-fii.'.' hi:- i:,'- :.in:i'i:ii;. I'illriMii i i;"! :in i.- ,'.i-il linli .lni.i- 111 v.hni In-  jii-ki.-il    l,y l)l!:,i-r K Wm^l.-l Al -y C. Dun Miilri- ui-:ViiJiV !; in.:1- tin1 1:: uf ;~:.s.iu] ~...nil i    -r it :-i ::i:!i.k-r.</t>
  </si>
  <si>
    <t>                                           Passhed as to the actual facts in a ... serape on Brother a street, Starday, May 14 win a John Pittman is said to have ... charted a shotgun in the ... direction of a neighbor. Perry Smith. 293 Brotherten street, a jury in ... Humphres deelared...</t>
  </si>
  <si>
    <t>                                           W A. SCOTT Pallor ind Pabl[*hrr TrMk      .U I).'t"i7 Mi"" BlJIWmPTION RATES Omt    ,   .H MonlM. I5.S0; S Months _W'^'r;_J#~ PL'IIMRnED DAILY AT 210 Al.IU.KS AVF.l N. K. TELirHONEH: WAInm 145    il       4 u wod^lu*         t Iho      o(flr.  t       .   ., Hit .,1 of Hirth 3. 1    MrMnPR^OF WIF ASa() NEfiRO PlCTRa     WOB1J)    (.7 (or  ..na^cln m-.i I.I.     .    . AUVFIlTlStNC REI'KEaENTATIVr W. II. ZIFF CO_ ChUuo. N"~ York. I^~~ Aur'lM</t>
  </si>
  <si>
    <t>                                           MKE OF VOOS live bile- WITHOUT CALOMEL LaA Tea 11 Jam* Out  i Moron*.      ' to    ^,,^1    nd lull fl* *.     tirr "i"1 "~"1'* Vovrla  od         t c^~ t^arvx to Ttxir liri-. It .'."ul.~ .      ^ra)i\4U erf    *        ^T       C*U/H Uita LIU    l!.          . r"?''*^1 ^kMD t .1!. It ]u" fi.-'-'-r* in f1""**1     *   4        nrf Tf^i'- I'rtwth u       *   o/          "it l.i M'~''-~   . 1 tnt h"~U l^ tnd r^~  i*nrw       'i oat      * ^^tl,'-.    *. ^"~ARTEn-9 .H  I'lLji u- lit       . -up  nd DO." TSy ... km/TBlia. (^T\t:~ r^Lar*1* ,      .~ It nu. w  klrt th.~       *l'. )).'t.~k lor!     !'-x             'f U U^t I1IU. l^i (or tfc.        ^ Uui.     n*~ tin rM .fi/rjM</t>
  </si>
  <si>
    <t>                                           CHICAGO, June 30 -(ANP) --Two hundred communists Paraded with banners about the New Provident hospital in process of remodeling at 417 East 51st street, last Thursday. The men and women carried banners demanding standard pay and belittling Negro leadership.</t>
  </si>
  <si>
    <t>                                           His Country's Greatest Honor                 Sixteen years after his valorous deed, Commander Claude Jonei, United States Navy, is shown as he was decorated by President Hoover with the Congressional Medal of Honor. Commam!-r Jones received     coveted award in recognition of his heroism in saving the lives of several members of the crew when the boilers of the U. S. b. Memphis exploded in 1916. Secretary of the Navy Churles Francis AJams 11 at left.</t>
  </si>
  <si>
    <t>                                           Think of it, nine women among ten are afflicted with a foot ill of a minor nature, and all because they don't treat their little dogs with ordinary consideration. A wealth of time and money spent on complexions, coiffures, finger nails, dressing and never a thought...</t>
  </si>
  <si>
    <t>                                           ~~~$$~ Mf WEATHER OCCASIONAL showers Wednesday ami Thursday. Lowest "-e. past 24 hours, 55: Ugliest, 66; . 60. ARTHUR H. SCOTT, Melcnrotocist. Weather Bureau.</t>
  </si>
  <si>
    <t>                                           hao ikk                 By L y. RdjioMi                 "Good IIiIuki; come fi ih i-n wlio ." Mo^t people wnit n   to dio papers.</t>
  </si>
  <si>
    <t>                                           SEMI-ANNUAL STATEMENT r.- n.*     Months Endtnr.    * 30. 1932. of the Condition of tb* NORTH 'CAROLINA MUTUAL LIFE INSURANCE CO. of Durham, N. C. Orr.nl.~i oto Ih. I.w. of th. Stmt.  rf N.rth Carolina,   v, of th. Sutt;.t Crri. In p.      -f tl- .f  M Slat* Principal Office: 114 W. Parnsh St. 1. CAPITAL STOCK 1. Amount of Capital Stock....$ Mutual II. ASSETS 1. Market Value of Real Estate owned 741.372J9 2. Mortgage loan., first lien. $1,023,646.14 3. Loan, secured by pledge of bond..        or other col- lateral 18S.417.62 4. Stock, and bond, owned absolutely "Vuo' J"'"^ $-811,101.07 5" ^off!^0!T1!"^*.^"^'.. 46.536.97 6' ^h"..hL^V"L 88.996.69 8- P?o?~ 25.921-~~~ 10. Intere.t due and unpaid 8Z.106.1O 11. All other a..   , real and personal, not included "Loa;;".:rr;:." 791,002.13 Uncollected Deferred Prem, .$ 120,650.00 Ca.h Value In., on Of- ficer. ^'I6?-0? Rent, due and unpaid 3,070.12 Total ai.et. of Company (Actual ca.h market  1- ue)  3,   195o.~J III. LIABILITIES 1 Policy claim, doe and unpaid 7.8S2.2S 2. Claim, in         of .t- merit, or .ted and not due,  reported or .ed claim.' 15,426.07 3. Claim. Ve.i.ted. * intere.t, ., eti: ToUl policy claim. S ".278. J2 7. Taxe. accrued, and unpaid 20^96.17 8. Other item., (give item, and amount.) Gro*. Premium, paid in advance 1 3.297 JO ^Unearned Intere.t 7.132.16 Bill. .Payable 150,468.90 Reserve for other con- . 50.000.00 .~Net present value -of  policies.... $3,553,121.04 10. Surplus derail Liabilities F 154,192.44 Ml. Total Liabilities $3,961,986.23 IV. INCOME DURING THE FIRST SIX MONTHS OFTHE YEAR 1932 1. Amount of Cash. Premiums received 803,638.66 2. Amount of notes received for Premiums l49,728.0S 3. Interest Received V..'.....: $ 48,995^8 4. Amount of Income from all other, sources $-203,135.56 Total income :.T $1,105,498.25 V. DISBURSEMENTS"DURING THE FIRST SIX MONTHS OF THE YEAR 1932 1. Claims Paid $ 221.00 13* 2. Matured Endowment, paid $ 5,450.00 Total $ 226,661.94 5. Surrendered Polide. $ 50^40.82 6. Policy' Dividends paid to po- licy holders or other* $ 446.70 8. Expanses -'paid,- including Commissibnft to Agents, and OfficWsalaries $ 32S172J7 9.     .'-paid Ul $ 32.994J1 10. AH other PaymenU and Expenditures $437,908.89 Total Disbursements..- $1,073,325.03 Greatest Amount In* sured in any one risk $ 5,000.00 Total Amount of Insur. x anee outstanding $36.222.127.00         '         tin -i J. L.  Dsint       .    wi that b* U tk*       .l 8          el NORTH CAROLINA  UFE  . aaa last iU (  U  sna     . J. L. WBaXLKR BLANCai K. VAN BOOK. Notair Fablle.        gl.l. .1 I sna, Atlaata. Cmila. 9     t. mat MbsgrlWd        w tMs  ta  ar Aatmst. 1 O.</t>
  </si>
  <si>
    <t>                                           DRIVER IS WHIPPED IN I 'I TEXAS I                 , Tex., August 4 (ANP) frank Mlnchew of Carthage, was placed  a barrel and severely whipped by a group nf white men, here Friday  his car Is  to have struck Frank Goode, white.</t>
  </si>
  <si>
    <t>                                           Eubie Blake and his band popular entertainers of the Broadway night clubs, are well known for their novel and breezy manners of delivering the latest in syncopation. Nina Mae McKinney, screen actress and blues crooner remembered as the star of "Hallelujah"...</t>
  </si>
  <si>
    <t>                                           The Atlanta Daily World THE ONLY  DAILY IK THE WORLD Classified Advertising Rates DAILY SUNDAY Sc a line 8c a Una Consecutive IcKrtiofu     7  nd Sandayi One time So a line  time* (e a line Seven times or more a line Phi* word* af   mm 1 aa a Una. The minimum       It th*~4fc tiro Him. ~?Jr Ads Taken Over Teleobone^ an      ^d Inn* mail IUb4 U Ihn  or   Ml        . In nan ttt tbh  tht  U  4 r-o.ll the   7 fdi.winx . tlon. On all              ml Vj mail rash muni accompany tlw . All DiacoiKhiiianrni  ka aiada In        at Ihr WorM  or fcj inter. Trlrohoa* . an NOT . ERRORS M any irm la mada,     Atlanta Dallr World In  far only     Incorrrct InwrtJo. T1   Ik             (or  .. The     IT tmr . la 1      . CLOSING Ad^ In Tha Atlanta DaOj for Iho Snndar World will ha  n until 9 P. M. Satnrdar. Tba .    open   Sandar  atn I P. H. far tba * *f . i ATLANTA DAILY I WORLD jj WORLD WANT ADS KKfftO RESULTS. JTJ8T CAIrA WALNUT 9913 ^P f -tad aik for ao Ad Takt*</t>
  </si>
  <si>
    <t>                                           A Cm This institution has practically revolutionized the idea T* The mass-production idea has sounded everywhere- \7___^ 3  of newspaper production among Negroes. Never be, (\\\Y a four-year organization has aroused new ideas-has AQ VQ v 3 Xl.il VI fore has such progress been shown. A\Z1*1, employed hundreds and sounded some new possibilities. y :.g</t>
  </si>
  <si>
    <t>                                           MARIETTA, Ga., July 10.-- Robert Brooks was lodged in the Cobb county jall Friday as a result of his attempt to administer position to his little nine year old daughter.</t>
  </si>
  <si>
    <t>                                           j  F n I T R I A L EHflEIEEbl</t>
  </si>
  <si>
    <t>                                           I GEORGIA I 11 A.H: 15c ff JOE BROWN in 9 I the Tenderfoot 1</t>
  </si>
  <si>
    <t>                                           Servants have been furnishing comedy relief in the movies long enough. Their affairs will be glorified in John Gilbert's new picture, "Downstairs." And never such a household staff before. In addition to Jack as the chauffeur, and redheaded Virginia Bruce (his...</t>
  </si>
  <si>
    <t>                                           FOR YOU Join the vast Radio Audience of the earth listen to the big air favorites keep abreast the times buy a Radio! See the Radio i on display at Yates and Milton's Drug Store It's a combination Radio, Clock and Book Rack, and is your f or $40 c_ash- or $50 on terms.</t>
  </si>
  <si>
    <t>                                           Thomasville has ... down to its normal existence after several 4th of July affairs. Beginning our review with a swank breakfast at the home of Mr. Clifton Powell and sponsored by Messrs P. Maxwell. R. Montgomery, and C. Powell.</t>
  </si>
  <si>
    <t>                                           Prizes in money totaling $375 are to be awarded tonight to three Atlanta churches, grand prize winners in the 15-week Cloverleaf Church Contest sponsored by The Atlanta Daily World.</t>
  </si>
  <si>
    <t>                                           EXCURSION TO Montjrenfery. Mobile Pcneacola, New Orleans AND Mississippi Gulf Coast Resorts SATURDAY, JULY 2D Good 10 Day* M'hflf. AU. $ 8.00 r^    *rln. Fla 8.00 PvcneouU. Mini. 10.00 Ortnn Sprfncn, Minn. 10.75 BMrxI. Mi-*. 10.75 Orlfport. Hlw. 11.50 Pnxi Chri-tl.-n. Ml-w. 12.00     St. I.. MIm. 12.25 Nrw Or!ran.t, I.~. 12.50 M.-. AU. (Crnid .1     ) ,-i.r.n T:rl"-I* -    for  Iravfuc AtTnrttn ~:10 A. M., I ;00 P. M aiH 4 an p. M. Saturd.v. July Zn.t. Mitkp itl  rci* now. Phon* WA. 2726 or MA. ORflft. THK Wi:sT POINT ROtJTK</t>
  </si>
  <si>
    <t>                                           Smart Fashions i fov Smart Women Printed And Plain Frock PATTERN No. 7.S0 There's only one th:    smarter than a printed frock this spring and Hint's a printed and plan frock! Prints above the waist, plain helow puffed sleeves and a seamed skirt flc wered prints and a flower trimming at the neckline these are the l ttle  that make a  difference in the chic of this costume! You can be dashing and drama- tic in a bold black-and-white print- I oil crepe top with a black crepe bottom and a bright red flower decorat on. Or you can be cay in a pink and blue crepe top with a powder blue crepe bottom and blue  . Designed in sizes 1C, 30, 38. -10, I 12. and 40. Size requires 3 5-S yards of 30-inch, material or 3 yards of 30-:nch material. Contrast for blouse :,Vi yard of Mi-inch nia- Icrial or .'iO-inch material. Simplified illustrated  for cutting and sewing nrc included with cacti pattern. They cive complete directions for  these dresses. All you have to do to obtain a pattern of (his attractive model Is to send FIFTEEN CENTS (lac) in coins. Kindly be sure to write very plainly on each pattern ordered your NAMIj and ADDRESS and SIZE. Now Fashion Magazine, chock full of the latest Par's style news,  with cok-r . can now. be had at ten cents when ordered with a pattern and fifteen cents when ordered . Enclosed is 15 cent* for Pattern No. 737 Sire Name (please print) Street and Numbor City' aiid' State '"  "~."""~"i"~~  ". PArrEKN'DErARTMENT Southern Ncwspnpcr Syndicate 210 AUBUItN AVE., N. t. ATLANTA, GA.</t>
  </si>
  <si>
    <t>                                           WHILE ONE may not find in Atlanta little girls in the kindergarten singing bass, nor the necessity for muzzling hot dogs, it is nevertheless true that Atlanta is a hard-boiled city. Four years and a slight fraction over in the newspaper game, have taught us that fact. Hence, even as an undergrad, it was for a long time an ardent, almost fanatic desire of ours to alleviate the growing condition of disintegration in Atlanta's social order, which has over a five year span, gone from BAD to WORSE. The WALTER WINCHELL collim is our weapon.</t>
  </si>
  <si>
    <t>                                           About the most disgusted and indignant prisoner with whom I came in contact while at Kilby was one received from one of the extreme southern counties of Alabam. I believe he called himself a "Cojan" and at no time would he admit that he was colored either by...</t>
  </si>
  <si>
    <t>                                           When in Need a Notary Public COME TO THE Atlanta Daily World Office 210 AUBURN AVE., N. E.</t>
  </si>
  <si>
    <t>                                           Funeral services, for Norris Robinson, 33, 1141 St. Charles avenue, who was killed in a head on collision early Friday morning on the Lawrenceville road, are scheduled to be held today in Athens, Ga. Three other persons were also injured in the wreck while the driver...</t>
  </si>
  <si>
    <t>                                           Mr. William Henderson, Jr., who has been confined to bin home under the care or a private physician is improving, His many friends wish for him a speedy recovery.</t>
  </si>
  <si>
    <t>                                           Ace Cast Marks "The Guardsman" Coming I to the Royal Theatre                 The Eicutcst stars of the current New York stage Alfred Lunt and Lynn Fontanne, miike their talking ,, debut in "The Guardsman" Foren- Molnar's sophisticated Continental comedy which will be shown Wednesday only at the Royl.il Theatre.                 Luni  Miss Fonlannc Have for years  Hie reigning boxoffice favorites on the stage. Ii was only recently that they were induced lo try talkies vi:i a screen adaptation of "The Guardsman.' which was or.c of Ihctr Rreatest  successes. Roland Young has ,i prominent  in the picture as the critic who finds great amusement in seeing his friend, the actor, play In  a role  ;:nd more difficult th:m any he  did on the stage .Young entered Mlms  his successful work on the New York stage in "The Queen's Husband" anil "Tlic Last or Mrs. Chcyney." In pictures he has scored in "Madam Satan.' "The Prodigal." "The Bishop Murilcr Case" and "Thc Squaw Man." Zasu Pitts as Maid Zasw Pitts need no introduction t0 picture . Fcr some time new chc has been a star in Hal Roach comedies. She was borrowed from Roach especially to play a verv funny maid. Maude Ebu.-ne is Ihc amusing  actress who recently scored heavily in Gloria Swanson's Indis.rect." In "The Guardsman" she is seen us a typical theatrical 'mama.1 Herman Bing, German comedy player, as an insistent creditor, rounds out the cast. Thp plot of The Guardsman' centers about thc situation of an actor who disguises himself as a romantic Russian guardsman In order to test his wife s fidelity. The ln;Vnious methods by Jwhitft he switches from the contrasting roles of husband and lover and his wife s surprising reaction make for a comedy which combines brilliant dialogue with hilarious action.</t>
  </si>
  <si>
    <t>                                           The greatest stars of the current New York stage Alfred Lunt and Lynn Fontanne, make their talking picture debut in "The Guardsman" Ferene Molnar's sophisticated Continental comedy which will be shown Wednesday only at the Royal Theatre.</t>
  </si>
  <si>
    <t>                                           The Piney Grove Baptist Church on Bell Street has recently closed a four night spiritual service with Rev. A.R Barnet as speaker. His text friday evening ... Rev. J. D. Sans, pastor will preach the Sunday sermon. Visitors welcome to attend.</t>
  </si>
  <si>
    <t>                                           (LITTLE) ,v Joseph F. Fielder i Watchmaker 370 Peters Street, S. W. l= gor. McDaniel St.</t>
  </si>
  <si>
    <t>                                           R. T. Diggs Is New Post Commander                 MEUl'MS. Tenn.. ScDt. 29                 Thy Procressive Ticket won a decisive victory last Tuesday nicht over the Independent faction during the ;iT.: election of officers for Autress Russell Post. So. 27. American Lec:on. The election    a spirited affair, lasting from nine o clock until nearly                 twelve. R. T. Diet's, head of the Progressive Kioup, was elected the new post commander, defeating Walter I'amplet, leader of the Independent Ticket, by the vote, 35 to 12. Votes were made by ballot. Other progressives who rode  office on a iMii  wave of victory w.-it: C. W. Kanady and J. II. Mi-Kiiiisey. adjutants; Henry Pilcher, finance officer; (Went unopposed Father JE. M. M. Wr'cht. chaplain; Dave Burnc-lt. historian: Dr. S. B. Hickman, chairman of the executive committee: Dr. K. Q. Vonson, Simon Oavis and Roy Kinff. com-; 1:!. Dr. Ilickmarc overwhelmingly defeated Lieut. Geortte Leo for tlie position of chairman of the executive committee, the vote beir.ir -iO to C. Mr. Lee was not pre.~ient. Political dut!es had called him to Chicago. The new committee chairman is the late post commander, now occupied by comrade. Witty. Father Wrieht was un-; successfully opposed by Rev. F. I A. Bo.-worth. His victory simply I means succeeding himself ai chaplain. The independents, all defeated, were: Waller Pamplel, candidate for post commander; Horace Buffincton and C. P. Parker, vice commanders; \V. S. .Toy and Hannister Taylor,           : Rev. F. A. . chaplain; Executive -. G. W. Lee. . and Mack Lofton, . Allen Banks,  at arms. Dr. R. Q. Venson conducted the election. Installation of officers! will be held the first Tuesday evening in October. The public is invited to attend.</t>
  </si>
  <si>
    <t>                                           The Progressive Ticket won a decisive victory last Tuesday night over the Independent faction during the annual election of officers for Autress Russell Post, No. 27, American Legion. The election was a spirited affair, lasting from nine o'clock until nearly...</t>
  </si>
  <si>
    <t>                                           CHICAGO, June 2 -- ()--Officials of Victory Life Insurance Co. one of the businesses which Anthony Overton, Chicago's financial wizard, founded and fathered, are reported incensed over the failure of Overton to give them advance notice of the closing of the ...</t>
  </si>
  <si>
    <t>                                           Closing Exercises At Eddy High</t>
  </si>
  <si>
    <t>                                           Mrs. Mary Eddins, 50, of 588 Camilla street, prominent woman in state and national Baptist work died at her residence early Monday morning at 2.45, as the result of injuries she received in an automobile accident three weeks ago.</t>
  </si>
  <si>
    <t>                                           The picturesque homo of Mrs. G. E. Delorme, nestled so attractively upon a knoll on southwest C street heights, was the setting on mother of tie hostess upon the ocoring her associate teachers in the Department or Biology at Spelman college before their departure for...</t>
  </si>
  <si>
    <t>                                           Bailey's Royal Theatre 9 TODAY FRIDAY H "SILENCE" I With Clivc Brook B9 and Marjorie Rnmbeau 19 1 GEORGIA  11 A.M..,- 15cs H THE/-4. v.i -jr-. Street of Women Will KAY FRANCIS m I HELP YOUR  Biiy! at Rogers AND SWELL THE VOTE TOTALS OF YOUR CHURCH Win a CASH PRIZE!</t>
  </si>
  <si>
    <t>                                           Seven well known character actors and actresses supplement the work of Marlene Dietrich and Clive Brook in Josef von Sternberg's latest production. "Shanghai Express," which is the Bailey's Royal theatre's feature piictiuire for Monday and Tuesday.</t>
  </si>
  <si>
    <t>                                           Dr. W. E. B. DuBols and Rev. A. Clayton Powell were the only Harlemites on the Committee of Resolutions of the N.A.A.C.P. at the Washington conference.</t>
  </si>
  <si>
    <t>                                           ONLY NEGRO OaKTy NEWSPAPER IN TUB WORLD :.ir.'x Bcorr__  -d  ;-~tt Manhall Path Miwha Editor SUBSCRIPTION BATES i PUBLlSnED DAILY AT 11  AUBURN AVE.. N. E. TELEPHONES: WAInnt H5   nd   0  M Mcond*~        at the pott office Bt AlUnU.   .t vnder tlie act of March 3, 1879 't I MEMBER OP THE ASSOCIATE!? NEGRO PRESS I TUB WORLD  no  for unsolicited   Into     . I</t>
  </si>
  <si>
    <t>                                           NEW YYORK, July 31.--(By A. E. White for ANP)--Harassed on all sides by proponents of a necessary reduction in the $800,000,000 budget of the city of New York, Mayor James J. Walker issued an appeal which resolved itself into an ultimatum, Friday...</t>
  </si>
  <si>
    <t>                                           The very genius of the Christian religion finds expression in the words of Jesus." I have overcome the world." What seems to hinder us most in life is not our inability to comprehend or explain the world but rather our incapacity at overcoming the world. That Jesus did...</t>
  </si>
  <si>
    <t>                                           Classified The Atlanta Oaiiy World nu:    ,Y Nrc.no daily IN THE ) Classified Advertising* Kates DAILY STN DAY ;i line lie a line Crmsoeutivr insertions Daily ;iml Simthiy: Three        Uc ft line Seven times 10r ;i line Tliirty     '~ or more 8c ;i line counted ft-, n line. TS- minimum charge the price of     Itntr-. A(!s Taki-n Over Tflcphmic: tin- i   :if it nly rf.        on I hi-*   AlJ^^f*^y \hc  "-~r In ex pec I ri\ In r#nn t the cU)-  inr lf!~^. On :i!l .       ^ *ttH   A!! Pi^c-:n;ir^,. .Ml'ST   ^  in i-rr-nii at tt-.r WorM  or hf It-l f-r. T^Irphnnf ~(;~f    . 1  rs are  If  .rr.~r     The AllnnU !)     \\nrh\ i* r^-    ^     f/~r only i-, r.--~i..;iM.'i!.' for Mi'h-";wmt       II.- ii.    !i.-.r  nnt.fr -.li.-iti !y if  \ i* CL()SIN(; .','!v,rr^-.nfi,t, ,n     Allnnla Dallr (t ilir '.- iiv Wurid will hr  in- i:mi.! I'. M. S.. Th- oM\c.n /.re . rf.-ulv t\ccpi         - until 9 ATLANTA DAILY WORLD WOULD WANT ADS I1RINO KKSn.TS. .HIST CALL WAInul HOT -mil ask fnr ;m Ail Taker</t>
  </si>
  <si>
    <t>                                           WILL RIDLEY, charged with assault with intent to murder, was found guilty of shooting at another, in connection with his firing on Patrolman W. H. Rauschenberg by a jury in Superior Judge Johh D. Humphries court Monday. He was sentenced to serve...</t>
  </si>
  <si>
    <t>                                           I "do t you know" T Dr. Young's HERB MEDICINE HERDS. ROOTS. BARKS AND BLOOD TONICS A MESSAGE TO THE SUFFERER 4 You need not be discouraged about your health. Cheer 4 up I There fs help for you. This Ih the old reliable ChtatM 4 Herbs Specialist with his famous and  herbs 41 and , and are  recommended for any trouble of 4j the .  uch at of the      , Stomach. Heart. Llvtr. Kldneja. Blood I'olion, Rheumatism CaUrrh. WeakneH. -Nerrousneai Bladder Trouble, Conntipatlon, ApiiendlcUU. Skin Dlicavcs, Female Trouble and All Trouble*. To those whom It may concern, call at once. Don't give up hope If others fall. The result Is pica. Inn to all who W u. T I . THE ORIENTAL HERB CO.  y-fr^'  J.~B?ft CHINESE HERBS AND HERBAL COMPOUND J IS Yr. In Atlants A      for Evirr       of th. HuyM Body *8IpS:S.,H#rk 132 Ed.ewo.^A^ WA?   ' "-Atlanta, 0^5</t>
  </si>
  <si>
    <t>                                           The train from Chattanooga brought a bevy of fans to the Magic city to witness the first Sunday baseball game in Birmingham in forty years. And wotta game folks, wotta game. Everybody was there and rearing to go.</t>
  </si>
  <si>
    <t>                                           Miss Janet Lawton is spending a while with Miss Inez Stephens in Quincy, Florida.</t>
  </si>
  <si>
    <t>                                           EZsOEBI E D I T R I A L EHEHafl</t>
  </si>
  <si>
    <t>                                           SOUTHERN -EH SYNDICATE. INC.. PUBLISHERS Mm 8UB81ON K*TI8  mli. ik T P(              AT  I0 AUBURN AVK.. N, '                i ADVERTlSINC REPRtsiNTATIVr W. B. ZIPF CO.      .         . Vtm</t>
  </si>
  <si>
    <t>                                           Mention The ..../I^ily World to your merchant</t>
  </si>
  <si>
    <t>                                           SCREEN ''J^ iA Drama of Forbidden Love with Dolores Del Rio iH^ox Adults 15c Children 10c</t>
  </si>
  <si>
    <t>                                           OPEN Monday, July 4th Until 7 p. m. 227 AU1 AVE., N. E.</t>
  </si>
  <si>
    <t>                                           Smart Fashions for Smart Women NEW WIDE SLEEVES PAT'l'KKN NO. TiWi Vn-m I'nns n.Nn-- ill'1 IR WS ol .-r neckline 1 i!i :-K'i'Vl;* a  Mllmui'lli- as  in -- model. Tin; scam,i,k. ,,r Oil' Umisu lends  inu-ri'.st. lo... 1' v.-ill.   !a,n T. fnr contrast would Im .-ni.nt v:ir';ition      illi:I !-      It is a.lai.ui lr to s.lks ,,v   \on- and has fashion -n;sl I ml u,ll ca-v il  nur:K- tla^. thu fall. Sims M. if.. :i'-...:^. f l /rt-'V I .} '~I ./irk h\r'". -i.- ,,f n;i- i Sirn^lif ied ill J  fr.'  rH - 'inn^ for  '~:ul ^ ire . v/i;K ^:~    . "V\)'-Y t ht '~'-lr . for m.'k- intr tlic^o Hre*sr*. All vim have    . to  M:\m -a i i;.rnn or Ihi- ;ii 1 r;i'-t iv   /~]i']    r. -:.'!id vii"ri:i;\' ci^nts fir..-) 1! c...in.-. j Kiii'liv .-mv I" t V(W I  mi I'Mcli ~.:ii!iv:i -rf-1 .-our NAM I'. ai:d A  an.: 5!ZK. I Now r  r.'a^ay.r.c. -. ~:ll (if  I'ari'- .-'.vie lie'.'.'.: ^'L'cilicr w tli  - ir.. j an Jl"V.- lie had at '.c.'i'.'i. -od with .t:. a;-.i: f fU-.-n  I'.lls  i) ni  .      !.~~ Your Orders To I SOUTHERN NEWSPAPER i SYNDICATE. I 210 Auburn .Avpnuc. N. E.. Atlnnln. G;~.</t>
  </si>
  <si>
    <t>                                           Our class meeting last Tuesday evening was inspiring. The attendance was good. The collections of the leaders were very good, considering conditions. Despite the frame of mind about the financial depression. Big Bethel is holding her own.</t>
  </si>
  <si>
    <t>                                           HOLLYWOOD, Cal., Aug. 3-- With the camera imbedded in a pit on the edge of the arena, Universal has just shot the first closeups ever made of a bull-fight. These scenes, or as many of them will pass the censors are to be woven into "The Man Without...</t>
  </si>
  <si>
    <t>                                           HOLLYWOOD, June 10. -- A grand idea for a motion picture comedy is awaiting Harry Rapf's return to Metro-Goldwyn-Mayer to win the consent of other studio powers-that-be.</t>
  </si>
  <si>
    <t>                                           In Loving Memory                 In  memory of our denr Mother. Mrs. FAinice (Gilbert) Singleton who departed this life one year aeo today, "pt p was patience, sweet nnd  D,.-:-~ those lone hot summer 'days. Now thai  has  our dear one. Our love for her shall never ." : Mrs. .Tosenliine Hill ^frs. Kstplla Bates Mrs. Emma Mitchell Cardof Thanks We wish to thank our many fri. -nils for their kind expression of sympathy  the recent dc-ath of Mr. Wilson Simmons (Short McDuniel). Mrs. Clara Simmons and family</t>
  </si>
  <si>
    <t>                                           Injuries received about three o'clock Saturday afternoon when a rock, tossed in a hickory nut tree, fell on his head and fractured his skull, proved fatal to Johnnie Chandler, Jr., 9, son of Mr. J. R. and Mrs. Amanda Chandler, 1064 Lena street, who died at the Grady...</t>
  </si>
  <si>
    <t>                                           Which is hardest to face for the first time a radio broadcasting "mike" or the microphon's and cameras of a talking picture?</t>
  </si>
  <si>
    <t>                                           To the neckline thou shall go, bob and no further. Those fluttering locks attained through the agony of the transitional growing-out process--you know gets it was when the jackstraw ends stuck out behind the pearly ear--?--fall once more upon the floor of the...</t>
  </si>
  <si>
    <t>                                           Wilting weather. Pavements blisteringly het Soda fountains surrounded with customers lapping up cooling liquids. Pretty girl covers her little legs with cobweb silk, dons her thinnest frock, wears sandals so her feet won't boil over -- then lacquers her cheeks with...</t>
  </si>
  <si>
    <t>                                           Had you by chance, been standing in proximity to the Roby Arena, which faces on Cain street in Atlanta, a Monday night a week ago you from the gates of that historic enclosure with smiles painted across their faces. They had just looked m on the most dizzy ring exposition the gang in this community has seen in a blue moon.</t>
  </si>
  <si>
    <t>                                           BODGE THE HEAT! Save Yourself the Trouble of Cooking! SPECIAL! 0~/B3h 4th of JULY' JSj^^^^f^^^^^^ l"2 FR1KO CHICKEN ^^^^^JrZP^ WITH DRINK AND J5c Let Us Cook for You! Quality That You Can See and Taste is Served at ECONOMY DELICATESSEN "Our Motto is Sevicc, Quality and Courtesy" 233 AUBURN AVE., N. E.. 1.</t>
  </si>
  <si>
    <t>                                           Mother of Triplets at 13                 Mrs. Callie (, aced thirteen, is shown holding her three pound , '.he  survivor of triplets born to her recently at North Wilksboro, N. C. Mrs. Green's mother. Mrs. Smith Could la! right) is a )           at thirty-two. Th" ~\t  hp     onlv .</t>
  </si>
  <si>
    <t>                                           CHICAGO, Aug. 1--(By William Occomy for the Associated Negro Press)--The Metropolitan Funeral System Association of the this city was ordered in the hands of a received pending the outcome of a legal controversy which has been raging for the last three or four years...</t>
  </si>
  <si>
    <t>                                           NATCHEZ, Miss., Aug. 23.--(ANP)--The most famous theory of French crime specialists, cher-chez la femme (find the woman) is superseded in the bogey-minded white south by a more convenient pseudo theory, find the 'nigger' ('a nigger' being any colored...</t>
  </si>
  <si>
    <t>                                           SEASHORE EXCURSION SATURDAY. SEPTEMBER 3RD Charleston and Beaufort $ 4.00 Good S Day. Charleston and Beaufort 6.00 Good 11 Day* Wilmington and WrighUviile Beach ft.00 Good 6 Day. Wilmington and WrighUville Beach 8.00 Good 11 Days Fnyetteville. N. C 6.00 Good 6 Day. Fayettcvillr. N. C 8.00 Good II Day. Norfolk, Va 7.00 Good 4 Daya Norfolk. Va 11.00 Good 6 Daya Norfolk. Va 13.00 Cood 11 Dayt Richmond, Va. 7.00 Good 4 Daya PULLMAN FARES ALSO REDUCED Augu.ta, Ga 3.50 Good 4 Daya WA.2726 GEORGIA R. R. WA.3666 GRAND LABOR DAY OUTING TT MM THE COOPER RIVER AMUSEMENT Ujm PARK. CHARLESTON. S. C. B V SATURDAY, SEPTEMBER 3RD. ROlind-Trip (Ticket. Good Six Day.)     only exclusive         Park and Playground ia     Soutfaeait where colored people can enjoy turf bathing mnd cmn *r for a grand outing. The fine*! Dance Pavilion lo b* found. Alto Athletic Field for  . SPECIAL LABOR DAY PROGRAM. GREAT EXCURSION FOR COLORED. PURCHASE TICKETS IN ADVANCE. Wa. 2726 Wa. 3668   . 1722. GEORGIA RAILROAD</t>
  </si>
  <si>
    <t>                                           H ^ right irom Q ?I     FIRST      C f^~i a:.ii.~-.7i\a-i4 lha Make big money. Be jour own boss.! Wj Introduce Sweet Georgia Ilrowntfc-~ "5  Hair Pomade and Beauty Gocdt tol^i if friends and customer*. Write today  E^ JM for Free particulars.  CO. \_LfM Dcpt. 130. 52 9 CotUKO Crore *~e., Chicago. Ttylydlt E. Ptnttam^ Vgplibit Cornpound HHBbSSHHBBb ^ft rff^^BtM 1 She Shouldn't be Tired Nocna^r.. .circlet under her c^cs. If the woo Id only try.Lydia E. Pinlchio'* Vegetable Compound in ^rm, the could. be. ^aad.         ^ Stays Neatty ~^~ A .If yoa.want -.to sUy neatly combed au;day4ong,       ten like spun silk and your head, to bb free from ^and'.', make this simple,  test: use La-Em-Stralt Hair Dressing for, orTA' week. If it docs ndt *youi?          life, gloss, .' ana. good looks than anything you have ever.  d, get ;moncy back. Thru I ts. exclusive -,  .o .'La-Qn-      gives you.what no ;         American market can o(fcr^]t Is - tively guaranteed to  than anything yoo;           ;d.Jt is  right. Not loo-heavy- - Non-greasy. Will T)ot;soU-tbc ; Pnrc -white and delightful ,i"n fragrance; Ends'scalp itch. 'Promote* growth dt hair; Easy to nac Keeps toe-hair neatly in .place all. day long. JnJtlns 25c^and-' 60c. In jars BOc and '$1^0;  Sold' everywhere. FREErSend 103^DayPacfc ago or-La Em Strait and :a3-Day :Pneknje of-Tantalizinic BrOwb'Sttln Foco        ''for70ur."Lil6         "^wll1 bS . Hc-Rc-O Mfg. Co, Desk A, SCLouJvMo. j</t>
  </si>
  <si>
    <t>                                           ..JACKSON. Miss.. Sept. 26- (AN PI Mrs. Nancy Henderson lias been exhibiting to her friends here a sweet potato raised in her  which has the ears, eyes, mouth, nose of a human  anil even has u wisp of hair.                 6 Hour Planj Rejected By Pullman Co. WASHINGTON. D. C.. Sept. 26 'A.NPi Puintint! out that the typo of .  leie-I by porters and con.iui:~..rs on Piillmun Car lines was m.ci. tl.at a six hour day  be impractical. C. C. Powell vice-pi .~Men: an. I assistant  ' r arid II R. Holm^re:;. ^: .- ol the Pu!. . testified We.Iuesdas' before the Interstate Cotumerce L'otnrnisMon, thai such a plan would : i,e feasible insofar as the Pulln.iii company was con'- l. The hearing was  hel.l by  oi Congress in  to as.-       li'-v; far the larger industries O'miU en in establishing a six hour Kiy. Many of the railroad unions have be- n in favor of u measure ^ shorter hours as a mean* ..f ;  employment. Mr HolmR.-.~n ip.stine.l that i! the Pullman  was :      to adopt the six hour .lay an.l maintain the present seal' of eight hour  wages, the extra cost would be S13.423.138 on the basis of the 1930 payrolls, while an increase  f 13,88# in the number ot employes would be nee . EXONERATED OF GUILT IN DEATH OF AGED MAN STAMPS. Ark.. Sept. 2G-'     j Jack Sr.. white, u-h^se automobile struck and killed John Mass 90 years i.M, Sunday night and killed him. was exonerated of guilt at a hearing Monday. It was reported that Mr. Mass walked from behind a track into the path of the white youth s car. CONVICTED SLAYER ELECTROCUTED CHESTER. III.. Sept. 2C- AN?) -James Smith. 21. was put to d"ath in the electric chair Friday at the south, in I'linois penitentiary here for the murder Thoj mas Bogosian, East St. Louis confectioner.</t>
  </si>
  <si>
    <t>                                           Visits 111 Sists*                 Rushing to the  his aii-.cr, Mrs. Edith Rockefeller McCormick, who is dangerously ill in ChieaRO, John D. Rockefeller, Jr., is shown as he arrived in the Windy City. Many other member!' of the Rrcat Rockefeller and McCormick families arc  ut the side of the  woman, who is not     Dcctcd to recover-</t>
  </si>
  <si>
    <t>                                           ST. THOMAS, V. I., July 5.-- (ANP)--Sharp differences of opinion between the Administrative and Legislative branches of the government over balancing the local budget threatens a crisis here.</t>
  </si>
  <si>
    <t>                                           JUDGE  IS HIT Bf BEDS                 NEW YORK. June 3.- A decision of Judgo Charles E. Toney of the Tenth .Municipal. court; . Is one or only two colored judges in New York, was attacked by the International Labor Defensc .a branch of the Communist party, in a .se sent out and published in the                 Negro World. The report sent out, which was characterized 'as "garbled and libelous," told of a trial between a lessee and lessor of an apartment, in which a tenant was sued for breaking a lease, nnd the decision went to the landlord.. Donald Hejiderson. white, the defendant and tenant, claimed he had been denied the full use of the house and that certain of his friends had been denied use of the elevator. .Henderson claimed when certain of his colored friends came to see him at 50 W. 106" street they were forced to walk up the stairs. Henderson said he protested against this discrimination and when the landlord (white) failed to stop it, he lr.oved, and the landlord sued him. Tho "garbled and libelous" report sent out made It appear that Judge Toney approved the discrimination, it- was ch; by friends of the judge. Judge Toncy said his decision was bused on decisions In the Court of Appeals and was on a point oC law. He charge that the I.L.D. had seized on the fact that he is a colored man to stir up racial and class prejudice, although both litigants involved were white.</t>
  </si>
  <si>
    <t>                                           NEW YORK, June 3.--A decision of Judge Charles E. Toney of the Tenth Municipal court, who is one of only two colored judges in New York, was attacked by the International Labor Defense a branch of the Communist party, in a release sent out and published in the...</t>
  </si>
  <si>
    <t>                                           His Country's Greatest Honor                 Sixteen years after his valorous dc-c, Commander Claude Jones United States Xavy. is shown as he was decora:.-.! hyPres.cnit hooker w th the Concessional Medal of Honor. Co^.manu-M- Jones .v^     coveted award in recognition of his heroism :n  vi:.r the 0. u^ members of the crew when tho boil-r* t.-.e I.. \yUm^f",'--?d^ ia 1910. Secreurj- oi the .Nuvy C::      .ct. A.ana u at Jell.</t>
  </si>
  <si>
    <t>                                           With beautiful Helen Twelvetrees as its star, and laid against a background of the tropics, "Panama Flo," an RKO -Pathe production playing today only at the Royal Theatre.</t>
  </si>
  <si>
    <t>                                           The musical was presented at the Mt. Zion Baptist church on August 31 at the church. Special emphasis was placed on Negro Music which was played from Negro composers.</t>
  </si>
  <si>
    <t>                                           Your Loved Ones Bury them out in beautiful SOUTHVIEW CEMETERY Established and operated byj colored people for the burial of  dear to them. Lots For Sale Phone Wa. 0922 BEN H. TOWNSLEY, Pret. LEWIS G. WATTS, Sec.</t>
  </si>
  <si>
    <t>                                           \nLY NEGRO DAILY ^ER IN THE WORLD ot-  Editor and PoblUher   gM.S D.TI. **U.r SUBSCRIPTION RATES 11 Oh    . t Month*. 1S.00: 3 Mwitln.  2.5~: We.Uy. 20c  DAILY AT 110 AUBURN AVE.. N. E. TELEPHONES^ WAIirnt      nd     Bntetwl u Mcond- m.  t the poit   t      .   ..  Ih. act of March 3. 18*9 t MEMBER OF TIIE ASSOC[ATED NEGRO PRESS THE WORLD  no      ^7 for  m.nn^ ml Into the      .</t>
  </si>
  <si>
    <t>                                           P?rry, Fla.                 The New Brooklyn Baptist church has just closed Its revival meeting with 40 souls, saved nnd a host of others  forward. The nv  wns conducted by Rev. A. T. Tlllmun, -. Revival Is  on ac,     Oospel Tent conducted by J. D. Walter. Jr. This meeting Is to go (in  the Inst of August. It Is sai-l Wiat onr of the brothers and his wife walked: fifty  attend this meeting. Rev. Walker is doIng, a- great '~work. Mm. Lizzy Horn. Mr. G. Murray Prof. K. R. Jenkins are on the sick list.. We      for thorn a  re-; covery. i Prof. H. R. Jenkins,  of; Jenkins Hi School</t>
  </si>
  <si>
    <t>                                           DNo other newspaper in existence can give you a day-by-day report of V Those who are not interested in themselves, friends and other Me- ^%    events here and elsewhere of interest to, Negroes. What the Negro does Lt wv  when and as soon as they do anything newsworthy have no need( I g^ ^my Y and when he does it can be chronicled only in a daily , and that 1 J for a daily paper. The Atlanta Daily World is published only for wide- ^^M CL, T W newspaper is The Daily World. J awake Negroes who want fresh news. W 7</t>
  </si>
  <si>
    <t>                                           AT b^Nm ##wcl\LL) ONLY N?WO DaVlY NEWSPAPER IN THE WORLD   AI KII SVNDirATi:. INC..  *   kc^OTT  r Frink '.M.  )~ill " "Zl: "1'7 ..'.T. _:-rl:;: M"~' Mi^"()r TnK .\     .\Ti:n             won.T r..p.~.    ; '~r    Mrt    .     .(   . BUHSCItlPTIDN RATtfl On. T^r. j;.50___6_Mnnll... Jl^i ^"J"^1- ":i W"kl?: I rUBI.) .T AT JlO AUIll'RN AVI,. H. TKI.rl : WAIpint 1(5      Aknl M ^cil-tUT  ill.r .1 P04I o((lf. .1 A11..U. ..J.r tl.. j act of       S. 18. I AnvrirrrsiNT. .: W. B. 7IFP CO- Ub^uo. Nrw York- 1 M ApHm i</t>
  </si>
  <si>
    <t>                                           \bVU never know how good al^   ' a cigar can be until yo^^^wv ~% wk TV\ WJwWSS^^ SAME SIZE ^SF*^^^ HAVANA    IT "~"n DO YOU KNOW; 7*~ Dr. Young's HERB MEDICINE I        BERKS. KOOT8. BARKS AN1  BLOOD TONICS qk 4. 0 a MtsaACE to tue  j ^oa n*~J not be ili*           about your . ClMtr--* A**     op '^^r* I* b^f for you. TbU Uw old * HiIbmi ^AAiV       8     1bt with his  and          *.. 1^' NArm and , and             for any trouble of f \SA .S th. ..      aa of thr Luno. Stomacb. Unrt. Uxr, V? f . Blood ToUon. Khmmatlam CaUrrh. WtaiiWm. lfi\r            ( Btaddar TroubJ*. CoMllpatioo,              \\V*. Siln DUcaaw, FtmaU Troubl* and All TroobUa. t 3k To * whom It mar *m. call  t one*. Z)on*t      *' iip op boB# u  f.u. xb, ntt j,     mil ;i Dr^T.Y.-^unc THE .  CO. .^fil II In U AUutU gan-T A,  t   -*' S.v!  .   1-~~^ . wa. mm. .~Atfa^.jn*^</t>
  </si>
  <si>
    <t>                                           DOROTHY DAgNlT; By Charles McMa^;</t>
  </si>
  <si>
    <t>                                           JURY FREES Mi IN CORN THEFT                 K:;;nk Huwnrd. who w;-.:; I'-iar^od w:;h .:;  b-.-. of f rn Iron; the u:ch; cM..i.in1.. JF Darby. S7 Brady :'.. May 16, war. .n his freedom ;.nd a cU1- n bill .'f he.-ilth by a j i y in ,I:ti!.Ur H'..'S *. Wcclncstiay af'.f rr.oon. A !^ to tho testimony of :hc :r.(M"cli;int. n hole in one li"10 '~arks ^f shell c- 1 corn li': ^h of '.he i:r.'ii:-. slip nut \n the Kroup for liu.'ir. to !jc  io  the '.eci  to his home. He c;enic\ t ;i-t t they had /ori  j:r.-;ir..; of corn to another innn s .-e :i* Hrs1.. s.-.yins :'"n* they J only went  on . Tho defense  V.iced .t .ee to make ihc jury decide th.it Howard was not nui;~y. Mr. Darby .Cil t-iat he found the corn piled up b-;' the defense .'led that Mr. Howard hail .',' win lever to do with the placing   ( 'lie supposedly stolen kernels In that place.</t>
  </si>
  <si>
    <t>                                           VTTTTTTVYVirVVTYTTTT Read Every World!!,</t>
  </si>
  <si>
    <t>                                           CHEEVES- The many friends and, relatives of    . Hattlc Johnson Clicevcs. of 373 H'nry -y.. S. W., :ue invited to at-tend lier .il this (Thursday) at 2 p. m. from W'.- Memorial church. Interment Lincoln cemetery. Hanley Co.</t>
  </si>
  <si>
    <t>                                           DENVER Colo., June 9--(dist&gt;ANP)-- Whereas, there seems to be an increasing spirit of segregation against certain people in our country, and:</t>
  </si>
  <si>
    <t>                                           Mrs. Anna M. Terry of Wilberforce university, spent a few days in the city this week as the guest of Dr. and Mrs. A. T. Jones.</t>
  </si>
  <si>
    <t>                                           Scene of Camp Meeting is Historical                 GQOPEflATtON MAKES ALL POSSIBLE                 Buckhead Church Is Monument to Good Relationships                 HAVE BIG CROWDS                 By E. N. DAVIS                 History, mixed with a sentiment that will be everlasting, a beautiful well wooded two acre plot em-. bracing a stone- church, a nicely built parsonage surrounded by a stone fence, and a tabernacle to the glory of God, form the background for the 51st annual camp                 meeting of. the New Hope A. M.' E. church in the exclusive Buckhcad section and the 64th anniversary of the founding of the church now in progress. The well landscaped grounds^ besides which is a cemetery of two acres, provide silent testimony as to what can be accomplished by members of both races with the proper co-operation. For many years, the colored  ns of the New Hope or Buckhead community, practically all of them employed by the prominent amilies that live in that vicinity in une or another of the -many occupations essential to the well being of that group.      enjoyed a distinctive reputation as being the most order'? and law abiding group oi Ncg^oi  in this  of this is attributed to the good influence of the church which has contributed for years to the \v*  of the workers in that community. As an example, it has been pointed out that although thousands attend the meetings, there arc few if any disturbances in the many years that  annual 'ilT;iir h;is    en conducted while police records are likewise comparatively clean. Work Together The white members of this exclusive community have work' d hand in hand with their colored servants ;md friends all through the years and from generation to generation, aiding in every' way possible to make th" church and Hie camp meeting one that lias attracted deserved nationwide attention. It was in 1874 that the first church was built by Rev. Joseph Wood with the  camp meeting being held several years later. Judge Clark Howell. I, head of Jong line of civic leaders whose fortune and  have been closely linked with the Atlanta Constitution, cave the material and donated the help for the building of a plain structure to which tho colored people in tli- community might' go to worship. At that time, there wns only one  carpenter in the community, Aaron Hiinru'cut, and to him iel! the task of directing the erection of the structure. Rev. Joseph Woods, the  pastor, was given the honor of preaching the first sermon in the new building and he made    * walls of the simple edifice ring as he exhorted his congregation from the text. "Ye Must Be Born Again." Build i Churches Sonv 20 years later. Rev. A. Pierc. under the leadership of Presiding Elder Peck, directed the erection of the second church. The third church, another frame building, was built in 1910 with ClffT Continue on      2. Col. 1                 Scene of Meeting Continued from page one Mellon as contractor. To Rev. I. I,. Lee Roes the credit of building tho Iw.ria and present  of . This building, with a seating capacity of. about 600 is designed to! eventually accommodate several i hundred more when the second unit is completed. It is a modern  well planned stone structure and a credit to any congregation. To th" uninitiated, a. strange sight may be the fact that the white people sit on the north side, both in the outdoor tabernacle and in the church building proper. Here, more history and custom nter in. The entire church ground:-. including uie two acres for ihp P-'"- 1 sona'-e and camp meeting, and the other two acres for tlv church cemetery, were donated by a white Juan, known throughout the community as Mr. "Whispering" Smith on account of his manner of talking. In his grant of Hie land t..      congregation, he stipulated that the i north, side be reserved- for white f . This custom ar.d request has been carried out and  visitors arc present at. practically every service. Taught To Read 'The first bit of chur.h furniture j  was presented to the congregation by Brother Tom Pace. U was an old fashioned brass oil lamp of a large siz'- and is a prized  the church. Some of the charter members of the church, all j whom are deceased included Peter.1 Calhoun. Roland Wisham. Arnoldj Johnson. Albert Fac. Bryan race. I Willis Plaster. Georce Johnson.      others, all deceased Books played a prominent parti in the life of the r...,ly -li the first ones in the group w re a. National Header and om: "f I ho well known old time Blue Bark Spellers. Mrs. Mary A. Davis Clarl: Howell. wife of the .-'nou.M judge, gave 50 Cat'  t.. the church and further showed \i_r interest by giving private les.onr. Albert Pace and Wi'.cy Russell. '~'.:j first two men to be  to; preach at New H-jPC Chur.-h. I New Hope has contributed much towards the  of the ":mi:ation having ;ra" 0'it as preachers from her tlo'.k Rev.-. .T. W. ~"o'-k. P. W. Irbv. J'j..' ph Stivy. Andrew Finrh and' William BhiIpv. Kcvr. Cook and Irby. though .ised. ;t:lt ^ a3 lo^il elders Gooil    1 Times There have been many changes Eincc the fir.-t camp m-cting wa:3ield 51 yar; igo and the present time. Tlicn. .people  mc for miles around in carts hauled by :=lo-.v moving oxen, wagon:; pull d mules or . or. perhaps Ilicn employers  and buggy. They  down to tin: pitching nf their tents, prepared I" stay th entire IS days r,f Ihe services and enjoy the worship -.  God out in the pure open air. J"or  i- during time of worship, the. men got  and built large roofs out of brush and i- them with materials k.-cp 1  :i rain from leaking in or the sun from getting too hni. Tw nty two years agu. or in 101(1. Rev. Clcorg" Gholston built the first frame tabernacle, thereby replacing the old structures, which had io be built evry year, with a permanent covering. This  t.ibern.ulp seated upwards of -lOH people. Too present tabernacle will          .it'.' 300 and is the first uni' of the greater out of . tabernacle that will eventually  a bowl or stadium. j It was in the "good n!rl day:.11 that, on the fourth Sunday in August, people could be soon coming irom every direction ready tn join in a 'Rood old fashion"! 15 dav, camp meeting1. Now. the spirit, 'si  but the progress of lime Jias" made it unnecessary to spend all of one s time at tho grounds as shining" motor cars and other improvements make it possible to :tay at home,   P until almost th'.' ]a;t-.Tninulc and then get to services on time. Still AUenainB Out in' Budchead, a stalwart croup of five, -.though bent with ngc, can- still' boast that tl'~v have Hot missed a one of the 51 camp meetings that have been hel.i on these grounds. Included in this list are Mrs. Susan Maddox, Eev. and Mrs. G. W- Cook, Bev. P. W.                 !rhy. and Mrs Julia T. Pace,  ol' Joseph Pace, tlv present  of tlic  and from  much of this historical sketch has been obtained. A few of Ilic living "younger older" members are Cli: Bell Street. Mrs. Dura Bell. Mrs. Luilic Simmons. Mrs. Anna Wisham, and Mrs. Lula Bailey while it would not be amiss to mention several  member;; who have p. t,, Uv ir . Amon; tlie latter croup are Rev. Wishnm. Joseph D. Pace. Hudson Bailey and the Maddox brothers. Visitors to tlie meeting this year jr- Imni in  praise of the lovely setting provided by the landscaping in the parsonage yard  is surrounded by a new brick none wall, and delighted with the recently installed stepping        that protect "tic s feet from the night ~\e\v on the grass or wet ground in rainy . A new ..ir drive has also    en built ir.d filled in with crushed stone,  ample parking spaces have been provided. t Historical Markers Theri is more than  beauty involved in the landscaping improvements- there is sentiment of lie most everlasting kind to be .' . A conspicuous spot is ."~copied by a heart shaped fish i"Ud- -a fish pond commemorating he spot where the first family tent ;tood. A trellis in the form of a n oss i:: being rushed to completion mil it too will be symbolic, while .'n  dumps of flow- r?  !in:b bushes mark the ^  lor year.- by constant  a! the camp meetings. A  Jowl canteen .mil lights all  vor 1 1 10  are other  Patrol and guard servis furnished by the members, rho  value of the grounds and -tru.iures is estimated conservatively at between S65.000 and  iTO.000 with improv-.  to the!  n! of $1.1)00 during me past year. Ac'OMlina to Kcv. J. 15. Wilchcr. pastor of the church who ha.; been in charge for the past 'w.j  rnz: an average of at Uast aim have  the meetings every ui-'i:i thi;; week. Tiie i.-'.' in da.' iio. n two third.-, colored t'o- tir..t week b it it is ('i t!i;i'. Hie [;; will ti.ni True to form wit i v.l^TTr' forming two tlm-'i. ut lie group lor ihe  Ace-L WTiltf Fricilils Tin:. I'tigi; group :~f  friend:, has aided '.lly m keeping the church alive all along and a parti;d list of those v.-ho have  much to the mi'-tos.; "f iHe '' a.'.  anil shap- r Mvcs in ihc  im-hide -uch outstanding Atlantans as: Mr Cl;irk Unwell. II. and Clark Howe! I. HI. Mr. S. F Barton of the Coca Cola company. Judge Gilbert and family: Mr. S Springer r.n.l . Mr. E. Tyree. Mr. Osrai J'~, Mr. A. A. Caik .itnl family, Mr. Jim Rary and family. Mr WaHer r. Hill aiid family, M'-. Hr..'nil'.~n. Mr. J.tmcs L.     'k''v a ii d family. Mr. Joel ~"h:.i:     Tlarri-. Jr and IvTr. H. D. Oliver. Mr. HolaiL'r. Kcv. Gitlam and family. Mr. .1. C. Camper, wellknown grocer. Mr. S. Ralph Boykin and family. Judge T. J.I :;, and Messrs. Lamb. Waklen. Rrand. Bland, and T. Scott and 1'. and others a: well as the count-, .; ar- to duty in 1'i 1 1 .-'.'Ction. 'I'lv-  f- ,.;  than 400 regular attendthe  of which ii? fli- from the cooks, maids,       .-. . yarn wen. c;ire taki-!;.. . and other workers of the community. Sunday Big Day Sunday will be one of the biggest day., ar the camp meeting this with preaching all day long  with Sunday School at eight o clock and a sermon by Rev. D." D. Clark. Marietta. From then on. a :'Minon will bt? preached ever;, hour, the climax coming at noon when Bishop W. A. Fountain, he.-ni or the Georgia conferences and ihe sixth episcopal district, delivers the anniversary message. Other sermons to precede that of the Bishop will be those of Revs. A. Tj. Brewster, Canton, W. P. Carter. Bolton. and VininR: and B. R. Fobbs. A basket dinner with plenty to                 e;jt will bo tlio feature of the raid-'     -s  will start about one o clock. Rev. Weyman Johnson, Trimly A. M. E. South Atlanta, opens the afternoon services at two o clock with a sermon which will be followed by other hour long  by nr-v. B. F. Moses, ,r Flipper Temple and Presiding Elder S R. Dinkins of tip- West ;Ulam.i district. Anmhor rro-ss at five o clock will precede the evening sessions which will  with a candlelight song - of spirituals nnd"r the -tinn of Miss Helen NT. Carnes. Preacliin;. will start m  o  with TCcv. A. R. Cooper, former p l^tor nf the church and present 1 c.-irl nf Cosmopolitan A.. M. E  ami Rev. J. F. Wilkinson. Cartrrsville. in charge. Services will be held every night next week . closing exercises on the first Sunday in September. A special program will be presented tonight. Rev. C. A-. Winsfield.  elder of the Marietta district in which the church is located, is helping out with the work while splendid co-operation is being received from the members of the A. M. E. Ministers Union- of Greater Atlanta. A. M. E. Ministers' Wives Alliance, the Womfn's Home and Foreign Missionary Societies of this section, and the preachers in the Atlanta and North Georgia Conferences of the A. M. E. connection. The camp meeting may b" reached by taking either an Oglethorpe or Buckhead street car and getting off in Buckhead. Courtesy cars will be waiting to take all from tlip carline to the grounds more than a mile and a half away. I</t>
  </si>
  <si>
    <t>                                           History, mixed with a sentiment that will be everlasting, a beautiful well wooded two acre plot embracing a stone church, a nicely built parsonage surrounded by a stone fence, and a tabernacle to the glory of God, form the back-ground for the 51st annual camp...</t>
  </si>
  <si>
    <t>                                           Intro-speculating while walking down Jonesboro Road, the Auburn Avenue of Douro South.</t>
  </si>
  <si>
    <t>                                           A Large and representative group of hear Pythians assembled at the Third Georgia Regiment Armory Hall on Edgewood Avenue and ... Street, Sunday afternoon at 3 o'clock and heard grand Chancellor ... A. Jones of Savanaah outline...</t>
  </si>
  <si>
    <t>                                           CLOUDY, occasional showers M?! and Tuesday. Lowest , past 24 hours .64: highest, n: average. 71. AR^'UB U. SCOTT. Meteorologist. Weather Bureau.</t>
  </si>
  <si>
    <t>                                           (GEORGIA i.ll^ l^C Ih, Iilt Thrills A Millions Oomei to th* Open        Scrus!! HAM. LENA RIVERS .i":. With Ohitlolte       - AUTO ACCESSORIES BUY FROM I GOLDEN EAGLE STORES 3^ GET VOTES FOR YOUR CHURCH</t>
  </si>
  <si>
    <t>                                           CINCINNATI, Ohio. August 30.-- (ANP)--Acting upon the advice and co-operation of Attorney Harry S. Williams. Jr. of the Negro law firm of Williams and Austin of this city. William Berry appeared in the Municipal Court Clerk's office on August 11th and swore to a... _ .</t>
  </si>
  <si>
    <t>                                           This institution has practically revolutionized the idea w^~ The mass-production idea has sounded everv-where- WT  A '^9 of newspaper production among Negroes. Never be- ~-f ^11^ a four-year organization has aroused new ideas has W ~~#% 1{*Q JT*lI ICl fore has such progress been shown. i (JU1 employed hundreds and' sounded some new possibilities.     V Vp ,;...............,...~Atl..At.  H..il...Wi1                         ^~4*~</t>
  </si>
  <si>
    <t>                                           Mattkia ^^i only negro daily newspaper, in the world l*      54ftf _VOLUME 5, NUMBERllO ATLANTA. GA.. THURSDAY. . ifi 10S2 ^T,^^ r,T **^l</t>
  </si>
  <si>
    <t>                                           US. Neqroes End Individual Competition in Olympics                 GLORY TIL 15 LEFT BEHIND                 Tolan Sets Olympic, World Marks at 200 Meters                 THIRD                 By  WAITE ROBERTS                 LOS , Calif.. Auk. -1 (Special Win?) "Finis" was written  to American Negro participation in ind vidual Olympic events when the 200 meter rac had -d with the establishment of a new Olympic and world mark around a curve for the                 event. But the man who came through to cross up all the  wu little Kddii- Tolan. five feet and four  of  speed, and not Ralph Mc-, Maniuette'.s  marvel. For the first time in 12 years an American had won both flat races. His performance is more amazing when it is realized that in winning the 100 in 10.:t seconds ;ind the 200 in 21.2. he sm.n -hed two Olymnir records to smithereens, tied one world mark accented officially last week, and set a brand new universal  for futuro racers to shoot at. Tolan even overshadowed Percy Williams. Canada, who won both events in 02R hut who broke no records. Wi!l:amo wasn't in it this vear because of the speed of] the preat American trio and of .. the German sensation, who  fourth in both events. Snorts authorities believed Meti-alfi/'s superior newer and tremendous drive over the  route would brine lrm victory. They knew ToHn     "rood, but  did rot think the former Minhifan  atom .'nuld answer the  man s  in the 200. A*  of Ih" starter s ni- Tolan nnd .Tnnatb wore   'nv tike  in? fired from n sun. .Tnct.  them vns Georco e   in fourth n!     ran t.hn        nf Marnuette, = i *~r- tn st.nrt. j But .. for all  splendidly IConltniied on PfiRi' 5: Col. 2)                 Glory Trail (Continued from Page One) developed muscles which make him look more like a wrestler than a racer, could not hold on. At 130 meters, his fire had burned out. The race was now between Tolan, Simpson and Metcalfe, who were running in the order named. Metcalfe began his final power drive which had brought him victory all spring and through the trials at Palo Alto. But his muscles didn't respond. Either that, or the Tolan-Simpson rivalry which existed  the college days of both was too  for an outsider to buck. Simpson  to catch Tolnn and restore some of his old time prestige. Tolan was shooting for a double win in the Olympics and the devil himself couldn't have won. When it ended. Tolan was six feet in front of Simpson and Simpson was one foot in front of Metcalfe. Bark in fourth place was Jonath while Carlos Luti, the ArI'onl'iia threat, was fifth and William Walters, South Africa, brought up the rear. Whether or not Metculfe, whose  and summer races caused him To use up more energy than either Simpson or Tolan, out of college competition and comparatively idle, was partially burned out and stale is an open question. It is certain that, few men could have run with the consistent speed of Melcalfe since early spring and then have enough left to battle for Olympic honors in August. Venzke and Eastman are two who couldn't hold out. However, Metcalfe seems a fairly safe bet for the 1S13G Olympics. At that time he will be out of college two years. He has a mighty frame of muscle and bone and knows how to take care of himself. He may also be content in knowing that he has three world records waiting to be recognized. His time for the 100 meters is 10.2 while Irs 200 record is 20.3. He also hung up a new mark in the 220 yard event. But today the entire talk is of Tolan. who now has a private and untouched niche in the Olympic hall of fame. He is king of them all and is fit to wear the title of "world s fastest human." The 200 meter race yesterday ended individual competition by American Negro athletes. They leave a record which is the envy of all. The four boys who competed Tolan, Metcalfe, Ed Gordon and CcrrneliUB Johnson  'the United States three firsts, one second, one third and one fourth.</t>
  </si>
  <si>
    <t>                                           LOS ANGELES, Calif., Aug. 4--()--"Finis" was written yesterday to American Negro participation in individual Olympic events when the 200 meter race had ended with the establishment of a new Olympic and world mark around a curve for the...</t>
  </si>
  <si>
    <t>                                           3 Lawyers Added to NAACP Staff                 NEW YORK. 7- Th:re 1111'.f.r.n-iim; your.:: .NV !c-k:c.".-- the bir - accepted .icnt to N;    :t;r. Cnrr.if.ltn-'C I :hc \r,'.:~):i;il   '::.i:i.V.:~!i (-T  i Ariviinci- of C.''.   -.l l\:     '. Thf.v nvc Jcssi- S ilo.~l:[i I To:i-rin. Prosi( of i i 1 N:::                 B:u- Association; N. J. l-':-i: of C"l'.m;!);;i. Soi:tii Carolina: and j Louis Rcd.Miv: of Wilrr.iim'"!'.. Do:- aware. All three of the r.cw .v- i to the N. A A. C. P local i''~r.-cs, arc .c an iCt\c *b.o - i.t members 'iv bar in li'.is country  c;:c!i n; :!n.'tr5 brines i . '.'.h !:u- Ar..-n. Mr. !Ics-:ip .-is hi-.Tl of i!~: \.al liar A^ociation li:i:= beer. mili'.an'. i:~. -.so 1 1 e v:s':                    '.he NY;;ni ii: Airsei-i' lii- ia le.,der in t:;c i:;r,v. -ir.cn: in    -.- euro. ,iU)'. i r      worker- or. the Hmn-r:- Hair. iw.. jen at Las Vr^as. Nev -,~::i. -r! h..s cw.-.Uy -l 'j:;mi:: about i:;~-opc:a'.:on :'"r t!:i- wi-liar.- 1 of the Nirji'.'o be1 worn ;!ic N. A A C. P. ar.il the- KrrioiKi! l!a:' A^.-1'- elation. He is a c:-:.-i:i! .-i:' Howard Univc:-Rity  '.he Haiva:.! Law Schcnl where :;c- :v.\r w lir:l- j  record as a stadi n'. I Mr. Frederick is      of tb.   ::ic ro!o:'i:d a(!or:i.?y;: .-f [hoi Snti'.h.' Ai '.lie risk or his Mfe he! mined a ! nmi nuw .l for! ti-.e      ..iii.-- w li" J.-i'i-f ~'on: .l ;n Aikcn. S C. -ifu-r Mr.; Fro.'.erU-k hod r. .~ al lor. Continue;! on Page Co'.. 1                 Three Lawyers O!.!i:r:--!l I"".-~;;~: I  or," i crh;,;,. ii:.- 'I ..T'--.-!'-ll!-!r :!rh..-.v:i;-!-.i v.:, 1 .'::!T.vr:- v.-h.' \vii.: 1 Vont.-iM-c  i. in-vi; ~.--:~-.; i .-.i .'.~~~'.: j-c.- i l-rf-(it-:-::-K r.-'\\ \:-vtv: y. :i:l-- I "in ;;t:::.-:-r f tl''' Al: t j .. I-..- i-.j.: :.c :r-.  -r. a a c:'. i   :Y.:l ;i:r-'    "tk'.''. ir. ^~pitc.~ U i iii'-1. i1-- IV..-.-. -.-M-C-. 1! I. il:,-,:,:.: I i:~:;ir Ij'...</t>
  </si>
  <si>
    <t>                                           NEW YORK, July 7.--Three outstanding young Negro leaders of the bar have accepted appointment to National Legal committee of the National Association for the Advancement of Colored People. They are Jesse S. Heslip of Toledo, President of the National...</t>
  </si>
  <si>
    <t>                                           Up From Georgia With My Banjo By Thomas Jefferson Flanagan EVENING TIDES I Their, golden suds back-wash the West As calm the old day drowns, And where she struggles to her rest Beneath the rippling mounds Quiet again within their steeps They settle where she last long sleeps. n They bear the old grey beaten flags Set with a million stars And where the eagle clamps the crags That crown the mountain s bars The marching brigades of pines Holdeth strong their beaten lines. in Ah beauteous tides where wjjd your bells Swing in over the foam. Freed at last from Time's farewells Our ship is safe at home. And blessing sweet those golden glides We dance your breast dear evening tides.</t>
  </si>
  <si>
    <t>                                           I     $A Let Me Cure You! Tilrr^ i  DON'T 1 KI.AVI . AT ONCEf t ^^^H f"' -J   " (-:l:"INt; I"""1' k ^-iS3wfS^I 'N!  "n!"~    '"rui"r tni ubl t li. no m.lt.r     ... T lTA':';' Tr.~ i. ~"y .lilt 1"   t. J I Solii '"DRrT. Y. YOUNG MASONS and FRIENDS ATLANTA- TO-  AND RETURN $S-Sunday/ July 1Oth-$S via SOUTHERN RAILWAY Fast, Non-stop Train Leaves Atkuila 'J'orminal Slalion 8:2   a.m., CT Arrives .Macon 10:35 n.m.,CT Kc-: Leaves Macon 5:30 p.., LT Arrives A(I;iii(ji 7:05 p.m., CT , AM)  Ar:C0Sni()I)ATF0NS FOR ALL -HAVE \iO\lli  IN MACON } IM 1</t>
  </si>
  <si>
    <t>                                           iThc  Who Wasn't ALLOWED To ForL</t>
  </si>
  <si>
    <t>                                           I WAS going to school in the ninth grade in Salt Lake City when I started my running career--the career, as a writer would say, which was to lead to Olympic glory victories and records--Eddie Tolan, King of Sprinters.</t>
  </si>
  <si>
    <t>                                           money with VIII II .</t>
  </si>
  <si>
    <t>                                           [EuneraFNotices 1                 - Mrs. Fonnie Leslie passed away at a local hospital Auu. 4.      ral announced later. Cox Bros. DAVIS- Mr. Willie Duvl's, of 550 Rockwell St., S. ~$V\ passed away In Chattanooga, Tenn; August 2, 1932. Funeral announced later. Ivey Brothers, . DENTON- Mrs. Lutlla Demon, ol 8S0 Drummond street. S. W..  Wednesday morning. Funeral will be  later. David T. Howard and Co. HAYES The funeral  s fur Mr. Wesley Hayes, of 374 Buchnran street will be conducted this (Tliuirsday) at 1 p. m. from our . Interment Lincoln . Hunley Co JEFFERSON The many friends and relatives of Miss Ella Jeffcr1 son of Tunnel Hill, Ga., ore' .rt to attend her funeral today (Thursday) at 2 p. ml from the .  Tunnel Hill . HnnJey Co., of Dalton, Ga.</t>
  </si>
  <si>
    <t>                                           Jndigestion sick at your stomach DON'T expect to enjoy eating, or to escape sour stomach, heartburn, gas colics, or a sick feeling at your stomach, when your bowels fall to move regularly.* Take Thedford's BlackDraught to clear up sluggishness and reE^'"''''"^ cleansing action. KfliSviL' ' Black-Draught for R^~         ^ digestion, I havo wKi i m *n paiDs and a UKht ,-V^gSS^a//^m Draught rell6V0S ness; ths dull. tired, worn-out  (from ) and ."  Dickey, , It. You ought to  thb medicine. Get a pack-        age at the B^5gBl!]        drug store, EBHHHlMMHna4 today. Only ~][f i\   1 ll I Icentadose.  --lll .M m.SZut</t>
  </si>
  <si>
    <t>                                           Insurance Companies Kind of Insurance, Lifo Semi-Annual Statement for the Six Months Ending June 30, 1932 OF THE CONDITION OF THE AFRO-AMERICAN LIFE INSURANCE COMPANY of Jacksonville Organized under the laws of the State of Florida made io the Governor of the State .-f Georgia in pursuance to the laws of .said State Principal , 101-105 K. Union Street                 Dollars Cent 1. CAPITAL STOCK 1. Amount of Capital Stock $ 150.000.00 2. Amount of Capital Stock paid up in 1 cash $ 1SO.000.00 3. Amount in Notes of the Stockholder. $ NONE 150,000.01 There Notes arc secured at follows (explain fully): 11. ASSETS Dollars Cents 1. Market Value of Real Estate owned $ 262,210.27 If encumbered, to what amount $ 56,150.00 206, 060. 2i 2. Mortgage loans, first liens $ 184,282.93 Other than first liens $ 7,500.00 191,782.93 3. Loans secured by pledge of bonds, stocks or other collateral $ 6,710.00 Give value of securities (other than mortgages) hypothecated for above loans par value $ Market value $ 4. Stocks and bonds owned absolutely: Par value $ 136,000.00 Market value (carried ~-ut) $ 139,160.00 5. Cash in Company's principal office $ 1,545.00 6. Cash deposited by Company in hank $ 19,712.02 7. Cash in hands of agents and in transmission $ Total Cash Itcmf ( out) 21,257.02 6\ Premium notes on issued policies 2,227.15 t). Bills Receivable 4,224.76 10. Interest due and unpaid 48,265.14 j 11. All other assets, real ami personal; not included above 12. Supplies 3,880.60 13. Equipment. 6,999.02 I 14. Furniture Fixtures 32,347.67 15. Premium on Officers Insurance 27,767.14 16. Returned Checks 3,618.29 17. Optirn on Real Estate 372.00 18. Loans on Policies Assigned 121,026.61 19. Other N"n Ledger assets 12,166.88 i TOTAL ASSETS 827,865.57 Less Assets Not Admitted 74,438.47 Total AFscts of Company (Actual cash market value 753,427.10 111. LIABILITIES Dollars Cents 1. Policy claims  and unpaid 3,976.50 2. CUims in process of adjustment, or adjusted and not due. including reported or supposed claims NONE 3. Claim* resisted, including interest. expenses, etc NONE Total policy claims 3,076-50 Deduct, re-insurance thereon....:. Difference 4. Policy dividends declared  nd not due NONE 5. Stock, dividends declared and unpaid or uncalled for NONE 6. Borrdwed- money $..... Interest $ NONE 7. Taxes accrued and unpaid NONE 8. Other items (give items and "i amounts) Salaries accrued 3 270.51 B. Reserve fof Tax iti Georgia l',020Ji6 C. Agents Bond Reserve T 1 450 00' (NOTE) LIFE COMPANIES W.ILL iNCERT: Net, present value of outstanding policies .-,.$ 440,728.96--':' Deduct net value of company s risk re-insured in other sol- vent companies. $ Net Premium Reserve 440,728.96                 Annuity  unpaid (nn! in- Dollar* Cents eluded in policy claim*) Premium obligations in excess of net policy valuer (NOTE) FIRE CASUALTY AND MISCELLANEOUS 0 WILL INSERT: Amount of Reserve for rc- 0. Cash capital paid up 150,00000 10. Surplus over nil Liabilities 150,830.27 7 11. Total Liabilities 753,427.10 3 To be answered by companies doing an INSTALLMENT BUSINESS: 0 Amount of unearned premium* re- 1 presented by Installment notes. being total amount of such notes $ IV. INCOME DURING THE FIRST SIX MONTHS OF THE YEAR 1932 1. Amount of Cash Premiums received 352,403.39 2. Amount of notes received for prem-  1,302.00 3. Interest Received 8,005.60 4. Amount of Income from all other sources 4,375.48 Total income 366,086.47 V. DISBURSEMENTS DURING THE FIRST SIX MONTHS OF THE YEAR 1932 jr^ 1. Claims Paid $ 162,517.15 Vlt*' 2. Matured Endowment* paid $ NONE Total $ 162,517.15 3. Deduct amount, received from other. Companies for losses or Claims of. Policies of this Company reinsured $ NONE 162,517.1$ Total amount actually paid for Losses and Matured Endrvr* ments 4 Annuitants. 5. Surrendered Policies 3,061.72 6. Policy Div'c'?nds paid to policy holders or others .7. Stock dividends paid 8. Expenses paid, including Commistfons to Agents, and Officer*' "I""" 169,130,58 0. Taxes paid 2,825\21. 10. All other payments and Expendi-      11,310.83 11. American Branches of Foreign t Compa'nies will  report amount sent to Home Offices. during this period Total Disbursements 348 S4*K49  Greatest Amount Insured in any one risk $ 2.500.0.0 A Total Amount of Imuranco out- M% standing $12,000,278.00 r" A coor of the Act of Incorporation, duly , I,  n' tW ~'ff Ice* o'l th*'  9U(- of IMoritln, County of Dural,1 t Perwn.llr            Morm the , A. h. Uw\~, wh.. * duly **rom. -~ii and Mm that hr Is the. PrrmUent of AFRO.AMPMrAtf ;T ITI* I v 6URANCE COMPANY, .nd ,                'Lt.u,mmu/c"rfS "lid  A. L. Lewis.         to an* *)     thU 28th     of Jiilr U3J NOTE:- TJit above affidavit mar be mode by the CKJrf  of the Comp.hy jp( Aront  ln thl. BUtf.  nd If  out. of th- SUI/. must, be A.a. * a Commissioner of. Deeds for Coonia, or b.for. U,, Clerk tf :a Couri a) .  .I cti. must.h.      .. AtlmUon It celled to' tkV  which / from the Act ff the.Cenerel Assembly of the Statt of Oeor. X\f. entitled "Aji Act to RecvUU IIm .lnM.'of Inmr.nee in this SUt*l and.      ther         ." Approved October. ;2 th, JI87.  C. . Nolarr, Public. Bute, of Florida  l La'njf Mr ComrtiUilon txp[t^,ffi: ,U..l}3i'</t>
  </si>
  <si>
    <t>                                           Mr. and Mrs . Charles Henry Lloyd, of 283 Harris St., N. E., celebrated the twenty-firth anniversary of their marriage, on Monday evening, June 27, 1932. Mrs. Lloyd was formerly, Miss Ruby Pearl Bean Sherman, of Eufaula, Ala. Mr. and Mrs. Lloyd were...</t>
  </si>
  <si>
    <t>                                           'JUST LIKE A KID'                 ADELAIDE HALL "Jult  .A kid," is th- way ll.c   .   ! of lively Adelaide 1IM1 dt.. her off-st.^c .-^. Mil. H.'ll.  l'~ .l        .,y^ .claim . w,lh Bill Rohi.^an in "Brow,, BmMic." r,cc:,tly,    now        lour in hrr own     ,l over ll.c R;.dio K..-ilh Orpl.rum  circuit.</t>
  </si>
  <si>
    <t>                                           World Advertisers Want Your Trade:</t>
  </si>
  <si>
    <t>                                           Pattoni?e Woyld, Ad:  wherever" possible" v"~</t>
  </si>
  <si>
    <t>                                           To Wall and Hatne Lankford, 23 Lummas Alley, boy, August 14.</t>
  </si>
  <si>
    <t>                                           Mr. and Mrs. Hatfield and Mr. Richard Finney of Macon motored to Thomaston Sunday and called on Mr. and Mrs. James Drake.</t>
  </si>
  <si>
    <t>                                           IN HIS PROVIDENCE and fairness to all mankind, the Almighty Father equipped me (and yiu will pardon the personal vein throughout) with a mind. Now the purpose of this collim is not to debate the relative merits of that member, but rather to present its reaction to the current flow of human activity in the Gate City with a view toward predicting logical developments in the future. One consolation reserved for the writer after his public (both...</t>
  </si>
  <si>
    <t>                                           1 T7 STATE NEWS                 Thomasville, Ga.                 The Forum held Us nr^-t    -:i forum Tuesday ni^ht, June 23, Line! whs enthusiastically received by these who wore present. The two minute shun  were :in :.-d I'eauire and were '-:^, as no one knew that they wore to be called upon.                 Dr. M. L. Walton made rc-marKS of approval and accepted the invitation extended to him to become a member. Mr. Fred Brown's .se of the: Human Mind, was well . His illustrations were given by Bob Ketcuum. The next open fui-um will be on Tuesday night. July 5, at the community library. All are cordially invited to attend. No admission. Our aim is to give Thomasville a new type of diversion. One of clean and intelligent  and action. We are asking you to help Us with this movement. Rev. P. L. Baptisto. pastor of Bethany Congregational church, will be the principal speaker Tuesday night. His  will be: What Is Education. Mr. Fred Brown .master of ceremonies. ST. JAMES AME CHURCH Rev. A. Armstor. Pastor This week will close our series of revival meetings. We air seeing some wonderful results. Rev. J. F. Shoemaker is in charge for the closing week. Mrs. Arnette Aimsior and Mrs. Juila Armster were the dinner .guests of Mrs. Alfred Armster or 517 Straw Road. Little James Armster is expecting a hire present from his aunt in Jacksonville for making high marks in his  at D.H.S. Misses Jessie L. Monroe and Mary Boston were  as delegates from St. James Sunday school to the S.S. Convention which will be in session at Cario. The  Vacation Bible school at the First Colored Presbyterian church had its closing exercises on Friday night. July 1. A very interesting program was rendered. The children recited passages from the Bible and questions on the Bible. The young folks presented play: Worth ol the Bible. The children sang beautifully The program was enjoyed by a large audience. Miss Isabella Benn-tt, mistress of . Miss Sadie I". Brown, chairman of program committee.</t>
  </si>
  <si>
    <t>                                           The Forum held its first open forum Tuesday night, June 28. and was enthusiastically received by those who were present. The two minute short talks were an added feature and were interesting, as no one knew that they over e to be called upon.</t>
  </si>
  <si>
    <t>                                           HOLLYWOOD, Calif., August 29 --Hello fellow "Gossipers of the Movie Lots." I did not meet you last week, much to my regret but the Olympic Games is a once in a life time act that has to be while it lasts. So as it was impossible to be on and wandering on...</t>
  </si>
  <si>
    <t>                                           ?? A  FOU Wd/ft!'           ]  BEULAH MITCHELL HILL, EDITOR* If U r J</t>
  </si>
  <si>
    <t>                                           ARIOT OF COLOR, both in garb and in group psychological reaction to the players on the court and the tournament in general, was an Item too conspicuous to go unnoticed by some 500 fans who witnessed the first day's play in this sixth annual Georgia Open Tennis Tournament. That same colorful throng of fans wilt rally to the call of the Atlanta Tennis Club tomorrow night at Sunset Casino, alai we're going to give the visiting tennis players one of the best times' they ever had Every conceivable element of intelligentsia...</t>
  </si>
  <si>
    <t>                                           MEMPHIS, Tenn., July 7.--Approximately six hundred chin teasing admirers were present at the Crockrum Ball park to see Eddie Kid Pruit, light weight of Memphis, win from Wilson, an Independent Miss lightweight. In eight rounds. Pruit knocked out...</t>
  </si>
  <si>
    <t>                                           Chattanooga Man Well Known Here Passes Monday                 Word has been received here of the death of Frank H. Hill. 42. well known Chattanooga, mechanic, who died at his home Monday morning afti r an illness of nearly a year. He was the brother of Mrs. Scott Suttton, Auburn avenue * owner, and Sam Valentine, also Atlanta. Another brother, William, Valentine resides in Augusta, Ga.~ His sisters are Mrs. Lucille Anthony.- Providencr, R. L.; Mrs. Sallie* Kemp. Dayton, Ohio; and Mrs. Janie Timmons, Athens, Ga. Mr. Hill was the father of nine children, four of whom, J. D. Misses L. M. and Alma Hill, and Mrs. Cole live in Chicago, Illinois, while the rest, Frank Jr., Eddie, Harry, and Misses' Blondie and Gloria Hill  at home. His wife also survives. Funeral services for the 'man, who had a large circle of friends in the Gate City, will  be held Wednesday afternoon in Chattanooga.</t>
  </si>
  <si>
    <t>                                           ^Tj STATE NEWS                 Thorn , Ga.                 'EldcVE! II. Home of Hid Pentacostal Churcli oi1 God in Unity is conducting a great revival service at the Odd Fellows Hall on Jackson street. All are invited to  out and hear him. The prayer Faith is prayed for the sick, lame arn made to walk, sinners are                 fied by faith, sanctified and justified by the Ijcly Ghost ami Fire. Conic and hear the evening light message. Sister Pearl Jackson ana others from the Saints Temple are keeping the fire burning with spiritual songs, and shouts of glory. Come early ami get a scat Bishop S. 'S. Jackson of Saints Temple Pentacoslal church of God in Unity is asking every Saint and friend of Saint's church to rally with us on the four.?: Sunday in June, June 20. Our beloved Ruling Elder E. E. Weeks, of the Thomasville District will- preach both morning and evening. Come anil let us have a great time in the Holy Ghost. Four young workers of the N. J. B. Church left Wednesday morning a,t \5:00 o clock for Chattanooga, Tenn. as delegates to the National Baptist Sunday School and B. Y. P. U. Congress. They are Misses Willie Mae Thomas, Hazel M. Everett, Mabel Thomas and Mr. J_phn Cross. The various departments ol' the church r.ie responsible :or their going. We hope for them a safe trip, going and coining. The efficient pastor. Rev. Wm. Phillips, led the way to this achievement. Mies Nellie M. Battis is on the sick list and we hope for her a speedy recovery. The Rev. J. H. West .1 the morning sermon at the Providence Baptist church selecting as his subject. 'To become great we must first serve.1' Rev. West was very, practical in his del.Vctance and drew a wonderful picture on ihe value of serving. Everyorie recent manifested a great interest in the services Rev. G. T. Martin, pastor of the F. A. B. Church dropped in on matters of importance. After service the pastor. Rov. F. D. Martin, Rev. E. S. Lamar. Mr. Essie Hicks, an.l Mrs. Kick  to the Hick's heme on Broad St. where a delicious dinner was served, for a while thc depression was forgotten. Please pay your paper bill each Monday morning, you want a better World; by paying your will hove a bigger and Letter World to read and live in.</t>
  </si>
  <si>
    <t>                                           Elder L. H. Horne of the Pentacostal Church a God in Unity is conducting a great revival service at the Odd Fellows Hall on Jackson street. All are invited to come out and hear him. The prayer of Faith is prayed for the sick, lame am made to walk, sinners are...</t>
  </si>
  <si>
    <t>                                           News from Your Home Town                 Barnesville, Ga.                 Mn. Thelma           .    . Sarah II.       Mnsr* Jtrnmle Onrnl and Edym.ii Jcnklnn si rnt n fen-       Kridny u BUestn of Mr. Susie .1. HWKlworth. Little      Kiln Mho Kvmw ot Atlanta la.  a few weeks in the rily with her aunt,    . Su.ie .r. Blmiduorth. nml U home        of      Naomi . Mr. T Tuylnr of Allnnta i- Weyj- I       afternoon In tho       aunt, Mra.      Mac Hanks   f Oil K. TLlt.  lie whu  Hy Mr. Gco.  and little daughter. KliuibMh. The      Mt.. Sinai       =~t  had a musical  Sunday night by 21  of the Golden Gates. Those *  on the  wprc: Mr. Robert Brown. Mr V. 11 Ynonc.    . Owens. Mra. I.. Mr. Anderson.            and Mm-      - We       the memher* and friends of * * for Ihcir *ration. Rev. .1. K. Dubrrry. im^t.-~r. Services prcp- to tbc     * of the revival moot inn at. Sorincfiolil  church in Milner.  . J. S. Street, on  .     Vreschrd   . Itrv. . ot Macon.  Momhy       will- Drcacti  \\\c four niu lit^ Tlir baptism will be the -I'.h Sun-lay in Anjnist in Milne, On. nt tO o .    . J. S Streets, pastor. Mil.- Cr.5ic M. Clark clerk Mrinca Martha Dickson. Ermn Dick .inn Mr*. M attic and Mr. Taylor  to BarneBvillc TTiiirsdwv      vi .it Mr-* Certmde Caslin. Mr.  Mr." W P. Gritrjr" "pent Wrtlntsday in Criffin vi* their   *.</t>
  </si>
  <si>
    <t>                                           CIVIC LEAGUE TO MEET TODAY                 "'Why Support Negro Business." will be the t.,pic discussed uv J. A. Hopkins, one of Atlanta's leading business men. who will be the principal .speaker at a meeting of the Fulton Counly Civic Le. :it three o clock this  at Powclta Ch:~iel Baptist Church. 17P8 Stewart avenue. All committees for 19311 will be appointed by W. A. Quillian.  of th? organization at that time. Citizens and county teachers are invited to attend this meeting, -h should be of interest to every color*) person in Fulton county. ANGRY LAKE CLAIMS LIVES OF NINE NEGROES PONTIAC. Mirh.. Aug. 7.- (CNS)- A placid  transformed suddenly into a death trap by high winds was responsible for the loss of-the- * of_ nine Negroes, two of them women It iK believed, though It Is not definitely assured that the number is much greater. The store which developed           relief from the sweltering heat. The stor which developed- suddenly brought relief to those in the city but disaster to those who were on The L'ike. Waves because of the storm dashed as high as six feet  the persona who were ln raw boats. MAN CARRIES KNIFE BLADE IN HEART FOR A TEAR NEW YORK. Aug. 7.- (CNS)- An autopsy performed on the body of William Marshal^ a. 39 year old colored man. disclosed the fact that for a * he had carried a knife blade in his heart. His wife at the  testified that he had been stabbed during an altercation with another  at his home about a year ago. Marshall died at the Bellevue Hospital last week as the result of an Illness. GOES TO WORKHOUSE FOR STEALrNfi A NEWSPAPER FROM STAND LOUISVILLE. Ky., Aug. 7- (CNS)- Because he stole a copy of the Courier Journal, a Louisville daily, and couldn't raise ten dollars to pay his tine. Adolphus Darlington, colored, was sentenced to the workhouse to work out bis fine. Darlington was arrested on a warrant sworn out by Bi mice Redmond, circulation manager for the white newspaper.</t>
  </si>
  <si>
    <t>                                           The Sixty Second Annual Session of the New Hope Missionary Baptist Association, which will be held at the Little Friendship Baptist church, Merritts avenue and Bedford Place, will start Wednesday morning with Rev. G. W. Jordan, Moderator, in charge. Sessions will...</t>
  </si>
  <si>
    <t>                                           Riget both i A I P^   *iiw^l\ LV  I^jS ONLY NEGRO DAILY NEWSPAPER IN THE WORLD HTW11B</t>
  </si>
  <si>
    <t>                                           t jl*'   ONLY NEGRO DAILY NEWSPAPER IN THE WORLD 1^ LUI I I V^/M VOLUME 5, NUMBER 222 ATLANTA. GA., . SEPTEMBER 26. 1932 PRICE THREE CENTS</t>
  </si>
  <si>
    <t>                                           iT i.'- W i, I i, 'I an.i THE WEST POINT ROUTE 5^3 i ;:r 5 I h \c:ir- inn I;1.!)1^1     I  RAILROAD vv j</t>
  </si>
  <si>
    <t>                                           Rev W. D Davis of Smithvilie Ga. arrived in the city to fill the position of assistant pastor at the Tabernacle Baptist church on Alice street He will be in full charge while the pastor. Rev Ed Davis, is filling the pulpit at the New Zion Baptist church in Elizabeth. N Y Rev Ed Davis will leave for Elizabeth...</t>
  </si>
  <si>
    <t>                                           rF you want i 1TII MAMS. r-01  Ato-. ^Jfnv 1 ntj. N.J.. n^pt. K,</t>
  </si>
  <si>
    <t>                                           KEY WEST, Fla., July 8 -- (Specia1)--With nationwide interest focused in the direction of Charles E. James, nationally known Negro aviator, and he comrade, Alexander Nelson, intrepid parachute jumper, both missing since taking off from here for 'Havana, Cuba, more than 52 hours ago, virtually all hopes of locating the flyers were dimmed when it was learned from officials of the key West airport that the giant 180 horse power "Airboss" plane piloted by James, is either somewhere in the coluds or has been...</t>
  </si>
  <si>
    <t>                                           An Injunction asking that the great Southern Burial Association by restrained from ... in the state of Alabama was filled in the Jefferson county circuit court Monday by Charles C. Greene state superintendent.</t>
  </si>
  <si>
    <t>                                           Robbers and Thugs Keep Police Busy                 Bur?l:ir.s an.l h"M up men kept busy over the week end and cave the pol cr plenty t" Invosticatc. The  started Saturday  when George Scwcll, 34 West Liike avenue, delivery boy fur Sol Gl:i7.er, cocer. D30 Lucille avenue, reported that he w;is held                 up and         at the corner ni  street and West End avenue of SI1 in . Shortly . Joseph Wric'il i of 721 Fraser street, errand boy for Jncobs Pharmacy, at Wnshine'on street and Georgia avenue, told po- 1 lice that lie was stopped by three men and relieved three bottles of medicine, a can of milk, and $6.05 in money. The holdup took place in front of 180 Vanrin street. John Heath. 051 Edgowood avenue, reported to officers that he was hit over the head late Saturday night by Roosevelt Reel. Rear 20 Jennings alley. Rccd. who obtained no thine for his trouble, was arrested by Officers Burden and Palmer. He is being held fnr further Invcstication. Lawson Lone. 49 Griffin street. wan arrested at his home about four o clock Sunday afternoon by Offi- CCrs Lee and Preston on suspicion of complicity in the holdup of Hen ry Alexander. 61 Chestnut street. The robbery took place at 10 o clock Saturday night at the corner j of Hunter and Chestnut. A coat and hut in Long's house I was identified by Mr. Alexander, who claims that the two men also look 40 cents from him. Lone told officers that Peter Lawrence, wh" lives with him. was with him at the time and took Alexander's belongings. Mr. Alexander also identified a pistol found in Lawrence's room as the weapon used in the affair. About two o clock Sunday morn- ing two young men entered the home of Mrs. Auston. 200 Auburn Hvcnue. The noise made by the pair aroused the woman, who got up thinking that there was someone in                 the hall. As she was retting out of bed. she stepped on one or the youngsters who was evidently attempting t0 keep  while his companion was trying some keys in the lock of the  door, near her bed ami hit one. both of them making a hasty dop: out Mrs. Auston seized a stick that was of the window without getting anything. An hour and a half later. Mrs. Auston. who was unable to go to deep after the first scare, heard a man climb over on the porch  open the blinds. She called for help and the man left. She believed that she would be able t" identify him if she saw him again. Rev. Neal Hudson, .100 Piedmont Way, came running to police headquarters about 10:30 Sunday night and told authorities that burglars were trying 10 enter his home. Officers Harris and Nahlick who investigated, reported that they found that a brick had been tossed through the window, hitting the Reverend Hudson on the shoulder. Four persons were named by witnesses as being involved in the affair. All that was missing was a man s grey suit. The home of Fred Burns. 230 Clifton Rlacc, N. E.. was burglarized Sunday night by unknown persons of a. gray suit, bed spread Continued on Pass 5. Col. 5                 Robbers And (Continued from page 1) i am! several dresses. Evidently the intruders were displeased with  as b"tii  :md back d'*ors were found epen v/hen the occu* p:m:s of the house returned  11 o cio k. A. T. H'.. 355 Irwlr. street, was treated at the Grad.v hospital for injuries ab"Ut his head who:, he was hit in the head wit!". :i bri,k while walking alone on Fort street between Cain an.l Ellis Hollinpsworth tol.i Officers Wriflh; street, early this . Jlr. and Hushes th:it he could identifv the man who  hinT SIS. Three  men arc ~~'d to i have  1hc Citv Hall j Soda Co.. operated by C. D. Hariris, in the basemen; of i!~~. C;   Hall, at three o clock ihis ; The men were observed lcav:nc ;l".i;  by a  Cn:::iou newsboy who  the : to his' boss, who in turn, sent in the alarm police headquarter- Officers Scxion ami Hcnsie.-  the cash resistor at 12 Capitol                 Square :i:''i returned to its ..wrier. Three :~'({ half cartoons of cisa rf.ics a:'.'! SliR in cash are .oi</t>
  </si>
  <si>
    <t>                                           Burglars and hold up men kept busy over the week end and gave the police plenty to investigate The firseworks started Saturday evening when George Sewell, 34 West Lake avenue, delivery boy fur Sol Glazer, grocer, 930 Lucille avenue, reported that he was held...</t>
  </si>
  <si>
    <t>                                           Martin D. Richardson Jacksonville, Fla. Aug. 30. -- Two eminent Negro leaders have found reason to bewail the plight of the race in this country lately. One of them, George Schuyler, is a writer a traveler, an organizer of sorts and a number of other things, most of them worthwhile.</t>
  </si>
  <si>
    <t>                                           Delivery Boy! Held Up by 2 Men in Auto                 Mel'1, up by two wh:te im n in Ford :n corner of Whitefnrd and DeKalb avenue shortly before 10 o clock Friday . Doris Dr;n;hnm. delivery boy for the Eilj'. pharmacy, 143S DcKalb avenue, way robbed of seven dollars Vtninj^ Dranhan told pol-eo aur.hoi"It!ve;;  he was  alone on Whilcford orx  bicycle en route to the store after makin;; a delivery when i!iu pair drove up and ! lils money. After taking the ea.-'n .the men  eoff .n the  direction before he  net the license number of '.he car. TWO MEN CONFESS MURDER STAR CITY. Ark.. Juh- P.- (AN P)- Sheriff T. M. Meronev  Frdiiy  he hail secured written confessions from Joe Green and Georire BInck to tlie  that they had murdered Israel Sandeia.</t>
  </si>
  <si>
    <t>                                           HIGH M\E GIVEN A. U. SCHOOL                 Elementary Dep't. Is Graded Class 1 by Georgia                 NAME PRINCIPAL                 Some months airo. the Atlanta University Laboratory school announced that the nich school department which fir 1 ho  two  has been  Class I  by the state of Konrcia, was one of the twenty Nrsrro  m'^pIs in the entire South that                 had  fully  tod  the Southern  on. Tne f'. statement in a letter from R. Cousins of the  department if . : the - of the elementary  now. completes the  of     entire school. "Due to n veil  ,  physical equipment, a  system of chid  and a well directed  t h e Atlanta University Laboratory Elementary school is entitled to an "A"  by the Stale Department of Education." This is an honor enjoyed at present by only one other Nccro elementary school in the state and I 7.    the  quality of work offered by the school. The University Laboratory school, while it exists for the  of teachers, offers to a limited num- nor of fortunate parents facilities for the education of their children that can be excelled ;n few places in the country. The further announcement of importance is the election of Mrs. Helen Adele Whitinc as  of the elementary school. Mrs. Whitine ;s one of the best  women in America :n the field of elementary education. She received her bachelor of science decree at Columbia university in 1926. and her master of arts decree in 1931. Mrs. Whitine. who has also been a student at Iowa University and Howard Univers:ty. has not only broad  but has had a most unusual ranee of experience. From 1907 to 1911. she was head of the department of Drawing and Writincr at Tuskecree. At the same Institution she held the position as :eacher of methods  before that was assistant director of practice  ne at Hampton institute. From 1926 to 1931. Mrs. Whitinc was supervisor of elementary schools for the city of Charlotte, North Carolina, where her work in the Neero schools attracted the attention of the entire country. In 1930 she was appointed by President Hoover as a member of ;hc White House conference on the sub-committee on the school child. Her hook. Primary Education, is one of the most helpful books for elementary school teachers. Her connect on with the Atlanta University Laboratory Schools is of maior importance to the entire field of Necro education in Ameri:a, as it means that Atlanta university :s  to brine to the department of education outstand!ne people in this field, and assures that, the finest facilities are  developed for the  of Neirvo teachers. Last vear. W. A. Robinson was secured as principal of the laboratory school of the .</t>
  </si>
  <si>
    <t>                                           Some months ago, the Atlanta UniverAtv Laboratory school announced that the high school department which for the past two years has been given Class I rating by the state of Georgia, was one of the twenty Negro high schools in the entire South that...</t>
  </si>
  <si>
    <t>                                           HIS SHIP TAMPERED WITH?                 Did CharlcH .lames, one of tlic r.ncc', 'm licensed aviators, fall ;i victim Id f""l play? U'-is thi: piano in  hi: ami Aliixamlrr Nelson. p.- jumper, hc. off for ll;iv;in.i I'rnrii Kry West- Ha.                 tampered with? No trace of the missing flyers hnw  reported at noon today. In the  above Jamrs is shown aR he received his pilot s license at Rnowevelt I'ield, New York, 1hrt:e. years 3^0.</t>
  </si>
  <si>
    <t>                                           SUMMER WEATHER IS THE BEST WHEN IT S TWO IN THE SHADE</t>
  </si>
  <si>
    <t>                                           It is just wonderful to read your column in the Daily World. I am a girl 20 years of age. I am going with two boys. One is here and the other one is not here. I love the one that is away better than I do the one who is...</t>
  </si>
  <si>
    <t>                                           Mrs. Thomas Slater was the hostess who honored Mrs. D. F. Pughsley, sister of Mrs. E. G. Bowden, visiting here from Hartford, Conn., with an adorable bridge party. Twenty of Atlanta's leading society matrons were present to enjoy the gaiety of the afternoon.</t>
  </si>
  <si>
    <t>                                           iVo Man Can^ Resist Such Loveliness Charm is the secret of feminine appeal and a soft. Hcht akin Is tho secret of charm. Dr. Fred Palmer's Skin Wbltener Ointment softens and lightens the darkest skin, clears up pimples, blotches and tan murk*, and does away with that "oily, shiny" look. Use this preparation and make your  soft, delicate and . This  Ointment ie mada In the famous Dr. Fred Palmer's Laboratories where arc also made those other beauty aids you know so well: Dr. Palmer's Skin Whitencr Soup,- Skin Whltener Face Powder, Hair Dresser and Kid Deodorant which may be had at all drug stores for 25 cents each or will be sent postpaid upon receipt of price. Dr. Fred Palmer's Laboratories, Dept A, Atlanta, Co. Send 4c in  for trial  of Skin Whittmr, Soap and Face Poiedcr. DR. FRED PALMER^ SRuRlUfuttner 'KttPS YOUR C01ON YOUTHFUL*</t>
  </si>
  <si>
    <t>                                           Your Loved Ones Bury them out in beautiful SOUTHVIEW CEMETERY Established nnd operated by colored people for the burial of those dear to them. Lots For Sale W(f) Phone Wa. 0922 BEN H. TOWNSLEY,    . LEWIS G.. WATTS, Sec. (LITTLE) Joseph F. Fielder Watchmaker 370 Peters Street, S. W. Cor. McDaniel St. TAKE A "! ANNIVERSARY DAY TRAIN TRAVEL DAY ON THE Southern Railway System June 18. 1932. Is the Date ONE CENT FOR EACH  TRAVELED j Father! Mother! Sister! I Brother! You cannot at- ford to miss this great bar- gain reduction. Make it a family matter. Get acquainted with a train ride. Visit relatives, friends, go to the city, fro to the coud* try, go for the simple  urc of a train ride! Folio" the crowd! Safer than staying at home! RETURN AT YOUR  ANY TIME PRIOR TO MID NIGHT, JUNE 2G, 1932 These tickets will, be  on all trains (except. Crcscen' Limited)' and will be  lor passage in sleeping and pai lor cars upon payment of Pul man charges. This exceptional reduction I) fares is i offered in ' tion of the thirty-eighth   of the .formation of th Southern .Railway Company, a so to afford. the  folks a: opportunity to enjoy the  of their first train ride. Buy your Train travel  well in advance: it   us to provide, .extra cars an extra trains for your  . Remember .these tickets wl be sold from all Agency Sti  to all stations.. '.on tb Southern Railway System. Al! to many points' on, other- line Mahe your sleeping   NOW. 'Consult JPaSK Rer' Traffic  Ticket Agents for" full Inforui Uon. .. JENKINS, Passengcr.'                  :Soutiiern;?</t>
  </si>
  <si>
    <t>                                           Puzzled as to the actual fact in a shooting scrape on Brotherton street, Saturday, May 14. when John Pittman, is said to have discharged a shotgun in the general direction of a neighbor, Perry Smith. 293 Brotherton street, a jury in Judge Humphries declared...</t>
  </si>
  <si>
    <t>                                           NEW YORK, Aug. 29.--(ANP)-- The organization of a new state Baptist association here by Henry Allen Boyd, secretary of the National Baptist convention unincorporated, is a harbinger of lively doings when the convention meets at Houston. Texas, next month, it is reported in...</t>
  </si>
  <si>
    <t>                                           CHICAGO, Aug. 29.--(ANP)-- Manager Eddie Paque and R. A. Mackie are still packing the fight fans into the outdoor boxing gardens of the savoy each and every Tuesday evening to witness the weekly eight star to witness the weekly eight to witness the weekly eight star amateur bouts.</t>
  </si>
  <si>
    <t>                                           ij^LAI^ItaMU^^H DRUGGIST ^H Genuine Black and White Hair Grower ia       - .^^Sr K ^^^^^^^^H the real leader in in field. The package a ^QSa^BBiertBiS^^^ 52 big, the price is low, and results are quick ^J^^^^gSS5*^ ,~lll/~ i ^^^^H^^L^ and sure. No wonder thousands use -VNi p5 \J0fJ '^^^^^^^^l^,^' and praise this amazing hair grower. ^HI^^TOk^ SCM.O Here's a scientifically made hair grower that full, rapid growth of silken-textured hair. Here's j will actually work wonders with short, "bid" your, big chance to make your  a thing of j hair. It's Genuine Black and White Hair Grower, beauty the envy of ..everyone" you . Go to j the finest of its kind yet developed. This marvel your favorite drug store or toilet goods counter I ous grower stimulates and nourishes and ask for the large 25c  Gen- i the glands of the scalp to promote Jkf/ u"10 Bkck and White Hair Grower.  HAIR GROWER r^^Stfs COM4, to Brtsj Boe't let    r Iliii j* \VrSk YourHiir Bet Coarse and Brittle rEm fn ifj^aBi $"* goodbye to , hard-to- Always     Genuine. Black  nd ^^iSS^^SZ/ vJ BM^Bfl dress hair. Just apply Genuine Black Whita Glossine with   :~-J *"  ^ NJl^^     White Hair Drening and you and hoc combs and keep your -hair . .with floss can dress  hair .in any style you and beauty. This superior pressing oil prevents  easily, . And this modern dressing  ness, , scorching' and burning. Try W Large your hair that way, too, always looking weD^roomed package of Genuine Black and Whit* 'Glossine only .Twbkinds:Araber30c.Snow^i hiteS0c. 25c at your favorite druggist or toilet goods .</t>
  </si>
  <si>
    <t>                                           SHE GOES A VIOLENT RED                 'MISS I.Ol'ISK THOMPSON United Slalfs.</t>
  </si>
  <si>
    <t>                                           Met at the home of Mrs. Irene Burdett. 652 Crew Street. Friday night. August 19, with the president presiding. After the devotion the sick report, was made. The following members were reperted ill: Mrs. A. T. Hanley. Mrs. Pearl Willingham...</t>
  </si>
  <si>
    <t>                                           seek mm OF DEAD THIEF                 No clues have been found, as yet. to the identity of a man who was instantly  by D. Beach, night watchman, as he was coming out of a grocery store owned by F. Winkle at 351 Morcland avenue  two o clock Monday morning. Mr. Beach fired at the mnn once with his shotgun after he had been arous' d by a noise in the store next to the barber shop where he was on duty. Two companions of the ."lain man. who were seated outside in a Font roadster with black fenders and brown body, -made their g  ns the intruder fell to the sidewalk with a wound in his head The man is described as being five feet six inches tall, weighs about 150 pounds has hair that is bushy in fornt. full round face, and a. medium, brown complexion. The body is being held at the Hanlcy funeral home.</t>
  </si>
  <si>
    <t>                                           Morehouse, with her small football squad wouldn't do justice to a second mow high school, looks lighter and lighter every day. The first day of practice on Monday the aggregate weight must have allowed each man about 167 pounds. Today, five days of...</t>
  </si>
  <si>
    <t>                                           The horseshoes will be flying through the air with a purpose Friday afternone when six young men, none over 16 allowed, from the Crogman playground will journey over to the David T. Howard recreation grounds and attempt to show the Howardites that...</t>
  </si>
  <si>
    <t>                                           GARY, Ind., Aug 29.--() -- Pitching suddenly into a tailspin, an airplane carrying Charles James, during Negro license pilot, and a white companion crashed to the ground at the municipal airport here Saturday afternoon killing both men and leaving the ship a tangled...</t>
  </si>
  <si>
    <t>                                           Tuskegee And Wilberforce Again Tuskegee and Wilberforce are to meet the Windy (Wind-dy) City again on October 22nd, so we see by the papers.</t>
  </si>
  <si>
    <t>                                           I have been reading the Problems of Everyday Life and I am asking you to give me a little advice about love with a boy 21. He is the first boy I ever loved and the only one.</t>
  </si>
  <si>
    <t>                                           C. L. WENTWORTH Successor To MILAM COMPANY Auto Bodies, Fenders Repaired Seat Covers and Top Work G. I,.  17-19 Piedmont Avc, N. R. "WAlnut 8970        , Gu;</t>
  </si>
  <si>
    <t>                                           PETERSBURG, Va. Aug. 31--Nathaniel Jackson, 20-year old Tuskegee sophomore from Laurinburg, N. C., established himself as "the people's choice" for high potentate of the tennis kingdom by winning the eighth annual Southeastern open championship here last week.</t>
  </si>
  <si>
    <t>                                           CHICAGO, June 15--(ANP)--Although there were only twelve colored boys entered in the eleventh annual collegiate track and field meet held at the University of Chicago Saturday afternoon, the lion's share of the meet's glories went to them.</t>
  </si>
  <si>
    <t>                                           Dr. Joseph E. Walker, president of the Universal Life Insurance Company, of Memphis, Tennessee, is one of the most interesting personalities in the field of Negro Business. His name has been, and is yet, linked with some of the most successful and outstanding Negro...</t>
  </si>
  <si>
    <t>                                           G; 0; PI Gorrimitteemen oh Convention $                 rhi; roads of all good Republicans now converge at the inr. spot Chicago, where the Gland Old Party is alt *-i to open its national convention June 11. Above si* sonic of the first party dignitaries to arrive on                 the battlefield. They are left to right: Joseph W, Tolbcrt, national  from S. Carotin*! R. A. Gunn, of Michigan; J. W. Arnold,           man from Georgia, and Pat Sullivan of Wyoming.</t>
  </si>
  <si>
    <t>                                           Gene Ar Spellbinder                 Mr. James Jo 1'. bettor known a3 Gene, delivering a political speech at an  of a Democratic association at Stnmfordt Conn. It is reported that the former heavyweight champion is being groomed for the Democratic  for the U. S. Senate,'</t>
  </si>
  <si>
    <t>                                           61 are Graduated by Morris Brown                 In  C or the 47tli commencement exercises of Morris Brown college,  were  01 graduates, representing five different  of the college, at the  held Wednealay  at 10 o  at     Bethel A. M. E. church                 The commencement  won delivered by Dr. J. E. Hillman, of hi- stale department ol education, of NortliC.. In his speech he treated tue historical background or* Negro -ation In this country, starling buck as far as 1016 and developing the field up to today. He paid due tribute to thc church as the  in the effort to educate the Negro, with the large foundations of this country taking up and perfecting this work. His  brought to* the graduates a .' of valuable Information concerning the development, progress nnd future of Negro Education. Binhop W. A. Fountain and President Fountain made short talks relative lo thc immediate program of the school, which is to be expressed through a n emergency campaign to raise $25,000 by August 16. Music for the program was furnished by the college orchestra                 n ml  club under the direction c( ProtesMor Frederick Hall. Diiilumns were  th* following: Commercial  Nixerinc Austel), Mary l,Ue *y. Mark- Clara Brown. lUtra Marie Hurnelt. May Jnuie Cum* , Alma l.oui*   Davis. Mm. Thelmta Itoyd Davis. MnritueriU' Rstel Doziwr, AUkt* (, Elluibetli Hrownintr H.-nth.  J**y Ma.: 1'.      I'rvKKlr-y, Alice M. Kaiclantl.       Moe Shield*. fV kt U*e Smith, Kdna May Taylor, 'ITieJmti Hutches Walker Frank ie l.n WaU-m.     Mae Wllll..-  1-, Culnnthn Louise       . Normnl- Junior Collnce Melvec Flora Dell Adam*. Flora Louise I In lie, Murtcaret l. -, Kunnie Mae Murphy, Sarah Mue Thomas, Alma Louise William*. Theological Paul Fountain. Timothy T. Iv,-y. Juieph Waril O'N al, Doyle W WIl'ks. OoKrcM   :ro awarded Huchelor of AtIa; Ronn l.vc      , Lorenia I. Alexander Annie Mae Brown, Homer Thomas , Willfo Herman Cole, Robert Cbu Hen Cornell, Leroy Charlton Credell, Fnmliro Ilarriaon -Fountain, Mabel Helen Fountain. Matthew Henry Green,      *rine KHiubrlh Hill,' Aza Caaa John* son. J{enry N. Jnmcs. Charlci Evvrott Lowe, l\url    Munhall, Myrtle G. Maxwell. Frank- M. Nelson. Ob borne Ntslko, Theodore* N Oliver.. Henry        11*0    . Charles .W ScrURRa, Altl Lea Scott, Miller Solomon.' Kcnnon Thomp. eon Nlihie Grace Vlctrora, Mary E!i?. .Wadley. John* R. Walker and PhilI lip Sheridan William*.- Honorary. D. D., Dr.- Ernost Hall, Reverend C. A.'Gibba I mid Ilcverend J Frank .</t>
  </si>
  <si>
    <t>                                           In observance of the 47th commencement exercises of Morris Brown college, diplomas were awarded 61 graduates, representing five different departments of the college, at the services held Wednesday morning at 10 o'clock at Big Bethel A. M. E. church...</t>
  </si>
  <si>
    <t>                                           Carter and Hall Launch Sale on Goodyear Tires Carter and Hull's -STOP Service Station, located between Hull and Port Ktrce1.. on Auburn Avenue, has launched a sensational sale on COODYKAlt T1K!\S and . The  of C.OO1)  e every tire made. These tires have a wonderful reputation and arc the fastest. si : tires on the market. Tarter and Hall are  affilliated '.vth tile local ('.itors ami can  everv service in the .-e of these tires Today's ad in y.nir WORLD is iiie . of a series (T  to he run by this now popul:!!- ON K-STOP Service Station. 1'ell all your friends to see Carler and Hall for  tires i!ur:nc:  sale. Many  will buy tiros for he FOURTH maybe you will, j ,--sc!f T.iye Carter and Hall "". Not because they are  nli rod hut. because they can :ivo you more than any other tire  in the city. They are more .-ted in you and your we!;irp. Pnn'l.  to tel1 your friends  . And, don1', you  OPEN 11 A.M. 15c f JOE  in The Tenderfoot }</t>
  </si>
  <si>
    <t>                                           A call from any part of Chi...</t>
  </si>
  <si>
    <t>                                           The Daily World is published especially for yon r '4</t>
  </si>
  <si>
    <t>                                           - ^e I t r i a m r- HaaE^</t>
  </si>
  <si>
    <t>                                           COL WARD TO TALK ftT Y                 Vets Hospital Head Chief Speaker in "Kick-Off"                 STARTS AT 3:30                 Col. J. H. Ward, of the Veteran's hospital. Tuskegee, v bthe principal speaker at the "KickOff" meet ng of the Butler street Y. M. C. A. annual membership drive -which -will be held at the Y. M. C. A. building today at 3:30 p. m. several other  will be presented by R. B. DeFrant, director of the campa:gn, who will presiden. The campaign will swing into full action Tuesday, June 14 and will continue until June 20. The goal has been set for 500 members. Opening the drive accept;ng the challenge offered by Associate Chairman John Hope, General Chairman Jesse H. Hanley and Associate Chairman T. J. Ferguson, each gave checks for $100 memberships in the drive. Speakers this morning will carry the opening of the drive into 34 churches throughout the city. The speaking will be under the supervision of Jesse Thomas, chairman of the church cooperation committee. R. B. DeFrantz will lead a coaching conference of workers in the , shortly after meeting Sunday and all are urged to be present. Captains will draw their prospect cards.                 'Y' FIGURES                 Col. J. H. Ward (right) director of Veterans' hospital, Tuskegee, who will be the principal speaker at the "Kick-Off meeting of the Y. M. C. A. membership campaign at 3:30 today. R. B. DcFrantz, director of the campaign, is on the left.</t>
  </si>
  <si>
    <t>                                           14 Fined $12! in Piedmont Avenue Raid                 Fourteen persons charged with being occupants of dive, who were arrested July 4 when . rrs made a raid at J!~3 Piedmont  in answer to a call, were Civen .'ines of $!.~~ or twenty days iti the stockade by        A W. Colloway in Recorder's  Tuesday. According to the  nf police several ; games were in progress when thev entered. Ono of the occupants nf the house in escaping by climbing a tree from the  story window and jumping over to the an adjacent hou.se wns shot at hv Officer .1. E Floyd, but was' not thought to be injured.</t>
  </si>
  <si>
    <t>                                           MAXEY CASE UP AGAIN TODftY                 Expect Completion of Hearing; Will She Be Indicted?                 STICKS TO STORY I                 After being withdrawn from action after a few witnesses had been heard before the  jury Friday afternoon, testimony in the case of Mrs. Beatrice Maxcy who is being held for further Investigation in connection with the murder of her i husband. Monday, May 30, is                 to be resumed and the matter I completed today. j Mrs. Maxcy, who has been held j without bond, since the coroner s' J-ury: presented Us - j lion, June 1, following an inquest i at the Ivcy brothers funeral homo into the  ol' her husband who was shot at their home, 784 Greens- i ferry avenue, that Monday night, I is being represented by Attorney i William Schlcy Howard. Attorney Howard states that Mrs. Maxey is firmly holding to her version 01 the incident, saying that the veteran public school principal met his death when ho was shot with his own pistol by a burglar that night He added that although ho hoped for a "no bill" he was busy at work making preparations for tho-defense=-cf-.lhe^case.- Detectives Ginn and. McGnrrity, whose investigations into the case, coupled with the conflicting testimony of neighbors  police officers whose statements varied in some details with the statements of the widow during the Inquest, are ready to present their side of the incident to the grand jury. The slain man was 56 years old and had been married for 33 years. The couple had four children. One probable cause for a ritt in  friendly relations, the refusal of' the father to permit  youngest daughter to stay at homo during her last three visits to Atlanta, as well as the  to her oC the right to stay under the parental roo.' this summer after slie had completed her four years college work at Talladega  wlth honors, was emphatically cast aside by the widow who stated that there had been no trouble between them on those grounds. When Prof. Maxey's body was found, he was lying face downward on the floor, a hammer in his hand and a hat on his head. He was shot in the back. Mrs. Maxey testified at the inquest that the burglar after wresting the gun from her husband, leaped up the stairs, daring him to come after him. She denied that she knew that the gun was to be found at -the foot of the steps although other witnesses, including officers, said that she told them where to locate the weapon.</t>
  </si>
  <si>
    <t>                                           After being withdrawn from action after a few witnesses had been heard before the grand jury Friday afternoon, testimony in the case of Mrs. Beatrice Maxey who is being held for further investigation in connection with the murder of her husband, Monday, May 30, is...</t>
  </si>
  <si>
    <t>                                           FAIR TUESDAY.: Wnlnesdny partly cloudy.;  showers. .put.24 hours, 68; , 88;       6.:78. C. F. von Herrmann, MeteoroldgUt, .WSather Bureau. t t*</t>
  </si>
  <si>
    <t>                                           WELL, WELL, WELL, and ho-hum! The grand "scram" to 'Nooga is over, but the melody ... one should get romantic enough to call hoarseness, barking "dogs" and physical weariness that lingers on. The Atlanta Daily World party after a gargantuan squeezing, sandwiching, and what not, ... got in a unified body and mounted a slow excursion rattler to Chattanooga, Tennessee and Lookout Mountain, there to enjoy the many wonders of the elevated ... nearly seven miles above Chattanooga proper. This "World" party arrived...</t>
  </si>
  <si>
    <t>                                           Well Fans-- I am further convinced that there is something in names: when many of the fans dubbed me fish not long ago, little did I dream that I would soon find myself acting in the role of a fish along with other human species who come here annually to feast...</t>
  </si>
  <si>
    <t>                                           They were there to numbers and everybody had a good time, even if all they got wei some of the lemonade and good sandwiches for which they paid with kicked shins and squeezed, tired bodies. A few might have been disappointed because they didn't get some of the...</t>
  </si>
  <si>
    <t>                                           BAD 'IKE::                 BY t P. BEYNOtDB                 "I'll- bo  you .to.C tho',,:*ond"~5 Raid o'.'volco iu. ho wmm. walking* through the grave yard- lie ;       $g ns ho pulled off 5    '. i 0U?    be with mo D y--.it you. ain't (Ora to. do  oma gcod..ri.;,^jj^^g</t>
  </si>
  <si>
    <t>                                           SOUTHERN  SYNDICATE. INC..   Foundfi r;.nt  a s^:z::: . l!U_ PUBLISHED  AT 2   AUBURN .A VI., N. K. TELJcmONW: WAhut 141?   d Ult AOVERTlSINR REPREflENTATIV* W. B. 2IFF C0_      . New York.</t>
  </si>
  <si>
    <t>                                           For Your HAIR SCALP Use DERMIS CURA TWENTY YEARS of             Send SI tor        UK1S-KURA MFC. CO. 47!I Tstiull St., S.W.. Atlanta. Ga_ Id Your City     Do Good for th# Public MADAM f^a WHARTON    Palmist mud Clalnroyaltt ^^HC^H Advice in . laTa. ^Pf^H  *: Haw H-1'  ln 1  . H't'l'l I              U        M-VU-I MADAM WIIARfc^r^J- 1 TON bM no mtl for fc \    an aa il(   . Ob.  u to a C*       A           will npar T-  i^kiJ.*" far  Baaj . RMdlnci (or WhlU     CalarW SPECIAL READINGS- 50c 1513 How.ll Mill RoauU AtUota, Ca. Marietta Bowdl MUI Car- Sanad Houa from Saabaard      EXCURSION TO NEW ORLEANS and GULF COAST J SATURDAY. SEPT. 3RD Tickets Limited Ten Daya I Mobile $ 8.00 Pensacola 8.00 Biloxi 10-75 Gulf port 11.50 Pass Christian 12.00 Montgomery. $3.50, Good I 3 Days Pullman Farea Alto Reduced t' THE WEST POINT ROUTE I WA. 2726 WA. 3666 New Orleans 12.50</t>
  </si>
  <si>
    <t>                                           JUST ARRIVED! MADAM MINGY The Woman *HBP^^H w*w Know* ^F^~feS P^Initt and Life R*a4 r HaT^H Tails pact,  and   M future. Giwi  an WWW all  af lift- *l*kal Low. Marriafr and spec* BBBBTrrri action of all kinds. IV-T^-I Polnta the waj of aU Hf^wl trouble and, show  m- 1 \r*B dow ~*            . V m Tdk taek7  tv* ~^k A M and girt* luck?       HHavdaaV benu Satinfactlon * . Office        3 A. M. t* 3 P. M. 638 McDONOCGH ROAD (Acrmw from Prderal        SPECIAL READING- 50c Look for Name on Sirrv- Not In Tent</t>
  </si>
  <si>
    <t>                                           PAINE COLLEGE $ AUGUSTA, GA. /..'-.I' I Unusually fine physical plant located in one of' the South's most attractive winter resorts. Excellent moral and spiritual environment. Emphasis on high scholastic achievement A well balanced extra-curricular program Standard accredited courses. College and Hijtii School Expenses -unusually reasonable. For catalog and other information write: .E.C.PETERS, Pres. -"y'r-:?r"'-;-:,':vi.-;^:;.:;y;%.::,,.-,,a);;^-;</t>
  </si>
  <si>
    <t>                                           Joseph r. Fielder .1 I     Daily I</t>
  </si>
  <si>
    <t>                                           Bleach Your Skin To New Beauty I No woman can win the complete admiration uf men unless her 'kin Is light, clear ami . Of :u! Known methods of clearing- the complexion i of ruinous, unnatural Impurities, blackheads, pimples, freckles and other blotches, Nadinola Cr'-.im ly the KimpIcKl, quickest and must ButiMfiii-tory- Just apply thin     - fragrant  at bedtime nu , no rubbing. Nadlnoia (  fresh, youthful Wauty to I your Hkln: " u soft . I , ,  complexion; j closing up large, ugly pori-s and leaving  skin Ivory -while, . j Don't rink your face, nnk, arms and hands to cheap  , ointments or lotions, but bo  to uho real Nndinola Bleaching ("reuni with Hh DOUBLE ACTING  found in no other product. Hot a big f.0c Jar of Nadinola Hleachlng Crofim nt nny toilet counter:         It tonight, and tomorrow you will hoc a hint of the wonderful re- j HUltfl to expect. Munny-l'.uk KU;lI- antec In ' pack/ig".  BLEACHING CREAM Ma*u itl*r,j h .   "-.' 7fi-v: Co., /V.i. 7^n,</t>
  </si>
  <si>
    <t>                                           JUNE BRIDE. Mlmi Mablc Miidlock whose engagement to Mr. Joseph M. Wiggins was  to  into matrimony on Sunday . June 19, at the home of Mrs. Martha W. Gorden, 1853 Bismark street. Memphis. The couple are residing at 962 McDowell Rtr*                    Photo by Hooks. Memphin</t>
  </si>
  <si>
    <t>                                           DR. JOSEPH L. CARWIN. Jr. of St. Louis, Mo., who is visiting his aunt and uncle Mrs. L. M. Lunj- and Mr. Richard Pierce in Columbus, Ga. Ho will leave about the first of July for WasTiintfton, D. C. where he has been appoints interne at KreeJman'a Hospitil.</t>
  </si>
  <si>
    <t>                                           Mrs. J. L. The average height a 13 years for boys is about 58 inches for an average weight of 38 pounds. It is nut true, as you Lave been informed. that children do not attain their normal growth until after 14 years of age. The growth of a child varies within...</t>
  </si>
  <si>
    <t>                                           MARTIN JONES, 54, was bound over to Fulton grand jury on charges of murder following his committment hearing in Recorder's court Tuesday, Jones, last week, is charged with having shot to death his 27-year old son, Will Jones following an argument over the...</t>
  </si>
  <si>
    <t>                                           CLUBS t^^^J      J ^Jiyin,,.^/'m j RECIPES</t>
  </si>
  <si>
    <t>                                           Appointed to R. F. C.                 i ~,.!-...;,(:ii jj, .#l: '}~~',.~:':'- M'.'y.:r</t>
  </si>
  <si>
    <t>                                           t;:,.EY S Mon. July 4 and lues. July 5 B^~S Phillip Holmes TONIGHT-- JUST ONE MnTOIE AFTER 12! BffYlAL S^"TAXI"     "~i" aS. 'NIGHT  THEATRE "That's Me" IflJ^I "His Sweetheart" THEATRE Jean Hersholt Also Monday July 4th and Tuesday July ,,th</t>
  </si>
  <si>
    <t>                                           - "   .       *, your complexion U u. smooth M      ^ia9                             .- .Hi:"W.n.taiB*r.ii*T  t .it bef I uj.d th. nme Ep1'1"T'  treatment you      Palmer s Skln-Succesi ' g^^. Jtaiuaiti And SMU      M cta^</t>
  </si>
  <si>
    <t>                                           I GEORGIA, k"irv1-* 'w-w s vv   4 VIRGINIA c v:";: ~.S^SI*S.,: News of Ydiir Honie J\mm c^K^OLINA</t>
  </si>
  <si>
    <t>                                           YOUTH Wear this frock for summer nights....for Sunday nights ..and for any night at all when you want to look your loveliest.</t>
  </si>
  <si>
    <t>                                           STRAIGHTEN YOUR OWN HAIR AT HOME. New discovery straightens the most stubborn hair  and surely. Apply it  t homo in few . Cost* little. Write for free offor. ELITE PRODUCTS CO. 1214 Portage Ave., South Bend, Indiana</t>
  </si>
  <si>
    <t>                                           Nurse to Brave Atlantic on Rome Flight                 Planning to fly from New Yorh to Rome, W T UIbr!ch,?MiKS Edmr Newcomer nml ?r. Uon  mre  hown ot Floyd Bennett Airport, New York, aa frey Inspect   cir Bcllanco plane, "Amer-an                 Nurse." The ship Is named In honor of Miss New. comer ( shown in Inset) a Willlamsport, Pa., nurse. The trio plans to take off soon and Miss Newcomer  to make a parachute descent on Rom*.</t>
  </si>
  <si>
    <t>                                           Howard Pooh-Poohs North and South Political Feud^                 WASHINGTON'. AuRu.-t 28- CBy"! T. W. Anderson lor the Associated NcRro Press)- Referring to reports carried in Negro papers last week that "many northern Negroes were angry because they were not in- vited the luncheon and - cation exercises of Horbprt Hoovrr I                 as Presid. nt of the United States on the Republican ticket on Auk- I ust 13." Honorable Perry W. How-  ird. national  from Mississippi declared that the statement             pure ignorance 'or. said he: "Tlie Negroes who were invited to the notification were officially connected with thr republican party,  iUl invitations were issued officially. I 'It should be understood now j that the majority of the NeRroes in                 the r. publican party come from the south." Mr. Howard continued: 'Mrs. Booze ;ind I were there because the National Committee sponsors of the notification: Dr. Harris of Georgia was  officially as a member of the notification committee: Dr. John R. Hawkins was there as the only Negro present unofficially, because he had h' acted up the colored organization for the last election campaign; Dr. W. H. Jernagin, was  as a member of the national convention, having been a delegate from tlv District of Columbia. Any  that, northern Negroes have been discriminated against should, therefor* be removed by this explanation." Mr. Howard further commented                 on statements carried in a local while daily. to the effect '.hat Dr. Hawkins. Robert (Bob) Church. DePriest. Roscoe Simmons. Charles Mitchell, and he. Howard, were to head the N'egro setup for the coming presidential election campaign, saying. "I am well  from a point of organization recognition. 1 was re-elected as national committeeman :ir.d since I am a member of this committee which is the controlling body of the party, it would certainly be no promotion to   \ or advancement, to head or become connected with any subordinate branch of the organization." The statement referred to appeared in the Washington Times, a Hearst paper.</t>
  </si>
  <si>
    <t>                                           WASHINGTON, August 28--(By T. W. Anderson)--Referring to reports carried in Negro papers last week that "many northern Negroes were angry because they were not invited to the luncheon and notification exercises of Herbert Hoover...</t>
  </si>
  <si>
    <t>                                           When in Need a... Notary Public COME TO THE AtlantaDaily World Office 210 AUBURN AVE, N. E.</t>
  </si>
  <si>
    <t>                                           The traditional South was wet, The old fashioned, manorial Southern gentleman without his toddy was a contradiction of terms. Southern hospitality connotes the overflowing of the bowl. Any suggestion looking to the control of his conduct was deemed an...</t>
  </si>
  <si>
    <t>                                           JACKSON, Miss., July 8.--(Special to the World)--A great statewide mass convention of Missisippi Republicans was held at the Parish Street Baptist Church in this city under the auspices of the Mississippi Civic League, S. W. Miller was elected temporary chairman...</t>
  </si>
  <si>
    <t>                                           Gene A.s Spellbinder                 Mr. James Jo I'unncy. better I known as Gene, delivering a politi- cal speech at an outing of a DemoI eratic association at Stamford, Conn. It is reported that the former heavyweight champion is being groomed for the Democratic  for the U. S. Senate.'</t>
  </si>
  <si>
    <t>                                           ^7 STATE NEWS                 Warrenton, Ga.                 Mr. J. D. Shocklin or Tennessee is here visiting Mr. and Mrs. Willie English. "Mrs. C. Pot Lowe was funeralized at Salem Baptist. Tuesday afternoon. She is survived by three children, 11 grand-children, 3 great grand children, 1 great, great grand child. Mr. Johnnie Cooper spent Thursday with l ttle Johnnie Bat Mrs, Jas. S. Walker and Miss Emmie Walker spent Wednesday afternoon with Miss Kuth 'HenderThe Young Men and Women of the' B.Y.P.U. will organize a social dub dt' Pleasant Grove Baptist Sunday. The Third Sunday will be Children's Day at Pleasant Grove Baptist Church. Come out and see what your children are doing. Mrs. Eff:e Burley and Mrs. Decy "Brown were the afternoon guests of Mrs. Mablc Jones, Friday. .The Auxiliray Board No. 1 met  vat? the home of Miss Zora Ruff, ^Thursday afternoon. Quite an interesting meeting was held. Mrs. I '(.~Winnie Murray," president; Mss Artie 'Smith, Secretary. Miss R. "^Thurman, treasurer.</t>
  </si>
  <si>
    <t>                                           ECONOMICAL  j Of course you want beautiful hair, but perhaps you     .'.: felt that you just couldn't afford to give your hair the can-* it should have. There's no reason to feel that way now,     cause Genuine Black and -White Hair products arc ; so economically that everyone can afford them. Read . they will do for your hair. Then try them today and yoi;! -will agree that Genuine Black and White arc the finest :', products in all the world products that will '; bring glorious beauty to your hair. V THE EASIEST WAY TO DRESS YOUR H^SR J Apply Genuine Black and White Hair Dressing according to directions. ThciS dress your hair in any style you like. You'll be. amazed at ilic casy;\natur^ way every strand falls into place. How it glist* ^~~~~~^BBB^Bl' ens and sparkles with lustre and beauty. Gcnu* ^^^^^CT^^^^^^^^I^HJ inc Black nnd White Dressing keeps your- hair ^B(s^^^^"' r^^^T'  that way, too, always looking smartly dressed BBy^" ~^: and lovely. Two kinds: Amber 30c. White '50c. Hps*V' {*" Jm  EBv BLACK355 WHITiE 111" ^hI Hair dressing ^B^^^y THE EASIEST WAY TO GROW L(~Hfi H A I    Genuine Black and White Hair Grower stimulates the elands of the seal; and promotes full,' ^*'*~ ^. Rrowtli. Gives you .otI BLACK^WHITE I^S^^S^ HAIR GROWER .I-  Y* .^JSS=i2     i.^-- you; druggist. "-~^J^uw^i-THE EASIEST WAY TO P R 0 T E (BT H At Genuine Black and White Glossinc protects your hair from hot combs^^~n irons. It adds M ^^^~^w a wonderful y X^^^^s. closs, keeps $t*s*    /*tft %  M^^^HmC^ hair neatly ^fy^ 1 ^Sst"^r SS\Ht *\ pressed and WS\ fl ^x^~"l A /I' 1^"^ V K^^' prevents  BLACK^WH (TE WffecVw xm :  "'zH . Large' i</t>
  </si>
  <si>
    <t>                                           The Most Thrilling Climax Ever Filmed Comes to You TODAY ^SS ~.W.'Ji^ t"~ (SKV "HIDE    } i^'rag.  t --Fti Nt^s*. ,    th0 "    of an I m* V^* ~^^~v* f ).              The plane climbs and ^f*!2!      @~" /^^j;^7 zooms in a dizzying dive! ^     ^*? \^Wm "~\s Ths crowd yells for a ^r*^?T\- ,f V5'     *S)~' terrorized boy is clinging to /1m Jto^'fS-'O screaming struts /AbsP^~S*J' and thc pilot doesn't know A'^v^^^^J' hcs  Save him, 'r^Btef**/ "Speed" Condonl But you /sEra. RICHARD ARLEN ^^k JACK  /J^H[ VIRGINIA BRUCE      } BOBBIE  ^^^mi Run Pkturtil. r You'll never know how.^ood ^/T^i^ a cigar can be until you^ v^~ "I. Lewis Cigar Mfg. Co., Newark, N, h'^^,$^m</t>
  </si>
  <si>
    <t>                                           Up From Georgia With My Banjo By Thomas Jefferson Flanagan THAT COON DOG FIGHT A bunch of boys were whooping- it out: telling- everybody to come, From the top of a rapped truck they blew and beat a drum Reading- the blood dripping sign they had flapping left and right, It only said: "Meet us at Jim's and see 'Big Goon Dog' Fight!" "Yow-yow-yow-_ Yow-yow-!!" $~,'~ Went those fellows "Bout the coon dag- fight. Now we had seen the horses race, and hearts fail at track meets, Tournaments on tennis courts and fist fights in the streets: We'd even seen Spaniards brave subdue the big bull s might But never before had we heard of pitting a. coon dog fight. "Bow-wow, bow-wow, ~'W Bow-wow wig-Ji t That's gonna be "Still they yelled 'Bout the coon dog fight. We couldn't work at writing r.or books for that  noise, Tx^ffic On thc  was Jnmmcd %v th all sorts of  d give everything in the world to be at Jim's that night: But for us, we had our fill, right then of that coon -'og fight! Still they yelled A motley sight Beating that drum. And "Coon Dog Fight</t>
  </si>
  <si>
    <t>                                           The final plea of Albert Jackson, Peach county resident, for his life, was heard wednesday by the state prison commission. Jackson is condemned to die July 20 in the electric chair at Milledgville for the murder of Mr. and Mrs. Green Hartley, aged farmer couple...</t>
  </si>
  <si>
    <t>                                           5   YOU KNOW: T"~~~^ 1 Hll)r. Young's HERB MEDICINE 3 : "'.J11^ Thin I.    - old         'CJitn.rif "m BBB - *r" hu:: '~ lor ~-y .TObu. A? MjnM^DDI^ tT*-;, "urh Lfc" 1-~:r^.        . Hmrt. LI"- Ci-         ?,"i'""- BI*dd'- Trrx-W'. CooitiMtlon. A5s,ad! i ^^S5^    !~l' Tnnblr  r.d AM Trouble  T1  M1. whom T*7 ~*~nc*ra.      *t    . Don't xlr,  HE^^N^rS^) 4    Tr. 1.          ^J A. M. t. P. M 7 3</t>
  </si>
  <si>
    <t>                                           Needy Column FAMILY  SOCIETY 2"3 AUBURN AVE, N. E.. ROOM  0. PHONE WALNUT G68S Has some one an old sewing  that she  give to Mrs. Harris, a widow with ten children whose ages r.*~neo from 19 years to 3 years. If Mrs. Harris has a machine she will be able tn m.-   " and (Tarn clothes for the children which will keep them from being half clad. Mnrie Is anxious to graduate Thursday. Her mother is old unit ', out of work. Sister is at home paralyzed. Has been for two years. Will somo one give $2 to get Marie a pair of white slippers and stockings?1*</t>
  </si>
  <si>
    <t>                                           CHICAGO, Sept. 27--(By Charles Isane Bowen for the Associated Negro Press)--The annual Phillips Harrison pre-season football game ended in a scoreless tie last Wednesday when the popular inter-sectional prep classic was played at White City. This was the eighth...</t>
  </si>
  <si>
    <t>                                           "The case of Angelo Herndon young Atlantan who was arrested recently and who must face next week in your superior Court on charges of attempting to incite an insurrection, is nothing but a frame up." Attorney William L. Patterson. New York attorney for...</t>
  </si>
  <si>
    <t>                                           PASTOR TO LEAVE                 Kf.V A KAY. I)-D. -V.'im v:  -'y.-.::e V.'nrr.er T. :;-.p!- d"'-'" :^e"' pin.s f..nr:i:cn i--'-- 'ho Xc-.v Oric.n. ci ri-.:Mx.? K.l.k-r. He breaks -c of n.'fxi' . iv,,-.  i-:r.: :i! '~r.c cl'. '-i- ::-:.i!: ."i:iv  illi.r Met I     blii-sS;.'i:.i f l-M v.-:'-'; ~-.i:r. V.-..-1! in hi:, nr.- f^l'i</t>
  </si>
  <si>
    <t>                                           Annie Wiggins Brown Sings At Juilliard                 NEW YORK, June 8 (By Carl Dlton for the Associated Negro Press)- Annie Wiggins Brown Baltimore soprano, winner last fall of- the Margaret McGill $8,000 . endowment offered overy few years to the best undergraduate': or ex- female   the Institute of Musical Art ot the Juilllard School of Music, appeared on the commencement program to- as representative of. the vocal department. She. 'rendered In a most artistic manner.' Berlioz" La Captive. Op. 12 (a reverie 'for voice and orchestral. This. Is Hi,, "first time In the  of the institution that a Negro singer: hns been thus honored. Miss Brown was  by the. inestimable Institute Symphony Orchestra under thc direction of Wlllem Wllleke.</t>
  </si>
  <si>
    <t>                                           Sidney C. Johnson }, LARGEST EXCLUSIVE USED CAB DEALER IN GEORGIA ULV Tiir. MKS'l^-!? ca.-i  .ml ta'.w.c. i  3I* 4-Door MiUn;~Of;~ I Perfect      ;.r-.... *P*J^-'   Cnutc: i!  1.1- beautiful cir.   4        t?iyO 1 'JO' Ituoitieli I)t Luxe, 1- Sedan:  li wire ; C9Q^ j  tick ~/yO '~"'" ec^.1 $145 1 I 'ii^\Vi^-TJT^:- SZ $145 i '""jii'^: 3275, l VjiPontlac 2-Door Sniini i-T tires: '2Jt!       Ro.i.; i b.-. i 2      """(;il!ri-V P'rTtcl 1 ~:~-.Njvli l:e;.il Sf.   ; J-'-r:  "J^"c^r $245           'llr     .~:    \~r- 1 Sltf..^.! $165  t JW ir =.~)~~r Vd.i.:  .     .i!.cJ pJ^^ Buicks "3j (J7 ji. Cylinder 1 -Unor. ^1 r*- Wheel .Sfclan: luo.s and  ^745 'i*- J;* SlimJ-ird C 4-Door SoJan:  n $545 ;i; Sl.un!~r.^ H-.tlcS. Cnrirr: ~:itIn.il   ;:r.. lo"1.~ ii^~. .lr..--.i .,uill.O.H ti:!  ; J.ir.i-Jii r:t- C^Qq M'S-1' llu rk Stin. ^ m..,   ..~,: I li'- nr.;:ual I ipo l  pnl! V^^O -2'j i: Ma'trr I-i)    S^'l.-.n: i.      il l,I.ir'~ Doer,: nili-l l-Jtlii-r     ...Kirty: n.~ U:-.: is^O^ 4      oi:U i:.Oi.o n:!"   --'~J ---H SlamlJtil -.'- 5fila.i:       '  [   .kiir-J: r-'i S",^,".''."'"1 .5195 '30 Ifi-i Sp"rt Comic;  '-Irr I ~!     :  lw Hh'o: i..-~" ex, In Allii.lA ^3Uo MI- .'fl^  ~:~n't Cii:'.": 'sTf^tT J JrUtn onli ll.i.M V U :l WP will loo-er Itic d-Icp in a-.t r\r 1  t.in i. I In .\:::nts. 100 Cars ti) : . 550 up. j Sydney C. Johnson J I'esrhlrr? ^VA. "11 LOT- Sprln.- p.r.ct r.- S!~. i '.j MA. Cl)"fl USED CARS Fine Lr.ie r.' C'~    ;r and OtHer Make Cars FULLY GUARANTEED AT NEW LOW TRICES 275 Pc; S!.. .il F.rrj-;! j Atlanta's Finrr t Disp;!y of BETTER USED CARS 1 ITJ2 C-~irj*Ter lit; I.ux,- ;,-.-,      I JM ( I)r I.mxc H M-J31, u is:il     ^r X v.m.u,. I.rMr  rrl..~. J V-      .itor. i\)M ~^l^^^kr m only *!Ul:    IO30 t  *lrr Scrt.Tn A 1 1 ~*t rr I Imtlj. !iyi!r; I, yt-~ l J20 ~'l;  ^~.-r f, Ciioc*-. t'.vim '^'.n. 1  fi:n![~~f)it ;:fj-. IH'.ICI     ".irr Tn "^i- **l i it  } I 1033 CHry.I.T 7n ..u;^! I \c*u. tl.  A.rj)      ~-        77 l i r..n- I i .ri I F. 1U0 ChDHlrr 77 Cmpr. KKra 1, l^!S Vhl] 'ni-~. I n:a ii,,,.,,,.,ij t, .i.',.,"     -;-,,'.(i: -,1 V.12-1 . c .-nl-.n. Mr  lr-""' i *U I I31X  0 CViarh.      ,i!.:,,,i I 1K8 Ilillc-k 6 K.. llin',1- f^al l0. 103L Mfrtrhnkrr fi     ;u:.VcX   9 MiT/ V.s^'.V"^! ,,lr* Hhrrli -'-I l Jtl Iln!r:t K^tinn -V I'JZIt ~'     c^irh 19!6.Oakliufd        i OTHER8 AT LOW PRICES. TERMS TRADES Harry Sommers f INC. 'I UStC CAR DEPT.  ts;.' 378 r*M^U*~ Kt.. at     .</t>
  </si>
  <si>
    <t>                                           [PuneraWotices 1                 HIGH- The funeral of Mr. Hich will fie announced later. R. C. Tompkins.</t>
  </si>
  <si>
    <t>                                           COBB-HEARD Furniture Company GOOD Mahogany Piano $59.00 Terms, $1.00 Cash Balance $1 Weekly 271 MARIETTA STREET</t>
  </si>
  <si>
    <t>                                           The body of Will Jamison who was shot to death by Stanley A. Puryear white, charged with the ax murder of his wife and daughter on the morning of May 1, was exhumed Friday morning and finfier prints were taken.</t>
  </si>
  <si>
    <t>                                           HOLD RITES FOR MRS.                  SAVANNAH. Ca.. Sept. 20- 'by     - Hundreds of persons turned out Saturday tn the funer.-il services for Mrs. Flora Abbott SenRstacke. the 85--old mother of Robert :S. Abbott, publisher of the Chicaco Defender, who died Wednesday I nt her  after five years of  invalidism Her son was unable to attend the funeral .due. lo his own illness which has kept him  for nearly a year. The office of the newspaper In' Chicago was closed all day Saturday. Mr. Abbott's mother turned on the switch to start tlie presses in his new plant when he opened in 1921.</t>
  </si>
  <si>
    <t>                                           Little Annie Lorine Smith, daughter of Mr. and Mrs. L A Smith, was surprised with a birthday supper Monday night, September 19th, and received many gifts.</t>
  </si>
  <si>
    <t>                                           pis^ "WAR CORRESPONDENT"^^! I ''SI'1 With LILA LEE MONDAY and I theatre Jack Holt and Ralph Graves Tuesday</t>
  </si>
  <si>
    <t>                                           BLACKJACK MAKES 1 TOUGH MAN SOFT                 When Officers Carpingger and Daugrlass made n visit on Piedmont avenue near the  car bains about II o clock Saturday night, .I'm Huff, fortified with some corn liquor and the pistol in his pocket, proved to be a tough customer until  by the officers, lie was  to the Grady where a cut above his eye was treated. According to the arresting officers, Ilufl" and s;x other men and women  sand and getting ready to continue, their celebration with .a supply of liquor that- had just been ordered when they . All seven were booked on charges of disorderly conduct while an additional accusation of carrying a pistol was   Huff.                 HIT BT Ct IN SERIOUSLY HURT Said to hav"e  out behind a parked car into the path of an automobile driven by R. E. Allen, 850 Park street, on Whitehall near Whitehall terrace about o clock Saturday night a man who gave his name as John Weaver. 407 McDaniel street was In a very critical condition. Mr.        , who is 50 years , suffered p compound frac-~ ture of the left leg. a possibly fractured skull, and a number of abrasions. Witness state that the car was travelling at a moderate rat*~ of speed when the man stepped out from behind the other automobile. Patrolman W. G. Scott did not make a case against Mr. Allen who brought the injured man to the hospital. Liquor Auto Hits Police Car: Men Run As Officers S. L. Ivey and H. T. Waters  the corner of Foundry and Mangum streets in their square car about 7 o clock this morning, two men, in an automobile being backed down Mangum street, jumped out of their car and ran. The ^rith no one at the steering wheel, crashed Into the police car, damaging a fender. The officers found a gallon of i whiskey in the car. No one has been lo claim the machine which was .ee! to the Spider garage.</t>
  </si>
  <si>
    <t>                                           "WHERE is Everett now?" asked the District Attorney, "We have him under close observation."</t>
  </si>
  <si>
    <t>                                           ONLY  DAILY NEWSPAPER. IN THE WORLD vt\a  EdIUr and Publisher '^       Managing Editor SUBSCRIPTION RATES i Ou     , It.SO 8 MonthJ, $5.00: 3 Monlln, 12.50: Wwkly.     PUBLISHED DAILY AT 210 AUBURN AVE., .V. E. TELEPHONES: WAlnut H59 and KCO li 4 ..*-Ait*rad -cUM Mfttter at the poit office at Atlanta. Ca.,  the t MEMBER OF TIIE ASSOCIATED  PRESS -''THE WORLD  no  (or   anit Into tho .</t>
  </si>
  <si>
    <t>                                           Up From Georgia With My Banjo By Thomas Jefferson Flanagan THK HOBO He's  lime  from the  and  farm And ho fares in the cinders and the rain. Trusting the    f his mighty sinewed aim As he rides the rods 'neath the train: Prom the old home grounds where he frolicked     ; With the k-mk he knew from his hirth i His heart  out with the engine s souk I As he wanders the ends of the earth. His face is  tlio flying of the coal. And the spray of the water s steam, An(\ before him is set no Klitterinj: K"al To  the end of his dream: Tis his to flounder from place In place In the whir) of the panic winds Where man seek-- to hide the  of his lace From TiVne's back-wash of his sins.</t>
  </si>
  <si>
    <t>                                           '-^/ ' OjJ^T NCffSPAPER. IN   !t WORLD ^^^  (. me,      MlllttllDwh JUmulmtliiuZ *iT'- ~~!*JP(M;R' 0F ASSOCIATED NEGRO PRESS 'ij^ftii   f.r   t ImM ^~~'~"'V'i.  RATES .T^.... -.,-%'        Ortr. I .  -- fii^. AT AUBtlSN AVT, M. K. ;-tf ^TBJtPHOKM: WAlaat 14 w  ad 1410 ~*tl*-*M--cm**Um_^ mt      Mt  at .   . ula     ^Jw..-.  ct  f Ibid J, U7</t>
  </si>
  <si>
    <t>                                           VICTIM !Si GETTING BETTER;                 Charlie Shaw, who mis injured  on the Marietta highway Saturday evening.. August 20 when iie motorcycle that he was riding was crashed into by an automobile  t0 make n left turn is he was passing it in Sliver Hills, is still receiving treatment at a lo;al hospital. A companion, Eddie Johnson, 308 Chestnut street, who was riding on the back seat of the motorcycle was killed almost instantly when he -was tossed about 15 feet in the air. Shaw, who lives at 33 Doray street. suffered a punctured lung, broken  bone, and a broken shoulder blade. The cyclist says that the driver of the car, whose name is Bird, claims that he thought that the motorcycle had passed him when he made the turn. Instead,: the  struck the motorcycle on the right side, throwing Shaw over the handlebars.</t>
  </si>
  <si>
    <t>                                           WASHINGTON, D. C., Sept. 28--Bill Bell, former Ohio State tackle, has joined the Howard University coaching staff, as assistant to Verden. Bell plans to major in physical education and later study medicine during which time he will obtain as much employment as...</t>
  </si>
  <si>
    <t>                                           C. L. WENTWORTH Successor To Ml LAM COMPANY Auto Bodies, Fenders Repaired Seat Covers and Top Work G. L. WENTWORTH 17-19 Piedmont Avc. N. E. j WAInut 8970 Atlanta, Ga.</t>
  </si>
  <si>
    <t>                                           1                 GHEEN Mr. Samuel Green. of 786 West Hunter street, S. W.. passed away Tuesday afternoon. Juno 28, 1032, at a local sanitarium. Funeral announced later. Pollard and jm Hancock. r! -Mr. Fred Robinson of 70 Jackson street, died Wednesday morning, June 2D, 1932. Funneral arrangements will be announced later. Hanley Company. FAIRFAX This funeral of Mrs. Ella Fairfax will be held today (Thursday), June 30. 1032, at 3 (p. m., from Ariel Bowen M. E. 'church Interment in South View cemetery. Hanley Company. RUTLEDGE- The friends and  of Mrs. Clara Rutledge, of  161 Hunnicutt street, are invited to  her .funeral today (Thursduy) ;U 11 a. m., from Corinth Baptist church. Inter-. mem Lincoln cemetery. Hanley Company.</t>
  </si>
  <si>
    <t>                                           Up From Georgia With My Banjo By Thomas Jefferson Flanagan CHICKEN Hf-S a regular Georgia dish, chicken, frying size. Give me the breast, the wings and head" and honey the liver and thighs! The  of the frying pan sets to itching my feet Goodtimes stay 'roun' your corner, for old Georgia's got you beat. You talk about your swimmin' hole and resorts where you fish Look for me a steaming in on a gravy dish "Way down yonder by  under Georgia skies Where those leghorn chickens hatch and get to frying size! "Chicken" is the song I sing, stay here 'till I die, Love the breast, the feet and wing, love the tender thigh: Let Good times keep his corner, for now we re on a rise He just couldn't keep those chickens from getting frying size!</t>
  </si>
  <si>
    <t>                                           Continuing our discussion of the symptoms most common in diseases of the digestive truct, we will now consider the odor of the breath which We note in various conditions, among sick children.</t>
  </si>
  <si>
    <t>                                           I MR. B. A. MILTON, senior at' I Morehouse college, Atlanta. Mr. Milton is a native of Washington,                 D. C- Photo by Kelly, Atlanta.</t>
  </si>
  <si>
    <t>                                           ~'ALABAMA jj_ NEWS                 {Oadeen, Ala.                 T!;.. Ai.il ..mi.i M. A. Si.!.- .~..,.-.-..:.-J i-.-y .:.J.~..b:.- .V-ull:: S.i::in!  - ~~~.run,: Ill- A'.lima M. A. Si.!^- l-:-ib NV- N::i-I-- ~"vif l.. i-.-V. i-l:i. k.:.. r::.... ,:.:i.:~-i. "l:..:l',r.'lT-i'l'-iit. M:u:it; 1' -I</t>
  </si>
  <si>
    <t>                                           CLASSIFIED ADS</t>
  </si>
  <si>
    <t>                                           At Curtis Trial                 Listening attentively to the evidence, Uetty Gow, nursemaid of tho slain Lindbergh baby, is shown in court at Flemington. N. J.. . the trial of John Hughes Curtis, Norfolk, Va.. shipbuilder, who is charged with obstructing justice by his alleged hoax "         with the         .  . tVol-nn-l l.;!]  for the Slute.</t>
  </si>
  <si>
    <t>                                           SAVANNAH MAIL CARRIER LOSES WIFE                 i SAVANNAH. Ga.. August 30- I Mrs. Wilhelmina Kisby Andrews, 1 wife of Arthur J. Andrews, prominent mail-currier here, died on Saturday. August 27. The funeral was held on Monday from the St. Augustine Episcopal church. The Monro- Funeral Home was in charge.</t>
  </si>
  <si>
    <t>                                           Baby Finder Meets With Many Rebuffs                 NEW YORK, June !l- WilUamAllen, truck driver of Trenton, N. J., who found the dead Lindbergh baby, is having difficulty in capitalizing h!s fame. When he appeared on exhibition in a Coney Island side show there were loud protests from the police nnd rival showmen against thus exploit ng the Lindbergh tragedy. Allen, who has had to struggle to support his wife and five children, was recently barred by the authorities of Brockton, Jin's,, from going on public exhibit on there and recounting the details of the discovery of the baby s body. A movement is under way at                 Coney. Island to. Allen's exhibition Vccnso' revoked. Dr, ;Philip- 1. Na'gh, President of the Coney Island Chamber of Commerce, has said he would  appeal to Brooklyn License Commissioner John J. Bracken for the revocation. For the first t!mo since his baby vanished March 1. Lindbergh re" to work Monday. He appeared at the offices of the Transcontinental and Western Airways, Inc.. where ho is employed in an advisory capacity... He had lost about thirty pounds and appeared much older, his coworkers observed.</t>
  </si>
  <si>
    <t>                                           YOU GOTTA KNOW HOW!         j Right, through hero you must know how to outsmart old man dollar if you re to j score a bis knock out you nuis-'t watch everything and j WANT ADS are one of the I most important Call WA. I H59.</t>
  </si>
  <si>
    <t>                                           -;t!r,ONI-Y NEGRO DAILY r4 EWSPAPEr\ (IN THE WORLD Mff.' J.^ Edlur *ml Pnbil.lxr     ^ HsnhaJI Davis _u. ManaclBS Editor :i L-:':-: SUBSCRIPTION RATE3 K:  ;  , I'.tO 6 Monthi, 15.80; 3 Monllu, J2.50;     . I0e V PUBLISHED DAILY AT JIO AUBURN AVE., N. E. TELEPHONES: WAInai 14S9 and 14S0 Bstered ai - Bitter at     poit o(~   at AtlanU. Ga.,  tha act of March S. 1879 MEMBER OP TOE ASSOCIA.TKD NEGRO PRESS 'THE WORLD  no / for DiuolH;  *~nt Into .iW^.</t>
  </si>
  <si>
    <t>                                           Big Bethel's combined choirs will be tonight's feature at the Buckhead Camp meeting with Rev. C.S. Williams, pastor of the Auburn avenue church, preaching the sermon. Rev. J. R. Wilcher, pastor of New Hope A. M. E. church, expect a number of outstanding...</t>
  </si>
  <si>
    <t>                                           I realize I am a married man and that I carry 214 pounds on a six foot, one inch frame. (Let this answer forever the questions asked behind my back by several dozen Atlantans. And I maintain that Ben Davis, Jr., the attorney, carries even more heft.) But what I want to say is this: in spite of these circumstances, I am NOT a safe person with which to leave one's wife or sweetheart if she is at all good looking.</t>
  </si>
  <si>
    <t>                                           Tall slender and beautiful Miss Ethel Tate, of Washington D. C., debutante sister of Mrs. Chas. H. Kelly is the gust of Dr. and Mrs. Kelly at their Chestnut Street residence.</t>
  </si>
  <si>
    <t>                                           CHICAGO, July 5.--(ANP)--"Sure I'm for Governor Murray," said "Jim" Noble, grizzled veteran Oklahoman as he sat in the Vincennes hotel at dinner. "I'd be bound to be for him. You see, I have been with him for 25 years, ever since the days when the...</t>
  </si>
  <si>
    <t>                                           y/ Ads Bring Results</t>
  </si>
  <si>
    <t>                                           v r A/rood part of every dollar  with World adver- It costs no more to buy from World advertisers than Am '~~?$~. I "U^ AM^____^ d?T8?* ds     ^jnto Negro pockets. Because it f I 1 from those places of business who do not think enough of i g '~~.~:~~$~ 1  T Q rir/^n 1 7A 0W8 these ^ve.      "8uIts-   )cnd lA/ S\1/~ I #4       4       in the one newspaper published i\ *M v  ^% W A^ f d Lf Ulll^C                  ^rN^0 org^ VV       1 here daily just . CooperaUon  adver- Lk    V A KT1 CAlff  CS W* %^*~~~J^^ which means your newspaper has just that much additional f f \   M\A tisers means a stronger and better paper with more money XjL%~ T ^A CMO^JL- OH cash- * for competent workers.- :"\'    .;:4%d!~m</t>
  </si>
  <si>
    <t>                                           The Southern Bell Social Club met at the home of Mrs. Hattie Murry, June 23, at 132 Randolph St. N. E., with the president presiding After the meeting a delicious course was served The next meeting will be at the home of Mrs. Smith, 1009 Parson St.</t>
  </si>
  <si>
    <t>                                           EPPS Mr. Willinm Epps passed away nt his           \ 310 Fivmtr , June C. Funeral announced later. C. B. Montgomery.                 CI.ARK- Mrs. Eliza "Clark died ut her resilience.. 243 Elm street Monday, June 0 1932. Funeral will be announced later. Cox Bros. WATSON- The. 'funeral -ot Mr. Joshua Watson will, be held in our chapel this (Tuesday). Juno 7, ut 2 o clock p. m.Revs. C. K. Brown and N.'J. Crollcy officiating. Interment Lincoln Memorial cemetery. Cnx Bros. FITCH The funeral' services Cor Mrs. Lulu .Fitch of. Conyers. Gn.. will be held this (Tuesday) from Peek's chapel. Interment in the churchyard. The cortege wil! leave onr chapel nt 10 a. m. Hunley Co. STRICKLAND- The friends and relatives of Mrs. Sarah Stricklnnd. of 189' Valentine street, N. E.. arc Invited _to attend her funeral thls^ (Tuesday), at 2 p. m.. from Ebenezer Baptist church. Interment South View cemetery. Hnnley Co. PIERCE- The many friends and relatives  .WillianvH. Pierce, of 202 Ashby street, S. W.. arc invited to. attend Mb funeral this (Tuesday) afternoon,' at 2 p. m. from Little Friendship Baptist church, corner Bedford Place and -Merrltts avenue. AH members of the Highest Hill Lodge No. 497. Ot Masons,' are requested to please meet at the church at 1 p. m. Interment South 'View cemetery. Hnnley Co.</t>
  </si>
  <si>
    <t>                                           EPPS--Mr. William Epps passed away at his residence. 310 Fraser street, June G. Funeral announced later. C. B. Montgomery.</t>
  </si>
  <si>
    <t>                                           Boy Burned- By 4400 Volfcs;  May Recover                 BIRMINGHAM. Ala.. Julv B- Coming into contact with a 4400 volt line on a BO ft. high tension tower near Pratt Cty. Henry Tellis.~ 13. 2027 Johnson street. Pratt City, was almost electrocuted and knocked to the ground Sunday afternoon. He was rushed to T. C. I. Hospital, by a Roberts ambulance, and moy recover.                 Hubby Shoots Hole In Spouse's Foot                 A hole fully three Inches in diameter shot through her  foot, doctors ut Graily hospital Monday  wero of the opinion that It would be necessary to amputate the foot of Mrs. Ethel DalUce, of rear 323 Chapel street. Police, in the meantime were making a diligent search for Robert Dalllce, the woman s husband, whom she said, held her while he fred the charge of a  shotgun Into her right foot i                 No cause  be seen for the shouting by Mrs. Dullice. other than she did not hurry in the house fast enough wnen he culled her. She was sitting on the front porch, talking, to two other women, she said when he called her. When she entered after a short time, she said, the enraged man. had taken a shotgun down from its usual place on the wall, and pulling her toward him, fired. Miss Etta Parks ami a woman named Henrietta were witnesses tO t^1*</t>
  </si>
  <si>
    <t>                                           Sunday, August 28. was probably one of the worst days for traffic mishaps for the current year in the Gate City, according to a checkup of police and hospital records. One man was hurt, probably fatally, while several others, including an aged women, injured a number of...</t>
  </si>
  <si>
    <t>                                           CHICAGO, Aug. 1--(ANP)-- Two of the world's greatest sprinters of all time. Ralph (Rabbit) Metcalfe of Chicago, and Eddie Tolan of Detroit, will be seen in action in Chicago at the peak of their form in the great international Post Olympic night track and...</t>
  </si>
  <si>
    <t>                                           ?/fsne W TEXTURE in your cakes^^KK THE DOUBLE           DOUBLE ACTING  A/^  At POWDER  I 42YEA$ 1 Night and Morning to keep 5j them Qean, Clear and Healthy 2 Write for Free "Eye Core" 3 or "Eye Beauty" Book X      .  .    .n.S.9K.0     .</t>
  </si>
  <si>
    <t>                                           Eddie Huggin, dapper golfer and prominent in the social life of Atlanta won the Southern ... Golf championship Monday afternoon by de eating Roy Jones I up at the 18 green. Huggins, is the only member of the Club who to gallantly upheld its colors in the...</t>
  </si>
  <si>
    <t>                                           Arthur Brisbane, writing for the Hearst papers recently, may not have had the Negro weeklies in mind, yet, his statement applies even more to the Negro Weeklies than those of the white race. His statement reads:</t>
  </si>
  <si>
    <t>                                           PJSivH BBK^^ggB ONLY NEGRO DAILY NEWSPAPER IN THE WORLD OtiAS Jjffiim^ f^U.MKl, M.- IoF^ =^= ATLANTA. GA., TUESDAY, AUGUST 2. 1"JKi2 ~=-- =^- PRICE THREE CENTS</t>
  </si>
  <si>
    <t>                                           The many friends of Mr. Willie Mac Bridges, 1104 Oak street, are very proud of her great progress after undergoing an operation September 8th Dr. Davis was the attending physician and Miss Lilla M. Hollingsworth, nurse. Mr. Jesse Walden, formerly at this city but is living in Thomasville, is visiting ...</t>
  </si>
  <si>
    <t>                                           Mr. T. E. Scott made a business trip to Wrens Tuesday.</t>
  </si>
  <si>
    <t>                                           "^NDAY, "2iT"ur32 THE  DAILY -WORLD, ATLANTA, GA.</t>
  </si>
  <si>
    <t>                                           Early this year the entire nation was appalled by the kidnapping and subsequent murder of the sun of one of the country's foremost heroes. The murder of the infant was cold-bloodedly premeditated and utterly heartless. Indignation ran high from one...</t>
  </si>
  <si>
    <t>                                           ^H druggist ^H ^^~^ij^ij^^. Genuine BTncV and White Hair Grower ii K^Mn^G RD1'~2~^f ^^~^~^~^~W: the iral leader in its . The package is * ^frf^r A ^^' big; the" price b low, and  quick \ty^^BBS^~'^^ ti$J\ ^^^^HkjJT^ and' sure. No" wonder thousands bjc LL^- VS is'    ] ^^^^^^^i^^__~ and praise.; hag grower.. ^^^^^V      ''^S^ Here's a scientifically made hair grower that full, rapid growth of -textured."."Here'~. will actually  wonders with short, "bad" your big chance to make your hair a" thing' of hair. It's Genuine Black and White Hair Grower, beauty the envy of -everyone you. meet. Go-to the finest of its kind-yet developed. This marvel your favorite drug store or toilet goods counter mis grower stimulates and nourishes and ask for the Urge 25c can of Gen- the glands of the scalp to promote     *t/j//if0 "*nc Bladc and W*** Hair Grower. HAI R GROWER 1 1 F^m^  f i  to Dresr Don't Let Your Hiir ]~       k]^3'; Yonf ITaTr Get Coarse and Brittle gh^g^ fl  SOoSbye to XaUmn, - AlWayi     Genuine    Black ^d^^S=^0 \~i lUa^BML dren hair. Jost apply Genuine Blade Whht Glowne with  irons' ?55S25^ N9j^^    nd Whit*            andyou and     combs and keep your: his  with clou TTLj3niA?*Sl^fe_1   'Ity?;y00 Md b2S'-     "P"^   ^~^       ^.t.  , . And thu modem dressing keeps ness, , scorching' and ^ Try hi Lanr* your hair_    , way. tco^.k^  .of_GenuiDe. BIackwand,    ,Glonine only and attractive. Two : Amber 30c. Saow-, 25c at your favorite druggist or  goods counter</t>
  </si>
  <si>
    <t>                                           If the writer mistakes not the term lily white had its origin under the administration of William McKinley. It meant then a Southern Republican who denied, the Negro participation in the management of the party. The Reconstruction governments had...</t>
  </si>
  <si>
    <t>                                           The Zayat Kiss Strange Suspicion By.                 MESCAL IKE Evidently Muley's Going Formal                  mnm TIM TYLER S LUCK A Marked Man By Lym Young                 THEM DAYS ARE GONE FOREVER Spill This to Your Spouse</t>
  </si>
  <si>
    <t>                                           Important Notice!! Because of the fact that several news reports have been lost in this manner, the Atlanta Daily World will not be responsible for any news sent in by route boys or by mail. a*J*''K: All news should be brought in, in person, at IeasJc one day before date of publication, to insure getting your news in the World for any particular issue.</t>
  </si>
  <si>
    <t>                                           Fresh Fish! 5 RED FIN CROAKERS r2--'-BS...J.5c. FLORIDA M U L L EX 9c DRESSED RED SNAPPER Li'.19c" FRESH PAN TROUT LB 19C COOKED S H R 9 SV1 P SEA  STEAKS lb. 25c RED SNAPPER STEAKS ^sc^ JThis Ad Good Tor 10c on* Any Shoe Repair Work     Hat Cleaning. J CUSTOM SHOE j f REBUILDERS I Hat Cleaning COdorle.t) Ladio." Men'i Solas Sewed   Volcniltd on (Norn, Hailed); 11 EdKewood at 5 PuIhU 4 la. 4268 Downtown Delivery'* '~~~*~~~~AAJ.AAt.           . \ Night and Morning .tp- them Clean, Clear and Healthy Write for Ftie "EyeCarV' or "Ejw Beauty Bqok UuinCi,DiM.n.S,9K.0hi.Sl,ClW.~.</t>
  </si>
  <si>
    <t>                                           JAMES BALLARD, Grand President of the Nashville Qualifying Club for voters, non-partisan. The  of this club Is to qualify the masses of people to pay their poll tax, register, and vote cooperatively.</t>
  </si>
  <si>
    <t>                                           Miss Mary Poston, executive secretary of the local chapter of the American Red Cross met with colored relief workers of the Community Welfare League last Wednesday and discussed plans Wednesday and discussed plans whereby the league may distribute cloth...</t>
  </si>
  <si>
    <t>                                           She couldn't take the bubchen to the dining room, and she couldn't leave without him. She got one meal the first day, and one tray from the friendly steward, and that night, after the bubchen was safely asleep she buttoned herself into her heavy coat, and went up to...</t>
  </si>
  <si>
    <t>                                           NEW YORK, Aug. 1.--(ANP)--Aubrey Lyles, famous partner of the famous comedy team of Miller and Lyles, died Thursday night in the sanitarium of Wylie Wilson following an operation. Although he had been a patient for three weeks, and sick for two months...</t>
  </si>
  <si>
    <t>                                           The annual swimming championships of the Lafon Playgrounds were held Friday evening and were witnessed by a large crowd which completely surrounded the pool and occupied every inch of space on the roof top. The meet was handled by members of the city playground...</t>
  </si>
  <si>
    <t>                                           DESPITE the criticism which followed the selection of the American Walker Cup players--particularly because of the failure to name Johnny Goodman, conqueror of Bobby Jones--recent golf happenings have made the U. S. G. A. selection committee look...</t>
  </si>
  <si>
    <t>                                           Why not make it a real "4TII" in one of those lovely new Summer frocks at   low ] The stylos are so varied and fascinating,  B^\ materials so dainty and beautiful, colors so  and summery, that no     ^ Atlanta woman or miss will caro to pass up  , Jiw-^P Sale of Summer ^^^^ft   FRIDAY mWr  8 5Ea IvM Sizes for Loiig- -? . sheer The           M \S $^KJn, Women and georgettes ami . in the sea- whll(!i b,ue, f,eah. WMtpTk V ~^r Miaaea son s most p.~-      .s! Kong , pink,  and jL?  ft ^~#v(i-f/ \T 14 to GO sleeves! Short sl-xv.s! Sleeveless! new print,. *W- Xhx Jnckctst-vl(~s: KU"-:      DOORS OPEN 8:30 A. M.-EARLY CHOOSING ADVISABLEl W^^^m y' Sale on ^% A I I I 1 ^WfA Saul's ^R5^     III   ^.Wt H^ifl Second ^^B 1^9 ^Ml ^^9 r^^V^^^O^^H Floor ^B^^ ^^Hl yl^g-^- ^K^-^^ -r^" J^^^^fl 7 91-93 WHITEHALL ST., S. W. V ^^Sa^</t>
  </si>
  <si>
    <t>                                           indicted Senator                 Indicted     the F"ede;ai (Jrand Jur7 for the part he in alleged to      played as director  of     Loyal Order of Moose in operating two lotteries. United States Senator James J. Davis of Pennsylvania. fom:er Secretary of Labor, has appealed to the people of his State to withhold  until the trial. It is charged that Senator Paris received over Jl 00.000 ai      of the letter; profits.</t>
  </si>
  <si>
    <t>                                           ...ft. 1 r rgg SEE IS? A I LAnnR^^WTrwIxLP ^ IrfgB 3": I ONLY NEGRO DAILY NEWSPAPER IN THE WORLD' LJ/l HUn VOLUME 5. NUMBER 225 ATLANTA. GA., , SEPTEMBER 2!), 1932 PRICE THRE/JBiK^^</t>
  </si>
  <si>
    <t>                                           LOCAL THUNDERSHOWERS Monday ami Tuesday. Lmvosl   'm- 1  ]i ist Z\ , "2: lii^, 88;  80. ARTHUR II. SCOTT, Mctfornloirl.it, Wc;</t>
  </si>
  <si>
    <t>                                           The annual football rush which obscures every other college or curricula activity has taken on a new tinge for 1932. First of all and in direct contrast to every other September in more than ten long years, we are now looking at a rainy...</t>
  </si>
  <si>
    <t>                                           MESCAL IKE Biff Finance by ART HUHTA                 P1IIL0 VANCE The Insurance Mystery By S. S. VAN DINE                 TIM TYLER S LUCK Interpretation By Lym Young</t>
  </si>
  <si>
    <t>                                           Cash Rrizeslv ARE OFFERED E, Af C;H WEEK, .TO C  U R C H Bs! SHOWING THE LARGEST  OF TICKETS. /",J Ask for ThcmVWhcn You Rogers ^3</t>
  </si>
  <si>
    <t>                                           ii: WHEN A NEWSPAPER BRINGS YOU REAL, LIVE NEWS. OF YOU AND FOR YOU. IT IS WORTH THE READING. ARE YOU A REGULAR ? IF NOT START TODAY!!! 1</t>
  </si>
  <si>
    <t>                                           New York's Evening Journal one day last week featured a survey conducted in Harlem showing how rich were the rewards reaped from the Negro's superstitions. It has been promised that more are to follow.</t>
  </si>
  <si>
    <t>                                           MRS. ALBERTA CAMPBELL, 3545 Mocon Rd.. formerly of N. Carollton, Mins., now a popular social worker of Memphis, is to wed Mr. M. H. Harris (left) 17M Central Ave., a popular real  owner nf McmDhia.                 Photo by Hook*</t>
  </si>
  <si>
    <t>                                           NEW YORK, August 25--(ANP)--At the first open business session of the convention held under the auspices of the U. N. I. A., Inc., Solomon Harper, delegate from the League of Struggle for Negro Rights, introduced a resolution condemning the N. A. A C. P., for its...</t>
  </si>
  <si>
    <t>                                           maim r*~*v***~*T*~3         ^^^^        ^~~~^^^~' /Vow /s //je 77m e Lower Your Overhead Expense With Sears Oriental SlateSurfaced  KOOKINit  T J_R0LL ^PIP '/7/~^e /"or/.s prove the superiority of thin : ,l;;i1.' Kl" 1"" co" "t l.-.:,..r. I-:. i, v.::,: ,"X' r, h'',''' V.v.^v i,'  v:     -.i 1 .1 SMOOTH- SURFACED ROOTING. Z.,^;./, 80c SMOOTH SURFACED ROOFING, i", .,-..i. ,,..'1 SI. 25 SMOOTH- SURFACED ROOFING, :.:i.li II. n,, 55 Sec S. nnd Get Sears Thrift Price? or, Four- ir- One iir.d Hexagonal Strip Shingles. r.^l-.~ A., F;h-e Liquid      r,r.;:,s- A, ph.lt Putty m...,~ nU C. .ill F,:,~ ~,.,;;s ,,,;ikv nrn;:~, yo,,r ronf wl!l, ,o;:,:l, rul.'.-r ll!   . H... i,,!.,.. v,.',.. pip.., fl.n,h,UK, c.M,r.K thM I- n:n,t K:.,Nr,,,,.rv. S,,,,,,K y ;cn or rrj U.,.V V. . nn l f.rf.n    !:i::t. r"i- ",nri' i..,r r, r ~;ie ;.:-:iy r 49C Four Days Only! Sale of WINDOW SHADES At Special New Low Prices! = First Quality Excel Machine = Water Color Shades Oil Opaque Shades 3x6 ft. QQc 3x6 ft. A 4C EACH  EACH ':'rv     t thi-^(~ VahlCS' A:i i I J LZ J.;-: i: ,l-h, ii,,! ~,.,r, !"iv. MiiHlln h.ipo. with   u\y ri-.1! l.iii.:-.      l.':,-^ -  :;r- -u ii,m ~.,.v plt^'i hv .  rl on .'-l s ,;l(.fJf,r (j:i..,;,'\ -ii jol)   . Choice or  :.L i.,,n  ii Choice of Green, IHWZPITiflH  a C Wcdnc'sd:iv'' Cream Rnd Ecru WmjEsJl^M  s;ilir(i^ Pam/ AW ^H?[     ^ac)c Greatly! Get These Fine Sears Products for Fall Renovating: dgf^^K Better Than Ever Formula for !\  ^^^^*^^H(CT Master Mixed House Paint V ~^k kk k^^^^jH Jse Sears Super- $^.89 *       Service Floor J ^2saB^^ Enamel ^- Sears Flat Finish ti i.v i,, ,~V Interior Paint '~\~:,;v,. o:in s:  tills  i.iii:l ku.'i mily Him fl* .^g Af* .."~~r.-. ::t"' to  qU;iro l"'.-t "f m.-n.-rinl::. T h  T) J r.M-t  i:l. ,-,,Mls I'mlucts f ,-. Im-'i b...-n ~..~..-  . km. r -Mi- !l.,..i-:.. .,,   ,,..,, en- "ly/'-'l ni:.J      .H.-il. .mill O.U n;t :if or w  .'/s. lin.illy H 1 1 ;is rp,u'!i,'~l Srari M ICIkIu iol(i:n. "1Kb  'lU.. *^fc*</t>
  </si>
  <si>
    <t>                                           ~'~SfifB1.1T-! A PAGE FOR WOMEN II ''i\"c^l ^V1:^05 v BEULAH MITCHELL HILL, - II</t>
  </si>
  <si>
    <t>                                           Smart Fashions Smart Women SUMMER  NICnT_ FROCK PATTERN NO. 737 You'll wear this frock for summer nights for Sunday nights ..and for any night at all when you want to look your loveliest. It's soft above the waist slim below the waist and  smart in every detail! Look at that cowl neckline. Look at the new cap sleeves both of them. And do look at that belowthe-belt swoop of that  peplum! Make it in the flattest fabrics  th0 most nattering  blue crepe if you re a blonde; jade  chiffon if you re auburn-; and coral-colored crepe if you re a brunette. Designed in sizes 14, 16, 30, 38, 40                 and 42. Size 30 requires 4 and throe eighths yards of 30-inch material or 4 and one-eighth yards of 39inch material. Simplified illustrated instructions for cutting and sewing are  with each pattern. They Rl\'e complete directions for mak- j inn these dresses. All you have to do to obtain a pattern of this attractive model is to send FIFTEEN CENTS (15c) in coins. Kindly be sure to write very plainly on each pattern ordered your NAME and ADDRESS and SIZE. New Fashion Magazine, chock full of the latest Paris style news, together with color supplement, can now be had at ten cents when ordered with a pattern and fifteen cents when ordered separately.</t>
  </si>
  <si>
    <t>                                           While one jury listened to a mass of evidence during the long warm Monday afternoon in Judge HowardS cpurtroom, tending to show that Forrest Nash did and did not take part in six burglaries this spring in company with one Jesse Green, another jjury, after much...</t>
  </si>
  <si>
    <t>                                           j      *.^1-V ^^^B8 How To Have Lighter Skin The ~;reai  secret of famous actresses and other women \     attract men is their li^ht, ,     't skin. Of all known methods of ci'-arin^ the complexion of ruinous, unnatural impurities, . ])      's. frt'~-klos and other blot*in'~. N'atllnul:i ("ream is the    ami most             --juM   this white   at - -nn ^tn^. no ^;. Xadinola (jnU- brinKs fresh, \ iH  to your skin; restoring a -soft textured, smooth, radiant, UnwieNs       ]; closing   ) lur^-e. n^3y pores nrn\ leaving  ivary-, lovely. Don't risk your f. ri*-('k,      nml hands to cheap Mea chine cre.'ims. ointments or lotions, hut be sure to use real Xadinola K loach in^r Croarn with its OOL BIJ-: ACTING  found in no other product. Get  Jar of Xadinoia Blearhin^ Crcum at any toilet counter: be^tn ^ it     ;ht, -ind tomorrow you will      a hint of the wonderful results to expect. Money -hack guarantee in every package.  BLEACHING CREAM .I/,mi/,'u, !arr,i by Sttl'uimil Tcilil Co.. n m. T/nn.</t>
  </si>
  <si>
    <t>                                           The St. Raymond Giants took the measure of the Madisonville Botts In the two games played Saturday and Sunday. The Orges annexed the Saturday scuffle with an 11-6 count and returned to cup the Sabbath day contest, 7-3.</t>
  </si>
  <si>
    <t>                                           YOU ca^^ BEAUTIFUL AGENTS iy-       ^tt M.V. BlgMwwy ^oct.      * ud         ro  Would r*~     WastiM tod.j     2i.      . ThU nmr, wilk it* d*        * fun*, will    trow Uag. mH  sd - It tr- your ~~*Jp el . UtUr, itch.  le. Haoln Pomade H.lt      h mU     15  by  11  dnis        or  fran A'  GO. rj$8Si -LINCOLN- Today "Young America" 5c Bargain Day-- 5c Fri.- "Ladies of the Big House" You Muit See ThU Onel Sat. Buck Jones in "Shadow Ranch" See the "HiU" at the Lincoln</t>
  </si>
  <si>
    <t>                                           Read Every Advertisement Carefully</t>
  </si>
  <si>
    <t>                                           Smart Fashions for Smart Women Chic Afternoon Frock Pattern No. 190 Simplified Illustrated instructions for cutting anil sewing are included with  pattern. They give completo directions lor' making these dresses. Parisian chic coupled with American smartness makes this frock one of tlio most stunning things of the season. It's very new, very at[ but net Hoo extreme. It features newness from the simple, molded lines to the  details. There's shoulder breadth nt the capelet, snugness at the hips. Mm and a flare in the skirt. The  puff ,. and the crisscross blouse that tl.-s into a back sash glvc 190 a. quaint :iir. So does the   ami the front surplice with its demuro low of buttons. Designed in sizes 14. 10. 30. 38, 40 and 42. Sizes 3li requires 4 yards of 36-inch fabric or 3 7-8 yds of 39-inch fabric. .To got a pattern of this model send FIFTEEN CENTS (15c) in . Please write very plainly your NAME AND ADDRESS. STYLE NUMBER and SIZE of each p- ordered. Our new fashion magazine with color supplement and Paris style news is now available at ten cents when ordered with a pattern and fifteen cents when ordered separately. PATTERN DEPARTMENT Syndicate Southern Newspaper; 210 AUBURN AVE., N. E. ATLANTA, GA.</t>
  </si>
  <si>
    <t>                                           IN DENVER                 RALPH  KK Leader of the "KotiKti Knights ;i red hut Harlem orchestra., who is mm playing * K.K.O. circuit ami is in Denver this week. Con per is known as one of the " t"  leaders in captivity. He   day tor thr N.A.A.CI*. last .spring in Ilarlfin  Uuke F.llin^ui let lln-ni  ai the Olympic Call.'</t>
  </si>
  <si>
    <t>                                           MONTGOMERY. Ala. May 29-- Mall applications are being received daily and final details are being arranged for the opening of the Alabama State Teachers College Summer Schools at Montgomery- Birmingham-Mobile on Monday. June 6. The first day will be...</t>
  </si>
  <si>
    <t>                                           DR. WM. A. WARFIELD, Jif.  AND. SURGEON Announces the Opening of Offices at 13 ASHBY ST., AT HUNTER, N. W.~ RESIDENCE, 174 ASHBY ST., N. W." FOR PICNICS Saye ..money and -  buying your, ice cr^arn-f from j GtQRC:E MOOR Eh</t>
  </si>
  <si>
    <t>                                           When in Need a... Notary Public COME TO THE Atlanta Daily World Office 210  AVE., N. K. mm^Lxm **et Me Cure You! ^MPPilfeS HUNT     ,AY! CALL AT ONCEt KE^^SfflH For :3 ~*ar"  l"*n C^H!NG             HiSkE^BubBSi 'n        I In * nf  WfjKEkflMK^^Vu ^*~   mitter   Iruublr la, no          r ouM four d'*e*"* m*/ b*. i   u "ii fttd m#           ^B6J Trralmrnt Tfry    *      In coat. f      ?^^WW?~ Nn   or          ep*       . All 4\ V, B^3Sfi3^      whh my purs nature     #- wl(Jl W 4 BiSwHy^J          In very cut. 1^1 DR. T. Y. YOUNG i I OB. T I XOlWa WITH    CO, 3     ,      , 5  AND  CONrOI/NO 3</t>
  </si>
  <si>
    <t>                                           GREATER THAN "HELL S ANGELS" JSSpT HOWARD HUGHESy'"^  ^ Also- Atlanta's Only Stage Show See Them Each Week- They Are GreatAdults 15c- 25c Children 10c</t>
  </si>
  <si>
    <t>                                           i  Day TH11 AY  m II 'W Only I /NI A.M. HI store- wide money-saving event SAUL S DOLLAR DAY- Thursday, one day only- with values so remarkable KB tnat the crowds will be even greater than usual! Plan to be here when the doors open! Ladies' 250 Silk Crepe        or Cr,p* IS HOSIERY W\T%Wm^^Wm^ 4       -fl II 3-~M i DRESSES!  i  I 4 FOR H^B nil ce no terns at B^B Regular values up to $5.00 ^^m Ladie.' and Misse.' m \ove\y Silk Crepe Dress- m^k Silk SWIM SUITS es in light and dark colors. Xffl R, ni Tcrc Up Size* to 44- Dollar Dfty il* ^tJ) Every Suit in the ^M i ^IH L adi s' regular TBJ lot 1(XKS all-wool Special, whj e they last, at f $1.S5 100 per cent $~ II worsted, priced W Second Floor B ST A BH for Dollar Day at IHB WA Ladies' Wash 3rd Floor Economy Dept. Ladmf S9c and 79c BB  .^M Soy*1 $1.95 Sport Trouseri Men1! $1.95 washable iport  T7n7 W In white or a.sorted    -l and work trousers In \J111SI^M\T1 Ltf^iX II Doika dots Voiidi $~  . All  1  or solid., aii     Porto Rican Downs, Step.in5, II pr n   ar1.'""?,.:110^/;' BiB" Section' oV 'i,! Bloomers, Mesh Pantie, and IB 2 FOR HB patterns.   1 broadcloth pajamas. (   i Shorts and Broadoloth Slipi.  I All 2 for ^1 $i.9g value.  t 51 Special for Dollar Day- BB Crinkle Bed Boya' Genuine Broadclctli Sport (M  I SPREADS 8hirt3 or Blouses nt 2 P0R ^C IH Larjje size crinkled fHJ ^^^p fVf II V.."..: $~ ft M g f *J fOr 1 maize. $1 values at {~ V^^^ Mm HI HI H^^ HHI II 2 FOR IHH1 3 #% W 1- 9 =- II Sale Starts ^ar^ Choosing^    .9:00 4. /V. S/wrp 91-93 WHITEHALL ST., S. W. Advisable I HHH^^M^^HH^^^^H^H^^H^S^^^   ^ II^MII^HHVAHVMflB^H^BHHHvJHHBHiBBHHHHVflVflBlVV'*'***^^^^^^^^^^^^^^^^^^^^^^^^''^*^^^^^^^^^^^^^^^ l</t>
  </si>
  <si>
    <t>                                           C. L. WENTWORfH Successor To MILAM COMPANY Auto Bodies, Fenders Repaired Sett Covers and Top Wort G. L. WENTWORTH 17-19 Piedmont Are, N. E. JVAluut 8970 Attaata,   L^</t>
  </si>
  <si>
    <t>                                           NEWS OF fOV AND YOUR FRIENDS COMES TO YOU IN r"h . VjC EKAIi IT? i!   :r. WHY NOT SUBSCRIBE FOIt IT TODAY?</t>
  </si>
  <si>
    <t>                                           Follow the crowd to the Liberty Baptist church tonight at 7:30 to hear Choir number two in a special musical program. Among the numbers to be rendered will be "Reve Angelique". The quartette will sing "Listen to the Lambs" by Dett. Solos and spirituals will be...</t>
  </si>
  <si>
    <t>                                           Visits, III Sis**                 Rushing to the  ol His six-.er, Mrs. Edith Rockefeller McCormick, who is dangerously ill in Chicago, John D. Rockefeller, Jr.. is shown as he arrived in the Windy City. Many other members of the great Rockefeller and McCormick families are gathered  r the side of the  woman, who is not     Dcctcil to recover.</t>
  </si>
  <si>
    <t>                                           Smart Fashions for Smart Women TRIG TAILORED STYLE PATTERN No. 803 Simplified illustrated              for cutting and  are included with  pattern. They  bos pfy\ 1 cive complete direction* for making these dresses. A versatile style adaptable to pique and wash cottons, or -   woolens and tweed. It lends itself  to material of diagonal  or weave. and becomes quite decorative  without any loss to simplicity. Size.- 11. 16. :!6. :!S. -10. 42. Size :S6 requires % 3-S yards of 36-inch fabric. 3 1-S yards of 39- 1 inch fabric. 2 5-S yards of 54- j inch fabric in plain color cut on straight of material. For striped I fabric skirt cut on b:as. Sizes I 7-8 yards of 3(5 inch material. P. "~-S yards of :'.9  material. To cret a pattern of this model send FIFTEEN CENTS (ISc) in coins. Please write von- plainly your XA.ME AND ADDRESS. . NUMBER and SIZE of each pattern ordered. Our new fashions  with color supplement and Paris style news is now available at ten cents when ordered with a pattern and fifteen cents when ordered separately. Send all Orders to S. N. S. Pattern Department. 210 Auburn Avenue. N. Atlanta Georgia</t>
  </si>
  <si>
    <t>                                           0NL.Y       DAILY NEWSPAPER. IN THE WORLD SOUTHERN 8 SYNDICATE. INC, 8 m. A. 8C0TT      mak          Darfj VuulW'Ultal MEMBER Or TIIE ASSOCIATED  PRESS TVS WORLD  Mo               for          4  nt 1st*         . SUBSCRIPTION RATES Oh   . I7JI I   .th* (iJS 3 Month.. I2^S 1     . W-bi,. if BaaAmr Omlj.      PUBLISHED DAILY AT 110  AVK, N. X. TELEPHONES: WAlnnt I45  nd   (0 l^    4 as      -             at the port * at Atlaata.   ^               of March 3. 1879 ADVERTISrNC  W. B. Zlry CO. tU Waltoa BMr- Atlanta. Chicato.      .          .</t>
  </si>
  <si>
    <t>                                           This is the first of a series of 12 articles based on an interview with Eddie Tolan, King of Olympic sprinters, in which he graphically describes in his own language the tortures and thrills of an Olympic sprint race, together with the inside story of his career as an athlete. There's that tortuous wait for the gun, just a few spit seconds, but time enough and more to think of many things. Then a few seconds of galvanic action--and victory. It's a thrilling story that Eddie Tolan tells about those two Olympic races and about his...</t>
  </si>
  <si>
    <t>                                           melodrama *   ^^^~.'^    Dolores Del Rio I and Joel McCrea 2 More Days at the IFojsT Adults 15c Children 10</t>
  </si>
  <si>
    <t>                                           (FuneraPNotices                 McLARIN- Mr. John McLarin passed away August 24, 1932. Funeral announced later. Haugabrooks. MJ^ftY- Mr. Lindsay Maxcy passed away suddenly at his Ncwnan home. Funeral  announced later. Sellers Bros. GETER- Mr. Miles Gctcr, of Taltapoona. Ga.. passed to his final rest August 24. His fuw ral will be held Friday. August 26, at 11 o clock. Interment, Tallapoosn. Sellers Bros. DUKE- Mr. Dock Duke passed  August 24 at the home of his daughter, Mrs. Annie Roland, 960 Colcman street. Funeral  nts announced later. Sellers Bros. I</t>
  </si>
  <si>
    <t>                                           BOSTON, Mass., Sept. 19 Mercedes Gilbertfor ANPAnother stride for greater recognition of the Negro actor in the moving pucture industry has been made by Daniel L. Haynes, who Daniel the Darts of Adam and Hezdrel in "The Green Pastures"</t>
  </si>
  <si>
    <t>                                           1111 II I Smart Fashions for Smart Women JUNIOR S AND MISSES* PUFF-SLEEVE FROCK PATTERN No. 906 Simplified illustrated instructions or cutting and sewing arc included 4th each pattern. They give   for making these . In the spring, summer or fall, a oung maid s fancy would turn to such a charming dress pattern. It is new from the collar-line to the hemline and style very easy to make. Sizes 10. 12. 14. 16. 18. Size 12 requires 2% yards of 36- fabric. 2}A yards of 39-inch fabric. To get a pattern or this model send FIFTEEN CENTS (15c) in coins. Please write very plainly your NAME AND ADDRESS. STYLE NUMBER and SIZE of each pattern ordered. Our new fashion magazine with color supplement and Paris style news Is now available at ten cents when ordered with ;l pattern and fifteen cents when ordered separately. Order from: SOUTHERN NEWSPAPER SYNDICATE 210 Auburn Ave. Atlanta. Ga.</t>
  </si>
  <si>
    <t>                                           5.S3 ONLY NEGRO DAILY NEWSPAPER IN THE WOP.LD' [ ill H II iM"! ^HnTBfB-BTldTWURR igg ATLANTA. CA-. SUNDAY, AUGUST 28, X932 PRICE</t>
  </si>
  <si>
    <t>                                           DO PASTORS BELT ON LUNG POWER?                 OMAHA. Neb.. Sept. 24.- ) -The mere possession of 'lung power" is no guarantee of eminence as a . nor Is eloquence necessarily the budge sincerity.' said Rev. C. E. Chapmnn here Friday . "While lungs with sufficient strength and endurance Ib speak arc . they by no means arc the sole and most essential thing In n speech, sermon or in n life .is for thai. Some people know und do the   rc forever braying the loudest; while those who do the most nnd know more arc just the opposite. Still water  deepest nnd empty wagons  more ." he further      . P-v. Chapman's presence here  j iis to fill iui engagement at Cir-    Temple. He Is presiding - r-r i'-.~ Kanwis City district of tiie C.iLE. Church.</t>
  </si>
  <si>
    <t>                                           Takes Another* Vow                 Lieutenant George C. Calnan, U. S. N., captain of the U. S. fencing team and taker of the oath of amateurism in the recent Olympics, is shown with his bride, the former Miss Lil;ian Collier, of New York, following; their  "t Swanton, Vermont. They will reside in Lakeburst. N. J.. after t.ho</t>
  </si>
  <si>
    <t>                                           FineCovingtonM.D., $17 in Auto Crash'                 Dr. V. R. King of Cov/ngton. Ga.,  automobile crashed Monday'  with n Standard Oil  truck driven by N'orris Miler. white, at the intersection of A'cst Hunter and Ashby streets vas        $17 on charts of  driving by Judge' John L. Cone n Recorder's court. The case as presented to the :ourt had an unusual twist in that here were four Negro witnesses on he defense who swore just opposite the testimony of four white . against Dr. King nnd for  who was also charg d with  driving. According to Dr. King^s :s. the oil truck going against the                 (    signal licht shot across West Hunter street enroute  nn Ashby just as the doctor was crossIng Ashby street on    - creep. :icht enroute to Harris Memorial hospital with some patients from Covincton, G.i. Dr. King's car was almost ~:           (. though Misses Ola Kimble and Nlxle Baker, occupants of tlie car. woo; not seriously injured. The white witnesses s\ve;~rmc ^ust the opposite said that Dr. Kinc  pas-ied on the left of ;i street car and proceed d across Ashbv street         the red light and 'crashed into the truck.</t>
  </si>
  <si>
    <t>                                           TUSKEGEE INSTITUTE, Ala., August 22--(ANP)--At the fifteenth annual meeting of the Southeastern Peanut Association held in Panama City, Florida on June 7th and 8th, a resolution praising the work of Dr. George Carver, the agricultural scientist and peanut...</t>
  </si>
  <si>
    <t>                                           NEW YORK, August 22.--Although only fifty people were expected to the dinner staged by the Crisis, under the direction of Miss Irene Malvan, business manager, to advertise Negro authors and their books, to the great surprise of the management more...</t>
  </si>
  <si>
    <t>                                           Smart Fashions for Smart Women MISSES' SOPHISTICATED SUIT PATTERN No. 812 Simplified illustrated instructions I for cutting anil sewing are included with each pattern. They give complete directions for making these . The brief jacket with notched lapels and ,'       scams in back, the skirt with its high-built waistline and belt are outstanding fashion features of the new      It has all the flare of a Paris design, and will be :i thrill for every miss who wears it. .Sizes 12. 14. 16. 18. 20. Size 14 requires 3 yard* of 36-inch material Or 2 7-6 yards of 39-inch material for skirt and . For Mouse. 1 1-4 nr.ls of 36-inch or 39- mat- rial. To ROt :i pattern of this model sen.i FIFTEEN CENTS H5c) in coins. Ple:isc write very plainly your NAME AND  ApDRESS. "STYLE IfUMBER and SIZE of each pattern .1. Our new fashion magazine with color supplement and Paris style news is now availabl. at ten cents  ordered with u pattern and fifteen cents when ordered separately. Send all orders to the SonUiem Newspaper Syndicate. SM Auburn Avenue, N E., Atlanta. Ga.</t>
  </si>
  <si>
    <t>                                           CAN'T STOP HERE! Mr. Fred Ables is a sight with that hungry, far away look in his eyes since Lovely Anne's gone off. Oh, Love, look what you "done" done!... Mr. Leslie Bell had no business at all driving Deacon Jones' car way out younder in Summerhill... Wonder if Ric Roberts expects it to remain secret that Miss Juanita Malcolm is the fair lady at the end of his daily journeys?... Believe it or call it a lie that "Wild Man" Anderson (Robert to you aliens) is still reeling off the blocks around Walnut Street... Pap Ward a...</t>
  </si>
  <si>
    <t>                                           I became a Sprinter instead of a baseball player because the track team at Cass Tech high school in Detroit, took more trips than the ball tossers.</t>
  </si>
  <si>
    <t>                                           May Be First Lady                 This charming camera study is the most recent made of Mrs. Franklin D. Roosevelt, wife of the Governor of New York nnd Democratic nominee for the Presidency of the United Stntos. In the event of Governor Roosevelt's election next November,    . Roosevelt would  ut be a  to YVashinclt.i,  had i her  horc of diplomatic life when her husband was Assistant Secretary of the Navy from 1913 to 1920.</t>
  </si>
  <si>
    <t>                                           WASHINGTON, August 1--(ANP)--Almost all of the primitive practices of the American Negro have been taken over by others and commercialized on a large scale. The latest and one of the most familiar feature of Negro lite along the ... and its...</t>
  </si>
  <si>
    <t>                                           HOLLYWOOD, Calif, Aug. 28.-- The young fans of the screen are to have their innings.</t>
  </si>
  <si>
    <t>                                           It is common to all prisons that the slightest unusual incident is an occasion for considerable gossip comment and excitement. Particularly is this true in a prison, such as Kilby during my years there, where such a large proportion of its inmates are...</t>
  </si>
  <si>
    <t>                                           Miss Mary Summerlin was the over night guest of Mrs., Waddell on August 24th.</t>
  </si>
  <si>
    <t>                                           t" m ^i^K ^^^b ^^^^^hI Ht^^H ^B^B fl^r^^B ^^i ^K ^^^^B^ft *^^th^^H ^^^^^^^B ^S^^^^^ ^^^b ^^^^^^1 I^h b^^h J^^^l      ^^^bI ^SS^^^^ B^^^^H G^h ^b^b ^^^^^i^ BbP^^^ ^^b ^^h ^^K                 FUNDS RIGHT NOW TO FIGHT                 Crisis Looms in the Affairs of Negro RightsChampion                 LIST CAMPAIGNS                 A sum nf $2,500 must bo  immediately bv the National Association for the Advancement ot C'M'irerf People, champion or Xcffro rights, accordng to -j. letter reaching here today rrom ihe New York headquarter* of the                  This . signed bv Walter White, secretary of Uie N. A. A. C P.. follows: Twenty-live hundred dollars .ii. available may mean ten million dollars a year for the next en vears to the Negro. Lack of :lie twenty five hundred may hamstring one of the biggest fights for Hit: Negro that has even      made in the united States. It is the fight for the right of Negroes to work on a Government-financed project, vi:h no discrimination In wages and Hie assurance of  wages being  him without chicanery. The twenty-five hundred dollars is absolutely necessary to pay the cost of certain vital investigations. the continuance of a campaign of publicity and other essential steps in the terrific struggle against elf..    of the War Department to "whitewash" the brutal exploitation of  workers on the     :ppi Flood control . The N.A.A.C.P. is battling tremendous odds. But if the fight is won it may result, together with certain necessary legislation, in one hundred million, dollars in wages to Negroes on this 10-year project. Senator Robert F. Wagner of New York has agreed to introduce In Congress when it convenes on December 1st. a resolution providing for a Senate investigation. Our investigations must be made und the material must be in hand by December 1st for the Senate hearing. If our friends will rally to our aid this will and can be made ona of the most sensational battles for justice the Negro has ever waged. The protest against the Mississippi horror is but one part of the tight for jobs for Negroes. There is the same light at Boulder Dam, (Continued on Face S: CoL 2)                 Need Funds (Continued from page 1) a determined b.- to assure Negroes a proportionate share of job* ami wiping out of discrimination in employment on Fcdci-. construction, anil in distribution of federal. slate and city relief funds. To meet the crisis the Association hns cut its expenses to the bone. IN staff, never adequately paid. ami Its chief executives, receiving less than that of any similar organization, have  bad two salary .'cuts. We know that colored people have been hit harder than any other group by the economic crisis. But the N.A.A.C.P.V Tight        direct benefit to them. A fight for jobs, one that saves Jess Holllrw in Oklahoma: Willie Peterson, in Alabama: and innocent Negroes in other states from the electric chair, one against a segregation ordinance in Atlanta, discrimination In the distribution of. free flour by the Red Cross in Florldu. the extension of. school segregation in Ohio these ana countless other struggles in which the K.A.A.C.P. reaches even into the heart of the deepest South must be carried on. We arc asking you. Mr. Editor, to join us ter and urging your  to in this appeal by printing thin                 help. The N.A.A.C.P.'s most  and loyal comrades in the fight  been the colored newsnow lo say that we must have papers. Through them we want funds if the fight is to be carried on. Are there 10.000 colored Americuns   ut of twelve million who, even though it may be a sacrifice, will send the N.A.A.C.P. today from S1.00 to S5.00 each? Every tent will be put to work: every cent will be acknowledged and. as Is the N.A.A.C.P.'s invariable custom, a certified public accounting will be  of the expenditure or every cent. I Come to our aid in fighting the I battle of every American Negro, j If you do you will play a great role in, this struggle and the results of whatever you may send will be1* seen in many ways, but most dramatically when we marshal at Washington in December a host of witnesses to testify before the Senate Committee. If you do not. one of the greatest battles for economic  to the Negro may be lost.</t>
  </si>
  <si>
    <t>                                           A sum oF $2,500 must be raised immediately by the National Association for the Advancement of Colored People, champion of Negro rights, according to a letter reaching here today from the New York headquarters of the association.</t>
  </si>
  <si>
    <t>                                           Eat this fine cheese food  Jjfo.               Aadfiq jLa + + + 0 C'f"*lE PIUS) No wonder millions love Kraft WIvcrta Hpread it, slice it, cook with it. Mellow, tempting flavor from fine old Choi tin r . Digestible as milk itself- Approved by the Food Committee of the American Medical Association. Mcritinp the hiph nutritional rating of  plus, .** Get another  from your K"~eer today* KRAFT X/ T The Oclicioui New Cheete Food</t>
  </si>
  <si>
    <t>                                           Drastic steps were taken last Monday night, Aug. 22nd to reduce the expense of the children's hospital. Trustees abolished the clinic and Negro ward of the institution. This will come into effect Sept. 1st. The action was the immediate response to a slash of $5,00 in the...</t>
  </si>
  <si>
    <t>                                           The Woman's Missionary Society will have charge of the Vesper services during the month of July. Tonight, there will be presented a playlet, "Yielded," arranged by the president of the Missionary Society for this occasion.</t>
  </si>
  <si>
    <t>                                           BIRMINGHAM MORTICIAN VISITS ATLANTA                 A. L. Welch, lvad of the Welch Brothers Funeral Home ami president of the Peoples Burial Association. Birmingham. Ala.. w.iS a. Gntc City Visitor Thursday ami Friday. During his stay, he made an  of the office and plant of the Atlanta Daily World and a number of the         funeral  In the city including Hanley. Cox. and David T. Howard. Mr. Wclcli expressed himself as well  with the progress made by Atlanta nnd professional men and stated that Birmingham N'gro business will be on the upgrade as soon as  economic conditions in Ihe steel center improve. FOOT STEPPED ON: SirE CUTS PAL Covered from head to foot with blood and suffering from a deep  In her right shoulder. Miss Rosclle Cornell. 18. 72 Hilllard , N. E. came to the Grndy hospital for treatment about 10:30 Thursday night. The young woman                 told Patrolman J. B. Harper   , Miss Ernestine Carroll, who lives in the same house, became  when she stepped on her foot on Old Wheat street, and cut her. A number of stitches were required to sew up tbc lone wound.                 BELIEVE PERRY HOWARD TO GET BACK PATRONAGE i JACKSON. Miss.. Sept 23-  CNS    - resignation of Lnmont Rowl.inds, lily-white Republican of this StMe, ;is Prcsidcm Hoover's patronage referee for Mississippi, lias been heralded by tlie white press and N' gro political leaders hero as signalling the return of patronage -s to the regular Slate Republican organization. This belief is current not only because of the- approval Riven the Howard-BoozcRedmond     by the Republican National Committee and the Republican Nntionol Convention,  because of n  feeling that such recognition is necessary m prevent the tide of Negro voters  moving  from President Hoover.</t>
  </si>
  <si>
    <t>                                           MBU Starts Class. Room: Work Today                 By MILTON L. KANDI.OPH Classroom work commenced in full blust at Monis Brown . with a collegiate enrollment  to two-hundred. The boarding Jep: registration although slightly small- r limn usual, is probably them mtst representative in Hie history of the school. Many new /aces, both among freshmen anil  .l the  is bright smiles, warm handshakes and a sought of '        spirit  the atmosphere. Everyone seems vitally interested in doing his or her bit to waul making, what president Fountain says, "a bigger and belter Morris Brown." Registration in the ext' nsion school opens Friday, with classes being offered in all departments. The work will be directed by Dean E. C. Mitchell and according to applications   n file in his office an! unusually      - enrollment is expected. Through the  several new members to the faculty and the return of others who were on leave, completing work fur higher d' . many new courses will be available to applicant in the extension school. Class room work in this department will begin on the following week-end. ^ehman Commends NAACP Protest On Camps NEW YORK. Sept. 23.- Lieutenant Governor Herbert H. Lehman of New York, has written t0 Walter White, Secretary of the National Association for the Advancement of Colored People commending the Association's protest against the peonage conditions which prevail under the contract iys'.';ni on the government s Mississippi Flood Control project. "I think your protest was absolutely justified." writes Mr. Leh-, man.' "nnd I was glad indeed to: nole that it brought rorth an explanation from the Secretary uf War I shall be   t.. hear of any further develop-, ments." Mr. Lehman has for several years been a member of the N.A.A.C.P. Board of Directors. He is a .-itc fo  in the  of New York State to succeed Governor Franklin D. Roosevelt. INDICT SEXTON Allen Sexton was indicted by the grand jury for assault with intent to rape a woman in East Point. He was arrested on September 21.</t>
  </si>
  <si>
    <t>                                           FU MANCHU-~The Severed Finzers 'On a Perilous Errand! oy SAX ROHMER                 IKE They Must Be Tired of h.~       by ART HUHTA\                 TIM TYf.FR S LUCK A Lady's Prediction by LYM YOUNG                 thT nAV.c apr  FOREVER (A New Tune Each Day</t>
  </si>
  <si>
    <t>                                           I EZZna E D I TOR I A L  I</t>
  </si>
  <si>
    <t>                                           With a large number in attendance, Atlanta Post Number One of the Colored American War-Veterans Association held a very interesting meeting Tuesday night at their headquarters. Room 222 Herndon building. The organization went on record as favoring...</t>
  </si>
  <si>
    <t>                                           WASHINGTON, August 26--(ANP)--Why did Oscar DePriest, congressmen from Illinois, so precipitately and abruptly, cut out the non-partisan policy he was promulgating last winner and do a rapid ... right back over into the front ranks, the very front ranks...</t>
  </si>
  <si>
    <t>                                           COOL?? 0Ur WANT AD MEDIUM flood now* Hy^^^ to tell the j^JVji^w -call WA. 14S9</t>
  </si>
  <si>
    <t>                                           Cut the boiled potatoes in natives lengthwise. Put the sugar, water and butter in pan and heat until mixed. Put the potatoes into this syrup and bake until the potatoes show a rich golden glaze.</t>
  </si>
  <si>
    <t>                                           THE JUSTINIANS CAME BACK last Monday night at the ... with J. Neal Montgomery and his blatant gang of Edwin Driskell, Morris Lounds, Peter Whitehead, William Shorter, Lawrence Walker, and company serving as jazzicians, and; while they did not equal their better affairs of the past, gave a segment of the realm a jolly good time--and, at one interval, some capable entertainment by winsome Miss Myrtle Wilson and Bernice Hansome, not to...</t>
  </si>
  <si>
    <t>                                           I GEORGIA I % OPEN 11 A.M. 15c a M Johnny Mack Brown H 1 "THE VANISHING 1 1 FRONTIER C JUST ARRIVED! MADAM MINGY The Woman V^Q^I J*~      and Life RraoVr IkV       part,  and  WH . C.          an ^~~^Vb til  nf    -~ ^H*l*lrS    *r. MsrHiw and  9 c ^~'rrM  i"'T  n  ^V't'^B Poinu     war  r all  nk^a--          anil .      jn ^mf 1     . Trlh lock?      v ^^L A *nd ^T***  nan.     . SatUfacUM mr- . Offic*      : J A. M. t. P. K. S38 MrDONOUGH ROAD (Arm* from Fodrral        SPECIAL READING- 50c Ijok for    .     Sixn- NM la</t>
  </si>
  <si>
    <t>                                           IT REQUIRES no clairvoyant to tell you that back in 1917 B. D. (Before the Depression) when Mrs. Mattie L. Jones' bad boy, Lucius, put his full-grown pedals upon Atlanta sod for the first time, no one lent any particular attention to the event. Certainly no one was excited to write home about the matter ... Fifteen long, exacting years have passed since that time. OI' Man River has kept rolling, on. And even now, no one has waxed eloquent over the doings of Mrs. Jones' fatal error. But say this much for the idiotic offspring...</t>
  </si>
  <si>
    <t>                                           SWELLING REDUCED And Shori Breathing relieved when reused by unnatural collection of  in abdomen feet and legs and when pressure above ankles leaves a dent. Trial package FREE. COLLUM MEDICINE COMPANY. Dcpt 580. Atlanta, Ga. Cy v  re t Hcclrolypmg  Jy  1U V.VI.IST PRESS, Inc. ?i:t       St., S. W., Atlanta D jcp.S.Kahn s ,:%</t>
  </si>
  <si>
    <t>                                           The wives of John and Ernest kissed everybody, thanked Bess for the lovely supper.</t>
  </si>
  <si>
    <t>                                           On Thursday afternoon at one o'clock the home of Mrs. Mamie Pitts was the scene of a very enjoyable luncheon in honor of Rev. M. H. Jackson, alumni secretary of Morehouse College. Atlanta, Ga and Prof Robinson, principal of the Atlanta University Laboratory High School. The affair was a very interesting one...</t>
  </si>
  <si>
    <t>                                           -TODAY- Two Features! "His Woman" With Gary Cooper Also "Friends and Lovers" with Lily Damita and Adolphe Menjou Thursday Friday GRETA  in "AS YOU DESIRE ME" He Desired Her Not as She Was But as SHe Used to Be'. ROYAL ATAlLGOOD^r  STORES JW A* recognised Remedy lor Rheumatic ^    end NetrriMtiuffcrcrt end* perfect Blood CriBer. M.lti ihm Blood Rich and HeJch,. Build. Sl.  d Vljor.       4~. EBecll.c Why Surfer? VST SmM^.ta,    ..~i.~o _yy</t>
  </si>
  <si>
    <t>                                           According to Walter H. ... Alken, head coach of football and athletic director of Clark university, the Red and Black caravan will be summoned to official grid work for the 1932 season on Monday, Sept. 19. The first week, in order that practice may be done under cool...</t>
  </si>
  <si>
    <t>                                           Grandmother says that when she was a little girl soap and water were good enough for any woman's complexion. There wasn't all this money finging for cosmetics, and complexions, were worth looking at then. They had freshness of color, whereas complexions now...</t>
  </si>
  <si>
    <t>                                           NEW YORK. August 30--professor Harold E. Fintey of West Virginia State College, the only American Negro attending the third international Congress of Eugenics at the Museum of Natural History on Monday and Tuesday, answered Dr. W. A. Plecker, white head of...</t>
  </si>
  <si>
    <t>                                           *   .tMM- w.       .Jwt try I Phjtg^ 0 t OatintTili I Psrtax W Tens  c *l^_J*-^55 tl        una.  I  Qt yA^r 1mk tot kt^Kv^M*    I ~*~flg' Ml* -^1 K. PUQVntff A SO1^:    I I        Bas.-V.4L IM.  Ti;~ I 'HAKE ISP YOUR OVER BILE- WITHOUT CALOMEL fin Moman^ Rarra* to    S    SmI mt     u4 tk*           Mifc. 4m1  m Ut mt  lti, MtoaiJ wtw,  JL *  KUd7  *~4  i     tWa to      y*o - fj     t*MT cast do tt.       CW  and a      Bomnnt  t froC *t     ~!=~!~-.      far toot      -~nd-out IhOqc .Onc It  pour out      w 1 1 1 1 k ot Uejuid bfl* Into  !~ , H tUs     W not  , your f*od 4   't        It Jtaf * In tha bo-v^a. Oatf  tip          h*T* CUck.  bate mod, toot, . b fouL Ala   eat tn         *. Toot bc*a  mhJ rcn feel  out. Yoar  ^rtwi ti . J -v I* trim the- w**L old r^AItTER-a I2  PlllJ'Co got'      two.   bn  trM^.Knif nu^k* ,    ^!*i]^.ap.*'    7 contain ., , x*  * - -cta, "T1^^"! ** ta  the Wjo Qovii^tj. J)ut a#~t talk loc Utw cOl* Aak t oc Gartor"*: 1-etU Uv^rUk. LmIc    ths urn* C*rt-r"~ Letxw u*~ nab M(          Rmbi</t>
  </si>
  <si>
    <t>                                           Bishop Clair Holds Field Area Meeting                 . Term .Tnlv A.                 Bishop 'M. W.' o.'the M. E. Church met with the district superintendents of the Tennessee Conference and Southwest conferences Thursday morning at the Centenary M. E. Church of  the Rev. F. W. Brown is pastor, to effect details of a Drocram -l                 ed to stimulate the building project in this area. Although the session was short, lasting only the day Thursday, its importance was evidenced by the fact that representatives from Nashville, Chattanooga, and far away Philadelphia wore present to take care of their administrative matter. Dr. A. C. Hughes of Philatlelphia. Dr. J. W. GoWen. Holly Spring, Miss. Dr. E. W. Kelley, Dallas, Texas and Gammon Morris. Chattanooga. Tenn., were four of the principal delegates at the session. Rev. G. W. Louis, member of the Tennessee Conference, a delegate from Nashville, attended the meeting. Other representatives present were: Rev. T. W. Davis, Nashville; J. E. Parker, D. L. Garrett. Continued on Page 6, Col. 2                 Bishop Clair Continued from Page One Dr. C. H. Covington, A D. Ivv, and P. W. Ivy Bishop Clair, who has charge of the Covington area, came to Memphis rrom East Si Louis, 111. where he 'dedicated a  Sunday. June 2  . His  also included Coffcyvjlle. Kan., where, he stated less than 800 colored people and Little Rock. Ark., where plans a population of 2500 are churched; were made for the ministerial training school session at Philander Smith College which opens July 26. From Memphis the distinguished churchman went to Chicago. Bishop Clair said that the resolution that the general conference of t M. E. Chur.-.h passed recently at Atlantic City at its quadrennial session, declaring that the conference would not meet at any  that did not provide equal ac-~  for its colored constituents, is destined to have far reaching effect. Already four cities have shown their willingness to. comply with th0 conference  by inviting the M. E. churchmen in 1936.</t>
  </si>
  <si>
    <t>                                           Bishop M. W. Clair of the M. E. Church met with the district superintendents of the Tennessee Conference and Southwest conferences Thursday morning at the Centenary M. E. Church of watch the Rev. F. W. Brown is pastor, to effect details of a program...</t>
  </si>
  <si>
    <t>                                           MRS. HATTIE H. HILL Is hostess to a delightful Al Fresco luncheon on the lawn of her palatial residence at 573 Alston avenue, Memphis, in honor of Mr. and Mrs, Al Wright of Cleveland, Ohio.                 Photo by Hooks, Memphis.</t>
  </si>
  <si>
    <t>                                           IN SPOTLIGHT                 REV. T. S.  Pastor of Holy Trinity Baptist Church, Brooklyn, N. V., who Is in the limelight again by writing a stirring letter to William Allen finder 06 the Lindbergh baby. Dr. Harten is known for getting more personal publicity than any other . He Is a leader in politics in Brooklyn.</t>
  </si>
  <si>
    <t>                                           SHE KNOWS HER MUSIC                 PAULINE  Daughter f Mr. and Mrs. M. A. Burrows of Elmira, N. Y., who is a graduate of the Elmira College of Music. Shu Ls the first colored girl to receive a diploma from this, the oldest college in America for women. She is studying music further in the Eastman Rochester University.</t>
  </si>
  <si>
    <t>                                           In Yoar Citr    I)n C,cx*\ for th* I'ublic MADAM  WHARTON TON haj no ~]  1, fc* ^nU. TUmAlnK* for WhiU- and Olorrd SPECIAL RE*\OlNGS-50c. 1513 Howrfl KIM     , AtUnU. ^a. Marietta Howtll MUl    ^-  :onA HotiM from          Stop</t>
  </si>
  <si>
    <t>                                           The summer exhibition of physical activities at the Butler Street "Y" were most successful this year. The exhibition lasted three nights, taking a different phase of the work each night. Monday night, Aug. 29, the boys made a very commendable...</t>
  </si>
  <si>
    <t>                                           ATLANTA SOCIETY,and it really looked like the whole of it last night,tipped out slightly in lieu of paying a bid for comfy beds the gentle arms of Morpheus--and as a result the gargantuan Williams' Business College ringer, with Mrs. 0. P. Williams, founder president of the institution, as key hostess, went over with a ... bang. Neal Montgomery and his boys found themselves the two club dances on, and after that, with Randall Young, blatant and leather-lunged trumpeter from Minneapolis...</t>
  </si>
  <si>
    <t>                                           Plena* tumbling  oF reer through dizzy $~~$~?' circles, ripping into Koyitocb, crashing to the VSSSJpKr i ground, Bying upn d  down, through building*        ^V end  Tho most dangerous          ' ever recorded by a camera I w$~s5CfJj ^SPenCER  .^jv, -   ^';^ WiWAHlStafc) BOO -. COOPER /^Ki ,   i/MSM Rnn  y^E^r-z^^r ,3 A YEA* AND A HAtF      ^^gg^^^~^CTT-   also- =========== .~'j;^BB ATLANTA S ONLY STAGE SHOW Y^ji "WGST RADIO REVUEtil 24 Jack Rand Dancing Girls j^^^^B 60 Piece Orchestra and Stage Banji^^ffl</t>
  </si>
  <si>
    <t>                                           SOME OF THE VOLUNTEER workers who helped out in the Atlanta (GaJ summer relief program for unemployed and conducted! the investigations that will make the' task of raring for the needy of the community easier this winter.                 Fnoto by Lane Brothers                 MISS ATLAS JAMES, who is making: her home with Mr. and Mrs. Thomas P. Henderson on W. Maple St. in Jackson. Miss.                 MRS. DOCIA ROGERS, president at the Three Cs Sodal Oub and if popular member of the Roger Sfa-Q ten Bridge Club of Orange Mound--. subdivision, Memphis. ^^                 MRS. WILLA M. BISHOP, who baa returned from Ohio to' live with ber father at the -A. and L Slate                 College; Nashville. Xenn.- Photo br 3. R. Anderson. Nashville, Term.                 MOTHER AND DAUGHTERS. Miss Emma Wade of Chicagv, Mrs. S. W. CreddeU of Atlanta, mM      Afmif*     Wail* alMi at                 Atlanta.- Pfaoto by Kelly. Atlanta.</t>
  </si>
  <si>
    <t>                                           INSTATE NEWS                 Marietta, Ga.                 3     Lorena ICubintoii U ill ut   *r   *~ on Coin : Thr Manlnu W*d. ut Zion  chur^             by     -~    *nri',  Ur.          2'rul.yr WillUnu l.ft fur M It. U.. ThumtUy. l!*-^vvn   will         kt     wi.rth KriUay   WuwUKick in .MuMlay         . Mr.  ml Mr- Mall. Mr. uml Mrs W,,i. run and  on. ini, ,,f Mr. anil Mr. AlUrt Kill Sun.luy Tnr       h- Allmilu tu .n- MHcalfv run Kl...~ville ui..Hii-  ,i. fi- ~-vt-rul of     Knusvill.-       - Glif Club -  ! anil ^rfd a li.u.kal m thr .Muri-llu I Hirh uu. UV.lnn.Jjiy ,.-     -. wir- of Itv. Junn.. former AMK im-tor,     * now ut Nfwttiui  in thr city Sumlity 'Mr. A, S. Fowlrr u much l.rlt^r nfn-i  .. Mr C Powlor in ill  t hi. l^        .. Don't  Thi- -li      .l ll..n,.       UavM T Howard on M I! 1 1 *. Kridity, Si'jili-mlH r :~</t>
  </si>
  <si>
    <t>                                           sri:    mosky  U.I I! AliVEKTISKKS</t>
  </si>
  <si>
    <t>                                           BELIEVE A IB SLEW SUSPECT                 7th Negro Victim Is Found in Woods to End Long Search                 JNO. 9, TWO RACES                 WARRENTON. Va.. Sent. 22Tho body of ri Nogro . believed to have been hung by members of a sheriffs nosse several weeks agn. was found hanging tc an old  tree near here Wednesday . and was promptly cut down rind burned by a mob                 of white farmers from this *. Police, arriving nt the scone three hours after the body was discovered, were able to save the man s heart from the flames which had'   thc rest of the body. From this they identified the man ns' Shadr.ick Thompson.    of attacking his former farmer-employer. William L. Baxicy. later"  Mrs. Bnxley. The body was partially decomposed when found and the coroner stated that he believed It had been hanging there since the time of the Baxley assault. July 12. j Although officials claim tl.at the hanging wns suicide, the alleged attacker having fled into thi woods and hung himself when he found the pursuing posse closing In upon him. and they point t0 the fact that he was hung with a rope known to be in his possession at the time he was last seen before his escape, the explanation ir not generally accepted. It is recalled that at the time of the assault threats were made by men in the community who  took part in a. search for the man. That the feeling] here again.st Thompson was intense    borne out by the actions of the mob in burning the body upon discovery eight weeks later, without awaiting the arrival of authorities. Thompson was employed by         until about six weeks before the attack upon the couple is alleged to have taken place. Thompson's wife obtained a warrant for his arrest on an assault charge and Thompson fled the section. Nearly Continued on Page 5  Col. 5                 Va. Mob (Continued from page 1") a month . when Mr, anil Mrs. n month later, when. Mr. and Mrs. Baxlcy were  In their farmhouse and severely ,                 Thompson was immediately suspect, j *?'d although lie had not been *ccn ir. the  sine; his wife  his arrest. He was *oug!il :or several weeks as tlic  perpetrator of the crime at the Baxlcy farm.</t>
  </si>
  <si>
    <t>                                           WARRENTON, Va., Sept. 22.-- The body of a Negro suspect, believed to have been hung by members of a sheriff's posse several weeks ago, was found hanging to an old apple tree near here Wednesday afternoon, and was promptly cut down and burned by a mob...</t>
  </si>
  <si>
    <t>                                           FINED FOR SPEEDING                 Driving fifty miles an hour, Wesley Reed, was fined $17 or thirty days in" the stockade by Judge John L. Cone in Recorder's court Thursday.                 DrugStore Errand Boy Robbed by Pair                 Held up by two 18 year old youths, both of whom he said that he recognized, Lester Harp, delivery boy for the Amos Drug store, Ashby and West Hunter street, was robbed ot $4.50 in cash by the pair who forced him to abandon his bicycle at                 ton place near Ashby about 8:30 Sunday night. According to the story told Officers H. G. Brice and D. C. Vaughn, by the hold up victim, he had just completed the delivery of a package at 1036 Deckworth street, and was on his way home when the two grabbed him, forced him from his wheel, and took the money from his pockets. Young Harp claims that the two young men guilty of the crime are Charlie Gresham, who lives in Vine City and Rufus Bennie, 31 Booker street. A search was started immediately for the youthful thugs.                 Six Treated For Wounds a la Bricks Brickbats, coming from here, there, or anywhere, proved to be important factors in some of the events that kept the staff of the emergency clinic of the Grady hospital quite busy Sunday evening. Six cases of head injuries resulting from tossed and thrown bricks. or pieces of bricks, hurled for the most part by unknown persons, were treated during the night. Five of the patients were given attention between 7 ana 8 o clock. Among those treated were Clyde Smith, Monticello, Georgia; John Jackson. 765 Carter street, George Thompson, 1531 West avenue; Howard Conyers, 1564 Rushin street, and Alonzo Perry, 681 Jennings street, the latter with lacerations on his forehead in the first big batch; while Miss Laddie Mae Jones, rear 71 Georgia avenue, who came in at 11:20, helped swell thG total. In practically every instance, the wounded persons claimed to have no knowledge of the identity of the person responsible for their condition. EX-SOLDIER HURT TREKKING TO JOIN BONUS ARMY SAVANNAH. Ga. July 4- ) Word received here from Savannah's  of the bonus army which left here rather belated, last Sunday in a tni"k and which wns composed of seventeen colored men rnd sixteen white men. showed that 'he first  was HornT Simpson, who fell off the truck while passing through Walterboro and was seriously hurt. His comrades proceeded on to Washington after biking him to a hospital where at last reports, he was stiil unconscious.</t>
  </si>
  <si>
    <t>                                           Barbers to Meet at Y on Thursday                 All barber shop owners and man- r. agers. n gardless of the size of their establishment, are urged to be pre- t sent at a meeting of the Colored t Master Barbers of Atlanta which will be held Thursday night at 8 t o clock at the Butler street Y, ac- j cording to an announcement by c Solomon E. Pace, president of the c organization. This invitation has been extended to those who are in- terested as will as members. In order that the work of the group, which was only recently or- ganized, may go ahead, members are asked to come prepared to car- ry out their pledges and present definite plans for future policies. O.ficers were  at the last meeting and It is expected that the body will become one of the outstanding professional organizations in the city. There will also be several interesting speakers at the Thursday night meeting. Stage Star to Get NAACP Help in House Trouble NEW YORK. Aug. 23.- Adelaide Hall, star of the musical comedy und vaudeville stage has been offered the aid of the National Association for the Advancement of Colored People in the event any serious trouble developed over her leasing a $35,000 home in the exclusive Larchmont section of Westchestfcr county, just outside New York City. Miss Hall has leased and had her furniture moved into No. 11 Kilmer road, named after the famous young poet, Joyce Kilmer, killed in the World war Since the announcement in the press neighbors in the section have protested to Mayor Monroe Steincr, Continued on Pus 2. Col. 1                 Stage Star Continued from P.icr 1 Who told them "W'r.^t cur. I c:e ^tX Ut i:?" Uriabii? to ^vt :-nv sa::-faction from ihe Tilsyor. the r.cr'.h- 'bor? a.rc -.! to bo :-cci;i:i:'. injunction to keep .Mis.; H.k: .'.-on *~:^ the home. K.i!i .^ in Aib;:ry p.irk : plan;:' lo step into --or now homo a  (3:iys. Because 0;* t::c :r;ric: p-c ir.vn]   ! and because M:ss Ita'l ;inc ether bi^ t:rr^o .ir;:?ts  beer, .^onerous in ^ivin,*:   -or .N.A.A.C.P. benefits, the n^  cation '] ;rs services :0;  more ::; thur. pro'.~:: I:; .</t>
  </si>
  <si>
    <t>                                           Mr. Janies Barge and Mr. Flitcher Bolden motored from Atlanta Sunday and spent the day with Miss Ella Jeffries at 428 Planters street. Miss Alder Newson left last Sunday night for A and T College, Greensboro, N. C., where she will begin on her college course.</t>
  </si>
  <si>
    <t>                                           SUNSET CASINO will occupy the attentions of no few of Atlanta's pleasure-mud realmites tonight when, from nine till the wee hours of the morning, the Monte Social Club kicks off with its widely-talked-of heart-palpitator. Charlie Grimes, president of the club, has been working ingenuously On this affair with his helpmates for the past two weeks. Tonight will be a reality--regardless of wea-ther, a swell mirth carnival with good music and an inviting floor. The Fourth of July gives you Epicurus and the Montes, gentle fans!</t>
  </si>
  <si>
    <t>                                           MACON, Ga., Sept. 26--The Ballard Bulldogs reported last Monday to coaches Barrow and Sheftall for the first workout of the 1932 season. Thirty candidates answered the summons and this is far the largest number of candidates the school has over known. Ten are lettermen...</t>
  </si>
  <si>
    <t>                                           Stockholder Starts! Suit Asking Receiver for Woodmen of Union                 B NAMED III SUIT FILED                 FormerAgent Claims Fraud in Dealings With the Public                 PRESIDENT TALKS                 HOT SPRINGS. Ark.. Aug. 2!.- 'ANT)- Two suits were filed here i.i(~: the Woodmen of the Unloa Insurance company this week, one "~ mismanagement and  and asking an accounting, -nd brought by B. B. Kirkpatrick, , of Chicago, formerly                 ployed by the company, and the other by L. L.. Powell of Montgomery, grand master of the Mos:iir Templars of Alabama, suing as .1 stockholder and asking that a, receivership be appointed because of alleged misuse of funds by officers. John L. "Webb is president and B. G. Olive, secretary- ii fthe Woodmen c-f Union Life Insurance company, which is a combination or the former Century Life Insurance Company located at  Rock and the Woodmen at [Union, :i widely known fraternal^ Insurance "'6            16c25ed r' at" Hot Springs. The two organizations were merged August 12, 1931. B. B. Kirkpatrick. a white man \vli0 lias been active for a number i.f years as a salesman for stock issues in various insurance and financial institutions, explained his suit in the office of the Associated i Negro Press. I "The Woodmen of Union InsurI ance Company owes me $7,000 lor I work which I have done for them," Mr: Kirkpatrick said. "I became I associated with the organization I last December and 'l was heavily i involved due to inability to pay a I large amount of death claims and bank loans which were  and past due. At the invitation of John L. Webb and Ben G. Olive, I entered Into a contract with them to reduce those claims and was successful in settling $200.000 worth of death claims against them for $46,000 t0 be paid in cash, and the balance the claimants agreed to accept in stock of the company through a. plan which I worked out, and in which I had the assistance of two trained young colored men.                 'The company was able, through the influence of Senator Joe Robinson, who is one of the lawyers for the concern to secure a loan from the Reconstruction Finance Corporation of $160,000. It was represented to me and to other creditors that this sura would settle all the  of the company since I had been able to reduce the amount of cash which would have to be paid the beneficiaries of death benefits. "I discovered that instead paying the amounts of the claims which had been agreed, that ODly tea per cent was being paid, and that only to claims arising from former Century Life policies. Woodmen of Union policy holders were discriminated against because being a fraternal organization, the contract held gave the policy .holders little rights. "1 ~!ld not  my lawyers Murphy und Wocd, to begin suit until I discovered that when   with beneficiaries. Messrs. Webb and Olive  of using treasury stock, were.  their own personal stock which they paid S1.50 per share for. 'to these claimants at $5.00 per ibara--. and taking down the securities which were the property or tho company, presumably for their,,' Continued on- Face I, CoL H" V^V                 FACES SUIT                 .10'FN I.. WEBB J'ffa-I "f Hie Wmclmrn of t!    Uni'.n,  company faco     "      :!'.::~ as      I'CMiit  f a suit recently I'ilecl.                 Webb Named Continued from      1 own protection. *I:i addition, I  that the entire SICO.OOO with the exception of $7f OO h:M been spent without re- : the death benefit claimants ;us lint]  promised except in I small m.TiMire. That I* why I I h;ivo a.-ked fur an *;. The Rccti"Strji-.~on Finance Corpora j lion refused t0  the- $160,000 lean u:;t:! it was  that checks or. it should be signed by Mr. UVo!) and countersigned by  ii-.sin.miL' commissioner of the .-. A D. Dulaney. I believe the bulk or this money went 10 p:   t '.I-.1 u  of the company. w:r.i: claimed to be bade sal;iry. for !*~:i:;~ owed ut the bank .::ii Vj." attorneys' fees, which was I i!i:".c. contradiction to the prom;Sl':-. dc 10 the local Tleconstruclio:: Finance Board .who believed :h.i*. tl:e :r.ur.ey  be u^ed to p;iy u: I he dea;h claims and to p th" organization to war J a s:und rooting." Mr. K:.trick j '.vcr.t :r:'.M  detailed, transactions ; a. $30,000 mortl;:;j:^ of Jesse 3inRa which he .~l.i:med the insurance department  the Woodmen Union  to take down, and trade for Century Life Stock held by Binga '.  in Us place. Union Inw.^'.nicr.t Siock. a Webb  xh'.s^  Ss         trick c.isL-i  upon. WiM- publication of K'rkj;;i trick charges led the A^ N'^;:.~- P:"c^ tu  inquiries ot ?re-i'i-t:t V/ebb. Mr. Webb  d -''-1-1 -"'v- N- P-  re--j ;-(.;ri:e:nc*r.t^ were m process (.~'I'Surtiacon and iMt that it  l be preferable not to enlai i^L- u;.u i. iiis statement :u thi^ lime Mr. Webb, wiw is one oi ::ir b'-si known men of the country, prominent in  ai.ii  circles, and reputedly one :r t:u' weal tli iest in^-r. in the $.;roup. Uia; his main objec: was t^ piu ec. '.i\~? policy holders' interest. !Ie ":i:t! the :uit for receivership was lilt d by a d. n^ent. Atty. Bertj. Clanton uC ChU-aeo. ..pp'.-;: for Grand Ma.stt;r Powell. .~i  an injunction a^ainsi :hv  but the injunction was :m:v. J:.'~l when Sena;or Kub in son s law Tirm .' :v. cour; :i:nl promised that no further :r:ir.~-f^rs   f officer s stock would be '.'. The receivership j.ear.ns which Mr. Clanton filed i will     \r up i:-. the September I term of court. In tho n. ear; time, j it v;;ii; .ored that :he company would bj ;nor]'.e(l wth tne Univeri-al Life. ?    .!e:H J. E- Walker of    ? Universal L:i'e :   ! A.X-P- 1 :;:it Uni^ersa] Life will :;u; mer^e with Woo-Jjiien Union, nor any j other company. We may take ever the  but will never rr. with .ir.y company. It v.u:, l-.-arr-ed that the :r.-ur- :c.Cc ..iys: oners ci the ,-~ i who have been very close to the j iomp.'.ny.  bC f-~r? the Wood- men an- 1 Cerstury were merged and since, is said to have c:dled a convent -cr. of insurance com mis- j ,-ior.ers to confide the matter of. :e-.n.surance .L^ with some! c'.her company I'ru.-- Webb I *.!:   'jgh Atty. Scipio Jones is sai-l to have appealed to a number oj companies to corr.c to their rescue or tG arrange to take the bus:- nes-.</t>
  </si>
  <si>
    <t>                                           HOT SPRINGS, Ark., Aug. 21.-- (ANP)--Two suits were filed here against the Woodmen of the Union Insurance company this week, one charging mismanagement and fraud and asking an accounting, and brought by B. B. Kirkpatrick, white, of Chicago, formerly...</t>
  </si>
  <si>
    <t>                                           ENGLISH fans haven't had many opportunities to cheer over the prowess of their sport stars so far this year. The highly touted British Davis Cup team of Austin and Perry failed to even reach the quarter-finals of the Cup play, being eliminated in an...</t>
  </si>
  <si>
    <t>                                           MR. OLLIE WHITE OF 674 Rhodes Street has as his guest during the convention. Mr. James M. Carter, of Columbus. Georgia Many affairs have been given in his honor. Mr. White is also the District Superintendent of the Talbottom A. C. E. League.</t>
  </si>
  <si>
    <t>                                           It may be of interest to the many Atlanta friends of Professor A. H. Gordon, A. B. Atlanta university 1917 of the Georgia State college to know that he received the A. M. in American history from Columbia university of New York City at the last commencement. As...</t>
  </si>
  <si>
    <t>                                           Behind The Scenes                 In Hollywood                 By HARRISON CARROLL                 Cupyrifthi. 1932. King Features Svmlicutv, Inc.                 I HOLLYWOOD. S' pt. 23.- Don't I be -il If Dolores Del Ri"'s Incxi picture turns out to be Hie I Flags and Quirt story that Fox is, ! for November.                 I' Harry" Eddingion. the Mexican stars manager, likes to .und his business deals with mystery. but negotiations are on anil I've a hunch an announcement will bo forthcoming before long. It w..uld be quite fitting for Dolures to take this part, because she was the girl in "What Price Glory." first   f the series in     *h Edmund Lowe and Victor McLaglen played '.heir now familiar chura.1 1 ions. Since leaving RK-O. Dolores has. been vacationing at her home near the beach. Some time  she mai- mated that she would sign a r.ew contract in about three week.v Tlie time is nearly up. It's a chuckly story Benny Rubin tells about the impetuous suitor of a. Broadway chorine. Firs: time he met her. the chap went into this kind of hysterics: "Your eyes are marvelous, your lips are" beautiful, your nose is adorable, your hair is spun gold." Finally, ihe bore.l chorine cut him short.  Say. what is this- a proposal or an inventory?" I BOULEVARD TOPICS I Harold Lloyd expects to see his picture. "Movie Crazy." open in six European Cities: London. Paris. Berlin. Vienna. Madrid an.! Rome. The bespectacled star leaves here I tonight for New York a week ahead of his family. A great base- ball fan. he wants to get in a rou- j pie of worlds series games before he sails. What is this tiling  love? Dorothy Lee and Marsh Duffcld have made three trips to the harbor to sail on that ship of chani C. the S. S. La Playa. They have missed it every time. Even Lon Chaney never equalled the complicated makeup of Boris Karlnff in "Omhotep." One day j      week the star was in the hands j of the makeup man from 10S5 in                 the morning u:~u: "'cht. Dur- int; this t.me Uu-~ o.i-.vt-rted  int.. a mummy- a ktt'.e matter in- I -K 150 yards of tape, wrinkling processes, . of the hair an. I a .lus'.ini; with  powder. After .i: in .1  tin- hours and 15 minute*. Karloff i was  to the s.-i. where he worked until . Meanwhile Playwright Preston         will take time ..If fit-m tha*. Sidr.ey Fox story an.t .10 th;- screen version 0: Karl, .its. next' picture. "The invisible Man."....1. Samuel Soris. 22 years o!.l and said i  to be Mexico's premier buh-tii:hter has arrived her-.- to teach Lew 1 Ayres h.~w to tw 1 1 ;i ."ipe for his new picture. "Slta Without Fear" ....That tuneful niece. "The Cat and the Fld.lle will enjoy the  San Fran.isco run of any play since 192S). It will  lo  weeks -"Grand Hotel11 did six.... They're paying Al Jolson .1  fortune for thi.8^ ra.li.. broad.-asts j  a moderate priced ar. Due here from En(;-     so-n.      - Whale will start "T!ic Road Back11 ;n November. For all the talk about -Blo..d and Sand" an.l  romantic vehicles. Paramount can t quit^ bring it.-ell to take George Haft ou; of under- 1 world pictures. The slen.ler N'ewl Yui'k . who was a boxer, base- 1 ball  and dancer before he1  up acting, u-ill  it with Nfctiicy Carroll in "Urtiiruover Man.' an expose   f police liason work in a met:op.~litan city. This oi  story by Juhn Wil- 1  deals with the stolen car r racket, one uf the few  left untouched by the previous i-rime' melodramas. George  a mcm-1 ber ..f the poli. e undercover squad I not a  while Nancy is a 1 Follies girt. I The picture will be  by James Flood. \vh.. has beer,  movies since way back yon.ler. DID YOU KNOW- That Wallace Beery's first  suit was made over from      i uniform of his father, a policeman, and c.tme to Waltie after two   t     brothers were .n^h with it?</t>
  </si>
  <si>
    <t>                                           HOLLYWOOD, Sept. 23.--Don't be surprised if Dolores Del Rio's next picture turns out to be the Flagg and Quirt story that Fox is planning for November.</t>
  </si>
  <si>
    <t>                                           FU MANCHU-Tha Severed Fingers Nayland Smith's Decision by SAX ROHMER~-~~                 MESCAL IKE A Lack of Reader Interest Somewhere by ART HUHTA                 TIM TYLER S LUCK A Dangerous Program by LYM YOUNG                 -TELUJSlj TOMMY- ^                 'Si UJVtXJE                 THEM DAYS rARE GONE FOREVER fo^y Tune Each Day v</t>
  </si>
  <si>
    <t>                                           ^                 UTT.LY S UNCLE'</t>
  </si>
  <si>
    <t>                                           E Q I TOR I A L EHElEa I</t>
  </si>
  <si>
    <t>                                           "I'll place your money in the saving bank. If you are careful it may last you four years. Hardly more. I'll have my living from the plantation and will send you all my salary above what is required for my clothes."</t>
  </si>
  <si>
    <t>                                           Met at the home of Mrs. Irene Burdett, 652 Crew Street, Friday night, August 19. with the president presiding. After the devotion the sick report was made. The following members were reported ill: Mrs. A. T. Hanley, Mre Pearl Willingham...</t>
  </si>
  <si>
    <t>                                           CHICAGO, Aug. 1--(By William Occomy for the Associated Negro Press)--The Metropolitan Funeral System Association of this city was ordered in the hands of a receiver pending the outer me of a light controversy which has been raging for the last three or four years...</t>
  </si>
  <si>
    <t>                                           Red Bradley, kingpin of the Pullman Hurricane pitching staff all this season, harboring some private differences with the club, hitched up with Athens Red Sox yesterday afternoon, but Harry Jones. Red Sox coach, elected to use his mainstay, Pledge Starks...</t>
  </si>
  <si>
    <t>                                           IBHBHiiBHBHI^HSfiHHffTHHH^HHHHl^^/'WyMiJnw^r^ i i j ti !] n 1 1 c iij j Genuine f slack and  vke^~^ GROWERj^S ^V^~P'^y White Hair Grower i^^^feo^^^^^' '^^^.^^^j brings amazing re- i  V t, ,,./-y' ff :-J EiSESc"^: LarSe Can -25c JmT^Jm :ulat6 tho Rl.imK of I At Your D  t  SHK-. tlic  to promote j^Jfly*  ^ll"~ rapid, luxuriant growth silken ] B8       hair. Thous.1t)d.; i:sc it. thousands        it. If you ^HSn^^Bm  "short hair" or "bad hair" here s your hij; ^W^W^/wB I'01^'1'"'^ lo"~row gorgeous silken tresses in .in J RrMMfri J^l ~-nia7inH  time. The big can of Gc'iuiini.- EM.ick   ^    -^^f\ ~'ind -White Hair Grower is only 25c, but if it cost1 j BT j.~ ten times as much you couldn't s;ct n finer or L-tr- 'more effective hair grower. Sold 'everywhere.</t>
  </si>
  <si>
    <t>                                           REAL PONIES, KIND AND GENTLE Lots of Fun and Wliclesome Exercise for the Kiddle* Price: 10c a Ride Horses Rented by the Hour to Adults Open from 5:30 a. m. to 7:30 p. m. Exclusively for Colored Washington Park Pony Track Located at Washington Park RoOSOVelt JonCS, Mgl". BETHUNE-COOKMAN COLLEGE Daytona Beach, Florida "A School Of Personality" JUNIOR COLLEGE NORMAL TRAINING HIGH SCHOOL FINE, INDUSTRIAL AND MANUAL ARTS MUSIC AND PHYSICAL EDUCATION Individual Guidance Cultural Environment Modern Facilities High Christian Ideals Efficient Faculty Approved as a Junior College by State and Sectional Accrediting Agencies Mary McLeod Bethune, President</t>
  </si>
  <si>
    <t>                                           DAlUY NSWtpXpER IN THE WOM.D SOUTHERN NCW8 SYNDICATE, INC. POBUUCtl m. \k. KOTT Tmmiu  MmM    . MmHu Mltof MEMBER Or THE ASSOCIATED  88 IBS WORLD  ma  tn    mat ImU ^~~   . SUBSCRIPTION RATES Dm Tor. HM I Matllu.    5 3 Month.. HSi 1 Mntk. W-klr. 1U Sandar Oklr. I2.it 8HED DAILY AT 210 * AVi. N. E. : WAlaot US?  ad        u  Battn at Dm pom        t Atluitm.   _  tlM act of Match 3. 1879 ADVXRTISrNC REPRESENTATIVE *W. -.B.  CO. 2   Walun BMr- Atlanu. Chlcat.. .Vrw Twk.     OrUaai</t>
  </si>
  <si>
    <t>                                           1 Have DAZZLING HAIR BEAUTY j KB WITHOUT PAYING TOO MUCH FOR IT      You don't have to wait a long time for results when you use Genuine  Mjg Black and White Hair Products. And you don't have to pay out a lot of ! money to get results, either. Genuine Black and White Hair Products arc 38     the most famous in all the world for the quick, sure way they bring EjsMll dazzling beauty to your hair. And just read how little they      MAKeITvERYBODTS MAXES SHORT HAIR PROTECTS YOUR HAIR    HAIR EASY-TO-DRESS GROW LONG, 8AHT FROM HOT IRONS  If your hair is stubborn and hard If your hair is too short to be Genuine Black and While HfivS to , just apply Genuine really beautiful, :-tr.rt using Gen- Glossinc is composed of oils that  Black and White Hair Dressing. ume Black and White Hair' protect against the heat of hot BraHl Softens each strand. Makes it Grower. See how it stimulates irons and combs, Saves hair from EfflfiJ glisten with life and lustre. And the hair glands and makes each [Curcrijng and burning  BgSSH enables you to  your hair strand ~;row soft long and it c-acfc, and turn  '"^ny style you hkc, and keep .t straight le.-ud m thousands of cobr_ A(]Js (u,  0~, nnj QSsoBi that way, too, always looking cases. M. Ii air \'ja*x where smart, lovely, attracts.     others fail. Why ray 50c and VT' 1"'r-   T*~ tmm kinds: White 50c. Amber JOc. Try 75c for other hair crowed when Black and White Oloilin. ll  Black and White Hair Dressing  Black and White at 25c 'Used by beauty parlor*      - SBb9      famous of all dressings.  faster and better result!? where. l.ari;c     only 1 ft.</t>
  </si>
  <si>
    <t>                                           4 1 rhe Atlanta Daily World is the public servant of the No newspaper can hope to succeed if it does not put A J-Iam4-~\ /Negro of this city. It is here to do your bidding, to  JM I  f the interest of its subscribers above everything else rK I I H II IH S S*1* yOU informed of what     friends and other WT 1 1 W\ 1 1 p and endeavor to reflect an accurate picture of life in \AF17d fit" Negroes do, to suggest remedies for bad conditions- JL 11 V its area. The Atlanta Daily World believes in this city kJ Vl V       in short, to aid you in every way possible. and sidetracks everything in order to serve it fully.</t>
  </si>
  <si>
    <t>                                           The Building Tribe met at the home of Sister C. H. Lewis, 538 Irwin St. Business was Carried out in its usual way with the president in Charge. We were glad have our pastor and his wife. We wish to thank Sister Lewis for the invitation to her home. The next...</t>
  </si>
  <si>
    <t>                                           "Don't throw out leftovers of vegetables."</t>
  </si>
  <si>
    <t>                                           Another year of instruction, is slated to get underway tomorrow morning when class work will become a reality on the campus of every institution of higher learning in the Cate City. Registration is due to end tonight although as usual, there will be a few late registrants...</t>
  </si>
  <si>
    <t>                                           Your correspondent journey over to see his Alma Mater, Wendell Phillips high school of Chicago, hold Harrison Tech. also of to same city, and last year's city football champions, to a scoreless tie. This is the most popular prep classic in Chicago. This was the eighth...</t>
  </si>
  <si>
    <t>                                           TIM TYLER S LUCK                 Happy Landing:                 By Lytn Young 7                 TELLING TOMMY'1                 By Vim                 BILLY S UNCLE                 THEM DAYS ARE GONE FOREVER                 MassUi* 1\iV' *~v:. Your Mitts.                 'IT S A GREAT LIFE IF YOU DON'T WEAKEN" By: Jack Rkbbit*                 DOROTHY J) ARNI.X                 Charles McManus</t>
  </si>
  <si>
    <t>                                           MISS EDNA M. HILL of 580 Johnson Avenue N. E., left the city Sunday Sept. 18th to take up her work as teacher in Jones High School, Orlando, Florida.</t>
  </si>
  <si>
    <t>                                           WHEN BONUS MARCHERS RIOTED                 BONUS MARCHERS RIOT IN WASHINGTON Bonus veterans are shown in this picture at their piles of brick hurling a bombardment m the police                 during the ; ;,t Washinslo:-. when one vet wni                 killed and 65 otl-.rr   fro injured.  by Intcrnalional            ).</t>
  </si>
  <si>
    <t>                                           She was a lovely creature. Creamy porcelain-like complexion, lips ... lightly, ... arranged with the skilled hands. She opened her purse, took therefrom a horrid grimy messy powder pad and a grubby handkercheif that was knotted up into a tight wad.</t>
  </si>
  <si>
    <t>                                           Nfws from Your Home Town</t>
  </si>
  <si>
    <t>                                           World Ads Bring Results</t>
  </si>
  <si>
    <t>                                           ^^k9l ^vi^B^^tfM B^vB ^H3h3 l^^^l ^^^^^K ^^^^^1 ^^^^^i ^^^^^b ^^h^^I ^^^^^1 ^V^^^l IciOh ^^^S9 I^^^^h ^R^H ^^ifl9 ^^B^i ^^^^^HfliV ^Cfl^BpflV ^IDr^ v^^^^^^^^ft ^^h^^i ^^^IB  h^^^^^^I ^^K^K ^^^^^k V^HI^b ^^^^^Bh BP^^h ^^^^Dl HH^l ^^^b^h ^^H^B CS^S h^dv rEti^fl PH^vv SriAI ^m^^B ^B^^m ^l ^hIH ^I^^bi                 ASK PUBLIC TO ASSIST COLLEGE                 Mayor Bids A. M. E. Visitors Welcome %~ to Gate City                 BIG PROGRAM                 By REV. ALLEN K. COOLER vi,- Plir. Pnbllcltv Cmninlttre                 Morri.s Brown university and its future will be the chief topic of concern or the A. M. E.s as they  another .lay a. their tri state convention at Big Bethel church. Tags will be moM throughout the day for the benefit of this  institution .if higher education                 of" the denomination with      1 climax coming when the tonight s program will be devoted t,, a hi* Mass Meeting in the interest of Morris Brown. Not only, is this evening"s program  tu     far towards helping the school financially, but it will also give many people        chance to fully understand just what the removal of Morris Brown from it s old campus on Boulevard to the old Atlanta university c.' means not only to the students but the members of the church and thi- futur. preachers. The Program 7:30-8:00- Twilight Service, Music committee under the direction of Jto- HeteUvCameH-BisJiop. Foun-I Km will preside.' Dcvfitfon.-ils will lbe held with     . I. G. Glass. E. I N. Martin, and J. H. Edge, of- 1 ficiating. Morris Brown college is the  theme of the meeting. Dr. W. F. Bodilie will speak on "The Reason For Removal and Its A'lvantag' s:" Rev. W. H. Harris will tell about, "Its "Financial Obligations and How Best to Meet Them." A tenor solo will be sung by Pro.'.: H. E. McLain, after which B. F. Coler, well known business man is to discuss the rc-action of the layman towards the future of the Continued on Pace 2. Col. S                 AJMLEJs on M.B.UJ (Continued      pape One) school. PrcsUl- nt Fountain's speech  Morris Brown's present Mtatu." ton! -.-  will precede th-- appeal and ~~?f.*. Today's program lor the most parr    centered . the activities  Sunday sch.n.l and All- n Christian Endeavor league with a number of mU1 rusting features incl  the wu:k of '.he Allcii Life Guards lor beys    ! girl*. These organization** arc similar t" the 3oy Scou: ;inti Gir'. Scuu: mov n-.ents. O.Kliy enough. :hu day s J work is p*.;ir.ru*i! 'u. be in keeping j with the k'.- ser:i:   Bishop Fountain urging th:n the youth be kept so nr::: in the  of his church till: i he will remain  and  n1! to carry on.      .r Speaks Mayor Jamei; L. Key appeared :n person  i-ejr..iir.ei! throughout tbi.~ greater part uf tiie Welcome :ii Wcvlr.ei lay nigh: du^pne th.- fact  he is very busy these days, lie was introduced by Bishop Fountain whu said in part that Uiere was no', a       In the  of AtlanL't who  i;d no: vole :"or Mayor Key uiu'. if given tin* oppor-j  will Ou     again. "There wil: he justice and fair i play in the city of Atlanta as long) as I :t:n the chief executive." May- K't' Key ! as he  tribute I tu t!:e t-.  and religious spirit present, "The        .i  of Atlanta will never go hungry as 1 0115 us there is any money in the city treasury*. Ma\\-r Key also termed the present prohibition LMil'orc- merit as a ~"." Dr. J. M. N'aLrit, president                 the *tate Baptist convention und secretary of the National Baptist convention, in., delivered the welcome       *s on behalf of the Baptist churches 01 the city. Mrs. Nellie L. Davis, une or the foremost singers of the country, sung a "Olo that was wel! received. The welcome address on b half uf the A.M.E. churches of the city was made by Rev. Ch..r!e:; Summer Williams, pastor of Big Bethel. Rev. J. L. Butler. S:. Phillip*. Savannah, rendered a:i abl- response. Dr. K. E. D;ivis. presiding eider   f the Bain- j bridge iris'.rie w. ! a strong sermon on "Jesu* Wen: ;i Little Further." The last of a series of talks on  Tin-- f Doors 10 the Upper Room." wil: be :t feature oi1 the Quiet Hour Friday morning when Dr. S. S. Morris. Nashville. Tenn.. General Secretary the A. C. E. L. speaks on The Door  the Durk." Mrs. S. A. Laing is leader for this    nod with P.ev. J. W. Dennis as presiding officer. Friday morning s school of conductivity will include ;l  i;n the Old Testament Scripttires by Dr. S. A. Lair.g, Morris Brown; "Formula f"r A. C. F-. leagues." Rev. M. A. Fountain.: 'Prublein.s of the Rural Church and Their Solutions." Revs. L. A. Towitil' y and J. I. String.-r; "Handicjaft." Mrs. W. P. Miimini;: "~Primary Departiuent." Miss Leona Filmoi-e: Sunday School . Miss Pansy Bry:inl: Mlssiot^ary dcp., Mrs. L. M. Lawrence, and I Sermon by Rev. J. S. Bryant. Others on program will be Revs. D. R .Fobbs. J. L. Butler. Ben Anderson. II. Vernon Gr.'rne. and Frank Rogers; .V.r^. L. M. Lawrenci' and V,'. J. Johnson :md Prof. Jesse Brinson. VAimen art- playing an  role jn tin- Fii^.ay -i noun s even'.s u1::!, a talk i,!i "'The Woman's Honiaiid Foreign Mi;:iary Society's Place :n the Program of the Chur.-h" by Mi-.*. S. L. Flipper, wife 01 Bishop Flipper, as a . 0:hei:; to appear are Mrs. J. if. Ed^e. Mrs. H. G. Dunn. D.~a:i E. C. Mitchell, Rev. K. H. Proctor, II. P. Stone.. S. H. Rome and A. J. Edward:!. Mrs. S' leman E. Drake will : th.- .ai hour with Rev. C. D. Thornton ,'. A biK night s pro-am ha:; been planned for Friday night with the Mammoth Stale Wide Ciioir arid Soio contest ;: the        :ht. Banners ate bein^ awarded :~.r in.- j Sire.' bes: choirs in tin- state .vh:i-the two best  wit; h.l\- ;;uli'. and .silver medals. While :i large number  have -.            their  competing jn :h:s h-.:g.- ev^ nt. it :s definitely known t!i.-!: Si. James. Coliuiibui: S:. Pa;;i.   .me: S:. Jarr.ej. Savannah: and Pierce Cape:. A: hen", will be ..p. h.ir;d to ler.d plenty of  tu ihe many excellent choir." in the Atlanta dis'.riet. Many soloists wil: also make this routes; one to be lor,;; remembered. '-iW^S Other major attractions fo '.':e rest of ihe conversion inc!t:.!i.' si;:h: - r. creational p.,ri...~ I Saturilay: sacred concert Satu:-i:.iy evening: S'.ate Sunday School. Suniiay morning, ar.d . meet::i;:. Sunday afternoon.</t>
  </si>
  <si>
    <t>                                           Morris Brown university and its future will be the chief topic of concern of the A. M. E.'s as they start another day of their tri state convention at Big Bethel church. Tags will be sold throughout the day for the benefit of this outstanding institution of higher education...</t>
  </si>
  <si>
    <t>                                           [Funerat Notices 1                 LVC^S- Tlic remains of Rev. W. M.       will bo taken to Bnrnesvilti"   ., by motor this (Monday) morning for funeral nnd interment. Seller* Bros. HURSEY- Mr. John Henry Hurscy passed away. August 28 nt his residence. Funeral will be Inter at Newnan, Ga. Sellers Bros. HOGAN- Little Channey Hocan, Jr. passed , August 28.1932. Funeral announced later. People's Funeral Home. ADAMS Elijah: Ai3    passed away August 28. 1932. Funeral announced later. People's Funeral Home. GOOSBY Die  of Mr. Dork Goosby. who pass d away Aug. 27. 1932. will-be announce! later.  National Funeral Home. 328 Auburn avenue, N. E. ROLAND- Mrs. Liby Roland, passed away at her residence, 302 Fras-r street AuRiiKt 28. 1S32. Funeral announced Liter. Pollard. and Hancock.</t>
  </si>
  <si>
    <t>                                           The fact, according to dispatches from Moscow, Russia, that twenty-two Negroes, who were imported to Russia to cast a film purporting to show the exploitation of the Negro in America since slavery are now stranded in Russia because the Soviet did not wish to arouse the...</t>
  </si>
  <si>
    <t>                                           hW^^^^SM newspaper tell ^^^^^^^you how to pet your commodity over to the people in an economical manner. If you have something to sell or desire a situation let us tell the crowd with WANT ADS</t>
  </si>
  <si>
    <t>                                           HAPPY TIMES ARE HERE! The season is just now starting boys and new readers can be had just by the asking. These valuable prizes are here waiting for you. -QUALIFY AND SEND YOUR NAME ATLANTA DAILY WORLD</t>
  </si>
  <si>
    <t>                                           THE WHOLE TOWN IS TALKING! ABOUT Howard Hughes' HSky Devils" AT THE FOX With Spencer Tracy. William Boyd. George E. Cooper, and Ann Dvorak. Also, on the"      . "WGST Radio Rt!vue." with Jack Rand Dunciujf Girls, orchestra and stage band. r Thfi Vanishing Frontier" I AT THE GEORGIA r Wth Johnny JIack Brown, Evalyn Knapp. Zasu Pitts, and 'Raymond Hattott. "The Bat Whispers" fe AT THE LINCOLN ter With Chester Morris ^^^3   5ee These!!</t>
  </si>
  <si>
    <t>                                           Behind The Scenes                 In Hollywood                 Bv HARRISON CARROLL                 Copyrieht. 1 32. Kinc Features Syndicate. Inc. I                 H0LLY\v6OD""Caiif' Sopt. 27. 1 December may see MARLENE DIETRICH Wave the Paramount I lot. but meanwhile theres another, picture to be made and rumor identifies it as an original story by Thompson Burtis called "Un-j ."                 If she does the picture, the ex- 1 otic star again will figure^ !n a drama of ihe American -. Hrr role will be the wife of a bully in a Texas oil-boom town;) and the suspense of the plot will lie in whether she murdered her husband. Such a story would be a departure from the early Dietrich vehicles, but the studio believes this advisable. In "The Blonde Ve-i nus." for instance, you will see a not: attempt to quicken tempo and to allow the star a greater animation. Thompson Burtis is just  "Undesirable" ami studio officials will be  an early verdict. Credit AL  with one of the better wisecracks of the week. The other     did a broadcast to Xew York. Stepping away1 from the microphone, he saw I EDDIE CANTOR come out of the sound  s booth. "Well." he flipped. "I've had: many a sac lifted, but this is the first to be taken  out of my mouth." BOULEVARD TOPICS RUBY KEELER Thev celebrate Today is a bic day. for AL and their  Tveddinc anniversary. ...::.^So many friends have visited .RENEE ADOREE that her doctor-has  her to ro away for a rest. Though  fine,  has agreed and vil spend "the short vacation on a ranch S"                 near BanninK Th:s week ha* seen Hollywood out m force tor the  at the tennis club. On Saturday nicht yo-j ll  of stars at the Olympic Stadium for the motion picture electrical parade and sports pageant. This will be the Dignest show ever put on by the film colony. And every dollar of profit  to the motion picture relief fund and the Marion Davies Foumlal;un. MARY P1. the COU. DE FRASSO and GARY COOPER left here via airport for a six-day trip to Xew York. They'll shop and sec the shows CLARENCE MUSE is the latest player added to the cast of Paramount's "If I Had a Million." BILL CUPPLES. nationally known  star, is seeing the studios and may do a picture After a year at Warner Brothers. HARDIE  Js;  thi; free-lance trail. ONA BROWN' will chance her address to a dude ranch at Reno On the morn:nc that ELISSA  leaves for Vancouver her husband flies to Xew York.... ...Jean Harlow will sine in her new MG-IU picture. "Red Dust." Chances are now that ROWLAND BROWN' will go to Xew York to 1 complete her next story They were ' excited at Fox. Almost had LESLIE HOWARD I     to play the lead in "Pleasure Cruise." But now LESLIE says he is not interested in any pictures after "Animal Kinedom." He wants to go to London and do a play. This means disappointment for Director Sidney Lanf:eld. He was on his* way to Honolulu had boarded the boat in San Francisco-when the studio wired for him to come back and confer with Howard. So tear, the only two players chosen for this picture are                 TOBIN- and ZASU PITTS. "Pleasure Cruise." if you ve . is a former London ulay. DID YOU KNOW- That JAMES GLEASON ran away from home when 16 because his mother would not allow him to be' a detective? Now. after beine an actor for more than 20 year, he has his first detective role Jn a picture "The Pcnituin Fool Murder Case."</t>
  </si>
  <si>
    <t>                                           HOLLYWOOD, Calif. Sept. 27.--December may see MARLENE DlETRICH leave the Paramount lot, but meanwhile theres another, picture to be made--and rumor identifies it as an original story by Thompson Burtis called "Undesirable."</t>
  </si>
  <si>
    <t>                                           In Birmingham yesterday and had the pleasure of meeting Dr. N. J. Broughton and daughter. Miss Genevieve Broughton in the Birmingham World office. The daughter, a clerk and stenographer in the Birmingham World office. The WORLD offices in Birmingham...</t>
  </si>
  <si>
    <t>                                           An ambitious young newspaperman has just released to the press an exclusive interview with the Democratic candidates in the coming presidential election. Because the facts arc not available, we must be charitable and avoid drawing what is an almost inescapable...</t>
  </si>
  <si>
    <t>                                           Read Every World j</t>
  </si>
  <si>
    <t>                                           NEW--Mr. Henry New, of 153 Elm street, passed at a local hospital September 22. Funeral announced later. Ivey Bros., morticians.</t>
  </si>
  <si>
    <t>                                           If I were asked to enumerate some of the reasons why Negro advertising is unproductive I would say first o fall because it is Spasmodic; second, it is misdirected and purposeless; third, the medium for its expression is indiscriminately selected, and finally analyzed.</t>
  </si>
  <si>
    <t>                                           Now comes tip vanguard of Autumn coiffures. A lovely Pageant. Artists in hirsute arrangements have designs of such distinction and ... that a woman can thank her stars she's living now instead of in the days of waterfalls, chignons, figure eights, topknots and general...</t>
  </si>
  <si>
    <t>                                           ^%7^   ONLY NEGRO DAILY NEWSPAPER IN THE WORLD   5, NUMBER 108. ATLANTA, GA., TUESDAY JUNE 7, 1932'   -t lVE 6E)Nra^</t>
  </si>
  <si>
    <t>                                           NEW ORLEANS HOTEL OWNER                 J. R. PATTERSON proprietor of the Patterson Hotel, New Orleans, La., 7(51 RiAmpert Street.</t>
  </si>
  <si>
    <t>                                           SOME BODY suddenly amassed the required moral courage the other afternoon and rang in to tell the headline seeking department of this paper that the coming of Metcalfe had failed to jell. Now if you don't think there is a panic around a newspaper office and especially around a sport department when one of those things comes off you should have been down here to see the quizzical look on...</t>
  </si>
  <si>
    <t>                                           Plan Homemaking Courses in Fall                 So great has been the response, of colored housewives und homemakers in Atlanta to the tree classes in nutrition being sponsored by the Unemployment relief commission with the help of  nt Smith Hughes, instructors. that another series of lessons will                 be offered this fall in conjunction with the work of the night schools, according to those in charge. More than half of the 1,238 mothers and young women registered for the courses this summer have been in regular attendance according to figures Just released. At the. present time, two hour classes ore being held at the four centers every we k and the current series will end September 1. Classes are held at Booker T. Washington and David T. Howard Monday and Wednesday from 9  10 and at S. P. Johnson school                 :~nd Ariel Bowen Cliurch. during the same hours on Tuesday anJ Thursday. Mrs. Genie Chalres. Mrs. Amanda M. Joms. and Miss Annie Hcmphill are teaching these classes. Feeding Your Family and Making Every Penny Count," 's the uim of the courses this summer. The women are learning what foods are essential to sustain life, and the most  manner in which to prepare them. Meal planning is taught with special stress being placed upon the valuation of vitamins and how the proper balance may be obtained by the use of foods low in cost but high in nutritive value. Recipes ar.~ offered in addition to the  of cooking methods. The series that will start September .19 will feature details of  in addition to the courses In- nutrition,</t>
  </si>
  <si>
    <t>                                           So great has been the response of colored housewives and homemakers in Atlanta to the free classes in nutrition being sponsored by the Unemployment relief commission with the help of government Smith Hughes, instructors, that another series of lessons will...</t>
  </si>
  <si>
    <t>                                           A Rood part of every dollar spent with World adver- ww v v M costs no more to buy from World advertisers than mt "m m tisers finds its way back into Negro pockets. Because it 11/ II from t1l0SC P'accs of business who do not think enough of j- I B^ ~''~r'^ %M'g%      *% W% m    shows these advertisers they are getting results, they spend mil/ 4V1/~~#~~ your trade to buy space in the one newspaper published fl HTTAllTIOAllOrl I VI Fl      more money buying copy from this all-Negro organization WV here daily just for you. Cooperation with World adver- LA ll/HI Vf"" ^Sk^ ilU ^JmAAmA^* which means your newspaper has just that much additional V I \JA JL^* tisers means a stronger and better paper with more money A JL^Mi %~JlW.^^*!Sra cash. for competent workers. ~;'.o::-??it:/3l^i</t>
  </si>
  <si>
    <t>                                           BARBERS PLAN ID COMPLETE IRK                 An enthusiastic in' cling of the Atlanta Colored Muster Berbers is: stated fin* tomorrow night when i Walter P. R. Wagner  vice president of tlie Associated Master Barbers .,1 America will speak before a gathering of that organization. Mr. Wagner, who has been traveling throughout    . state. making a surv y the brandies uf his organization in various sections of Georgia as well as a  on unorganized shops, reports that there has been considerable interest shown by other colored barbers in the action of    - Atlanta group in working towards a charter in the national organization. Many arc expected t" be present at the Wednesday night meeting when officers state, with th- co- i operation of the member, it is hoped that the final steps towards Securing the charter will he taken, j It is also believed that, with th1 formation of the Atlanta Negro j chapter of the Associated Master Barbers of America, that similar groups will be set up in other southern cities. Promise of favorable action has b' en made and the Framing of the charter will give the Gate City men the honor of having the first race branch of the national body in the south. Automobiles! Injure Pair Monday Nite Knock' d to the pavement by a hit and run driver who ran into him at the corner Capitol avenue and Fair street at 7:10 Monday night. Everett Hall. 25. 60 Hunter Street, was brought to the Grady hospital in a Pollard and Hancock ambulance. The young man. who was admitted in a serious condition with a fractured skull, wos  to give any description of the automobile or the driver. James Wise. 16. 534 McDanlel street, sustained injuries oi the left leg arm when his -- was struck by an automobile driven by Mrs. L. G. Gllmcr. 899 Berne sheet. S. E.. at 7:20 Monday night at the intersection of Washington mid Richardson street. The youth told Officer Harper that he was to  Mrs. Gilmer. who was driving South on Washington, was making u left turn into Richardson when she hit the youngster who was riding his bicycle west on Richardson. HarlemChurches Hold 'Young Peoples' Day* NEW YORK Sept. 27.- Several Hnrlem churches cooperated to hold a "Young Peoples' Day" at St. John's A.M.E. Church in Eftst 128th  on Sunday. September 18. Among the speakers were Mrs. Ruth Dennis of St. John, and A. S. Johnson of Bethel A.M.E. Continued on Paga 5, Col. 5                 Harlem Churches (Continued from page 1) church: David Boston and Rev. David Licoiish. Williams Institutional Churrli. Music was furnished by the male quartet from Salem M.E. church. Georje Simmons, : Intermediate C.E.  of Bethel Church, anil bv Prof. Ma'hews of Williams Church. This was the first of a series of "YounR People's Day" which will be held .' the direction of Mrs. Dennis.</t>
  </si>
  <si>
    <t>                                           Driver Runs After Truck Strikes Car                 An automobile belonging to Roy Wilson, 26 Glenn . S. W. was badly damaged and Mrs. Wilson injured as the result of an automobile collision at 1:40 Tuesday afternoon at the corner of Crew  Clenn streets. Mrs. Wilson w:is taken to tin Grady . Police repons state that Mr. Wilson was going east on Glenn street when his car was hit by a Ford truck belonging to Peaslee and Guubcrt, 553 Whitehall street which was driv n by a Negro and going south on Crew. The man ran after the accident and had not been located late Tuesday evening. Negro Decoy Used to Get Pail of Cash                 HELENA. Ark.. Aug. 24.-  Reuben Calhoun. 30 years old. h;ul often he:ir.l that members of his race were born to be "hewers of wood and drawers of. water." but he never knew until Tuesday morning early that they might also bo forced to play the role of kid-, ' decoy until two while men commandeered him on the high- way near Lcxa. The two whites, one about nineteen and the ether forty, forced Calhoun into their automobile and drove him a short distance from town. They then ordered him out of the car and at the points of drawn pistols compelled him to feel his way to a clump of bushes where a tin pail was concealed. Calhoun obtained the pail and brought t with him to the men in the car. They opened it and found it full of currency, bound in small bundles. Calhoun was then told to ride on the running board of the car and after going about a mile, the men pushed him off and drove on. Police later learned Calhoun"s story and discovered that the two men were- kidnapers who a few days before had robbed a white automobile salesman of his car and help up a bunk.                 Grocers' Picnic is Big Attraction For Thursday Gate City residents, young and; old are  to attend the first annual picnic of the Atlanta Colored Merchants association which will be held Thursday at Washington park. According to those in charge, there will b.- contest of interest to everyone and 172 prizes, all valuable merchandise, will be given to the winners in the various events. The exact nature of these contests will be a surprise but the committee statis  there is a chance for every picnicker. The Atlanta Colored Merchants association has not been organized very long but the members arc beginning to work together harmoniously and arc anxious for the public to know just what they arc doing and can do If they work together. Other merchants and  arc asked to be present who are not members of the association. The largest crowd at any outing this year is expected to be present iui each grocer is personally inviting his comeout -3,1 customers and their families to come out. There will be plenty of j free drinks and other refreshments.</t>
  </si>
  <si>
    <t>                                           The Young Peoples Progressive Club of ethelehem Baptist, church met Sunday at the home of Mr. and Mrs. Martin Alford. Devotional services here led by the chaplian, Miss Mottie Adams. A delicious ice course was served. Miss Mildred Middletin, Pres, Miss Inez...</t>
  </si>
  <si>
    <t>                                           l^j" STATE NEWS                 -Jonesboro, Ga.                 Lucille Turner    *nt Suntiar with hn parent*. Mr., and Mrs. H-. J- Turner  f Starkridsr. Oa                 Little Mow Gilbert Jr.: was the        of parent*. Mr_ and Mm- H- J. Turner of StockridjreRev.. W.. M-. Bivin* ha* recently  a" successful revival service with Rev.. KM.. John* pr^ a  ? sermon each  at the Shiloh Hapti.-t _ Fourteen were baptized Sunday . Mr., and Mr*.. Jome* I-          . Mr_ Juliu* T. Courtney and     Mary Richardson all of AOanta, were the sru^U of      Flora B.. Battle Saturday. Minne* Ilattir Srott and AlWrla TurirU?         "  of Mr* LiUie M_ B^nxh )aat week^ Thov on the dirk Hut are Mrs.. Loin Root. Mr*- Lula  and Mr*. Annj* Grant_ We are -to see Mi*~~e^ Cu^i-Battles. Johnnt** Brown and Mrs LilliV Baufrh "out amin.. Th#~ funeral of Mr.. Maxey Smith wa* held at the Shiloh Baptist church Sunday afternoon with Re\*^ BlWn* officiating Mr Smith passed away in New York ThV Joneoboro Junior Hiyh school will open-S*Dt*   -r 5th. Mr*. M M. Snxton.  Marion Wood* of Ka^l Point. \a* returned homr after vI  hi-*  parent*. Mr. and Mm II. K Ilattle.. If you have anv new-*,      '   r seDd it to Miss I.u!a Ilattlc and pl^       your     *y   *aily for thf*   f Sunday      -s.H I cet mono* time* to  it in on t-aeh Mwnilay . 1      have to *- ihf . which I certainly hatt*    do..</t>
  </si>
  <si>
    <t>                                           Miss Lucille Turner spent Sunday with her parents. Mr. and Mrs. H. J. Turner of Stockridge, Ga.</t>
  </si>
  <si>
    <t>                                           DIXIE COACHES MEETING CHANGED TO ATLANTA</t>
  </si>
  <si>
    <t>                                           THERE S AN "AC MA" STORK IN YOUR NEIGHBORHOOD StOffCS "Try Canova" j i Vj a Mr. Can and Mr. Ova Drink It! ...g  purely .~*wi-i I and Saturday PORK CHOPS lb.12^C $ fi- ~~~~\i DIXIE CRYSTAL  j I Si GAB .       (~ i 5 9      *# 1 I; . Special!! ~~~-{* T SMOKED LINKS, 1b. 9c a BALLARD S OBELISK Loose-Wiles C i^^~~%: I'hiin or Se'if-      ; 2 Pkgs. For g ^^P^ 24-lb. Bag 83c Qf% 3 it{T^3 12-lb.Bag45c.^S5^1 E All Flavors 3 Tell all your friends about this big value! ==-=^=_===== r.~ = BALLARD S :1 CROTCH  ::~i "GIVE "THIS thf  BARGAINS V chicks (J0T ADVERTISED season z A BREAK!" FOR IT % = The Following Well Established Stores Are Members of the g Atlanta Colored'Merchants Association: .1 1 i fe M. BANKHEAD, HENRY LIDELL. F. S. TRICE, Hi 9S7 McDaniel St.. S. W. 1021 McDaniel St., S. W. 598 W. Harvard Avenue," Oj T. BELL, W. M. LAMPKIN, College Park f_ 4G4 Roy St., S. W. 376 Lyon. Avc, N. E. c. W WILLIAMS Z CATER GROCERY CO.. DeVON MORRIS, 767 W. Hunter SI..N. W. tal K 841 Hunter, N. W. 869 W. St. EMORY WEST, ,Hi JOHN CHIVERS, W MiNEWBERRY, 344 Auburn Avenue. 205 Fletcher St. 907 Simpion St., N. W. WATS GROCERY, W. L. DUNN, HENRY PETTY, 377 Frajer St. gi Scotu Cro.~ing, River Car 1028 MeDaniel St., S W. MAURICE WOODWARD Z Line PROSPERITY BAKING CO., 1449 Jone.boro Ro.d     Z: 6 GROCERY CO., ;,8J0W._         . WARD GROCERY, V T, "u^hunt"1"^^ eHi-~RsfTpl:S,.N.w. j/^wIl^' E P~!nl- U. L. HUNT, 1191 FortreiijOHN TINSLEY, YATESri* .-MILTON DRUG  2 Ave., S. W. 892 North Ave.,N. W. STORES, "2 b. JARVIS GROCERY, HARRY THOMAS, 228 -Auburn Are., 767'     -: 9 9S2 Ma.on Turner Ave. 987 McDaniel St., S. W. St., S. W. 'J, i H. LAWSON, w. S. THOMAS, AMOs DRUG STORE 1117 Sim.. St., S. W. 442 Frazier St., S. E. 3' Athby St.; S.'.W. -p BUY FROM THESE MERCHANTS AND -SAVE! ^^-t I</t>
  </si>
  <si>
    <t>                                           Hawkinsville, Ga.                 I The Ireal Social Club entertained Thursday n:Rht with a whist party Riven at the home of Mr. and Mrs. G. McDonald. The home was  decorated with flowers. The colors of our club are red and white. The came started at 9:30 promptly. Everybody  hard for tb- first. prize. There were fiur tables ahd at each table their were some of the cities best players. Miss J. Williams and Mr. Guin won first . Mrs. G. McDonald and Mr. Soods. second prize. The club #ved punch and sandwiches. The est  a delightful   been spent Mr. I* - president, Mr. L. W. Morrit. vice-president. Mr. G. McPonalij. secretary. Mr. Walker, u.-sL          '- Mr. E. G. Dudley  reporter.</t>
  </si>
  <si>
    <t>                                           Competition Keen in World Contest                 Interest Is    ginning to. rise in* the Atlanta Daily World Newsboy Contest with the result that there is considerable jockeying for places in the second week s tabulations as disclosed at the carriers meeting Tuesday night at the Butler street Y. The leaders arc becoming                 in several sections and no first place winner was able to repeat although some of the second  contestants h.ive slipped into first place. i Four more carriers will have new Fortune shoes from the Friendly Five store, 77 Peachtrcc with which to tramp over their routes or go sco the girl friend for their good work during the past week while a like number will get mw shirts to wear. The final standings will  who will received the valuable cash prizes that await the on S to pile up the largest number of points regardless of district Most of them would like the "gold" as school days are just around the corner. Harold Johnson. S' cond place winner in the Summerhill district lasi week, shot into first place with R. H. Jackson grabbing second honors. Inc*leni:illy. Jackson, who was a week late in entering the contest, bids fair to give some one a big scure. Charles Watts, the first week winner, still holds second position in total points with Jackson a close third. Leadership in the Fourth Ward went to E.irl Houseworth, another                 S'  place . Young Houseworth won for the week as well as Hie  with James Bronncr taking second honors from bis brother Charles. Charlrs is second in Mic total point race with James I a close third and John Finncy a tight fourth. Out on the West Side a big change was made all around with two new men, Winston Minor and Brunard Cookc Uiklng the first two      3 for the  prize    well as the total standings. Jesse Brazeal, second place winner, the         week, dropped to third position while Asa Yancey, who copped a pair of shoes tumbled almost to the bottom of the heap. John T. Amty, another carrier who just started, received first honors in the section composed of the Pittsburgh, South Atlanta and Suburban districts. John T. Green,  new entrant took second place for the w. ck. Both rate in their respective positions Jn the total standings with Clark and Wilcnx. first ami second place holders for the week before dropping to third and fourth  ly. Much enthusiasm was manifested at the meeting Tuesday night with 40 curriers in attendance. 31 of whom have qualified for the contest Interesting talks and refreshments made the evening more "enjoyable. Help your carrier win the grand prize and make another youth      that success, though hard to win, is worth working for.</t>
  </si>
  <si>
    <t>                                           Interest is beginning to rise in the Atlanta Daily World Newsboy Contest with the result that there is considerable jockeying for places in the second week's tabulations as disclosed at the carriers meeting Tuesday night at the Butler street Y. The leaders are becoming...</t>
  </si>
  <si>
    <t>                                           .TrvTvvTVTrv* V T TY VV V VT T7 VT T?y W T V V V W TTV V V V V SfiuNICIPAL MaRKeT 3 ALL UNDER ONE ROOF 3 Corner Ed'srewood and Butler 3 entrances on i our streets edgewood--butler boaz- bell I ):a k(;,\INS      '     '  \\n"~SATl':Rn -V\; OPEN SATURDAY UNTIL 11 P. M- FOR YOU! 1 J CLOr-l-.O AM. DAY MONDAY- JULY -1TM -3 t  rill l# ^11 Pet    i  H ItIIIbiV Limit, e.. i* 1  n.TZHrrTircW CREAM CHEESE f ^c t E,,t,n,,cc' SLICED BACON J. 3 JOc PER CAKE! SOtTER 17= j "TvcLS;      pic-       3 t win  Ihc moil NfC     -1 delicate n..! j Made in Cleveland Evcrytlii.^ (  ,m  i.. Nuts lit Sell for 50f under one . Frcsli Coun- f lry "r"Jllcc :u 3 I E. P. Redd- Booth 84 I t P COUNTY CURED HAMS AND BACON, 1', EGGS, AND FRESH PRODUCE 3 HENS ib. 13c FRYERS ~~.22c 3 DRESSED FREE WH1LE-U-WAIT ALL SIZES 5 t 5</t>
  </si>
  <si>
    <t>                                           WmS^^SSSt ONLY NEGRO DAILY NEWSPAPER IN THE WORLD  iL^lr^^; VOLUME 5.        7 1'J1 = ATLANTA. (JA.. KKIllAY.  2G. "1932 . THREE      _</t>
  </si>
  <si>
    <t>                                           :     t WBMSnJ)r- Young's HERB MEDICINE t  EsSmSBH HERBS. ROOTS. HARKS AST) BLOOD TONICS IftlV^wT^ A MESSAGE TO THE SUI-' J y V^^Sa^HX^^aHl I1~^ not t*             about your h*n)t!~, C!     ^gE^HSfl  P Th^re is help for you, Thif i* thf old         ^MSSittjBMMfMB      * Sp*        with Vil.i  and        ** helb* l^9^   ^^^    "*nd rods, a^J are highly ^l for any trouble uf ^E^9u^^fl^l9l C^e        , luch  j*  jf ihi* Luinr1. Stomach, ~[, Ltver, RSHSm^B^^H^1^"0"'' '~1   1 l u^    1'JicumatJim C*t*rrb, W^-ifi, V- H^fH^^^^ff^R           -*~,  Truublc, C(     :~, ALJper^, H9r^BRE4 S" ln Dil*"~^- ~^   Trouble an^ All Trouble*. 4 MB^' ^'^'Jb^Bfl To tha*fP  ll m*y concern, call at i*nc^; Don't  4 ~^~Q^^~SflHlJ:~ hoy* lf     -'*rt ^aiI- T^8        I' yl^~*l:jtf .to all who 1 H90EKKBii jt it ob T T T0C7*Q. THE ORIENTAL HERB CO.  4 WW- CHINESE  AND  COMPOUND Z Bprelaliat A Car. for       DU4U4 of     Hum** U+i7 MT 23     in Atlanta      -7 JL U. U U f. M. J T F.moo.      132 Edcewood Ave. WA. .     AtUnU, Ga. -J PAINE COLLEGE AUGUSTA, GA. Unusually fine physical plant located in one of the South's most attractive winter resorts. Excellent moral :and spiritual environment. Emphasis on high scho- lastic achievement- A well balanced extra-curricular program Standard accredited courses. College ..and- High School Expenses unusually reasonable. For catalog and other information write: E. C. PETERS, Pres.</t>
  </si>
  <si>
    <t>                                           Congenial, charming, and lovely was the bevy of girls entertained by the Misses Alice L. Lowe and Inez E. Whacke, nieces of Mr. and Mrs. John Evans Butler, at their residence, 178 Walnut street, S. W. Monday evening.</t>
  </si>
  <si>
    <t>                                           I! MATTHEWS 83 BROAD ST.. S. W. MAXWELL IIOl-SK COFFEE 29c 10   SUGAR 44c  PURE COFFEE 10ic 12  COL  MEAL 18c io pounds Chicken Feed 19c 111  Laying Mash 1 9c SILVERLEAF LARD 63C</t>
  </si>
  <si>
    <t>                                           To The Superior Court of said County.</t>
  </si>
  <si>
    <t>                                           1st Catholic High Degree Given Negro                 Bv Noah D. Tliompson. Sr.                 In shifting his study of Negn. life from the beaten track of such inquiries, to the question of NecrnCatholic relations in the .l States. Willis N. HupRins camel the .l of D"Ctor of Phil'-s  from F..r.lii:im university ..s she .t s: session.                 D Muggins is the - Am ri-:n; Negro to receive si:~h an a\v:.rci ami is the first to be so       - 1 by an American Catln:lic University. This is the more unique in view   f the act that Dr. Husrcns   - J nan-Catholic. He receive! the B. S. .-.r.'l M. A. .'. from Columbia Un".V' rsity. Now York and also  :l certificate in Jnurnalism from Northwestern University. Chicago certificate in Modern and Medieval History. Oxford University.- England, ami :i certificate in French and Geography, from the Guilde Int. . Paris, r ranee His profe^i'.nal career includes service in the  in the South for Negroes: branch secretary of the National Negro Leagu. Hwntsville. Ala.: magazine editor and newspaper correspondent. Tor five years he was in the Wendell Phi:- 1 "lips High school. Chicago. He has b.cn m the New York City  system f..r the past ten years an.l is one of the twenty-five r^ teachers in the New York lugh j schools. He is president of the w York branch of the National Association for the Study of Negro life and Hist; an.l lecturer on The Negro in History at the 135th Street Y. M. C. A.. New York City. In the midst of his busy academic life here in New York, he has not been unmindful of the industrial and economic plight of his people for he is the directing : of the 1830 Sventh Avenue Corporation, a. group of 28 Negroes who are cooperatively acquiring a. six-story apartment house on Seventh Avenue in Harlem. He was born February 7th. 1886 in Selma, Alabama.                 GETS PH. D.                 WILLIS N. HOGGINS</t>
  </si>
  <si>
    <t>                                           In shifting his study of Negro life from the beaten track of such inquiries, to the question of Negro-Catholic relations in the United States. Willis N. Huggins earned the award of Doctor of Philosophy from Fordham university during the present summer session.</t>
  </si>
  <si>
    <t>                                           The Atlanta Daily World THE  NEGRO  IN THE WORLD Classified Advertising Rates DAILY SUNDAT 8c a line 8c a line Consecutive Insertions Dally and BandarOne time go B ilm  times 6e a Une Seven times or more 4o a Une minted u a lint. ~^*''""a "* b pric* *f Ads Taken Over Telephone r. untied (cam  4 Is     or                 III*  U  All Dbnntlauuicf* MU8T     ERRORS CLOSING Adv. In     AUama DiJb rur tho Sunday World will    Mooted    until M. 8.   *.r. .              Sond.r  i r. M. for     * of . ATLANTA DAILY WORLD  WANT ADS BEING .T8. JUST CALL WALNUT 99U Mjd ask (or u Ad Taker</t>
  </si>
  <si>
    <t>                                           BE A REGULAR READER AND i BOOSTER OF YOUR WORLD. I TRADE WITH ITS ADVERTISERS.</t>
  </si>
  <si>
    <t>                                           Z-S m ONLY NEGRO DAlLY NEWSPAPER IN THE WORLD IS .n JiiMiB^:</t>
  </si>
  <si>
    <t>                                           Wednesday night, August 24. West Mitchell Street C. M. E. Church, first prize winner in the Atlanta Daily WORLD contest, with that splendid choir under the direction of Prof. M. H. Johnson and the "Ushers Board will have charge of the services. Their beloved pastor...</t>
  </si>
  <si>
    <t>                                           News from Your Home Town                 Augusta, Ga.                 Rr "Call**'     " Sh.nk.                 With 27 Candidate* Krporllns. and Capt. IVlt Ah*~-nt. Ptlnp l.tomt       for Old                 At four  Tne-. afternoon the Pnine  UftTw went over the field with a  that   for their 1H32 foe* The hoy* have   1 irt  at their * h *      bavc returned ready for m IuH grin* The time for pr*    *tUn for     *e ha*d * Hm* hern ful * ami         In putting the hu*kie*  Htrenuciii* practice* f*ir the ~'   * tilt* j Thr mium*! *  -nini* in  thin *)n  nr1        tn b** a f*t(~ factory "UPply nf     '  to *1 thr Inwi  fj hy Olc Man Drnrmitinn Cnpt ) Rryatit     the  n'~l " **f many       iwnt          to rer) off a ican* of Rood work with hi* WK- . Old Ham Hownwin       of many      , in * a hit of improvement.. TTv Ronri Jof Itnhrrl        In  form  a frac^ tion "vrr trn   j* Hownrnn do.* T""!^ Itnxtnn, h very           and c*ml,          a .  be ~-    fnm n  . Jfhinr" Iiolititt*' Th*1  wm rt**      on thr mmo hMt^rini: f.-n-e: ll.-i.r Shnnlc. Twik John'~'~t.  K'tihnrn Wrftn*. center: Itoh Wi i--h t. tmW%- nn l -~'m-* rt.**    -'"li .lr. Hi? llo*- Oillirw of      Ulsh. S. C n*"nlr ..f N C Thoma* of v r Hr.^n of W.lk-T in.  - nil r.       yc*r.. He i* nn *'.     -  o*   .-n"!. Th**            * -*   ,  their  tan.l and Cnmfb  ~*~rv-t. to find       r. your! material  Th^m In.- wh.l- un*l U- nly fwU thr ~-f r.-'-ir, t*-~.i- WnlUr Mr Wnllrr U one of    *     :    Hrruratc     *    who   m kiM W.- f^~t    - Io-~-f , i.iir   -t-         WV an- in     -t that Sincfirld. . will  .  ni)  Cxmi-lN-U too When we think of our former Captain WmINt    - spirit ~*r- In  hich :    -  -n th.-   ...kirT.t  af.       a cuh-Ukc -ion The    * Are nr f--tl-iN Ur nill.    nnd  rr f hnrc. i inc    -         with that *ort  f pep A-              for ft 5            --I-. u Knthu ~.-ti^ fiN.      fun-. will the not!     I'ain~-      year where they will Hjin*-r'~ l.timt  li forward to the crown of * . Thr  I* tt* f.Jlow*: Ge. often: Octnbrr U.           Octolx-r 22!    *-)iMi.M'( I'ftin*-"" f ifM       ^r 29, Allen           ."th. C;i Stitt.-, I'ltitie'i : Nuwmlvr Hth. CUflin !*nin**'~ field: N.u'.-   'P l!'th. Hrn.-.Iirt. I'Ain.-'n I fir-l.l Nmvmh-.T 1th.               Imt tote is Thtink-; tind mu-l     pl#.y WAV</t>
  </si>
  <si>
    <t>                                           With 57 Candidates Reporting, and Capt. Felt Absent, Paine Lions Ready for Grid</t>
  </si>
  <si>
    <t>                                           MRS. J. A. OAKES. Jr.. formerly Mies Blanche High, charming daughter of Dr. un.l Mrs. I. 13. Kigh. Sr., Birmingham, Ala., whose n-cont marriage    smart Birmingham .society. Mrs. Oakes is a graduate of Dunlor Hl(,1i school Washington. D. C  Ilowiiril , :iii(j took special work in de.- at Denver, Colo. The  * r.ow Jive in Mobile, Ala., where Mr. Oakejj is connected with Itie A t la nta Life Insurance Co</t>
  </si>
  <si>
    <t>                                           VOLUME 5, NUMBER 1!)Q ATLANTA, (iA., THURSDAY^ Al(';UST 27k 19:^ PRrClTTHREE CE^Tg</t>
  </si>
  <si>
    <t>http://search.proquest.com/docview/490400424/</t>
  </si>
  <si>
    <t>                                           Blaze Does $1,500 Damages to House A Jive-room house at 190 Powellstreet northwest  occupied by Robert Tliomus. was partially destroyed by fire and      r at bout 5 o'.lock this morning. The fire nf an undetermined  is believed     have started in :i  closet. D'lmafiCH wore  at S1500</t>
  </si>
  <si>
    <t>                                           MfRilcONrtilftMiAOl.MiANT On the Stage  t^M^         HAL 1W OFF E TT k^^^^H^  !JBi^^P^~ FwoUr W08T BlUM JUuv  l^^^ml^ PitK WILLIAMS   fl3^^^^?^V\ %^^^^* Smultoul Tu.      JviOTsi^i^S*^ Wl^^';^- JIMMY BEERS r\ C^'** McCDLLOCGHw *3 ^iO^c-^V^^ AESOP n    ^ FABLE ~:lff] ^.V' ~~^\p*" Sut Sitnrtu! %NVT DO;LO.RES DEtRI.O</t>
  </si>
  <si>
    <t>                                           MR. AND MRS. TOM THUMB. Bride and groom at a recent Tom Thumb wedding at the Miller Memorial Presbyterian Church, 808 11th Ave., No. Birmingham. The son of Mr. and Mrs. Edwin G. Jenkins, and the daughter of Mr. ind Mrs. Wheeler Falkner. Mrs. Hazel B. Johnson, directress of the                 wedding.- Photo by Cloud</t>
  </si>
  <si>
    <t>                                           PRAIRIE VIEW, Texas. Sept. 28--After two weeks of drilling through twice-a-day sessions, the Prairie View State College Panthers, the pepperiest aggregation of youngsters ever assembled here, are getting down to work with no loss of time. Two tentative teams under...</t>
  </si>
  <si>
    <t>                                           MISS  L. ADAMS,  Birmingham girl and graduate of June 1932 .Class at Indu..il Hlfih school who ; study .                 -Photo by C'iouil. Bir'minjihnrn.</t>
  </si>
  <si>
    <t>                                           BAPTISTS TO MEMPHIS INIi                 Convention Has Not I Been to Memphis In 26 Years                 10,000 EXPECTED                 MEMPHIS, Term.. Sept. 19-                 The 53rd annual session of the National Baptist Convention. Inc.. will convene In Memphis next year. The   to bring one of the largest church organizations in the world to this city cime as the result ot a unanimous vote  n the 52ml annual session, recently held                 part 01 lenders and delegates at the at Cleveland. Ohio. Memphis, a mighty Baptist strong; hold of the incorporate convention.! has already begun to make -1 rations to take care of the ten thou-; sand or more delegates and visitors; expecting to attend the mammouth meeting. It was  a committee of. distinguished Baptist ministers of Memphis that the Bluff City was finaly decided upon for the next meeting. Dr. T. Fuller, pastor of First Baptist church. St. Paul avenue, for many- years an assistant secretary of the National Baptist Convention, was clm^ man of the committee. The other committeemen were-   . R. B. Roberts, pastor of Salem and St Paul Baptist churches: Rev. F. W. Williams, pastor of Central Baptist church: Rev. C. C. Patterson, secretary of the committee, and pastor of St. John Baptist church:. Rev. A. D. Bell, pastor of Mt. Moriah Baptist church. Influential at Cleveland The Tennessee delegation at the; convention held in Cleveland re-~ cently exercised great influence inj all matters pertaining to that body. Forty-three ministers and laymen constituted the bevy of delegates from Memphis. Rev. R. B. Roberts, of Memphis, was re-elected treasurer of the National Baptist Convention. Roberts stands high in the council of the convention and is often consulted on paramount  on page 5; coL 2)                 Baptists To (Continued from pace One) ucx bv the  himself. He is president of the Baptist Ministerial Alliance of Memphis, Moderator of the Riverside Baptist Association, and president of the Tennessee !      ( Convention. His followers in Tennessee number into the thousands and he wields with almost absolutism a gavel of power. Rev. J. L. Campbell, pastor of the St. Stephens Baptist ch,urch of thin city, is financial director of the five million dollar drive that the convention has on. Rev. B. J. Perkins, pastor of New Prospect Beale Avenue Baptist church, was one of the convention speakers. He preached the Thursday night of September 11th. Dr. L. K. Williams, who was reelected,  of the National                 Baptist convention, conferred with local ministers regarding the possibility ot holding the next session here when ho wus in Memphis three week* ago as a guest of the Riverside Baptist Association. It was understood then that a delegation of Memphians would go to Cleveland to press their application for the next session! They  so with marked success. To Keep Promises Dr. Fuller said 'hat the committee made several definite promises in questioning the co. to hold its next session in Memphis. They were: 1. An ample, comfortable, and convenient place to  the session. 2. Good, convenient homes for the delegates and visi-; tors. 3. A cordial civic spirit and an atmosphere of welcome. 4. Suitable ;ind effective publicity that would I Rive the reading public definite knowledge of what the convention is doing. Provides Publicity Pennants The publicity bureau of the  has already furnished Memphis delegates with a large ,  ne thousand pennants, and folders, setting forth Memphis as an ,' modem convention city. To Check. Exploitation "Our first concern will b* the  entertainment of the contention rather than money male* ng." stated Dr. Fuller. "We in.end to house nil delegates - j . Memphis has hundreds oC( ;ood homes and it will not be  to crowd the  into a ew homes. In Cleveland very few  had more than four deviates. Last' Meet Here 1906 The National Baptist Convention las not held a  session In Memphis since 1906. twenty six ears ago. Last December an extra lession was held at New Prospect 3eale Avenue Baptist church. Kzv. Perkins, pastor, in order to  work that had been started n Atlanta where the 1931 session I vas held Only a small fraction he number of delegates who at- 1 ended the regular convention, was n Memphis for the special session. Jllis Auditorium, located at' the1 :  Washington' acd Main, , will most likely be the site if the 1923 meeting.</t>
  </si>
  <si>
    <t>                                           The 53rd annual session of the National Baptist Convention, Inc., will convene in Memphis next year. The decision to bring one of the largest church organizations in the world to this city came as the result of a unanimous vote on the 52nd annual session, recently held...</t>
  </si>
  <si>
    <t>                                           Actor-PoKtician and Booster                 Although. 5Utchcll Lewis, screen actor, docs not go over      n-ith Lup." VeJe* when. as. the desperado in a film plot, he pursues the fair maides! she is    ! of his greatest boosters off the lot. Besides being an actor Lewis    a politician and is a candidate from Hollywood for the California l^.ure.       is here shown with Lews as they took time out ^ ~-~   tn     -  if the '5  posters</t>
  </si>
  <si>
    <t>                                           Up From Georgia With My Banjo By THOMAS JEFFERSON FLANAGAN THE OLD GRASS ON MY LAWN IT loosens up the broken strands of its waxen maize And curls up in an amber to the Indian summer haze: On its nappy carpet broken flower altars fly As the passing glory of the summer is marching by. Short days ago in richest green it lit the  lawn And folded in its quivering blades the diamonds of the dawn On its felten couch I dreamed the dreams of yesteryears Heard each  throbbing heart, the music of it s tears. Now the leaf that sent its kiss in the April rain A ragged straggler treads it down with a crooked cane So soon has come the reaper with shining blade that plays The sequel of the singing of my amber waxen maize.</t>
  </si>
  <si>
    <t>                                           They call him 'soc' (Socrates to you) he well deserves the name. --He was an aspiring genius--he was noted for his philosophical mental gymnastics--he was in great demand and had traveled through the south delivering speeches, his lecture on "Youth'...</t>
  </si>
  <si>
    <t>                                           jHead G. P. Boit to Roosevelt                 (Heosture two prominent members of ths Republican party who haw  their intention of supporting the candidacy of Governox II Franklin. JX Roosevelt lor the Presidency. They are Richard Waahburr. i, Child (     .~ former .Ambassador to Italy in the Harding and Cooliage    a*;             5a"            -for.Rooscvelt'  movement, " -Rewakheans  elect the-Ncw York Governor. At 0  is Senator Georgew; Morris, of Nebraska, Progressive Republican,  a. -coast Btumpinif tour to urge members of the N*ai, fcon2^               ; of   )~          0. to  Roosevelt</t>
  </si>
  <si>
    <t>                                           THE GREEN PASTURES" IN SWEDEN*                 NEW YORK. Sept. 19- (ANP)- Reports from Stockholm, Sweden. state that reh'- ore already in progress by players of the Swedish National Dramatic theatre for presentation of "The Green Pastures." Lars Hanson, formerly in Hollywood as a leading man. is to black up for th- shou- and play the part of one of tne saints. HOLD WATCHMAN ON SUSPICION I Police were holding Gus Anderson, rear 963 West Peachtree Sunday on charges of suspicion after Peacock Alley had been entered about four o clock Sunday morning and all of the money in a cigarette machine, as well as the machine stolon. Entrance was gained through a side window. Officers Roper and Tuggle arrested Anderson, who is employed as a watchman at the downtown place after he toid them that he fired several shots at the burglar. His story is being investigated. END QUARREL WITH FATAL SHOOTING :COLUMBIA S. C. Sept. 19( Friends who suspected each other n Sunday, Willie Walker and Broadus Coleman be-, came enemies Tuesday and when Coleman called at Walker's house to obtain a necktie which the latter had borrowed on Sunday. Walker is said to have gone into a room and returned with a revolver from which he fired six shots at Coleman. Five of the bullets hit their mark, resulting in Coleman's death. Walker was arrested. He said he thought Coleman came to his house armed and claimed that Coleman had shot at him when they had gone for a visit into the country Sunday.</t>
  </si>
  <si>
    <t>                                           WHEN the annual Community Chest Drive is launched this year, it will find social and economic conditions among Atlanta's colored population at least fifty percent worse than they were last year when the yearly drive fell surprisingly short. All of which means...</t>
  </si>
  <si>
    <t>                                           PROMINENT KENTUCKY TEACHER DIES                 LOUISVILLE, Ky.. July 2.- Mrs. Lnvina B. Sneed. one of the best known Kentucky teachers, died Thursday, at 11:30 a. m.. after a long . Mrs. Sneed wns principal of one of the city schools and hast been connected with educational work In this city for over 30 years. She was tho widow of the late Chas. F. Sneed. a Louisville physician. For many years Mrs. Siieed  in Indiunapolis as critic teacher and hns been connected with the  educational and civic affairs ot Louisville.</t>
  </si>
  <si>
    <t>                                           BtaBKEfSM only negro daily newspaper in the world  iiaa^wj</t>
  </si>
  <si>
    <t>                                           THE world's tennis aces are at Forest Hills and today they start America's annual court classic, the United States National Singles championship. Surrounded by the cohorts of the game who never fail to make an excited and exciting gallery at the Long Island...</t>
  </si>
  <si>
    <t>                                           Card of Thanks                 To cur friends, neighbors and Undertaker the HAUGABROOKS COMPANY, please accept this method of expressing our gratitude and for your many kind deeds and words of condolence dur ng the illness and death of our beloved husband and brother, the late Mr. L. Bates. We also thank our many friends for the many beautiful floral offerings, and for the use of cars. We want to especially thank The HAUGABROOK COMPANY for the efficient service, and sympathetic and loving care. We prav God's richest blessing upon them that they may live long to continue rendering such congenial service to those who are saddened by I the passing of their loved ones. I Mrs. Americus 'Bates, wife: Mrs. Annie Mae Philmon, daughter: Mrs. Nellie Oglesby. sister-in-law.</t>
  </si>
  <si>
    <t>                                           Clark University Freshmen will have the privilege of listening to two college presidents at Formal Freshmen Chapel, at 11 o'clock, Monday morning when a number of speakers including Mrs. Mary McLeod Bethune, president of Bethune Cookman college, Daytona...</t>
  </si>
  <si>
    <t>                                           4Ujnrifof</t>
  </si>
  <si>
    <t>                                           Set 10 p.m. Limit on Father Divine                 YORK. Auk. 2U.- (ANP)Over in Newark, where steps wen; b': considered to send unemployed colored folk back to Dixie, a new problem faces the courts th.r .same problem that created more than a sensation  in Savvillif. l. Island                 er D'vinu. The latest religious leader to achieve fame, is in the third week of a series of revival  in that  ity and already his representatives have had a tilt with the courts, with the result that Divine has been ordered to suspend  worship after 10 d. in. Th's  hour was establish- i d after neighbors of the St. Mark's Union A. M. E. church at j Union and Greene streets had pro- i tested  the noise made at i the services. i Accommodations for 900 peopl* are : in the church and Divine has established a schedule similar to a  picture house for his . One service i? at ^:^0. another at 4:30 and the last one at 8:.'!0. The latter,  to witnesses is the                 (.si and tlie . After two weeks of listening to the exhortation.-:,  and .  which time, they declare they couldn't sk-eo.  had Divimr  before Judire John C. Howe, in the 3rd Precinct Court. Divine explained that he had Ij.-.-n invited bv the Rev. Elmer ..  of the church, to asx st him. "socially, spiritually and financially" and accordingly, his stimulus to the spirit of the church had been accepted bv the (. Kev. Jackson substantiated Divine's statement and added that the  the services were, the more  thev did. Judee Howe thanked Rev. Jackson for his information and advice, but add'.-d that services in the future must conclude at 10 p. m. "The Constitution guarantees ivl  liberty." lie said, "but that doesn't mean that vou are allowed to annoy other . If you want to have  and  of teeth, you  to take a walk out in the desert." Services are continuing.</t>
  </si>
  <si>
    <t>                                           NEW YORK, Aug. 20.--(ANP) --Over in Newark, where steps were being considered to send unemployed colored folk back to Dixie, a new problem faces the courts--the same problem that created more than a sensation over in Sayville. Long Island...</t>
  </si>
  <si>
    <t>                                           Tonite 12:01' Mon" Ufl^ULn July 4th and Tues. Theatre "Coolest Theatre in Town"       HeYO" rOM MIX S in " RIDES AGAIN" WITH "YOUR PAL"- ZASU PITTS rhb is Tern Mix'        All-TallcinB Picture nnd Your Firil Chauco to cico and Hear It on R. C. A. Perfect Sound Equipment! Also Rin-Tin-Tin in "The Lightning Warrior" No. 10</t>
  </si>
  <si>
    <t>                                           Mr. S...</t>
  </si>
  <si>
    <t>                                           The conference will meet Tuesday at 12 o'clock. President Hall is urgently requesting that all members be present and on time Business of vital importance that demands the presence of every Baptist minister of Bibb and adjacent counties, will be transacted. Be sure to be present and share with us in the transaction.</t>
  </si>
  <si>
    <t>                                           FLAPPER. Filosofy Ity Faiili Harrows                 GOING WHERE T H E R E" S SCARLET FEVER IS A RASH VENTURE.</t>
  </si>
  <si>
    <t>                                           I become a sprinter instead of a baseball player because the track team at Cass Tech high school in Detroit took more trips than the ball tossers.</t>
  </si>
  <si>
    <t>                                           Greatly Reduced Week-End JParesfi j Atlanta to Ncwnnn. $1.00; .1$           *.lt60! 2 Opellk*. $2.00: Auburn. $2.00; Cbebaw. $3.00; VOUtni, HMl and Montgomery, $2.00. TlektM  n wlo far all   BmtuiiT and -In tnl* Itnix       1:10 A. M. -ch Sandv Good  I* AUaala    -       AUwtU 7:00 A. JI. Mentor, ( dalo ul*. Sui       _....;        mention^  AtUnU u4 Ittsn*. Tkkttl M pa).*..:,' Tnlaj Not. 17 Md JI. CwwnrtTUaltA /fi^w/..-*^ THE WEST POINT ROUTE aa^^^^^^l^aa^^l^l^^^^laaa^Ba^l^Ba^aa^B^l^la^l^a^Baaa^a^^laal^^a^^al^aa^B^^aaaaa^B^a^aB^Ba^l^a^^ll^a^^^JjJ</t>
  </si>
  <si>
    <t>                                           After being delightfully entertained by many friends almost every day of the three weeks' stay In Atlanta, Mrs. E. C. Hames of Little Rock. Ark., Miss Ruth Wright, Prof. and Mrs. J. A. Bailey or Arkansas State College, Pine Bluff, left the city August 30 motoring...</t>
  </si>
  <si>
    <t>                                           TUSKEGEE INSTITUTE, Ala., Angust 24--Since the National Tennis Championships, which were held at Tuskegee Institute, August 15 to the 22. 1931, the school authorities have encouraged the playing of tennis. As a result, student development and interest in tennis has...</t>
  </si>
  <si>
    <t>                                           1* you re  :cn to    *e :     .    :-y : tea s C C or Blaelc          . During 80     'f ot use.   . iW-ii.[. nv;:  . Don't let  SI.ii.r:MiR(i tnr.am:i:'l*ur:   :on. Root out t^e   ft'- the bottom yo-Jr rcn^1V.nn. Rid  ot both-r^cme r.lc ht rl.. You  can t  the * relief t*il? i-Irrc:    remedy ti'.l Sl^f tot; ar.tii 7     a.i?L th*rn  f.  C A C or U'.nck Csr'nT-F new.  box and be jure you rr Rttting At  Dro;r"t..er  GOc Tor trial     * II.  SON. Inc. 93 HenryStrw*. Drooklyn* N.Y. s TRY THIS Vffilk NEW, MODERN Iw"  $~$     SHAVING ,'pil^^   ?       (   Powder  mixed *Alh   on       'c*- and         off. Your b.ird U off   nd       ih.n m can sban  ~'r.'~or. Mafic Sha-inj Powdrr ^li Jrowlh  f  II        iWIn '""P        ! .^     "    hair.   "d W  Bmrn for removing            hair. 3.V al      . Chy  nul" ?   1^1  TODAY for' Ik.    -~    e.n. T,~ii.    [c 5 To"    Co,     . E SaTiitinah, Ca.</t>
  </si>
  <si>
    <t>                                           Sidelights of the A.M.E. Convention                 Dr. E. Reese, presiding elder of the Augusta district, made an excellent report from his district. His distinguished son, Kev. J E. Reese, the successful pastor of St. Paul '.-, Valdosta. reports that things are well in  at t..                 Mrs C. E. Bennett, and her :.e ~-om[~          .laughter.      Johnnie M:~e. ar.d Dr. Frank Moore of Mt. Zion church, Waycross. are the 'guests of Dr. and Mrs. A. R Cooper of the Cosmopolitan A. M. E. church. Atlanta .They will address the convention while here. Rev. A. P. Solomon, presiding elder of the Hawkinsville district, is the guest of Mr. and Mrs. Chance Winfrey. 182 Walnut street. Dr. D. W. Stephens and wife are the guests of Mr. and Mrs. J. M. Thorp. His work at Bethel. Savannah, merits the approval of the Georgia "regulars' Mr. and Mrs. Allen Amos. 188 Electric avenue, and Mrs. W. B. Hill. Ill Griffin street, are . a large number of the dele- sates during the convention. Rev. and Mrs. H. M. Parker, ol Griffir, Ga.. and Rev. J. E. Brown of Amfricus. are enthusiastic convention attendants. Rev. Brown is presiding elder of the CuThbert district and predicts a good year, de- press on notwithstanding. Members an.l friends of Allen I Temple A. M. E. church will havethe opportunity of hearing a  .ed speaker Sunday  ing when Dr. S. S. Morris. Nashville. Tenn... Connectional secretary of the A. C. E. Leagues, will preach at the morning services. Rev. R. J. Jofferson is pastor ot the Clark street church.</t>
  </si>
  <si>
    <t>                                           Dr. E. Reese, presiding elder of the Augusta district, made an excellent report from his district. His distinguished son, Rev. J. E. Reese, the successful pastor of St. Paul church, Valdosta, reports that things are well in hand at his charge.</t>
  </si>
  <si>
    <t>                                           Joseph F. Fielder t- Watchmaker 370 Peters Street, S. W. cl Cor. McDaniel St.</t>
  </si>
  <si>
    <t>                                           In Memoriam                 Sacrc. to  he memory of oar departed loved one. Mrs. Exranlo L. Parks, who left ur two years today. September 20. 1930 Dearest beloved one, we have lala thee In the peaceful grave s embrace But thy memory will we cherish' Till we see thy  face Mr*. Laura E. Bugg. mother Mr. and Mrs. I. U. Bugif. brother ::nd sister-in-law.</t>
  </si>
  <si>
    <t>                                           Well Monday the Fourth of July, the public will get a chance to see mail carriers from all over Georgia gathered for an Annual convention in this city. By the way, the most talked of carrier who is the center of attraction in Savannah, Ga., will be in the city...</t>
  </si>
  <si>
    <t>                                           LAWSON- The funeral of Mrs. Aileline Lawson will be announced later. Dunn's Funeral Home. CHANDLER- Master John Chandler. uf 1064 L' na street. N. W., passed away September 27. 1932. The funeral services ure to be  later. Hanlcy Co. DANIEL The funeral services for ,        Catherine Daniel, of 115 .nolds street. Marietta, Ga., Will be held this (Wednesday) from the residence. Interment. City cemetery. Hanley Co.. of Marietta. RUSSELL- The funeral of Mrs.j Mrs. Rachel Russell will be held* this 'Wednesday) afternoon at 2) o clock from our chapel. Rev. Foley will officiate. Interment Lincoln cemetery. Dunn's Funeral Home. KNIGHT- The friends and relatives of Miss Ruth Knight, Mrs. S. H. Knight. Mrs. Mollie Hightower. Mrs. W. T. Lovett. Mrs. B. J. Hamilton, Miss G^Ue Hightower are asked tt attend the funeral of Miss Ruth Knight this (Wednesday) evening at 10 o clock from Mount Pleasant Baptist church, Rev. A. V. Williamson officiating assisted by Rev. Davenport Interment Rockmart. Gn. The cort' rc will leave Thursday morning at 8 a. m. Haucabrotks and Co.</t>
  </si>
  <si>
    <t>                                           Florida Farmers Aisk Islanders' Ejection                 WEST PALM BEACH. Flo.. August 19 (ANP) White farmers of the Everglades district who  it comparatively easy to drive out a group of Philliplnos who had settled there, have now extended their drive to a group of West Indians, comprising a colony of Bahaman Negroes, who imported here to work, decided to slay. The Phillipinos. when ordered to evacuate by the whites, did so with out further ado. Work is scarce for the whites and they are seeking it is said, to keep all of the productive labor in their own hands. Feeling tnat the West Indians may not    as tractable as the Phillipinos, the first step in their case has been to ask the immigration authorities t round them up as aliens and to institute deportation proceedings.</t>
  </si>
  <si>
    <t>                                           jThe Advertisers in I These Columns j iWant Your Trade</t>
  </si>
  <si>
    <t>                                           "DEVILS"                 Spenca* Tracy in a scene from wa/QrdffuqhefSki Devils"</t>
  </si>
  <si>
    <t>                                           The Georgia State Federation of Colored Women's Clubs, Mrs. H. A. Hunt, Ft. Valley N. and I. school, president, closed one of the greatest sessions in it's history June 22.</t>
  </si>
  <si>
    <t>                                           Force Negroes to Work for Free Flour, Report                 NEW YORK. Aug. 23.-Negroes n Palm Beach county Fla are being forced to work for the  ee flour sent tor distribution by the American Red Cross, according to word which has reached the National Association for the Advancement of Colored People here White people are given the flour without any red tape. Not  must Negroes work for the flour. are paid thirty cents a day      Mn South Bay fifty cents a fV;   bags of flour are marked not to         .A.A.C.P. has referred the complaint to the Red Cross headquarters in Washington.</t>
  </si>
  <si>
    <t>                                           ^^BT^^Hf fl^B ^Bfl b^V iHi ^UMb V M^^^H ^^m I^^l ^^B bmB sBm V HB * BB HB i^fl ^^B ^BB ^^B^^^B l^^l ^Bfl ^^fl V9V 'BS HERE S YOUR  TO GET A BRAND NEW  FOR SCHOOL S4CA 811 I* i ft Til 1 IS 12 ^S^KH  0U iN uLU I     9U tO NEW SUITS OF CLOTHES!          20 Pairs STRONG SELECT SHOES! BhKIM 10 NEW HATS To Match Suits!       ] 40 NEW SHIRTS! ^^^^8 40 NEW SILK NECK TIES! HERai J WILL BE GIVEN TO OUT- OF- y\  ^M TOWN ATLANTA DAILY W^^^M WORLD CARRIERS ^^^k              1 \-^^W^^9 GET THIS CLEAR-THIS IS NOT A CONTEST HERE S ALL YOU HAVE TO DO! r. ji IF YOU WANT A SUIT- Get 100 Subscribers and Pay For \ //^fel f -\\-^~f\ Them for Three Straight Weeks. KwH\ S    ( L \\S I IF YOU WANT A HAT TO MATCH- Get 25 Subscribers and KKH\\ /5Sa^^RJ I M. /    Pay for Them for Two Straight Weeks. M* M\\ J/TJ^^Sfflst I ^\\T- IF YOU WANT A PAIR OF SHOES- Get 30 Subscribers and Ijl,. ^  J I Pay for Them for Two Straight Weeks. Ijff /m  ^k jej J^_ IF YOU WANT A SHIRT Get 12 Subscribers and Pay for vl \     ^~ ^H  S?^ Them Two Straight Weeks. 11 \J8$~S IJn/f JBB___'^^ i IF YOU WANT A SILK NECKTIE- Get S Subscribers and Pay W^SsS^tf/f Jw!ESft'o  for Them for Two Straight Weeks.          ^    3 I If You Want to Get a Complete Outfit        IJSrMM I M Get a Total of 175 Subscribers and Pa" For '^JB ^' I j_ Them Three Straight Weeks J^^^B. -4 J7  t ^Jni Boy Will Be Given More Than One Suit, One Hat. One Pair m^S^KHt i! ij J il j' \' oi        T^'0 Neckties, or Two Shirts!           '  Write the Office Now- Today!- and Let Us ^^ 4^ y^ Know When You Are Going to Start Working JfnKjKf  ATLANTA DAILY WQHLrJpT^ 210 Auburn Ave, N. E. Atlanta, Ga. Ji'J^^^^k Every Boy; Has the Same Chance. START NOW! JMLmIfi^% Every Boy Can Get the Same Prizes. Before School opens and get the re- mKB^MxI If the Prizes are not Enough, More quired number of subscribers, and ^BBE^EP Will be Bought. hold them for 2 or 3 weeks!       ^</t>
  </si>
  <si>
    <t>                                           Services at the Galilee Baptist church were very good visiting minister, Rev. R. M. Jenkins preached a wonderful sermon Sunday, September 19th.</t>
  </si>
  <si>
    <t>                                           PLANS ENDED FOR A.M.E. CONFAB                 6,000 Delegates Are Expected to Meet Here in August                 CHANGE PASTORS                 Six thousand delegates from all over Georgia are expected here in August to  a tri-conference of the African Methodist Episcopal church, it was announced by Bishot) W. A. Fountain .                 it will be the largest gathering in the history of the denomination within the state. If present plans are carried through. August 16-22 are the dates set for this monster meeting. Big Bethel church has been selected by the executive committee, of which Dr. B. T. Babcock is secretary, as the site. Plans have "been practically completed for the entertainment and program tor this large body, according to the announcement. This convention will represent the three religious arteries of the A. M. E. membership of Georgia, which are the Sunday Bchools, the missionary work and the Allen Christian Endeavor movement. To special workers, the theme will be "Training for Service." There will be two special entertainments featured during the convention. They are Heaven Bound, the famous religious play which has been improved, which will be held on Tuesday night at the city auditorium, and a singing contest between the various choirs of the state. This will be held Friday night at Big Bethel. Bishop Fountain also announced the following ministerial changes in appointments: Rev. C. E. Foley to Turner Chapel: Dr. R. J. Jefferson to Allen Temple, Atlanta: Rev. Paul Fountain to Cobb Bethel, and Dr. W. J. Jones to the presiding eldership of the Griffin district.</t>
  </si>
  <si>
    <t>                                           Six thousand delegates from all over Georgia are expected here in August to attend a tri-conference of the African Methodist Episcopal church, it was announced by Bishop W. A. Fountain yesterday.</t>
  </si>
  <si>
    <t>                                           bug ram SootKmr," cooling ZEMO brings prompt relief to itching, burning sldn even in severe cases relM  ss      as ZEMO touches the tortured * Eczema*           Rashes, Pimples. Dandruffandother 4 annoying skin or scalp troubles generally yield to this soothing, uti- septic lotion. ZEMO ia sale and do- . AU DrusEKts. 35c,' -~0c.' S1.00. Extra Strength ZEMO be* ;1 lor chronic - SL26. '.:i /FINE ^l[*ff:.~ TEXTURE in your .^^^T 3 i TH E DOUBLE TESTE?* M DOUBLE ACTING -M^ Iff^BAKINOli SAI*"*IQ I! 25 ?for/~f-Jmm</t>
  </si>
  <si>
    <t>                                           'MISS SHAW                 MISS M. GRIFFIN As Shaw University dotes today Miss Grifftn templates her  as *'Miss Shaw"* a popularity title she won last fall in a campaign to raise funds for the Y. W. C. A. Next year a new "Mtss Shnw*' will be elected.</t>
  </si>
  <si>
    <t>                                           When in Need a... Notary Public COME TO THE AtlantaDaily World Office 210 AUBURN AVE, N..E.</t>
  </si>
  <si>
    <t>                                           Eat this fine cheese food oftener! $~. - AaEUtq mi + + +  f (TRlPlE  No wonder millions love Kraft Velvecta spread it,  it, cook with , tempting flavor from fine old Cheddar cheese. I Di^c^ as milk itself. Ap- proved by the Food Comniittee of the American Medical AttiMiciation. Meriting the high nutritional rating of plus, plus, plus! Get another package from your f^ today. KRAFT X/ Y The Oelicious New Chtci^</t>
  </si>
  <si>
    <t>                                           OL' HOT "Cast By Drenching Spray" By Ric</t>
  </si>
  <si>
    <t>                                           2 cups diced apples 1 tbsp. lemon juice</t>
  </si>
  <si>
    <t>                                           Robeson's Decision Leaves Harlem Amazed                 5 QUIZZED ON R0BE3DN                 Men Blame American Race Prejudice for Trouble                 CANVASS HARLEM                 NEW YORK, June 30 Big Paul Robeson's forthright declaration that he is "prepared to leave this country forever" if his decsion to allow his wife s suit for divorce to eo  and then marry an English society  causes American race prejudice to                 flare up and menace his career as an artist was hailed in Harlem as not only a proper but enviable  to take, although not all who admired his stand against race prejudice were pleased over his apparent willingness to leave his wife. An unofficial canvass of Harlem, Sunday and. Monday revealed that "colored women were almost unanimous in the opinion that Robeson is ungrateful for the very valuable assistance his wife has given him in his struggle to reach the top. "It is a shame that every time one of our men rises above the ordinary", runs the general view expressed, "he has to go and marry a woman of another race. Why aren't our women good JOUKh?" While the canvass among the men revealed much of the same sentiment found among women, the men were more d vided in their 'opinion. Some felt that the point which Eobeson hus reached in his artistic career is such that a high born wife might add to his prestige and promote his career even further. It was pointed out by some men interviewed that if a Negro wants to rise to true heights of greatness, at some point he must quit being a Negro and be a man. In that cases it was said, as long as Robeson had a colored w fe hu would be considered as a colored man no matter what his attainments. It was mentioned that most Negroes who have gone high in the world as men and not as Negroes, did not marry Negro Continued on Page 2, Col. 5                 Robeson Decision Continued r= r-'l'^ ~"c v-iven. The .-k of CuKtUIko [:. of Knirland; Pushkin, oi ~'iH-i-i -  'iin:i.-. ~'f France, anil evi-'l Fled ll"U^!:'-!-S, of AmiTiril, wl-rV ii:-fui.-l'.t     to sustain the ,,..inl. Am! in mir day, it was i n::itcd "i:t,  Hayes is not ,,:;inic(l lull U surrounded by i'i.-U- in-    .-. :uid so is must evc.'v  Nrirro who rise:; above !e uMMM.-uy. Tin; same  be ~:ue of 1.. i- was said. .':;ne P-' i- said to ' inar,-k-.l a fount. No; :h:r. thi st1 '-nt:; are ;;"a::.-t        .jd .'ii as  i :     :K- ti: ITO  with - n-rii- versa, in    .'  ii -aln-s. i.tit that the fact of race - :r.     it so. As  as tin- Nwu is  socially 111:\rior . ii is claimed, hi.-' iru'.v t'!v:i; individuals will bo -  ri ~;tion as such :f '.hcv insist on carrying the whole!;:ce '. thorn. Bif.i-r words were  i)^' i;ome afai.-ist l-. hut discussion finally turned the bitterness toward A:iK-:-ican race  va'.l'.er :i.:m against Kobcson. ~;ie'.u!at:on ;s now rife as to !iov.- Uoiiesnn's white audiences in i:!s ZA--lil  will take the ann.-nn.-nt. Some predict that i'-.l- audiences wil:       :!c. ,- unmistakable si(,rns of disapproval of Robeson's plans. Others  io not believe Xcw York aud/ence will be affected by the announcement, since there -s no If.w in Xew York against mixed n!:es, but they  that in s^ other American cities he  have to ^ive up his role. It bus buen known in Harlem for many months that Ilobrson and his wife were not on the best of terms. Much wns made of the . in  circles, that they sailed 0:1 separate boats for London a ycr.r ae;o. although thev left . two Hays of each other. Others claim Mrs. Ribesr-n. who was formerly Paul's marine*':', attempted to bo.^s too far. After Paul M- the he;c::i's, it is said, he nre:cri*eil that his wife remain at horr.c and look after tittle Paul, :;: :h;:n  r.uc to be his n::i:'.arer. When tile story broke i:: the while dailies recently  IVi:! a::t! tl'.e linn. Xancv Cunan! w.Te lovers, all n. knew tlie  U'\v w:i? . Hut Harlem had (~'~e:i  l nr sonic time an  lisb woman was involved in t I.i- Ri'beson triangle.</t>
  </si>
  <si>
    <t>                                           NEW YORK, June 30--Big Paul Robeson's forthright declaration that he is "prepared to leave this country forever" if his decision to allow his wife's suit for divorce to go through and then marry an English society girl causes American race prejudice to...</t>
  </si>
  <si>
    <t>                                           Mr. Willie Jackson and sister of Atlanta were the guests of Miss. F. A. Robinson Tuesday August l6th...</t>
  </si>
  <si>
    <t>                                           Moses was in deep sorrow when he came down from Mt Sinai where he had talked with God and received the Ten Commandments on two tables of stone. He found that white he was gone the people had set up an idol, a god that they could see. They had melted gold jewelry and...</t>
  </si>
  <si>
    <t>                                           in the  of ^^^k. *7    " 'hoi  plumb* the        ^g sou/  l H "WESTWARD I PA S S A G E" J Caukinc'i  MS  MCMIt. 2AIU Fmt Af Jimmy IT Atlanta's Beers I Only at the Stage Show Giant ~=- 0 Ferrs You will Moffett's tee the belt Show in Y Ceorgw town f\ Crackers Adults 15c Children 10c</t>
  </si>
  <si>
    <t>                                           5 tm Xlxe I Ql?  ^OCCASIONAL showers Tuesday !W5l Weilnerday: continued     . Lowest temperature, put 24 hours.  st, 01: , S9. iV VU II. SCOTT, Meteorologist! Weutlur Bureau. I</t>
  </si>
  <si>
    <t>                                           C  Successor To Ml LAM COMPANY Auto Bodies, Fenders f Repaired 5  Seat Covers and Top Woig G. L. WENTWORTH 17-19 Piedmont Aye^N/i^ WAlnutS970 }'. r:Atitmt*,'       ,-,..i.. -~-~'^"~'''''y.'</t>
  </si>
  <si>
    <t>                                           MR. RUDY COSTON halls from Florida, the land o{  ami flowers, but Atlanta claims him as her foster son. He In a senior at Morchoune College.                 -Photo by Kelly. AtUnta.</t>
  </si>
  <si>
    <t>                                           I r A I DO YOU KNOW: /^K Dr. Young's HERB MEDICINE HERBS. ROOTS. BARKS AND BLOOD TONICS Q f I A MESSAGE TO THE SUFFERER I V "on nerd not b*  about your        Cbavr I A^~s(. QD I Thf re 1  help for 70a. Thia    the old  ' \XlV "T1" 8"~cl*""~       .  nd   C  NS\ 2^       .  uch of the Law..       .      . [.Wk,  v V7 mdnm. Dlood Pol.on. Ithrumatlora Caurrh. WnkoM. I      . SW"        ^        TroubU and All Trouble I A I To thOM whom It naj       . call at one*. Don't      I W      If       faU.           U platting all  "'^i!18 T 01, HERB CO. lK5 11 t   AND HERBAL COMPOUND U Tr. I. Atla.t.    - 7 A M. u It r. M. II Ht Edtevreod Atb. ffA.  AtlmnU, I (Bargain Week-End Excursion Fares Atluita to Cnvincton am! return, $1.00; Social Circle, 31.30; Mmltson. S1J0; Greensboro. $1^0; Onion Point. $8.00: Crmw- . $2.00; Washington S2: Thomson. $2; AurtuU, %Z. Ttckita an     for all train.                 ta atop     7 Satardar. mm4 for train No.          AUanu *ach 8       7~:i a. m. Caaa  to Atlanta      train No. 3.        S::o a   .. C T^ Mav -i lar Mlo'lms. Sana raua  from abor* ^  AtlaaU t, w" ""GEORGIA RAILROAD W/L i Greatly Reduced Week-End Fares Atlanta to New-nan. $1.00; LaGranire, Sl.50; Wat Point, I1J10; '','tf, Opelika. $2.00; Anborn. $2.00: Cbehair. $2.00;        . KM, and Montgomery, $2.00. c*3 Tlckrta aa aala for all trains #aeh 8 and far             A^ia 1:10 A. M. each 8  Caod  ta AUanu laat   ,)   Atlanta 7:M A. M. M.. fall*~ 4au tt aala. Baaw rata. amir from       mentioned  to Atlanta aad * Tickata    4 as* ~^S Tralaa Km, 37 an. JJ.                 .  j THE WEST POINT ROUTE  i -tii</t>
  </si>
  <si>
    <t>                                           MRS. FANNIE McDONALD. supervisor at the Flint-Goodrleh hospital. New Orleans. Miss McDonald has been connected with the hospital staff for the past several years.</t>
  </si>
  <si>
    <t>                                           ZEMO  ITCHi  i eczema Soothing, cooling ZEMO brings prompt relief to itching, .burning Bkin; even in severe  come*, as son as ZEMO touches the tor- tured 48kin. Eczema. Ringworm, Rajbes, Pimples, Dandruff and other annoying skin or scalp troubles generally yield to this soothing, antiseptic lotion. ZEMO is sale and dependable. All Druggists. 35c, 60c, $1.00. Extra Strength ZEMO best lor chronic cases- $1.25. I Office Hour* 11:00 A. M. to 3:00 P. M. and by Appointment Phone V/~ 1150 DR. RAYMOND H. CARTER EYE, EAR, NOSE THROAT Eyes Carefully Examined Classes Fitted Room j06^3Jd_Fellowt_Blji: SWELLING REDUCED And Short BrestMns -ved   by unnatural collection of water in abdomen feet and leim. and when   leave a dent. Trial * MUSE. ..J COLLUM MEDICINE COMPANY Dept. SOl. Atlanta. Ua In Your Cltr to Do Good far     Pablk MADAM PCS WHART0N Hff^^B PaJnUc and Clalrvarani; i   M Adrlc* In . ton.' a^-1!^^! ,     *'   I'l'Cl ta  ln Ik \m. *,; i aH         and all a/ ti ~~%^a- I TON has , trm j fcT\P^I sr* so (KM. Ow.  1 1 . :~itH' j   will mv-J-' i  sVii* mat mtv^Jttmf''. t RoWlan WMU^         ^ SPECIAL - 60e. Ji? I 111] Hawaii Mill BaaaV AUaiKay fle? MarMtaBowtn Mill. Car- M- Dona.  .'~Mr.-'i i</t>
  </si>
  <si>
    <t>                                           PAINE  AUGUSTAr GA. Unusually fine physical plant located in one of the South's most attractive winter resorts. Excellent moral and spiritual environment. Emphasis on high schor lastic achievement. A well balanced extra-curricular program Standard accredited courses. College and High School Expenses unusually reasonable. For catalog and other information write: E. C. PETERS, Pres. ^HflDr. Young's HERB MEDICINE ^aM^ HERDS. ROOTS. BARKS AND BLOOD TONICS t L ^~B^^^H MESSAGE TO THE SUFFERER 1 Z B^^B^^^H          not            boot roar health. CImt L aHH^aBB^aBH"1 T)lrn  for yon- T' h tlx old  ChiiKM I Z. ~~^~^~~Rta Spaelmlbt with hU  and              h ^^H^^^H"~d , and an   for any  of    i^^^H  .  at of          . Btomaeta. Heart.' Linr, 4 fc H^H^^HHKIdnfn. Blood Polion. Rhrasatlin CaUnh. Waakooa, 4 V  H^^^HH """TOO""**. Bladdn- Tmbla. Conitlpatira. ApptllillelUa, 4      ^^HSMa. DlauMi.       .        aad AJITraabln. ,-4 ^~HB^LbH tb0"    7 . eaU.at onet..Don't aim 4 *'^''P "~U**1* *sU- T** r**nlt to StaMtar to all who  * TOE ORIEHTAi. HERB CO. i CHUntW  AND BSX8AI.  H Spwiallat A Can far Knrr IM af la*  B*ij 4  a Tn la AtUata Baan-4 A. K. ..K. ..-r^ -4</t>
  </si>
  <si>
    <t>                                           Please advise me what to do. I am keeping company with a man who has been married. I want with him for about eight months and was very much in love with him and he seemed to be in love with me. We had a quarrel and I refused to go out with him so he went back...</t>
  </si>
  <si>
    <t>                                           CHARGED WITH robbery and assault and battery on his victim. Grover Hudson of Opelika. Ala. was sentenced to serve from four to 20 years on the chain-gang by a jury in Superier Judge John D. 'Humphries courtroom Tuesday. Hudson according to...</t>
  </si>
  <si>
    <t>                                           Watch Out, Frank!- Bad Injuns in the East!</t>
  </si>
  <si>
    <t>                                           To Newt and Golden Rush, 703 Jetts place, a girl, Sept. 15.</t>
  </si>
  <si>
    <t>                                           1 71 m T\ The Dailv World invites its readers to make written IT Publication of such expressions will be made by The HPl l^Sjjj XjU A I lsv expressions of their opinions on matters of local and YA1 m Daily World when they are not too long and contain I Hi    W;~ 1 1 rl I mJ\W national importance, believing that vigorous public I Illl no libelous statements. We invite everybody to write 'ATIIsIjEiSh .~w.r. ~~%*~ sentiment should be aroused and maintained always. w*~~ opinions on current topics or on The Daily World. :''iJ::^;'?''</t>
  </si>
  <si>
    <t>                                           NEW YORK, Sept. 27.--After weeks of speculation as to what would be done about publicity among Negroes by the Democratic National Committee. Lester A. Walton, well known newspaper man and formerly on the staff of the New York World, was named to the...</t>
  </si>
  <si>
    <t>                                           A group of young Roakians enjoyed a social entertainment at the home of Mrs. J. H. Nelson. Saturday evening. Among the guests that were present were Misses Josephine Gresham. Gladys Russell and G. McMurry. Messrs. J. P. Russell. Jr., Herbert Smith and Robert...</t>
  </si>
  <si>
    <t>                                           Quite naturally the events of the recent convention in Chicago, were closely followed by this columnist, and the activities of our delegates and alternates were duly recorded, and in the seating thereof.</t>
  </si>
  <si>
    <t>                                           After a ... Mr. Joseph Lovejoy, Jr., is able to join again Mrs. Annie Jones is also ... again.</t>
  </si>
  <si>
    <t>                                           Warden's Special Friday Saturday Kxtra K.ncr: Any      FRYERS 17 WARREN S 9 105 EcIrcwoocI Avc. JA. ISO.". S C829 Peachtrec Road. CH. 2731 p 20 Ashby St. THE Great Savings STORE 666 W. Fair St. J:i. "121 NEW CltOP SWEET POTATOES slbs. ioc MULLETS OK  Fish 5c end ci:ts Pork Chops IOC TESIIEIt  . Steak 10c .AK OK   Ribs Tic FREE! FREE! ONE SMALL CAN OF Alaga Syrup With    * *'* ~'f u 1    size con far only     . Look! New! Low Prices on Flour ABSOLUTELY 1I ~; Kl.Oftt MISS . Plain or     -      * 1" LBS 33: 24 LBS. 59c CAPITOLA.       or Self-Ki.ini 12 LBS. 39c 24 UBS.. 75c    .     n h.~f 3 Colorfd        and 3 Colored Ueliv*rr "    to Sfrvc You           )r FOX MARKET 20 BROAD ST.. N. W. Roast lb. 7V2c Oleo 8V2C Lard lb. ~/2c Holllnr I Bacon lb. 7x/2c I Vral or Beif Roast lb. 7y2c PORK SAUSAGE _7^c       LEG LAMB. Lb 14 He . Lb. 12?4C WMtfK Loin Round STEAK. Lb. -12 He j SPARERIBS. Lb 7'/2c FRYERS, Lb 17 '/2c        '" 8           SlltrJ BACON, Lb 12i/2c</t>
  </si>
  <si>
    <t>                                           Robbers and Thugs Keep Police Busy                 Burglars onil hull! up men  busy over the week end and Rave Hie police plenty to . The t  started Saturday evening when George Scwell, 34 West Lake avenue, delivery boy for Sol GlJZer. grocer. 930 Lucille avenue, reported that he was held                 up and robbed at the corner of Ashby street ami West End avenue "f Sll in .-ash. Shortly . Joseph Wricli*. of 721 Fraser street, errand boy for Jacobs Pharmiicy. at Washington j street and Georgia avenue, told police that lie was stopped by three men and relieved of three buttles of medicine, a can i.f milk, and $6.05 in money. The holdup took   l:ice in front of 180 Vanria slue! John Heath. 951 Edgewood avenue, j reported to officers that he was. h:t j over the head late Saturday night j by R. Reed. Rear 2U Jennings alley. Reed, who obtained nothing for his trouble, was arrested by Officer* Burden and Palmer. He is being held for further investiga- lion. Lawson Lone. 49 Griffin street. was  at his home about four I o clock Sunday afternoon by Off'- I cers Lee and Preston on  on of complicity In the holdup of Henry Alexander. 61 Chestnut street. The robbery took place at 10 o clock Saturday night at the cm-tier ot Hunter and Chestnut. A coat and li.it in Conn's house I was identified by Mr. Alexander, who claims that the two men also took 40 cents from him. Long told officers that Peter Lawrence, who lives with him. was with him at the time and took Alexander's belongings. Mr. Alexander also identified a pistol found in La *e's room as the weapon used in the affair. About two o clock Sunday - ing two young men entered the home of Mrs. Auston. 209 Auburn . The noise made by the pair aroused the woman, who got up thinking that there was someone in                 the hall. As she was getting out of bed. she stepped on one of the youngsters who was evidently attempting to keep watch while his companion was trying some keys in the lock of the            door, near lier bed and hit one. both of them making a hasty departure out Mrs. Auston seized a stick  was of the window without getting anything. An hour and a half later, Mrs. Auston. who was unable to go to  after the first scare,  a man climb over on the porch and open the blinds. She called for help and the man left. She believed tho: she would be ablr tn identify him if she saw him attain. Rev. Neal Hudson. 109 Piedmont Way, came running to police headquarter* about 1030 Sunday night and told authorities that burglars were trying to enter his home. Officers Harris and Nahlick who investigated, reported that they found that a brick had been tossed through the window, hitting the  Reverend Hudson on the shoulder. Four  were named by witnesses as being involved in the affair. All that wax missing was a man s grey suit. The home of Fred Burns. 239 Clifton Place. N. E.. was burglarized Sunday night by unknown persons of a gray suit, bed spread Continued on Paao 5. Col. 5                 Robbers And (Continued from page 1) ar.ii several dresses. Evidently :he intruders were  with their  as b"th front ami back d..ors wore found  when the o.cup:mis of t!ie house returned about 11 o clo-k A. T. Kullingsworth. 355 Irwin . was -l at the Grady hospital for injuries about his head when he was hit in the head with a brick  w.; alone on Foil street between Cain ami Ellis Hollintisworth  Officers Wright s'.icet. early this morning. Mr. :ir.d Hughes that he coul.l identify ths man who         him of SIS. Three unknown men :rre sa;d have burglarized the City Hall Soda Co..  by C. D. Harris, in the basement of the City I Hall, a: three o clock this  Til? men were observed leaving the building by a  Constitution newsboy who     -     the inci.lein to his boss, wh" in turn, sent in the  to police headquarters. Officers Sc.\:on ami Hcnslen  the cash register at 12 C:!                 Square          to i;s ..wnor. Ti.veo n::(i :i i'.uif  ins of *e:  'S :in-l S'i.S in c;ish aru reported as m.s-ir;!!</t>
  </si>
  <si>
    <t>                                           Burglars and hold up men kept busy over the week end and gave the police plenty to investigate. The firseworks started Saturday evening when George Sewell, 34 West Lake avenue, delivery boy for Sol Glazer, grocer, 930 Lucille avenue, reported that he was held...</t>
  </si>
  <si>
    <t>                                           (ANP)--Assistant United States District Attorney Heber Dobson of Chicago was sued for $25,000 suits filed in the Hot Springs county circuit court, last week as the result of injuries sustained by members of a white family during a collision between an automobile...</t>
  </si>
  <si>
    <t>                                           Rev., and Mrs. O. M. McAdams, formerly of this city, but now of St. Petersburg, Fla., were in the city Sunday visiting friends and relatives...</t>
  </si>
  <si>
    <t>                                           A fair sized crowd was present to witness a tough battle between Leo 'Kid' Roux, local veteran lightweight, and Joe Walcott, local ... in the Auction Avenue Fight Center, Monday night. The Center was decorated with back and orange colors with the ring in...</t>
  </si>
  <si>
    <t>                                           bad not                 Rr L P. Reynold*                 Thrrc may be rest for the weary but D If the officer tola me lo keep  *nd I wag too tired to Co so H 1 (jot         .</t>
  </si>
  <si>
    <t>                                           ^ill ATLANTA f  Mm WDuHii^nl ONLY NEGRO DAILY NEWSPAPER IN THE WORLD BTl^Mi^  ^- ATLANTA, GA., TUESDAY, AUGUST 23, 19.32 PRICE</t>
  </si>
  <si>
    <t>                                           ~^=r -W"TT .3.- i MONDAY, SEPTEMBER 26, 1832  THE ATLANTA      .               ,GA. 1</t>
  </si>
  <si>
    <t>                                           STRIVING to be out soon. I am still on the sick list.</t>
  </si>
  <si>
    <t>                                           WASHINGTON, August 28.--(By T. W. Anderson for the Associated Negro Press)--Referring to reports carried in Negro papers last week that "many north, rn Negroes were angry because they were not invited to luncheon and notification exercises of Herbert Hoover...</t>
  </si>
  <si>
    <t>                                           NEW YORK, Sept. 23. -- (CNS)--The Oxford University Press here has just published an interesting history of Negro suffrage." The book traces in detail the rise and fall of the Negro ballot holder's power and cites thoroughly documented reasons for this...</t>
  </si>
  <si>
    <t>                                           EDITOR                 REV. B.~F.  Former pastor of Wesley Temple A. M. E- Zion church. Akron, who went from Uiere to (he editorship of tlie  or his  at Charlotte. N. C. Durlne  six years at Akron he  off the church debt ami the membership rose from 350 to "50. lie was also active in die N. A. A. C- P.</t>
  </si>
  <si>
    <t>                                           They Have Two Homers Apiece                 GEORGE COLLINS                 MILFORD LAURENT                 These two giants .ire leading the Crescent City Club  in round trip blown with a p,~ir each in the week-end i;     of the past three week*. "Uncle" Collins also  the other mates in batting average* witli .34 1.     -^ two leader* of Peter          '~ "Murdercru Row" were shifted !.    week. Collins went to the outer garden and Laurent played tlie infield. Both Itarrcd Sunday.</t>
  </si>
  <si>
    <t>                                           ti7L i ru sss^^sss Yah     ^^</t>
  </si>
  <si>
    <t>                                           NIFTY: TIES To.' match your hat and suit- if you: qualify. Then, too you get shoes and two' shirts- all for a little spare time effort. GET IN THE FIGHT. AND WIN SOMETHING.' IF YOU NEED ADVICE OR HELP-  IMMEDIr .ATELY TO US.     r ATLANTA DAILY</t>
  </si>
  <si>
    <t>                                           The fight at Jacks Gymn was a "wow" although the fight fans had expected that the main bout would furnish the fireworks, but were doomed to disappointment. However, the semi-final between Fast Black and Battling Bobo served up enough blood and excitement...</t>
  </si>
  <si>
    <t>                                           Young and beautiful Patricia Braithwait adored her father so much that she was willing to sacrifice love and happiness to insure his future independence by marrying middle-aged Harvey Blaine for his wealth. It was Aunt Pamela who suggested that Pat marry...</t>
  </si>
  <si>
    <t>                                           I BEAUDRY S j See These Before You Buy: I Kuril Phaeton. 12.000 I miles, extra clean Sip i 29 Chevrolet Koadsier I"5 "29 Kurd Sport Coupe 1*5 SO Ford Coupe I95 "iO Ford 2-Door       'SO Ford 2-Door,   275. 28 Chevrolet Solan 1   ;i Ford 2-Dour.  n- this 295 31       .  panel truck. extra clean 2G5 International 2-T-^n, Track.-,  wheels, van .body 195 Others to Select From ERNEST G. BEAUDRY 1C8-174 AValton St.. N. W.</t>
  </si>
  <si>
    <t>                                           Dr. W. A. J. Mosley left Saturday morning for Washington, D. C. to attend the National Medical Association.</t>
  </si>
  <si>
    <t>                                           The ZayatTEiss*~"The" Red Hand" JT BvSAXROHMERi                 MESCAL IKE Pa Has the Making of a Real Cop by ART HUHTA                 TIM TYLER S LUCK The Mysterious White Girl by Lym Young</t>
  </si>
  <si>
    <t>                                           -'.~~a           r</t>
  </si>
  <si>
    <t>                                           ON my way to Birmingham, Ala. today as the guest of the SOUTHERN RAILROAD. I know the Atlanta crowd is going to have a time.</t>
  </si>
  <si>
    <t>                                           As Albany Welcomed Walker to Battle Scene                 tailed  ;; nero. Mayor W^ hown as he arrived Albany ic  pr*ar ' " ri jr Kuu^ tu answer Lo the c.'.-'^ Lirou^ul                 by :he Ser/ Investigatine L'GrnfnitUro. ln*n . tin* band ::\:n erected New York's ca,   ;r * ^ ;:;e  from the i'.^ lo  .</t>
  </si>
  <si>
    <t>                                           Miss Maxine Thornton of Elberton, in visiting Mr. and Mrs. Henry Thornton, and was royally entertained Friday evening with a three course repast. Those present were Misses Ruby Brown. J L Banks, Kate R. B Billipe, Annie and Elese Neal, Annie Ray, Mr. and Mrs. Ralph Praitt, Charley Lumpkin, Charles...</t>
  </si>
  <si>
    <t>                                           ATt^H^^^HS^Ki^h 1 church ZkJIti SyNDICATE ONLY NEGRO DAILY NEWSPAPER IN THE WORLD  l  s  mil ATLANTA. GA* SATURDAY, SEPTEMBER 24, 1932 PRICE THREE CENTS</t>
  </si>
  <si>
    <t>                                           Camp meeting day at Mt. Carmel on Sunday September 25th Sunday is expected to be a very busy day with our beloved pastor. Rev. T T Bell in charge Sunday school at 10:15 promptly. Supt., Whitaker is expecting a record crowd to attend baptismal sermon at 11:30.. Dinner will be served at the close of the evening...</t>
  </si>
  <si>
    <t>                                           WOiSlWm^^M\ ONLY. NEGRO DAILY NEWSPAPER IN THE WORLD )jO_JI T T T     VOLUMiOtTNUMBER 189 ATLANTA. GA.,           , AUGUST 24, 1932</t>
  </si>
  <si>
    <t>                                           Lelia Fort, 1321 Jackson avenue, was charged with manslaughter of her sixteen year old son, Robert Fort, who died last Monday as the result of a terrific blow she gave him over the head with an iron rod, crushing his skull, following an investigation of the case by...</t>
  </si>
  <si>
    <t>                                           I SEASHORE EXCURSION i SATURDAY. SEPTEMBER. 3RD Clinrlc.ton and Beaufort $ 4.00 Good G Dayt i Clii.rlr.ton and Beaufort 6.00 Good 1 1 Day* Wilmington and Wrightiviile Boach G.OO Good 6 Dayt Wilmington and Wrighttville Beach 8.00 Good 11 Days Fayetteville, N. C 6.00 Cood 6 Dayt Faycttevill*. N. C 8.00 Good 11 Dayt Norfolk, Va 7.00 Good 4 Dayt Norfolk. Va 11.00 Cood 6 Dayt Norfolk. Va 13.00 Cood 11 Dayt' Richmond,   . 7.00 Good 4' Dayt PULLMAN FARES ALSO REDUCED Augusta, Ca 3.S0 Cood 4 Dayt WA. 272G GEORGIA R. R. WA. 3GGG GRAND LABOR DAY OUTING *T. Mm THE COOPER RIVER AMUSEMENT mWm PARK. CHARLESTON. S. C. jj SATURDAY, SEPTEMBER 3RD. ROlind-Trip (Ticket. Good Six Dayi) The only  Colored Park and Playground in     South'  where colored people can enjoy turf bathing, and can. father for a. grand outing. The  Dance Pavilion to b* found, AltOj Athletic Field for  . SPECIAL LABOR DAY PRO.; g CRAM. GREAT EXCURSION FOR COLORED. PURCHASE^ TICKETS IN ADVANCE. Wa. 2726 ,  . 3666 Vf^J7^.~ r' GEORGIA RAILROAD</t>
  </si>
  <si>
    <t>                                           The traditional South was wet. The old fashioned manorial Southern gentleman without his toddy was a contradiction of terms. Southern hospitality connotes the overflowing of the bowl. Any suggestion looking to the control of his conduct was, deemed an...</t>
  </si>
  <si>
    <t>                                           THE more I see of the gentlemanly art of boxing the I am overcome with admiration of man's ingenuity in overcoming the absymal conflicts of antiquity. I used to think that boxing was nothing more than doubling up a fist, tensing the arm and shooting it on over. I thought that all there was to boxing was climbing in a ring, getting mad at an opponent and letting him have it. If you had luck...</t>
  </si>
  <si>
    <t>                                           Much interest is centered around the unexpected departure of Rev. J. S. Drake pastor of Campbell Chapel AME church, who lacks only one month of rounding out three years successfully pastoring Campbell Chapel. In view of the fact there are only four weeks in which to get up the conference budget. Bishop Fountain...</t>
  </si>
  <si>
    <t>                                           TIM TYLER S LUCK A Modern William Tell By LymiYoum                 "TELLING TOMMY"  By Pim m</t>
  </si>
  <si>
    <t>                                           CIVIC LEADER                 MRS. CHARLOTTE SMITH of Philadelphia, president of Die West Philadelphia Civic League uf Women, and prominent in   uf (he Quaker City. Wesl Philadelphia is one  if the best section of America's third rily. and many Negroes live there, having moved out of the South Philadelphia section, noted for ils slums.</t>
  </si>
  <si>
    <t>                                           Miss Alma Harrell arrived in Baxley Friday from Jacksonville. Fla. where she will be the guest of friends and relatives.</t>
  </si>
  <si>
    <t>                                           "DON'T GROW OLD BEFORE YOUR TIME" l ^^4 J ^~*^^^*T^~~^Bfli^fi^B^ ^^M^Sr^  ^^^Pf^VSj^                         ^^^BB^^B^^^^^F ^^^^6? ^S^b^    ^S^HbI I I    ^QPuEdV ^ ^CmyiHBjlBpr^BHdrBflf^ jJ**     ^WwP^fet ^^^ ^0 ^^r^wtE ^VWm^^ ^~^B^BBI BHfl^ JUBHwiBHnr Ul 1 1 t%^*~^Uy SjijjJH^BSBHl^MBi^BcMy *^2MBHMff^^SaP n s s vr    ? 2^ % ^u^^^R^L. l^S ^^b^b^bsI ^^^^^^^^f 9 ^^BBB^B^B^B^B^         ^B^BB^^S^^S7 '^^M ^T* /A ^^^^^ ^K ^jfy^BBrBff^^^ ^    ^^H **^Bt* 4Mtvr MVfi "NTT  IfiB^B^B^B^B^BBSaH^B^H^BaB^BCCjI^BHBl^B^B^a^K^SEBii^HH^^^^BaHBB^Ba^B^B^^BBiBnHD^BBH^H J^PV J^%V O^mJ v A*M v ^tf***^4 f IB_B_B_B_B_B_BJB^B^BMn_^             _BB_B_B^B^B_  ^^^^^C^BJ^Dv*^   ^X aje he  take something itr.. ^CAioa^.i^ 'wy, a while to keep the ^.'. dean and the vital  and  is needed. It should stir ^tng the mitre system and eaa be KeBed . the system to new life asd activity. on to strengthen the action of weak ,_^uj__ bowels and rid tie system of the slow "To do tins I don t know of anything Thfe famous  ia easy to poisons that     men so last It is far totter than a famous laxative compound aad p^ vep^t active to ]a5atives ^fc^ ^y  Dr. CaldweU's Syrup Pepsm. It senia ^j jjg^ ^own tonic habit-forming or actually weakening to '.can be relied on to do the work." A teaspoonful now and then may the system. Drfcaldwell's Syrup Pepsin is always be all you need to get rid of that bilious Men who must keep themselves alert *;where bodies have grown dragging condition.* that saps manly and strong for their daily wock  Und aad , and a body-builder vitality. Syrup Pepon operates by 6   - rely on Syrup Pepsin, *j-</t>
  </si>
  <si>
    <t>                                           Messrs. Richard and Marvin Mullin returned home Sunday night after a very pleasant visit of two months with their mothers, Mrs. Estella Reid, of Cincianati.</t>
  </si>
  <si>
    <t>                                           SEhe Meeting Place That Love Built" By EMiMA HUNTER ;.sw i They built a tabernacle With willing hand and heart j^1''" All worked and prayed together f t?' Each doing his own part. 5" ii Those who were willing hearted Brought silver, brass and gold Oil, goat s hair, spice and linen And other wealth untold. The man whose heart was stirred Was ready and willing to work Each of the Jewish women From duty did not shirk. r iv They spun the pretty linen r Purple scarlet and blue r f And other things in helping Bespeaks their services true. v r Both men and all the women -i_-: Brought whatever they could get The rulers gave the precious stones Which in the breast plates were set. yi In love they said Moses We'll do at at your command And they brought more than was needed t. To be made by his hand. God wants his people now In love to build a place Where He can meet together With them to seek His grace. l-;4" VIII He calls for willing workers 'f "jf To labor day by day In church to render service And all along the way.</t>
  </si>
  <si>
    <t>                                           FIVE IN OHIO1 ARE AGAIN SET FREE                 Atlantan's Lynchers Are Set Free on New Counts                 7 TO BE TRIED                 TT?ONTON. Auc 18.-       Charr.es- aft:nst five of the twelve white men who were accused of breaking into the jail at South Point :uid abducting Luk'.' Murray, murdered chauffeur from Atlanta. Ga., were dismissed when i he -.-nen anDC.- before                 irate Fred B. Davis Friilay afternoon. The  claimed that then.' was insufficient evidence to hoM them. The charges were filed by the Rev. Ernest Wright,  the Lincoln club of Burlington. The five defendants rire: 3ili I Johnson. 41. James Hall. 23. Will:ird Massie. 44. James Johnson. 19. ard Ralph McKee. 25. Seven others still  charges. Only iv;o of them have answered the summons to court. They are Clyde Elklns and Milford Massie. They waived a prelim nary hearing and were bound over to the grand jury under bond of $1,000. The  five against whom charges still stand :ire Louis      . G:. Massie. Theodore Johnson. Taylor Napier and Lawrence L. Massie. Four of these five are believed to have left thu country for parts unknown am! no effort Is being maile to find them. Six of the present defendants in ihe kidnaping case, were recently tried for second degree murder and acquitted. They admitted tha: they had broken into the South Point jail and abducted Murray, but insi/.ed that they had not struck him and thrown him into the Ohio river where his body was found. It was charged after the acquittal that the prosecution by the state had been disinterested and lackadaisical. Friday, the National Association for the Advancement ot Colored People, from its New York main office, dispatched a message to Gov. White, demanding that he have the attorney general of the state assume the prosecution In the present case.</t>
  </si>
  <si>
    <t>                                           IRONTON, O., Aug 18.--(ANP)--Charges against five of the twelve white men who were accused a breaking into the jail at South Point and abducting Luke Murray, murdered chauffeur from Atlanta, Ca., were dismissed when the men appeared before...</t>
  </si>
  <si>
    <t>                                           JUST KIDS PARENTS SAY                 18 Year Old Hubby Killed Wife, 16, and Self                 FUNERAL SUNDAY                 The tragic tale of how two young I lovers met a sudden and violent j ) early Monday morning was unfolded in an interview with the I parents of Mr. and Mrs. James Jackson. 124 Linden street, who I died shortly after young Jackson hail shot his wife- and mortally                 wounded himself on the front porch I of their home. I Mr. Jackson, who is only 18, wasi the I'.'f.'c-l son James Jackson, j Sr.. v.'tiu lives :n tlie other h:df of i !~e hour-e occupied by his sun an it ins ". T(!~- . who married ?.Iiss V.'r:i;ie    _* Davis. September 13.11131. wr.cn sic w- 15 was employed by Dr. Hoi brooks, West Peach :re- druggist. The young woman wa.s a daughter ol Mrs. Lela Davis, a .w who lives at Iht Workplace abo-it three blocks. away.. Her yi-cii^er. si-ter. Miss May Inez Davis. 13. live.! with :he         . According tu Mr. Jackson, tlie I Y'.ur.g couple parted quarreling a- oout six o'l l'.cV: Sunday r.:^ht over; sun..- :ii matter. One tiling led '**'{ another as is :t;e case or must do- j !i:e.sl:r Troub:^  he sp- nt the I ^ {j:i!-t :l.e * -^ !u ::e:t:e il.e fu-s  'Ji-sr..  fii *Jie:n. .     *r Came was ab"-ut ^lr.." Mi j D.i vis :..iul. wIh k rr.y two ^ir::- i Willie    ! Int.'/.,  10 rr.v '-'t-*. Willie   ;ui!  she wanted me to! c:i:e ti.Avii ai'.il try to Qui* I James) :   lie i.a-! hit In1:- ;iP.i!  her an-J j \   - s: i ll a p.;; i y. I went witts t!.~-m a Mi! q'.iir'.ud -   .-ily. j'.er.n-)' (j:ick ~;..t::e  [en *- : sit.'. I 1 1 lj I ;ust ha.l  1.o l1.. in      wtK-n my baby ^ii-l. Inez ca;:u-' *t  t M t!it* p.'j ch ;i:hi  in-- Iha: ~.*r Mster was . ~~*i he:-t- was only one -s tu ;Iil* Mooting." Mr. Jacksun 1 - d. "th;ii was :ny 111 year nh! M-n. \V:!;ie. When Willie hear,; f-ie . lit' ran to the  window'  saw her           un ihe  an.! Iks bro'.her ;i to the Iloo:1. 1 lie was tiie  une to reai h 'he! bu.Iies :    : all  broth* r could tell hiiii was. Tm ;!' "Yes,     -k me to the station fur ii'.vesti^ a Ion;; wi h my yii-. buy and Inez's boy i"rii-n.J, *      1\ We were  a.s material witnesses and rei- asci! after the inquest Tuesday '." "Gi'Odiiess knows I  everything that I could to res o:e peace  night." Mr. Jackson Kud when l\~- \\~jx question' d concerning; the J'act that the couple was killed with his ." A short tune before midnight. I warned ~'Busier." who hati been calling on Inez, that i\. was time :or !iim tu  0 h'~me as the  was rather late fur young P' ople. I Only Two Shots "Somi'tiine laier. James came into my roo:?i and      take my pistol from me. suiting that "Buster wxs going oil to get a gun and kill it.1 I trie-.l to keep him from getting the weapon from me but h-wrested it away as I attempted to koep the kerosene lamp that I was holding from burning  up with my other h;    . Then he went out on the  porch. I    ard the shot and'. Walter went to the window. Then I heard another shot. That's aii I know, they [ about so many minor things that I don't know just what caused it. I did my bent to  them quiet." Funeral services for th" victims of this double tragedy will be held from the Hanley Chapel Sunday afternoon at one o clock with Rev. H. C. Cunningham officiating. Burial will be in Lincoln Memori:U cemetery.</t>
  </si>
  <si>
    <t>                                           The tragic tale of how two young lovers met a sudden and violent death early Monday morning was unfolded in an interview with the parents of Mr. and Mrs. James Jackson, 124 Linden street, who died shortly alter young Jackson had shot his wife and mortally...</t>
  </si>
  <si>
    <t>                                           Indulge yourself, if you must, in the hat of peanut size that hangs onto the rear of the head by the skin of its teeth but don't wear it when the sun is blazing. Protection to the eyes is protection to the complexion. Beaming burning sunlight lands plenty of trouble on...</t>
  </si>
  <si>
    <t>                                           Wounded By Bullets Two SentToGrady                 Two victims of gunmen, were treated at Uriidy hospital over the wek end according to hospital records. C. B. Craig, who lived in the rear of 316 Old Wheat street was . to the hospital suffering from a  wound in his abdomen said to have been inflicted by James Norris. Craig is not in a S' rii.us condition doctors said. The shooting occurred it the intersection of Lyons avenue anil Hilliard street. Norris has not been arrested. After being treat' d In the emergency clinic of Grady hospital for a gunshot wound in his right urm near the       , Anderson Obey, of 28 Richardson street was ! to return home. Obey p fused to divulge the name or his assailant.</t>
  </si>
  <si>
    <t>                                           GREEN--Mr. Wyatt Green passed at the residence, 537 West Fair St., September 19. Funeral announced later. Ivey Bros., morticians.</t>
  </si>
  <si>
    <t>                                           LOU VERNON in "The Green      ."  all- play which will re-open in  soon for Its third   leun.</t>
  </si>
  <si>
    <t>                                           Whether or not local sports lovers will get a chance to view the ... form of Ralph ... Atlanta-born Marquette university sprint ace and Olympic star as well as unofficial holder of three world's dash records, was undecided as late as...</t>
  </si>
  <si>
    <t>                                           * PAGE .FOR, WOMEN I   2i^f II' BEULAH MITCHELL HILL. EDITOR. 1 KtClFfcS*</t>
  </si>
  <si>
    <t>                                           Rain had something to do with the lessened attendance at the city playgrounds during the week ending August 20 and a number of the programs had to be curtailed on account of the inclement weather.</t>
  </si>
  <si>
    <t>                                           MISS  MARSHALL, beauty  and social light of                 Nashville.- Photo by J. R. Anderson</t>
  </si>
  <si>
    <t>http://search.proquest.com/docview/490401311/</t>
  </si>
  <si>
    <t>                                           FURNITURE in the attic or" "the cellar is of no particular use to you. Why not sell it? Advertise it in the classified section.</t>
  </si>
  <si>
    <t>                                           Night and Mominc to keep them Clean, Clear and Healthy Write for Free "Evr Care" or "Eye Beauty" Jloak Murio.C^.D^t.n.S,9~.0t;~</t>
  </si>
  <si>
    <t>                                           The astrological forecast for to-day is an unsually favorable one for general routine affairs. It is a good time during which to seek favors of or consult with employers or influential persons; to close important deals, ... enterprises and for pushing forward towards...</t>
  </si>
  <si>
    <t>                                           HERE S YOUR CHANCE!TO GET A BRAND NEW OUTFIT FOR SCHOOL tO NEW SUITS OF CLOTHES!  jp^    20 Pairs STRONG SELECT SHOES!    K M 10 NEW HATS To Match Suits! w/      40 NEW SHIRTS! Hlilrl V 40 NEW SILK NECK TIES! H^^P WILL BE GIVEN TO 0UT-0F- /   ?~p TOWN ATLANTA DAILY k^^^S WORLD CARRIERS ^^SpS ABSOLUTELY FREE! _    GET THIS CLEAR-THIS IS NOT A CONTEST HERE S ALL YOU HAVE TO DO! jpt r. -~v IF YOU WANT A SUIT- Get 100 Subscribers and Pay For  TOy\ /ok r CT-7\ Them for Three Straight Weeks. KxrV*.      A\/LL IF YOU WANT A HAT TO MATCH- Get 25 Subscribers and VgSf'W. /^m^~BI I X J^y" Pay for Them for Two Straight Weeks. Wf M JiF%$!       I Mjpi^l IF YOU WANT A PAIR OF SHOES- Get 30 Subscribers and liV. \)M'lMi~$lM I Pay for Them for Two Straight Weeks. II m /M '[$          J^Z IF YOU WANT A SHIRT- Get 12 Subscribers and Day for V* /Ste* Iffllr^ ^H ' Them Two Straight Weeks. ^   ^^\Js/t ^(L_ 'ill 1F Y^U WANT A SILK NECKTIE- Get 8 Subscribers and Pay f/^^?^ff// JK3 E^\JH for Them for Two Straight Weeks. A*^~~LJ5  ^^^^Sf If You Want to Get a Complete Outfit ' IlSSSI Fin Get a Total of 175. Subscribers and Pay For IXm^ Mi II WYLlL I )LJ Them Three Straight Weeks ^^^J'^HB I I 4M "fit I 1    *v1*o Boy WiU Be Given More Than One Suit, One Hat. One Pair ^OHhB fff III W^ET^ of Shoes, Two Neckties, or Two Shirts! /   '    ^r I  Br Write the Office Now- Today!- and Let Us Jgjgffli ^^l^i^^tTl Know When You Are Going to Start Working          [  ATLANTA DAILY WORLDpF^ 210 Auburn Ave, N. E. Atlanta, Ca. M ~. Every Boy Has the Same Chance. START NOW!        ^^ Every Boy Can- Get the Same Prizes. Before School opens and get the re- ^^ If the Prizes, are not Enough, More quired number of subscribers, and /^mm Will be Bought hold them for 2 or 3 weeks! wB/SSf^</t>
  </si>
  <si>
    <t>                                           To obtain an Astrological reading write SYD SUNNY in care of the Atlanta Daily World stating the year, month day and if Possible, the exact hour of birth. Enclose, 10 cents in coin to pay cost of mailing. Be sure to enclose Self-addressed envelope. For...</t>
  </si>
  <si>
    <t>                                           ONLY NEGRO DAILY NEWSPAPER IN THE WORLD Ifl.Sii IS S  ;yU.     19(; ATLANTA, CA., WEDNESDAY, A[ Gl.ST .'{1. 1932 =^==^ PRICE,' THltEElJENf?</t>
  </si>
  <si>
    <t>                                           PRAISE G. P. APPOINTMENT OF CROSSLANDS TO R. F. C. PERSONNEL                 ST. LOUIS. Sept. 16.- (CNS)- The appointment of Dr. J. R. A. Crosslands. of St. Joseph Missouri, to be  supervisor of contract work among Negro formers for the Reconstruction Finance Corporation has been hail- d by leaders here as highly commendable, with Dr. Crosslands and the four field ag' nts appointed to work under him, in constant touch with farm and unemployment conditions, it is felt that federal aid provided for by the Rf construction Finance Corporation can be speedily passed on to the needy element in the Negro group. The location of the office of the new appointee, at the heart of the Negro farm section of the West and South' was also praised. Dr. Crosslunds has a fine record in various types of. relief work, having previously worked in the Veteran's Burou as a supervisor. SHOOTS COLORED VICTIM IN BOTH LEGS WASHINGTON. Sept. 16.- (CNS) William- Scott, colored, was wounded last week in both legs .following an altercation with a white man. Scott on his way home, was accosted by the man, who picked a quarrel with him. During tne argument, the man drew a gun, fired tear gas at Scott, and then reloading 'the weapon with bullets, shot him In both legs. Police ore holding. -Emmett Warren, white, as the alleged. assailant Scott .is be-, ing gives hospital treatment and will- recover.</t>
  </si>
  <si>
    <t>                                           Tennis followers of Atlanta will get a rear thrill this afternoon when Ben Davis, Jr., the city's leading singles player, meets Henry Cooke Hamilton, veteran many gruelling net tourneys. In the finals of the men's singles.</t>
  </si>
  <si>
    <t>                                           mini mis [STATE MINUS JUSTS131                 NEW YORK. Aufc lR.-Barron D. Wilkins, a  in the social and political life of Harlem, who was murdered on Mny 24. 1924. left nn   a net deficit of $131. according to a transfer tax np- 1  filed yesterday. Th: estate hnd a gross value of $32,695, but debts and  expenses totaled  32.826. Tl'c principal       of Wilkirs",  was 99 per ccr.t the capi-1 tal stock in a holding corr.pa-y which owns *nc .nn at 198 West 134th . It \    .-it this ' that Wilkms operated the Exclusive Club, n. black--t;in c., In front of which he was killed by "\el\o*- Chari^stin1 Mor- r:s, it mulatto who la:or was  on   2e S. Col- 7                 Barron Wilkins i (Continued from Pace 1.) j  l. Wilkins was she. when he refused to Ki"-'e Morriv $100 c:t- away rr.or.ey. ?.torris liming killed brother Xe^ro in ;l 'h^e  arr.e few minutes before. t Wilkins. who h;;~i beer, '.he fir.^n-, e';ii ba.-kfr .I.    Jo'.-.r.son when, the latter w.   he.-..isi-.: bo\.:i2 1 ch;;rr:p:o:i. h^i-I - a c-~biret. in "wr. New Yo:k for several] yeat-s before ^-.;: (t to :i;tr-l .. The cabaret :s r."w leased* for $250 a .th. the appraisal cisc'.osed. His wife. Xrs. Carolyn S. V.'i:-. 'kir.s. of New Rovhelle. ::uA a brc'.hcr. Lerov V.':i;::n;. wor: na:i:~.".i i bi.'"ef:ci.' or the c:-tate.</t>
  </si>
  <si>
    <t>                                           The Sixteenth National Tennis Championships start in the morning at 10 o'clock on the tennis courts of the Shady Rest Country Club at Scotch Plains, New Jersey Reginald E. Weir of Flushing, N.Y., is the defending champ, while youthful Douglas Turner of...</t>
  </si>
  <si>
    <t>                                           Goes Fishing: Brings Back Watermelon                 By GENE WHITE Linten, my children, and yon shall know the story   [ four fishermen who a fishing did iio. 'Tis tlie first I'ish story of the current sca.son and i; is nothing Jike the "Three Littli Bears ur Red Ridinghooc?,'1 but a. real true story. On Thursday morning promptly at 5:30 a. m., the fishermen who in priv.-.te life are Messrs. Jnck Bell. T. L. Curry. J. L. Dobbs, Sr.. and Pierce motor* d to Covington. Georgia, on a fishing trip. The entire day for the most part was spent on the banks of one of the local streams where tin y sought to endanger the- lives of poor HI' homeless catfish. The party returned shortly before dusk and Mr. Curry when' interviewed on Auburn avenue, was found to have returned witli a watermelon a . two cat' fish:  ly the size of a welner and two minnows. Here's where the fish story comes in. Mr. Curry did not  to deny his ill fate, but claimed the others hart  luck than he. Bell caught 13 fish while Pierce caught three and J. L. Dobbs. Sr., caught two. Boy, 11, Breaks Arm in Fall From Tree L. A. Diamond. Jr.. 11, was brought to Grady hospital Thursday morning suffering from a broken right arm,  when I he fell from a trex in his  at 324 Fclton drive. Doctors In the emergency  where young Diamond was  said the arm had been fractured in two places, just above the elbow and near the wrist. He was permitted -to return home. BIRMINGHAM MAN LOSES TIRES Ruscll Smith. 4723 Pilis Avenue. Birmingham, who Is visiting with friends at 640 Garibnldi street, reported to police authorities that someone had stripped his automobile of four Firestone tires and a green colored wheel sometime between midnight and five o clock this morning. The visitor s Ford wan  in an al(ey near that address.</t>
  </si>
  <si>
    <t>                                           PARIS, France--Dr. Carter G. Woodson, director of the Association for the Study of Negro History, has arrived here from London, where he has been getting in touch with people interested in Negro history and trying to interest othes as well as...</t>
  </si>
  <si>
    <t>                                           Support of the exhibition of Ralph Metealfe, worlds record sprinter anti Olympic ace, is coming from all directions. Mayor Key has issued a proclamation making Friday "Metcalfe Day." His resolution follows:</t>
  </si>
  <si>
    <t>                                           We had a wonderful time at church last Sunday evening. Rev. R. H. Milton of Mt. Pleasant Baptist Church, preached a wonderful sermon, which was enjoyed by all his good people, who were there in full force. So we are asking each member to be on time Sunday...</t>
  </si>
  <si>
    <t>                                           A Rood part of every dollar spent with World adver- w w m mg It costs no more to buy from World advertisers than t a ma L 1^% m Users finds its way back into Negro pockets. Because it 11/ II from those places of business who do not think enough of A I I v WLM Laa^wkw- showa these adver Users they are gating results, they spend MMI^VV/tl^V your trade to buy space in the one newspaper published fl WlTAI/tfl  O WT.- VkYlTmmmm 1 7~* money buying copy from this all-Negro organization VV   l     here daily just for you. Cooperation with World adver- i-% 1 V I I 12^* I 2% i nLI XWWkMmMA^* which means your newspaper has just that much additional f f \JK JL%~ Users means a stronger and better paper with more money A m\m Y \*A %*ML%J^*A, %J    cash. K'^ff for competent workers.</t>
  </si>
  <si>
    <t>                                           Ducks Shot But is Hit By Shotgun                 Hit over the head with a shotgun vhen he crowded his " nt so ast that he was  to load and ire again. Will MciN'air. 210 Cl-. alley, was     the 3rady hospital in a Hanley  at^ut 9:30 Thursday evening \herc a number stitches wcr aken in his scalp. According to Mr. MrNair. hits . whose name he .     not enow, was a  sweetheart of lis girl friend. He told Officer] Harper that the man nv t him in' 'ront of the large apartment - ng in Chestnut alley and shot at I lini once, the charge of buckshot! nissing him when he ducked. As :he man started to re-load his gun. ie rushed towards him to grab th(. ;un but not before he received the d1  w over his head. Biles t MEETTDilGITT Another special meeting of the Atlanta Colored Brick Masons So:ial and Industrial club is  for tonight at the Butler street y to mak- final plans for the  of the petition for a union . All members and interested persons are  to be present. At a special meeting  arlier in 'he week. Mr. Gossard. secretary of Bricklayers LocnT No. 8 and  of the Atbnta Building Trades Council and Mr. Haincs. vice president of the whit' local, alone with members of a committee of the local, met with a committee of members of the club .ind  r.eco  leading up to the granting of membership in the international union. According to the arrangements, the charter will be granted upon the presentation of a petition containing the names of 15 ex-union men in good standing at the time of their withdrawal, said  to be approved by the local and the fulfilling1 of  financial stipulations. A committee from the club will meet representatives of the local next  and  over the list of names submitted with the petition. It is believed that the charter will be granted within a very short period of time. PLATING BOYS SHOOT MAN. Beiievd to h.tve been  by a croup of boys who were playing in Bumstead alley. Ray Peters. 29. 220 McDanict street, was brought to the Grady hospital about 10 o clock Thursday evening where a small wound in his right arm was treated. Judging !~y tlv size of the hole, he was lilt  by a shot from a B. B. gun an air rifle, or n 22. Mr. Peters said that he was shot while standing in a friends doorway.</t>
  </si>
  <si>
    <t>                                           THIRTY HUNDRED human beings forgot about the uncharitable weather here in Atlanta on Monday night. They clattered through the portals of the Roby establishments to see Roy Dunn of Atlanta and P. G. Carson of Miami go in there in sock. They were not d'sappointed.</t>
  </si>
  <si>
    <t>                                           Friends Who Attend Camp Meet at Buckhead Thanked                 By Rev. J. A. Hadley, D. D.                 Thf Camp-meeting tabernacle services at New Hope A. M. E. church, Buckhcad, Dr. J. W. Wilchcr, pastor and director of the meeting, expresses gratitude to Ihc many friends who are helping to  the services what it should be, and praise the large gatherings for the                 highest respect given to the meting. Wednesday night, was a high night for Christian -ahip.          held under the auspices of the Presiding Elders. Sermon delivered by Dr. W. Boyd Lawrence, presiding elder of the Atlanta district to a capacity house of both white and colored. Drs. C. A. Wingfield, J. A.                 ley. C. C. Ealcy, J. T. Wilkcrson. assisted in the services. With the sons praise services to the hymn for the main hour resounded through the mountains which indicated that the camp-meeting was in its spiritual blast Dr. V/ pleaded for a deeper: and consecrated work of grace dur-' ing these meetings. So effective was the sermon and praise services that the audience leaned forward to catch every sentence that fell from the preacher s lips during the services. Following the close of Wednesday night s services, the various church boards and auxiliary organisations and friends showered the pastor and wife with foodstuff of                 the choicest kind. Thursday night. Dr. A. R. Cooper and congregation will ha.ve charge of the big services much to the delight of all, having served this church, very well only a few years ago. Friday night. Dr. W. C Kelley and congregation will conduct the full service. Dr. Kelley, is capably rendering the "tip top" services of the week. Bishop W. A. Fountain. A. M.: Ph. D.; will deliver the annual  sermon on Sunday A re-' ligious treat is in store for the - on this occasion. Bishop Fountain is regarded by the church and race, "The Apostle of High Education, the orator and ."</t>
  </si>
  <si>
    <t>                                           The Camp-meeting tabernacle services at New Hope A. M. E. church, Buckhead, Dr. J. W. Witcher, pastor and director of the meeting, expresses gratitude to the many friends who are helping to make the services what it should be, and praise the large gatherings for the...</t>
  </si>
  <si>
    <t>                                           *{ Spectacular Savings In HIGH S 50th ADVERSARY SALE      $  *%, New Fall and ^ $24.95 Values! WEBB' lavish with furs- ^^kI^B Opossum. Fox, Fitch, Marh8 H^B mink, Manchurian Wolf! ^^B Thrilling coat bargains! HeaI' 1  KjBi^B v-v s'"c ''n nKS- New fall  gjf W U hold, your Coat in our fij S^ Lay-away- or you may use</t>
  </si>
  <si>
    <t>                                           Yesterday morning, shortly after breakfast, Coach Frank Forbes garbed in a drab maroon jersey and new model, soft-padded football pants, and wearing a wistful look serving as a mirror to his obvious lack of enthusiasm over his 1932...</t>
  </si>
  <si>
    <t>                                           i "He it... dead?"  killed him! Sax Rohmer's stories  NOW ATLANTA DAILY WORLD</t>
  </si>
  <si>
    <t>                                           Life to lovely Patricia Braithwait was a series of parties, trips abroad and now--Palm Beach. Her castles crumble when her Aunt Pamela informs her that Mr. Braithwait's fortune is depleted and suggests that Pat marry the wealthy, middle-aged Harvey Blaine to insure her...</t>
  </si>
  <si>
    <t>                                           \__37 STATE NEWS                 Canton, Ga.                 A week s revival in In progress nl the St-      AME church- We       thm much will be accomplished.. lbs. Marie Williams and little daughter of Marietta, are the  of      . C_ William*. i Amons those who attended the  conference at CaJboun were Mr., and Mr*. KoMe Lancston and family. Mrs. Vclma Bailey and Mr- R- H.. Morris and reported   a delightful trip. Kn. Marie Wormley and little- Ruth Tambro were the week end BuwU ot Mrs. LuU Walton of Marietta. Mr- and Mrs. W.. A, Thomr*on ann Itr- Oliver Cantrell motored to Ahluima j  nd Ttnnewee. i One of the most  affairs of I the week was -the surprise  party I  Friday afternoon by Mrs- E- MBarse at her home on Crisler "street, hon.  her husband. Profewor Rurcc.. Sev.  rml were present and many beautiful sifts were . Mr. and Mrs; Paul Cantrell and family motored to Dalonrga Sunday. Mrs- Durham and children of, Atlanta     -last week s Kuests of Mrs. Oirrir . Mrs_ Ethel Alson is confined to hei bed. 111. We hope f^. her a speedy . Claud Cooper m away lust week visiting relatives and friends. He return. ed Saturday with his beautiful bride- We wish for them a happy married</t>
  </si>
  <si>
    <t>                                           CHICAGO, August 30.--(ANP)-- When four staff men from the Chicago Daily News, led by Frank L. Hayes, popular feature writer met Sylvio Calor. Haitian jumper, on his arrival here from Los Angeles and asked him to tell them something about Zombies Cator...</t>
  </si>
  <si>
    <t>                                           Help the Helping Hanu                 ^1^^^ FSn;^^~ 6 v^* 6w P^fc^ ?^pw w(W4'                 winter  on,  still prevalent and suffering impending, the relief agencies will be pushed to the limit to handle the large number of cases which will naturally appear. It will take money to care for the needy. The bulk of that money must come from private donations made by people with jobs. In just a few days the Community Chest campaign will begin. This great organiza- I                 i nun win can on ail to give every penny they can spare. Give, and the charitable hand of our relief agencies will continue to shelter the poor in the cold days of want and distress. Ignore the plea, and other humans who have every right to live will have no other [choice than that of intense misery or death. The answer is up to every one of us.</t>
  </si>
  <si>
    <t>                                           Decatur Parents fa Boost School                 Nearly 600 persons attended an enthusiastic meeting Monilny night at the Thankful Baptist    in Decatur called for the purpose of rejuvenating the Parent Teachers Association of the Herring street school. Among the D'- whites in attendance                 were superintendent of schools Lamar Ferguson and Charles B. McKinney. chairman of the board ofeducation. Mr. McKinney outlined the duties of the parent teachers association in its relation to the work of the school and pointed out how the   not help the school in many ways but also be an aid and inspiration to the youngsters of the community through their interest in their affairs. Superintendent Ferguson also made an interesting  Both officials thanked the parents lor co-operating with the new principal. C. M. Clayton, in making it possible to open the school year on, time and with su-h an auspicious start, at the same time paying a glowing tribute to late C. L. Maxey. Principal Clayton and other civic leaders also spoke while the parents promised their hearty support to the school and its various extra curricula activities throughout the coming year. O.ficers elected for the ensuing                 term are: Mrs. M. A. Ebs'cr president: Miss Annie Kinnuy. 1st vice-president: Miss Ruth Thompson, 2nd vice-president: Miss Is.- Wilson, recommit se.-retary: Mrs M. L. Clayton, assist ant recording secretary; Mrs. B M. Whitt.-.' corresponding secret.-iry jnd Professor Clayton, treasurer. Rev. A. L. I.owe was named chairman of the executive   Mrs. Whittaker in charge of the program committee and Miss Winfreri as head of the social committee. Meetings will be held every month and the outlook for i he future "f the organization is very . More than 500 students are enrolled in the Dera-ur school. 3Ii of whom are in the ninth grade. The Decatur  are operated on the 7-4 system and this is the first year       the high sci'-~~5l -ses have been offered in Decalur. the students coming to Atlanta heretofore. According to Principal Clavtuni who was appointed to succeed the late C. I. Maxey. everything is working smoothly and a good school year is expected with the continued,' help and ~'0-        .n of the citizens who have shown nun-h interest in the work of the Herring Ureet school this year.</t>
  </si>
  <si>
    <t>                                           Nearly 600 persons attended an enthusiastic meeting Monday night at the Thankful Baptist church in Decatur called for the purpose of rejuvenating the Parent Teachers Association of the Herring street school. Among the prominent whites in attendance...</t>
  </si>
  <si>
    <t>                                           HIGH S BARGAIN BASEMENT The Greatest News in the Paper! Men's 98c Shirts cloth shirt, of fine quality if ('(KM II     WMWi -with PRE.SHRUNK  l\SilJiJffl ShirtV'th.t look Rood and ^^ByMSUBmMM/ give full satisfaction eve- ^^r^^BAI^^^^^^Kv^' ry inch of the way! J^B^^B^B^Hr Uf^UIC WHITE- BLUE- GREEN- TAN  a sizes 14 to 17 FIRST HICH S BASEMENT C. L WENTWORTH Successor To MILAM COMPANY Auto Bodies, Fenders i Repaired "[-^% Seat Covers and Top ^^^8 G. L. WENTWORTH 17-19 Piedmont -AVeir^^ /8970 '^^^^^8</t>
  </si>
  <si>
    <t>                                           Special Announcement JUmP vt ^Sf Painless Extraction Besf Dentistry^ Lowest Prices!    SS 22-kt. gold and white 0 m ~^BB^^~P?y porcelain that will ^B *up )~jr and up wear   Repaired Examination Free Teeth Reset Lady Attendant EASY-TERM PAYMENTS Hours ^ ItM  I'n; 8 P. M. Today; Sunday *H4 Whte"~n Street and At Plaza Way 1 0-2.P. M. phone WAinut 0712 SaveF'</t>
  </si>
  <si>
    <t>                                           1 W^ l_ M- ^            ^^B^B^BBf^k I3M!   ^^^Bb9Sui m ^^IsH^^^^KittdHHSf^s^u^^^k ^^            $B2  ^H^^*t3sBl '^^BL    L "'"^BKtBK^SSsSSESBSSt w^Sv^^^S^^^*  L. ^*4+ ^iw^TrSBBSB BSKHn^^^^ I I A ^r ^l</t>
  </si>
  <si>
    <t>                                           TO GET A BRAND NEW OUTFIT FOR SCHOOL 10 NEW SUITS OF CLOTHES! BBjIMJ 20 Pairs STRONG SELECT SHOES! BESsi il 10 NEW HATS -To Match Suits!          40 NEW SHIRTS!  40 NEW SILK NECK TIES! HBPlSI WILL BE GIVEN TO 0UT-0F-        TOWN ATLANTA DAILY fe^^S WORLD CARRIERS '''^m'^^m ABSOLUTELY FREE! Kl GET THIS CLEAR-THIS IS NOT A CONTEST: HERE S AM. YOU HAVE TO DO! t IF YOU WANT A SUIT Get 100 Subscribers and Pay For  '""'/ /V-^=- y\ Them for Three Straight Weeks. MlVA\ S ^SmkI L L/J IF YOU WANT A HAT TO MATCH- Get 25 Subscribers and  K(vt\\ ./^S^^! P       Pav for Them for Two Straight Weeks. -Wl -1" JOSSffiia i \^r\#-r IF you WANT A' PAIR OF SHOES- Get :50 Subscribers and IV- ~#    55HK I Pay for Them for Two Straight Weeks. til /M'l^     ' Jfl \4   IF YOU WANT A SHIRT- Get 12 Subscribers and Cay for  1 A^^ .ifl  ii=ir Them Two Straight Weeks. ^'     /l ^BL__ IF YOU WANT A SILK ^-Get 8 Subscribers and Pay           J^r^~7\UI for Them for Two Straight Weeks.             ^S]!0$i^t .If You Want to Get a Complete Outfit /SSSS^ Xhk i  I IPH Get a Total of 175 Subscribers and Pay For ^^S^^jjH:  I I- Them -Three -Straight Weeks 'MwEKhl -4 "1 FlFK"! 1 J=^ Boy Will Be Given More Than One Suit, One Hat, One Pair 'WWbB j I I I I fi I '' of 'Shoes, TwoNecktics, or Two Shirts! MmWff^' (! B^ Write. 'the Office Now- Today!- and Let Us     ''' ^y^1 Know Tpen You Are Going to Start Working         : y\ Illffl   DAILY ^^^ 210 Auburn Ave, N. E. Atlanta, Ga. :'M^ Every Boy Has the Same Chance. START NOW! j^^^^ Every Boy Can Get the Same Prizes. Before School opens and get the re- JBtBT^K If the Prizes are not Enough, More quired number of subscribers, and W^SnmKjr Will be Bought. hold 'them ;f or 2 "or 3%eeks! 'dHK^^i?.;,</t>
  </si>
  <si>
    <t>                                           FU MANCHU- The 'Severed Fingers Cadby's Visitor by SAXROffjMER^                 MESCAL IKE Quite a Financial Return by ART HUHTA                 TIM TYLER S LUCK Clothes Make the Man by LYM YOUNG:1                 "TELLING TOMMY" Vy FAVLPlM</t>
  </si>
  <si>
    <t>                                           Wf^mz^  0 YOU KNOW:  MB Dr. Young's HERB MEDICINE: L^^H^I^^^I HERBS. BOOTS. BARKS AND BLOOD TONICS J I^^^^^^^H A MESSAGE TO THE SUFFERER 2 ^^^H^^^^^^^^H Yoa n**d not be discouraged, about your health Cheer 2 ^^^^^^^^^^H op Thrr* help for you. T^1" 1a t^ old *       * ^^^^Bfl^^^H       8     ]bt with hU  and *        4 ^^^^^^^^^^^^H *D(^ , and     highly  for any * of. 4 ^^^^^^^^^^H      .  uch an of the Luriff*. Storaach. Heart. Llwr..  4 ^^^^^^^^^^^^H Mdncn, Blood Poi*on. Rhnjmatlam Catarrh, Weakneai. 4 ^^^^^^^^^H^^~           , Bladder Troable, Conitlpatlon. Apixodlciti*,. ^^BH^^IH^H 8H D DUraM*, Female Trouble and AJ1 Troubles. ^^^HH^Hi^^l To   It maj . call at one*. Don't e(   M ^^^Hmv^^^H ID    *        f*lL The  U  to all who 'HHQ^Hvrr it ft* x. X, lOC^O. THE ORIENTAL HERB CO. A +** *  ^,  8 AND  COMPOUND j  A Car* f*r Kr*ry D1    tfc* Hibm BWr JuTrili Atlanta He*  - T i. M. ta If P. M, r. ~!~ff? ?f*         ( Ay*. WA.tU8 a Atlant^ Oft.:</t>
  </si>
  <si>
    <t>                                           j WE HAVE ALL ij Black and White j PRODUCTS i Amos' Drug Store ASHBY .it HUNTER ST.  P : Ma.  122 Ma. 6123</t>
  </si>
  <si>
    <t>                                           Ann Harding, Zasu Pitts Star In Fox Feature                 Bie in theme, cast, and production, a picture dealing with one of the most vital themes to women in the world today is on at the Eox theatre this week.                 It is RKO-Pathe's "Westward Passaee" wh:ch presents the  star. Ann Hardine. and an imposing supporting cast in a, drama of love and matrimony, divorce nnd second marriage. All of the vast.resources of the RKO organization ware combined i in making this picture as bier as the theme upon which it is based. Scores of  nett nes. in-  a Swiss chalet, a Paris chateau, a New York art studio, a New England inn. a honeymoon  and a trans-Atlantic liner were constructed. Aeainst these colorful  unfolds the  human story of a woman torn between two loves. Miss Hardinjt is seen ns a  who tests' the .tho. nry that a woman s first love is  dominant  of her li o. W!th one romance ended on       of divorce, tho heroine of "Westward Passaee"  for  in a second  nnd meets the problems .that  confront hundreds of thousands of women. Robott 'Hilton, a foremost        of the American drama, andthe man who  Miss .Hardine in "Devotion." directed Laurence Oliver, with        *.JRi''h l. Znsu      . Juliette Comptnn. Nnncc' O'Nwl.' Irene Puroell. Bon:ta Oranville and Donald Reed head -the -supporting -cast- i:--</t>
  </si>
  <si>
    <t>                                           Big in theme, cast, and production, a picture dealing with one of the most vital themes to women in the world today is on at the Fox theatre this week.</t>
  </si>
  <si>
    <t>                                           (Are you worried over the problems of your everyday life? Do you need advice to help you to overcome the difficulties which beset your pathway? If you are a subscriber, write to Mrs. Beulah M. Hill, care of Practical Problems, Southern Newspaper Syndicate, 210...</t>
  </si>
  <si>
    <t>                                           A marriage of interest to a wide circle of friends was that of Miss Edna Pete and Mr. Walter Jones which was impressively solemnized Wednesday, September 7, at 8 o'clock, at the residence of the bride on Randolph street. Rev. G. W. Gideons, pastor or the Rice...</t>
  </si>
  <si>
    <t>                                           Mrs. Charles Satehell Morris, Jr., wife of the son of the late Dr. Charles S. Morris, who signed -public statement with other members of the familv honoring memory of the distinguished Virginia  who died a vear ago. Mr. and Mrs. Morris were married in Roanoke. and the wedding was a national event. Morris was for many years known at the "Boy Orator."</t>
  </si>
  <si>
    <t>                                           ^WjCT%%8^^ ONLY NEGRO DAILY NEWSPAPER IN THE WORLD UJ225    VOLUMErsT^- ATLANTA. GA, MONDAY. At:(;i:ST M     L^~         PlV^ .WM*i"</t>
  </si>
  <si>
    <t>                                           DISHING A BIT OF INFO  FAVORITES?                 In Which Jonesy Harps; On Three Sepia Stars Seen On Locai                 By JONESY                 A COLORED man, a movie-actor since the days of .the youth of silent pictures, was one of the featured 'cast in THE MOST DANGEROUS GAME, current feature picture at Fox's beautiful Peachtree playhouse. NOBL.E JOHNSON*, tlie actor mentioned, has appeared in hundreds of pictures, ami I have never seen him give a mediocre performance. If he wore white he would be starred instead of featured, but it was inspiring just to see his name                 with the cast, which included such stars   ;.Jool McCrea, Fay Wiay, and Robert Armstrong.                 Johnson's ro:o :n the "Mikker" is that uf Russian peasant, servant in the mysterious furl, c.-.i-home of. :i maniac Count, an.: In- plays the par; . His m-.ke-up is perl' i-l. .~nd t.. view 1.1.- performance one would n./t th.nk the artist is :i .n mar.. Tliank Coil lor  ar.-l producers wh., appreciate iiis ability, an.l think nut of nis c.'I'.r. L.is:ly. .10 not  me: lie is no! Portugese or Filipino, but u brown-skin Nefiio. Thi- picture itself is a masterpiece. Tliis same Noble Johnson, enact- j     tile      .if an IsLind P"lice. was at the R..yal Uiis week, along with Clarence Muse ..n.l XUi:. Mae McKinney in SAFE IN HELL. Speaking of SAFE IN HELL :.n-J the fact XinD Ma. McKinney. Clarence Muse, anu Nol.le Johnson i were featured players, it was - I  tu  that Nin:i Mae h:id j quite an important rule. Of course those who went to se- tl.e  with Hie expectation of witnessing Nina in a -'hot-cha-cha"  were ..l. because she  not sh.ike her lan.-ing leet one- An.l N:n:i c:.n dance! This role gave us an opportunity t.~ see that the little star of -Hallelujah" can act too. By the way. 'lo you know that the fonn the colored star sang in I Safe In Hell was wriu. n by Clarence Muse, the other- Negro artist in the picture? Sure was: And it was a pleasure t.. listen to such harmony, i Well. Muse know? his show busi- I ness, and how! The writer knew him 'way back when': in the days when he" was :i le:..!ins figure in the old LaF.ty. tte Players, the first  ieC' ';nize.l .  in the Negro show wurM. He has played every manner of role  able fn.m Kins Lear to Uncle Tom. and prc-luce.l every type of show from tragic drama and   to slap-stick hokum. I HEARTS IN DIXIE.    - first al!- Negro picture produced by a white company, save Muse Iiis advent in- to the talkies, and he has been a I                 permanent figure on the movie lots of Hollywood eve r since! "Safe In Hell" gave him an opportunity to speak the English language as the educated Negro speaks it. and not with that broken dialect 'of the illiterate Negro which characterize most screen roles given our group. I-.       *~H -hat: dMn t you? In conclusion I want to give Manager P. L. Taylor, of the Boyal, cre.lit for the manner in which he bills the color d stars and players in il C pictures lie brings to his . It lets you know he is on the alert t.r bring you good -entertainment  you will enjoy.</t>
  </si>
  <si>
    <t>                                           A COLORED man, a movie-actor since the days of the youth of silent pictures, was one of the featured cast in THE MOST DANGEROUS GAME, current feature picture at Fox's beautiful Peachtree playhouse. NOBLE JOHNSON, the actor mentioned, has appeared in hundreds of pictures, and I have never seen him give a mediocre performance. If he were white he would be starred instead of featured, but it was inspiring just to see his name...</t>
  </si>
  <si>
    <t>                                           The above ad appearing in this morning's Constitution and other ads in Monday evening's Georgian and Journal, have created quite a bit of comment on the part of colored Atlantans, many of whom have patronized one or aonther of the 20 branches operated by the...</t>
  </si>
  <si>
    <t>                                           BfeS^^Bffl^^SS ONLY NEGRO DAILY NEWSPAPER. IN THE WORLD SJaSiflBmSaJHl VOLUME 5, NUMBER 217 ATLANTA, G A., THURSDAY, SEPTEMBER 22. 1932 PRICE THREE CEM S'"'</t>
  </si>
  <si>
    <t>                                           Ralph Metcalfe, destined to be the greatest performer ever to mark an Olympic meet, in 1936, and one of the most watched sprinters of the 1933 intercollegiate meets, is packing up his luggage for Friday. "Metcalfe Day", by a special edict coming from Mayor Key through Jesse O. Thomas, Field Secretary of the National Urban League on Monday, that is, yesterday. Ralph and his acting manager, De Hart Hubbard will arrive on Thursday, if present plans Prevail.</t>
  </si>
  <si>
    <t>                                           Coach Frank Forbes drove his young, embryonic charges thru their third day of work yesterday in a session marked by an almost fifty per cent increase in the number of men working. According to our elusive figures, 28 ambitions worthies kicked and...</t>
  </si>
  <si>
    <t>                                           LOS ANGElES, Sept. 21.--In Olympic village, out on the hill, where the cool breezes blow on the Pacific each night, you have a lot of time to thank -- there's plenty of quiet and solitude, for the Olympic Committee has made it almost impossible for anybody...</t>
  </si>
  <si>
    <t>                                           STATESVILLE, N. C., August 22--(CNS)--The Sunday evening services of the House of Prayer of South Statesville, came to an abrupt ending when its pastor fled the meeting after the reading of an amorous note, purported to have been written to him by one of the...</t>
  </si>
  <si>
    <t>                                           fc* T UAn I sh0W8 these advertisers they are J^ti^results,  11/ ^mA A vT? tr^S, h        "Ot tl"nk Cn0^llf A J 1 IT g% I f I 111 I r" more  *uvi"P copy     this aU-Nefrro  W /\        " ^fe ^U;   one. neWi!     . Polished l\ ^~~7J^1A*~~~^V1    S' 1~.C Shmeans your newspaper has Just tha^, ff Ullli ^^J^J%S2~^^2  AQ VCl ^ 1 for competent workers. ^~W ^^W-:  * -i</t>
  </si>
  <si>
    <t>                                           DAD SLAYS SON WITH RIFLE                 Two Had Argued Over Father's Heavy Drinking                 BULLET IN LUNG                 Martin Jones. 54. was U-im;  Inr-Uie city Jail Friilay on charge*  in connection with  :. shooting of his 2~- ol.i son William, following an  ov.r the elder Junes ; drunk.                 The shooting occurred at Jones' home. 517 Humphries street  after one o clock when the son came home :in.l begun arguing with his father about his drunken condition, neighbors said. Booming enraged, the older Jones, acccording to witnesses, ran in an adjoining room of the house ami reaching f"r his .32 calil.rc rifle shot at his son, the slug striking him in the shoulder and taking a downward pass through his lung. "I'm shot." the youth screamed, witnesses said. He  b. gan walking to Grady hospital after no ambulances appeared after they had supposedly been called by neighbors. Seeing the man s condition a passing truck driver picked him up and brought him to th- hospital where he died twenty minutes later in the emergency clinic. Other members of the  told Detectives Ginn and McGarrity of th. cSy homicide squad, who investigated the killing an.l Cjaeeil the aged man under arrest,      he was continually in trouble "TRm! hail -much grief. "William was sitting In a chair and was not thinking about the argument he had had with the old man. when he came back in tho room, aimed his rifle am! firr.l. Mnmlwr tit the                 one , family described the : to detectives shortly a.ter it happened. I don't know, why done it." I Thf gun w^s brought to police headquarters      will be used as. evidence against the man in Ills committment .trial Saturday. The father refused to comment with n porters about the killing when he was led to his coll in Ihe city jail about four o clock Friday afternoon. He displayed no emotion nnd appeared In be undisturbed about the crime that he h:id committed.</t>
  </si>
  <si>
    <t>                                           Martin Jones, 54, was being helding the city jail Friday on charges ... in connection with the ... shooting of his 26-year old son, William, following an argument over the elder Jones being drunk.</t>
  </si>
  <si>
    <t>                                           Up From Georgia With My Banjo I By Thomas Jeffenon Flanagan THE WORLD SERIES In calm autumn s beauteous bliss beneath the great park trees We hustle all the players out an' stage the world series! "We have betted and lost on games, followed them one by one Now we bring the harvest home and hail the setting sun We deal the cards to all the boys, shuffle 'em right and Ief 'Call the lime ones from the fiel' bang 'em on the shef; We settle on the Cubs and Yanks, bring a!l the pennants out .Stevenson, Gchrig an' Ruth bettin* 'em stout. .Yellin' to the pitchers throw an' the batter s bang! 0. u"e annoy the town s peace so, with hurrahs an' slang! We're a-havin' an innin' now three men on the base, Two men out, three strikes a ball, hoi' 'er Newt, a race! We have here some Alexs smart, raised with some the stars, In their class at country schools, helped 'em dress their scars: Know who ll likely "throw" a game, got the inside dope, Grab the umpires by the neck an' holler for the rope! "Come all ye hungry starvin' souls that feed upon the win'  Whoop up all the loafer gang, bring the hoboes in; The pates are standin' all a-jar no admission fees An' you see the Cubs an' Yanks play the world s series</t>
  </si>
  <si>
    <t>                                           A progressive whist party was given honoring Mr. Charles A. Johnson and Mr. Garbs Davis at the home of Mr. and Mrs. W. A. Warner, 1060 Coleman street. The guests were Miss Abbie Furlow, Mr. and Mrs. Hill, Miss and Mrs. Ellington of Athens, Miss Louise...</t>
  </si>
  <si>
    <t>                                           (~           On th' Sta8e  w.JH* nw MUMAWoi UAI UQff;ETT 'w^^^^^^^PrPP6h^^B^S,4: Fspulv WOST DIum Btotu wS^         ^^k mt% ELLIS .WILLIAMS ^^l^^^^ie AO jimmy beers 1 C^ DO LORE S.   - D-EL-RIO- to 'M Tim                  1 1~. JC.            ^..  t XXIm  , "   n4         : I I i</t>
  </si>
  <si>
    <t>                                           Mr. James Mitchell of this city, and Miss Gertrude Brown of Fair Play, were married last Tuesday. Their many relative and friends wish them much success.</t>
  </si>
  <si>
    <t>                                           I"- ---^s"" e^ *+.^.^^.A. ^I^ X T X X T T A N flf  Wi jg Event i 77* Hit of the First Day! Sensational Hi 10-Tiibe Siivertone Superheterodyne jk Ml A )rA With 'Outside Aerial 1 1 rk r^-r* Or.iy Sears vast Anniversary purchasing power "*TtJ' I          :   as ! Tills oil cr v.*lll win now tho::*a:?iis of Silvcrlonc boosters Sec It! -*^r* "~*I^'^^\  e n  e %r .ti Hear it! Siwp early! 1U Tubes! Double /j S^iS i^   \ i5 Down. 55 Monthly. ,.ont,,Jk, : (,S. superpower tubes! Six 1      ~^Vk Small Carrying Charge  cabinet! /^^^'^4^S^^~'^^^   K Cl 1 Everybody have a Big Hand to ^^^^^P^^ Sears Famous "Prosperity'3 W^^^^^^^^- T j Price i1 ^^^a^^il^y^^ a a I" Hi In 7"^ Cr"^'. I ^t feature* full -, mSi^W^^^MwMI J rM l:ii:i . b.tcst style o-.fii heat    l*~!   !~fw?    !9B5i I V i-n).      lar=o utility ilr:    .  ^^^M^^^Ss^SSSf n r.:::nr flash lifter,  . gg^WpMBtewBBB^ay (tC "ou"t on* *5 /3     '.~.     ;;;i!ml oven. Ivory ami black mar!;!.' \30^*          *   d)O W'/n cA Includes Small ;-,.:j r;,,is;,. n,,y ., rook willi !i:i- ^^^^' ,^k Carrying Charge. "^l yet p:.y i:o more. ^^^^^^^^~/~M I  oer^ /-/ouse^ Needs: 72-Qt. Galvanized _g ^y I s, ^fe^S, Worth Twice This ?ricc -A. 29x^.40-21 % B cS i ^ ^s==^^ A whale oC a value in  you T?      A?*A MMr^lV m: /^^El  llave cno"s'1 of- n"5'  no;v' n^ov; ait (j j_ j_jr 1?!A/~i-vi/~ Trnn ^9 9Q Tirps "'ll":l'  2 cord plies,  JulcClOL IrUU, 'P6.~V U'fhnically known as breaker Strips, v ~^^^~^~^K c Automatic  control. Full G-Ib. 8   . R^^~^~HH^ H Approved by Seals Testinp; I-. *~7-*rf^     B          von ll  at least ?2.50. .j T" "D"* iH-jS^mamm{ complete with cord ana plug. Urusacer 1 ire ; ;y ^j$9^^7 jg^$ Finest Quality Cast Aluminum gj;c Bach Pairi." ^^T JB? QL- 29x4.40-21 $3.98,.  7.7i:;i :^  29s4.50.20 :'i32,.-; Extra - .ex- Wi7/.     ^g' 30x4.50-21 -^V^EMi* S . Size lO'.-i 'h 9RTA7S10 -frM -^~~' fS ^fl^M^^H. /5)   :hos. Guaranteed. Cower  P 1 29 47M0 ^^^^wS? i</t>
  </si>
  <si>
    <t>                                           How much Money Would You Need Before You Considered Yourself Financially Independent?</t>
  </si>
  <si>
    <t>                                           Of all foolish mortals the girl or woman who is suffering from impaired vision and refuses to wear glasses because she fancies they would make her look older or plainer would conceal the beauty of her eyes tops the list. There are thousands of her. There are...</t>
  </si>
  <si>
    <t>                                           H^ yx^ news                 Charleston, S. C.                 Yon *rp  invited to attend n Home Coming: Day and pew rally  by the Steward* Aid of Old Uethtl    Church, Sunday.        21. 1932. Hf\',-G.. .E- Geddts will deliver the home   at 11 o clock. A special  will -be- rendered at night,      JaencfnK at 8:3 Oo'cloek                 MIm Eloisc Townslry has returned to lier home in AUanta, Ga_. After visit with MU* Jcvite Pearnon.. Mr- and Mr*. John Wood of Nashville, Tean_, announce the birth of *on_    _ Wood before her  was Mlu IMlth McFi.ll of thi* city. MUs Evelyn Roper, a recent  of Hampton, who has been  for period of debt .week* at the DarU Public Library while Mn.. S. ButLrr wai UWnff n  at Hampton, left  for Alabanw. Mrs. S. Butler nxt MIm P_ Seabrooke art in  of      library. i SslMcriben for the Atlanta Dillr World Daily: Mra_ C. 0- Brown. MctamHtcbard Brown, P_ Ilorry. J. Mmiltrie, ,'Moaltrif Harleston, Drs- J_ Allen MeFall and Cornell, Rev. S-         .. Sundays: MUses R- Mickey, J. Pear* on. Mwdamcs II_ L_ Cooper,    Dmy. ton,. G_ Kin?, B. Clayboumc And M. .Findraer: Messn- W_ Simraon5, J_ H_ Bodolph and D- T_ Thomas: Dm- XCllnff. I. Hoffman, 'J- A- C- Jack.ion I Ad IT. U. Sembrooke. C_ 0- Brown.            to thank I bis friends for their support- I Tbf Qaera E*     of the- M_ E-  witl leave for camp at Oranne-j burg, S- C_- for the week-end- i</t>
  </si>
  <si>
    <t>                                           You are cordially invited to attend a Home Corning Day and pew rally given by the Stewards Aid of Old Bethel M. E., Church, Sunday, August 21, 1932. Rev. G. E., Geddis will deliver the home coming sermon at 11 o'clock. A special program will be rendered at night, commencing at 8.30 o'clock.</t>
  </si>
  <si>
    <t>                                           AMERICA'S absolute supremacy in the Olympic swimming events has been largely a myth arising out of the extraordinary feats of Johnny Weismaller in official tanks.</t>
  </si>
  <si>
    <t>                                           L_?STATE NEWS                 Newnan, Ga.                 After  five week* with their aunt. Mr*.. CVUf*a Taylor. Mi*~cs Ode*xa  Frnnkic Nenl have returned to their home in Lindale..                 Purimr .1 most enj*       here I many affair* wrrr Riven in honor of Mius**; Menl. Mrs. Edna. Harper ^  with a delightful dinner. Othrr K"?*t.~ present  Missp* Chri*telo Wilkercon. Ellen Shirley. Emnw Lon John ion a nd Mesdamvs Dora Taylor and Fnnnic Caihijtin Mr Chnrlo* S. Neal entertained hi^ niece* Mitw.* Odessa and Krnnkuy Nrjtl. al-o Chriritolo W'itkor nn with h   party at Ccdnr Creek..          Doth Titylnr and Fannitr   !houn were *.~c*  t n delightful     */,'      !~~~ Odews nnd Krnnkle Nc^L The  *ct of Nownan niit I n  time indeed.Mis* Orolyn T_ Kccsc and Mr*.. Elizaheth C Jonlun ? * of a pri^.1te picnic with the Ncal *  s ^t,* of "honor A very pleasant  wuh   1'y the twenty-four cue^t* prf**nt Mr  nd Mrs*.. J*~hn Parks              with a whist party  t their lovely home Wednesday nicht  M i^.-* Kv*        * of Cnllece Park- Twenty cue*ts were present. A .t ice course was Mrvnl Mi^cn Thelma nnd Pmrt Willinm^ left Sunday for a visit with relatives and friend.* in Atlanta.. The many  of .Mms        Taylor will   :ret to Irarn      she h ill- Mi*!* L. M.. Kears** had r.:; hrr  .t Friday. Mis-* Kva L Thnmki*. Rev. A J Mwnrd* nnd Mr. C C. Cook.. She wax .-~trd in      her aunt. Mrs.. Marlhn WeaviT^ The many Tricndj* of Mr.. Herbert Pinkncy arc  to have him hack with us after a year'*  a*. Moody        Institute.. Mr- Pinkncy    h missionary worker of the Prenbyterian Church J MMHter Hurold Lip^comb Hecompunird  hit mint. Mrs.. Martha Weaver. left Sunday for AtlanUi to \-init  and -* Mw Ruby Freeman of Atlanta w?;i thr   nt a  party kt.    - home of Mm.. Muc Bailey Kre.e. Fridny nicht.. Mi-s Ruby Fre*man of Atlanta.  w thr wt-clb-rnd cue^t of Mrs. L.. A.. GreKCM-;.. Kva I,.. Thomas left for her homr Sunday  after      the  of Mr., and Mrs. John Park*..        Oil!** Bcrrr. Huby White and Mr* Roxy White  ! timr nn a  trip Tacsdny..     one ~;  in hin .     mm'.-*  presented nt the A M. K. Church Sunday  was  by nil.. Mr Henry                 cf .. Anrnnij the *  were: 1* talk from Mr. S.. r, ScIIan*.         . "Church Pride," and r  oto by the pastor, Rev_ A. J Kriwurdn. Thf Uxinlfiw supper held nt Ml.. Sinai PA;~     Cliurch wan quite a *.      inclement weather..</t>
  </si>
  <si>
    <t>                                           After spending five weeks with their aunt, Mrs. Odessa Taylor, Misses Odessa and Frankie Neal have returned to their home in Lindale.</t>
  </si>
  <si>
    <t>                                           LAST NIGHT, enlivened by the sizzler reeled off by the Paramounts, gave the ole realm an early start in the social doings of the week underway. Last week end also resulted in some colorful items which failed to get into the regular Sabbath columns. Among them were the lovely informal dinner given by Miss Olivia Allen for the trio of young West Virginians; the Rodanthe Social club reception; and a few others.</t>
  </si>
  <si>
    <t>                                           DEMO CHIEF IS STILL UNNAMED                 Both Major Parties Sail Along Minus Negro Pilots                 NEW YORK. August 19-  ANP) -Democrats of color are seemingly as much up in th- woods these days as their Republican brethren,  just what the line up is to be.                     G'-Uing close to Jim Karley 1 1 whose successful job in piloting Franklin D. Roosevelt tn the noni- nation won him th- national chairmanship of his party has been es- pecially hard. No one seems ab!.- to one seems able to guess just wlmt. the lin.^ up is to be. 1 Most observers seem to 1  tin- anin'.ous in the prediction that the j stalwarts of Tammany will not; have control. The breach between I Tammany and the Roosevelt group is too wide for that. So if      Tammanyi'es down town ar. oru: the "outside looking in," what' could be expected for Harlem.! which always plays "follow the! leader." Commissioner Morton did not intend to be left out this time. The bitter xperience of four years ago. when with Tammany Al Smith running, he was      , shown the gate and given no part in. spending the $100,000 which the democrats had appropriated, moved him to begin early. He did with statements on the national situation and efforts made to place two of his protects. Elm"r Carter and George Schuyler in the convention. But the nomination of Roosevelt soured the pottage. Recent headlines announcing that "Bill" Gaston. Boston playboy and lawyer who had charge of colored activities four years ago. was being divorced by GifTord Pinchofs daughter probably removes him from the running. Mr. Gaston, described four ars ago as the scion of a millionaire :amily. whose folk wanted him to get some practical experience in the political game and who had contributed heavily to the campaign chest, select' d Attorney Julian Rainey of Boston at S200 per week to handle the details of the campaign. Mr. Rainey's ' s for succeeding himself are probably bound up closely with Mr. Gaston's future activities. Little has b.~en heard from the astute Lester A. Walton, publicity chief four years ago. Mr. Walton, always quiet, but usually close to the anter of things has uttered no word. His continuance at headquarters four years ago after Mr. Morton retired rather tempestuously, seemed unfortunately to have severed somewhat the Damon and Pythias relationship which over a. long period has given Mr. Morton the benefit of Walton's cagey counsel. U. S. Poston is another who Continued on Page 4. Col. 3                 Demo Chief C:. Krnm Pnuc Seven seems to be a favorite son. Mi Poston a former Detroit and K' mucky newspaper man hns lived in Harlem for a number of years and  established a  and enviable  with the Democratic powers that bo. H^ knows Mr. Fnrley intimately and can differentiate between the h-.arty handshake :    back slap and the fluent promises for which Mr. Farley is said to be not'~! am! the chairman s real business attitudes. Mr. Farley as State chairman, backed Mr. Poston in newspaper ventures during two campaign?. His friends arc hopeful that the old association will prove advantageous this folk James A. Ross, one of the origin:il and OM  Democrn ts has moved to New York. He heads an organization whose chief strength is reported to be in Buffalo, anil to be known as the National Colored Democratic Association. A veteran in the came, it is known that h- is playing for big stakes in whatever colored S"'-tip the Democrats put In the field. In the West, the irrepressible Dr. Wm. .1. Thompkina who managed ' Western Headquarters in a .' campaign and Earl B. Dtck'M-son who had charge of Chicago activities four years ago arc both said to be receptive and their adherents feel that, it would be a strategic move to have the Negro G. H. Q.. in the windy city. Away on tho coast the most prominent of the Roosevelt forces is Miss Theodora V. Jones, a youthful nnd canny young woman who began .c and organizing for Roosevelt, many months before the convention. She w a s an original Roos" and has an honest to goodness organization at l-.or "command in Los Angeles which she financed hew If       she attended th'.1 convention she was on speaking terms with some of the biggest folk in tin- party and she is a Democrat who believes honestly in Democracy for her people. Whether she will play a part in the national program as she had hoped is a qu Stion. In the meantime, the same difficulty which faces the Republicans tends to make things hard for the Demo- j crats. Thru is the question of money. The possibilities which lie in rallying disgruntled black Republicans to the standard Roosevelt ar. Garner, however, is 30 great, thai it is fcit the Democrats will find come way to put an effective organization into the field. Ol\ yes. Assemblyrr.r-.n     phens. although net one i;f the  who gather at the nocturnal sessions of leader Morton. Is busy trying to build up his popularity. Congressman Gavagan from the Harlem r'.istrict is slated tv succeed Max Steurx on the b' nch which would leave the Washington post open. Mr. Stephens has his eye on that post and if Morton attempts to put one of his  in his role a fine battle will ensue. On another hand if the Democrats open the place to a Negro, we will be almost certain to have two Negroes in Congress,</t>
  </si>
  <si>
    <t>                                           NEW YORK, August 19--(ANP)-- Democrats of color are seemingly as much up in the woods these days as their Republican brethren, inguess just what the line up is to be.</t>
  </si>
  <si>
    <t>                                           Mrs. Nancy T. Lumpkins, her lovely little daughter, Dorothy, and Miss Lottie M. Lyons of Athens, Ga., spent the week at the home of Miss Eddie Joe Brooks as guests of Misses Brooks, Gordon and Brooks. On Saturday these guests were entertained at an elaborate dinner in the home of...</t>
  </si>
  <si>
    <t>                                           BAD IKE 'j;                 Bta 1. 0   .HernoU* i                 It   . .all worried: about  we worry: about dying ^</t>
  </si>
  <si>
    <t>                                           Miss Charlotte R. Thorn. Founder and Principal of the Calhoun Colored School in Calhoun. Alabama, died Sunday night August 28th in Montgomery. Alabama, She was buried at Calhoun Wednesday.</t>
  </si>
  <si>
    <t>                                           I BOYS... It's Extra Cash This new drive for new readers will put, you dollars and dollars ahead- All you have to do is work just a bit harder You get your clothes free YOU MAY USE YOUR OTHER CASH FOR A DIFFERENT CAUSE. Drive Hard</t>
  </si>
  <si>
    <t>                                           ONLY NEGRO DAfijrNEWSPATEP. IN 1W WOM-D. % SOUTHERN NEWSPAPER SYNDICATE, INC, PUBLISHERS ir. a. aeon fnto vmk Manhall              Mlttr MEMBER OP THE ASSOCIATED NECRO PRESS THI WORLD  no  for Dmollcltfd  Mat late ttm.*nc*. SUBSCRIPTION* RATES Ob* Yemr. ITM I Months  4J5 1 Month*. S2.25 1 Month. No      .     Saoi^r Onlr. S2.SO  DuUlY AT :1O AUBURN* AVE,. N. B. TELEPHONES; WAInnt U5S and   0 ^*md aa -daio        at thr port  at Atlanta, Ca, akdar tbo art of March 3. 1879  7  ADVERTISING REPRESENTATIVE W. B.  CO.. ZM Walun BUU-. AtlanU. Chcato, New York.     Orlraas</t>
  </si>
  <si>
    <t>                                           A complete reorganization of the Lincoln Country Club and the selection of officers to serve for one year took place last Friday night at the Club house on Simpson road. Over twenty five active members were present and the meeting was considered the most successful...</t>
  </si>
  <si>
    <t>                                           KENDRICK- Mr. Georg. Kcndrick of 609       street, passed to his linal rest September 19. 1932. Funeral announced later. Sellers Bros.                 KELLEY- The friends and  s of Mr. Tom Kelley arc invited to attend his funeral this (Wednesday) afternoon, September 21. 1932. at Mt. Moriah Baptist church at 2 p. m. Cox Brothers. REID The friends and n  of Mrs. Lucretia Reid are invited to  t   nd her funeral this (Wednesmorning. September 21, at SS* Beihe! A. M. E. church at 11 o clock in Gwlnneti county. Cox Brothers. THRASH- The funeral of Mrs. Bessie Rosser Thrash will be held Thursduy. September 22. at 11 o clock from Walker's Temple. Primrose, Go. Rev. R. E. Edwards will officiate. Interment churchyard. SUlert Bros. PHILLIPS- The funeral of Mrs. Charity Phillips will be held at Mt. Zion Baptist church. Sargent. Ga., Thursauy, September 22. at 1 o clock. Rev. R. M. Martin will officiate- Interment churchyard. Sell" rs Bros. AUSTIN- Mr. and Mrs. Henry Austin and  invite their friends Continued an Pac* S. Col. 6 j                 Funeral Notices (Continued from pace to attend, the funeral of Mr. Mack Austin this Wednesday         ai Flovilla. Ga. Cortege will le-.ivc the funeral home :it 9 a.     ' Bros., morticians. TIMS- Mr. Frank Tims, of 7GC W. st Peachtree street, passo.1 away September 20. 1032. The remains will be taken by mot..r this (Wednesday) morning to ChailanooRa. Tonn.. for  anil interim nt. The cortege will leave from our chapel at 0 a. m. Hanley Co. FAVORS- The friends and relatives of Mr. and "Mrs. Thomas Favors ore invited to attend the fun ral of Miss Helen Favors Thursday, at 2 o clock.. Butler CM. E. Churrh. Rev. A. F. Bailey officiating. Interment, Lincoln                 tery. Ivcy Bn*s.. morticians. MATTHEWS -The many frien.ls anil  01 Mrs. Emma Williams Matthews.  i 358 Auburn avenue. X. E.. arc invited to attend her funeral Thursday. Sept. 22. at 2 p. isi. from our chapel. She is survived by a husband. Mr. James Matthews: imo sisters. Mrs. Bessie Williams of Chicago. 111.: Miss L' e Williams: tmo brothers and a hos; of .~ther relatives and friends. Intermen: Lincoln Memorial Park. Hanley Co.</t>
  </si>
  <si>
    <t>                                           KENDRICK--Mr. George Kendrick of 609 Reed street, passed to his final rest September 19, 1932. Funeral announced later. Sellers Bros.</t>
  </si>
  <si>
    <t>                                           Miss Ozie Bell Garrett Negro 4-H Club Girl of Farmhaven Community. Madicon County, Mississippi, has worked under the instruction of the Extension Service, conducted by Negro County Agents, for four years. During this time she has been so affected...</t>
  </si>
  <si>
    <t>                                           METCALFE MAY NOT EXHIBIT HERE1</t>
  </si>
  <si>
    <t>                                           Rev. Peary recently conducted a five day revival meeting at the Macedonia Baptist Church, Rev. J. H. Sanders, pastor. Mr. J. B. Scurry of Tamps, Fla., was in the city on Saturday, July 31, visiting with relatives. Mr. and Mrs. J. H. Sanders.</t>
  </si>
  <si>
    <t>                                           MISS EDITH TATE of Birmingham. Ala., a 1932 graduate of Spelman College, was a recent  of Miss E. M. Moore.                 lanta.- Photo by Kelly. Atlanta.</t>
  </si>
  <si>
    <t>                                           HERE S YOUR  GET A BRAND NEW OUTFIT FOR SCHOOL $250 IN CL0THINGS250 10 NEW SUITS OF CLOTHES!    ^   j 20 Pairs STRONG SELECT SHOES! f^K^M 10 NEW HATS To Match Suits! HEnRf' 40 NEW SHIRTS! Si^H 40 NEW SILK NECK' TIES! H^^K WILL BE GIVEN TO 0UT-0F-         I TOWN ATLANTA DAILY          WORLD CARRIERS ^BjKm ABSOLUTELY FREE! [_   __~ GET THIS CLEAR-THIS IS NOT A CONTEST HERE S ALL YOU HAVE TO DO!  IF YOU WANT A SUIT- Get 100 Subscribers and Pay For \    Them for Three Straight Weeks. V^v/t\ Jm IF YOU WANT A HAT TO MATCH- Get 25 Subscribers and BMk'TIV ,%^~    1 Pay for Them for Two Straight Weeks. \j\     3     IF YOU WANT A PAIR OF SHOES- Get 30 Subscribers and TU P^^^SHH Pay for Them for Two Straight Weeks. \\M mJ fl       IF YOU WANT A SHIRT- Get 12 Subscribers and Pay for Kl     [WfJr^ Them Two Straight Weeks. \j*$  \Mll IF YOU WANT A SILK NECKTIE- Get S Subscribers and Pay f for Them for Two Straight Weeks. ,^^^^S' I If You Want to Get a Complete Outfit MfSBr /h\ t\ Get a Total of 175 Subscribers and Pay For  SjMA L Them Three Straight Weeks J^^Hi JjNo Boy Will Be Given More Than One Suit, One Hat, One Pain        w: of Shoes, Two Neckties, or Two Shirts! r        ^F l f-*} Write the Office Now- Today!- and Let Us         Jp Know When You Are Going to Start Working MmjU $ If ATLANTA DAILY WORLD jp^ 210 Auburn Ave, N. E. Atlanta, Ga. M'j^B^   iM Every Boy Has the Same Chance. START NOW! ~'~JBS-fM^^li If Every Boy Can Get the Same Prizes. Before School opens and get the re- -^BH^B/    ^g If the Prizes are not Enough, More quired * of subscribers, and ^^HEff^       ffl WiU be Bought. hold them for 2 or 3 weeks!. ~;.':-.J^BH^^2^^~ W</t>
  </si>
  <si>
    <t>                                           It's here again, folks, ye ole East Point News, written by ye same ole newsboy. A few weeks ago I buried my hatchet (my pen) and sang the doxology to ye ole news. But how can my hatchet stay buried when a colleage of mine and a friend of yours...</t>
  </si>
  <si>
    <t>                                           Morehouse Grad is 1st Negro to Be at Eugenics Meet                 NEW YORK.     . 23.- Harold E. Finlev. : associate  of  at West Viririnia State . is the first and only N'eero  attending the Third Internntional Coneross of Eutrenics which met in New York at the Museum of Natural                 rv. 1 7th street and Central Park. } West, on Monday and Tuesday of this week. Mr. Finley. a native   f Palatka. Fla.. who took his B. S.  from Morehousc college and his M. S.  from the University of Wisconsin, has done  research work in his field at Woods Hole. Mass., at the Marine Biolofrical Laboratory, He is a member of the Kanna fraternity, and has  at W. Vs.       three years. Mr. Finley had credentials which admitted him to all of the social meetings of the conference    well as scientific discussions. When seen Saturday iust after ha arrived in the citv by motor, he said he  to attend the formal "- at the Hotel Aslor. ami would also attend all luncheon meetings. Mr. Finlfv said the subjects  vn the  in which, he was particularly interested were "Assortivc Matine for Color in the American N'tero." bv Irene Barnes Taeuher. "The Effect of Migration on the Natural Increase of thi? Ne*rro." bv S. J. Holmes. "Virginia's Effort to Preserve Racial Integrity," by W. A. Plecker. :intl "The Mental Poss'militifs nf Nceroes." by Lidio Cinriani. These discussions were scheduled for Mondav from 2 to 1:30. under the section devoted to "Race Differences and their Measurement in Relation to Eueenics." B. Rosinski. chairman.</t>
  </si>
  <si>
    <t>                                           NEW YORK, Aug, 23.--Harold E. Finley, young associate professor of biology at West Virginia State college, is the first and only Negro delegate attending the Third International Congress of Eugenics which met in New York at the Museum of Natural...</t>
  </si>
  <si>
    <t>                                           Although the Southern Negro does not have the chance to vote often and when he should, the very face that he is a non-entity in the political scene has it's good point. The Dixie pastor, unlike his Northern brother, does not trade his position and influence for a few pieces of silver.</t>
  </si>
  <si>
    <t>                                           The City Wide Usher Union held its Vesper services at Central M. E. church Sunday afternoon. A wonderful program was rendered by various churches connected with the Union. We all feel very proud of Mt. Zion Usher Board, which was present in large numbers...</t>
  </si>
  <si>
    <t>                                           MUSKOGEE, Okla., Aug. 15.-- A cell in the County Jail was the residence today of the Rev. S. A. Berrie, 52, fiery preacher, indicted for the alleged murder of his first wife last March.</t>
  </si>
  <si>
    <t>                                           MSS^JJ^J^1^^^ ATLANTA. GA.. TUESDAY. AUGUST -~1M2 PBICfi   j^l</t>
  </si>
  <si>
    <t>                                           Al's Son and Bride-Elect                 Walter J. Srr.ah, -ac ?vr.  Governor Alfred Smith, with his fiancee, Miss Florence E. Watson of Schenectady, N. Y    \nnc the :ity  office in her horr.e town after" " had' receive d        :o" lice.is*, The  will  in Albany.</t>
  </si>
  <si>
    <t>                                           When bad luck comes to Fletcher Thomas of Scottsdale, Georgia it doesn't rain, it pours.</t>
  </si>
  <si>
    <t>                                           ARRESTED BY Chief State Humane Officer Peter Krullenstein after it was discovered that the horse he was driving had shoe on only one fuck, and a badly infected harness bruise, Eddie Hull, 34, of 401 Hilliard street, northeast was fined $12 Or twenty days in the...</t>
  </si>
  <si>
    <t>                                           Four pairs of shoes and 15 shirts will be given away at the regular carriers meeting Tuesday evening at the Butler street Y to those fortunate youths who made good showings in the second week's stretch of the Atlanta Daily World Newsboys contest.</t>
  </si>
  <si>
    <t>                                           Rosedale-Dessert pJ??b?ry Yellow Cling products PEACHES rT, 2 ho. n cans 25c ~",I?^s LIU*-*  FLOUR PEARS, No. 2y2 can 21c- 24.LBUBftG 65c Vnrcloblr Sliortcnini: CRISCO, 3-lb. can 53c  7 CAKE ToHrc Soap ma CAMAY cake 5c PKG. 23c For Wuhinir J'inc Ka'orio PJliSBURV RINSO, 2pkgs. 15c *HEAT Che' Hiolsh Soap DuAlS LIFEBUOY, 2 cks. 13c 2 PK6S. 25c y. B. C. Prrmiuro FlaVc Crackers, lb. pkg. 12V2c PiSgSa Crackers, lb. pkg. 12y2c FLOOR , lb. can 25c JU  Octagon Products FARINA , 3 cakes 22c SUPER SUBS, 3 pkgs. 25c 1P OCTAGON, 2 cakes 5c. SM. CAN 22C CLEANSER, 3 cans 10c evap., POWDERS. 2 pkgs. 5c PEACHES        Soap OCTAGON, cake 5c      Qg</t>
  </si>
  <si>
    <t>                                           DELEGATION from Qulnn Chapel Louisville, Ky, to the Kenluck\ Congress of Youth, which convened In Bowling Green, recently.                 -Photo bv Evans, Louisville.</t>
  </si>
  <si>
    <t>                                           Weak, rundown and blum Don'tPity Ytfursclf [. HEALTHY, ROBUST, VIGOROUS are which strong, healthy women get $ j^., G.   . hdp, put  n oat life You an.be  rotig  nd ^g,,,   ~-hich , too,  Eke a  j^,  Ic ,  every  fay m the year. Hoodj ^ ~-our %-itaI; This Famous Tonic made makes you . vigorous. For Women Just  You and healthy that - will be Stloseoh's GJJ- attracted to you. Your dealer mBs the m ^ who  re weak, big       St.      ', G J.P. "^             ',own          moneyback guarantee. ron ^  tat iaa tea     a   d ww        day:</t>
  </si>
  <si>
    <t>                                           FU MAN?HU The Zayat Kiss Strange Suspicion By SAX                  MESCAL IKE Evidently Muley's Going Formal by  HUHTA j                 TIM TYLER S LUCK A Marked Man By Lym Young                 THEM DAYS ARE GONE FOREVER Spill This to Your Spouse                 ' TOMMY" VyPAULPlM                 *</t>
  </si>
  <si>
    <t>                                           Buy neckties with what it saves It Us't *       10   ]t RK or  lo ft ~!~%("~  Irrt'-^-  T00O1     , kr tW ~.     f        ^        ^if.    * haw It *   *         wJ        your (^rth. MortfcicM.      * 7Ott.a"d with  -           .~~~    5       -      PlarBaal Co. LISTERINE TOOTH PASTE</t>
  </si>
  <si>
    <t>                                           Th'e Newl ~-~~SfylestforHall; BROGUES NARROW CUSTOM TOES PLAIN TOE STYLES WING TIP PATTERNS NEW GRAIN LEATHERS BLACKS TANS All Sises- $5.00. Also FORTUNE SHOES, $3:50 Calfskin Styles for Fall FRIENDLY FIVE SILK SOX- 5 PRS. FOR $1.00 Stlenlng 4. Collette'i FRIENDLY FIVE. SHOE STORE "T 77 .EE ST. e c CLASSIFIED ADS</t>
  </si>
  <si>
    <t>                                           Attorney Ewing C. Baskette of 628 American National Bank Building, who has been very active in the Scottsboro casein co-opera-tion with Attorney C. W. Chamlee of Chattanooga and Walter H. Pollak of New York City expressed himself as being very hopeful that...</t>
  </si>
  <si>
    <t>                                           NEW YORK, Aug. 16.--Barron D. Wilkins, a power in the social and political life of Harlem, who was murdered on May 24, 1924, left an estate showing a net deficit of $131, according to a transfer tax appraisal filed yesterday. The estate had a gross value of $32,695, but...</t>
  </si>
  <si>
    <t>                                           -EU.MANCHU---WeS'evere Bngcrs DK Petric Tricked. .1                 TfCF As Simple as That i;        . 1Kb v                  TIM TYLER S LUCK The Ruling Hand by LYM YOUNG                 "TELLING TOMJVn  t)y PAULPlM                 Till I.Y'S UNCLE J                 THEM DAYS ARE GONE FOREVER  A New Tune Each Day</t>
  </si>
  <si>
    <t>                                           MRS. IONA CULPEPPER and Lizzie Wynn, Alice Lovelace and Lorena Johnson motored to Molena, Ga., and were the week-end guests of Mesdames Jimmie Hines, Janie Willis and J. Love. They reported having a delightful time.</t>
  </si>
  <si>
    <t>                                           ALBANY, Ga.. August 24--Pitching in big league style and permitting only one hit, Lazarus Williams, 4-H Club boy from Sumter County, led his team to a 6-3 victory over the part time Vocational Agricultural team from the Swainsboro High and Industrial School on the...</t>
  </si>
  <si>
    <t>                                           Mrs. L. D. Garvins was called to the ... of her mother, who was stricken with paralysis. She has our sympathy. Bishop J. Martin of the Holy Church, Pillar of Fire Church of the Living God, and his daughter, Essie Mae Belle, left for Chattannooga, Tenn. to attend the General Council of their connection.</t>
  </si>
  <si>
    <t>                                           Davidson Washington has done well to collect the more important speeches of his father, the late Booker T. Washington, and put them in permanent form.</t>
  </si>
  <si>
    <t>                                           Doctor, S. N: E. You state that your ten months old baby has been snoring singe birth due to adenoids and a post-nasal infection; she vomits often and takes the bottle with difficulty; has an odor from the nose and throat with a continual flow ... mucus.</t>
  </si>
  <si>
    <t>                                           Met with Miss Alma Hicks Wednesday night at 192 Auburn avenue. We had a very successful meeting and there were many visitors present. Two members joined our club. Miss Hicks royally entertained the group. The visitors were Miss Gertrude Moseley. Mrs. Lizzie...</t>
  </si>
  <si>
    <t>                                           Large numbers of visitors, some from as far away as Tuskegee and Birmingham, Ala., as well as all parts of the state started arriving in Atlanta late Thursday evening to get a glimpse of Ralph Metcalfe, Olympic sprinter dash down the cinder paths at Ponce de Leon...</t>
  </si>
  <si>
    <t>                                           I''~GEOR6    OPEN 11 A.M. ISc S Jimmy Durante and Butter Keaton In n "SPEAK EASILY" Jf</t>
  </si>
  <si>
    <t>                                           I A j DO YOU KNOW: Dr. Young's HERB MEDICINE fl*/^5 . ROOTS. BARKS AND BLOOD TONICS t f M A MESSAGE TO TOE SUFFERER f Too need not be   roar health Cheer ^s^V apt There    help for too. Tht. b the old reliable Cfclnau y VtQV SiweUlht with hU       and   V           *ni1 "  1~'r recommended for  ny trouble of V \~H I"   ' n':l1 M Lnnei. Stomach. Heart. Llw. \f\  Mntn. Blood Potaon. Biramitl.ni CaUrrh. Weakneu. \TV NerTooineM. BUdder Trouble. Conitlnatlon. Appeodlclto. N\Vr. SWn OUntt. Ttamit TronbU and All Trtmbli. I To those whom ft may . call at one*. Don't sin OP hop*           falL The  la  to all who Dr.T.Y. Younc or It. hM lot THE ORIENTAL HEEB CO.   COnnSK  AND  COMPOUND       AUaabi A On far Krery PI W tke Hrauw Be4r       t A. M. to It r. at. UB McwrooJ Atc WA. tut Atlanta. Ga.</t>
  </si>
  <si>
    <t>                                           :.!ISS WILLIE MAE Vv'OL- "C!;K ::as r:\':d to trie city j lift or v;~.it:;icr friend.- :r. Chicnso. Carv  D-v.roil for the      wo \-('-   MR. AMI MRS CHARLES PRO'niO. Sr. with tin*  Mr-, Il^-rn Thnn: w.vj an i    :i:rjr .'it T.. Co-.m* rv r^u'~ !:ist TiJ''.-fi:)v ni^-'nt bom ' Mis^ rr.i.i'.r".1 V 1 i m of Was inert on. I P. C. Aft.*r Liip r^n:is; --isi i:  r.::d :-.n -iiv S;flu--t!av. Aucksi I for] IVT .i;. j WEDNESDAY Poultry Specials! .Til's t  totl:iy: A new supply of fryer*. Extra Fancy. Only I GcLb. j i V) I-svr Hc;     Dressed Free I WARREN S i 20 Ashiiy Street g 195  AVE. G 2S^n .  In Vnur C.'.r to I).. fi"~l for  Public i MADAM PCS WHARTON Pjj-T^ ~^-B lif*. MAPAM ~\VHAli-  I S K  occult      jy fm           wilt r^par T^U  l*. li^n^ink-.* tnr W!iit# and Colnrfd SrKClAL READINGS- 50c. I'.::. Hiwrll Still Km,  .        . C.n. Murirltn Hnw^ll Mill Cur S*</t>
  </si>
  <si>
    <t>                                           You're called to your marks. There is a sea of humanity around you, banked, it seems, to the sky. Your friends are depending on you, expert you to win. You are representing America. You are running for the stars and stripes. You must win! All these people and millions...</t>
  </si>
  <si>
    <t>                                           ,J ~'I??'' ONLY NEGRO DAILY NEWSPAPER IN THE WORLD [H "MlBiJMli VOLUME 5. NUMBER 214 ATLANTA, GA., SUNDAY, SEPTEMBER 18, 1932 PRICE FIVE CENTS':^</t>
  </si>
  <si>
    <t>                                           I ! t v 1 A PAO E FOR WOAft E N F^~^~ i  1 .,9 BEULAH MITCHELL HILL/ EDITOR- 1*E.^M1^ L</t>
  </si>
  <si>
    <t>                                           Cut or grind beef through coarse Plate of food chopper. Boil beef and beans until tender. The beans should he soft but whole. The amount of pepper to be added depends entirely on the consumer's taste. If desired the mixture may be thickened by...</t>
  </si>
  <si>
    <t>                                           Mr. W. E. Cox, proprietor and general manager of The Atlanta Oriental Rug Cleaning Company, located at 148 Lamar street, southeast, has maintained this establishment at this address for more than 27 years.</t>
  </si>
  <si>
    <t>                                           I i Don't miss any Copies of your World</t>
  </si>
  <si>
    <t>                                           We, the reporter and agent, wish our rending public to know Mr., A., Cobb is not connected with the Atlanta Daily World in Chattanooga any more., Please send all news and announcements to Mr. Robert Anderson, 416 Fast 8th street, or Phone the YMCA, or see the reporter, Mr. William Oliver...</t>
  </si>
  <si>
    <t>                                           FU MAX?HU-~The Severed Fingers A Flight and a Promise 6v SAX                  MESCAL' IKE Therms Nothing Like an Early Start oy ART HUHTA                 TIM TYLER S LUCK A Lady Speaks by LYM</t>
  </si>
  <si>
    <t>                                           "Who won the war?"</t>
  </si>
  <si>
    <t>                                           Mrs. R. A. Wilkerson was the dinner guest of Mrs. M. L. Belle Sunday, September 18th.</t>
  </si>
  <si>
    <t>                                           Mnry: I can t go to th. dine* tomorrow with thia brok.n-out Wrf -*3 f . !'v. u,.d EVERYTHING, but it IcMp. B.0 wor^.     .: Uh P.lmer1. "Skin-Suecia"          and th* ^'lfi ne* by tomorrow! I had  like youn. Thty     '       "Epidormii    -- -.}}," and P.lm.r', U  far -that'''- *t*^ tat.itdid far nwl "^^i</t>
  </si>
  <si>
    <t>                                           CME Bishop Gets Invite to England                 LONDON. Enn..    . iU.- 'Special to  Ass"d;iUM Negro Press! i Announo/      liu^ just been made hTe  l!isl u j C. H. Pliillips. A.I M.. D.D.. L.L.D..  Amer-1 lean prelate. Clevlun.l. Oln... has b-en extended an invitation t.. fill the pulpit of Wesley Chapel City Roads this city during a contemplated visit here one Sunday at least] .hiring the month of September I shi.uM he come hen. Bishop Phillips has i:i:ule many trips to Ens-, lan.i. i . Germany. IUUy andj other countries of continental Europe, lie was invited in preach at City Roads Chap-1 uti other visits Ipre. and his u.Mivsses and  won him a   in London aristocratic circles. The learned  presides over the Third Episcopal district the Colored Methodist Episcopal1 church, and is reputed as being one of the      powerful influences of the C.ME, denomination. He hns a most illustrious and distinguished  as a champion "1 human rights. He has served his church for thirty years as a bishop, having been elevated U. the  at Nashville. Tenr* ssee. May 1902. Prior to that lime he was a general . editor of the Christian Index, the  organ, and president of Lane college.</t>
  </si>
  <si>
    <t>                                           Op From Georgia With My Banjo By Thomas Jefferson Flanagan TO GOOD TIMES '"ROUN" THE CORNER" Good Times still 'rou.n' tli , but lie s ' up a prance En if joy plays the fiddle, honey, I b lieve that he will dance The ol' tune? ain't forgotten, when he used to shuffle so He loves the swin^-of jinxes en the Hallilulia row. Good Times still '.' the corner, en tho' the year is ol' He's in time a plenty dear to  a to:i-of-coal.' Mr. Hardtimes j^ives you nothin' en you d bettah lit 'im      lou ought be tired ' to his taie of woe. Good Times 'ro.in' the corner, now ies u u vi\ with the prance En when they .-win.- their Partners, he ll be on han' to dance: Money men en ;i- ers have failed to smoke him out- He love tne swing of jinxes en the HaMulia shou:.</t>
  </si>
  <si>
    <t>                                           63 Negroes Executed in U. S. jn 1931                 WASHINGTON. Auy. 14-       Sixty-three Negroes received the        for major crimes in 1931 according to Dr. E. K. Amick, statistician of UV State Department   f Public Welfare ..f Illinois, who has carried uri extensive correspondence  officials (.f every state of ihe Union, compiling thest figures. The ren^ri  that iht-rel were 152 executions in the coun-~ try in 1931.-89 of them white ami I 63 colored. I Georgia heads the list with 17 .ns in that year. Pennsylvania, in second with 1U: New York third with 12, and Illinois. Ohio, and Tenn each had ten. The report points out that capital punishment has been abolished in Kansas. Maine. Michigan, Minnesota. No.-:li Dakota, Rhode Island. South Dakota. Wisconsin, an.l Porto Rico. In Maine murder committed in prison is punishable by death. Mich" igan the penalty for treason is death. In North Dakota and Rhode Island murderous attacks on pri-l son guards are punishable by death.) Electrocution is the method ofl execution in 22 States and posses- 1 sions, and hanging is the procedure in ID Stales and       -. In Utah shooting or hanging is op-1 tional with the person sentenced. I In Kentucky  is  j except for ,-ape. which is hanging and in Nevada It thai Eas is</t>
  </si>
  <si>
    <t>                                           WfJR LICKS JACKSON, 0-6, 6-2, U6, 6-3, ipl                 Jacksons Lose to Turner-Hudlin ,2-6, 6-2, 7-5, 3-6, 6-4                 Reggie Weir Repeats For National Men's Singles Crown By Topping Nat Jackson In Five Hard Sets                 WESTFIELD. N. J.. August 21 f Nat Jackson, ranking No. 2 in colored tennis in America anil seeded No. '3 in  year s Sixteenth National Tennis Championships, came almost to the very point of  his' Weir jinx yesterday afternoon when the two met in the                 finals lor the singles championship of the United Stales; but cracked momentarily in the fifth ami deciding- s*t, and        Weir came through  for the honor, taking  the ,~, dogged, arm) -'. 0-G. 0-2, I-C, (i-3, 11 to JaKsun led. most of the way. He  first set by the unbelievable- margin of six    i to make it a love win. He then dropped the second set. but    right. Luck and allowed .Weir but a' single game of the third Met. Weir took the fourth si-t aft' r a hard fight, and the filth set over-plussed anything seen in the first four: it was there that the tennis really                 began. The match was anybody s from Hie point when th.~ deciding set was deuced at five-ull, and it looked first as if Weir, then Jackson would win out no less  four times each before the actual verdict by Weir in the gathering shacks of  Weir mixed neat defensive play with an occasional flurry of offensive strokes and service aces in the crucial moments, while Jackson's "pass" shot rhim*! in time anil again support his  backhand.. which tends towards surprising offensive  mem power. In next yea s rankings, it is a certainty that Jackson will replace Doug Turner as No. 2 man. Nat's No. 3 place will probably go to Dick Hulin. semifinalist. while Gerald F. Norman, Jr.. son of the chairman of the sanction committee of the A. T. A., is more than likely to get No. 4.                 REGGIE WH R. who retained his national singles crown yesterday at the Sixteenth National Championships by defeating Nat Jackson. 0-0. C-2. 1-6. C-3. 11-9.                 NAT JACKSON, who extended Reeeic "Veir to five sets before  in noble defeat yesterday in the finals of the Sixteenth National Tennis Championships. The scores were 0-6, 0-2. 1-C. 0-3, n-a.</t>
  </si>
  <si>
    <t>                                           WESTFIELD, N. J., August 21-- Nat Jackson, ranking No. 2 in colored tennis in America and seeded No. 3 in this year's Sixteenth National Tennis Championships, came almost to the very point of breaking his Weir jinx yesterday afternoon when the two met in the...</t>
  </si>
  <si>
    <t>                                           According to rumors which are sting so persistent that one ... help notice them, James ... Williams, former All-American hal back and a recent such of Arkansan State in the midwest us well as a former national and luminary, will be on the on the...</t>
  </si>
  <si>
    <t>                                           FRIDAY. AIir.IIST 19. 1932  ATLANTA UA1LX , ATLANTA, UA. PAGE FIVE</t>
  </si>
  <si>
    <t>                                           Trapped as he was coming out of a grocery store owned by F. O. Winkle at 351 Moreland avenue. S. E. about two o'clock Sunday morning, an unidentified Negro was instantly killed by D. Beach night watchman for the barber shop at 353 Moreland avenue. The body of...</t>
  </si>
  <si>
    <t>                                           An apartment deluxe, known as the "Virginia Hall," located at 1301-3 Madison avenue, Baltimore, Maryland, is owned by Dr. and Mrs. George L. Hall.</t>
  </si>
  <si>
    <t>                                           VTT1 f\ The Daily World invites its readers to make written IT Publication of such expressions will be made by The HPl 1 Wl HAf I Mg\ expressions of their opinions on matters of local and /\H Daily World when they are not too long and contain I Mmf/1 /S; Yf  I #1 1 national importance, believing- that vigorous public    11 II no libelous statements. We invite everybody to write I ;^ sentiment should be aroused and maintained always. opinions on current topics or on The Daily World. -41 -v^</t>
  </si>
  <si>
    <t>                                           Public Invited to Meet Metcalfe and Hubbard                 A o:-,:ial invention to the public I.. Kt( two of Americas : .~.lik-ios. R;ilph Mi'tcaife. Olympic sprinter, and DeHart Hubbard,  worM  broad jumper, whi.' will be in Atlanta Tliursil.-iv ind Friday, is ; extended by the Citizens Committee ;it an informal  on at :hc Butler S'.ivet Y. M. C. A. from 7 until 1) o clock Friday evening. This  was made by J. M. Chiles, secretary of the          CommittCA.-. .-~ed or a r.umber of .c Ailantans who are -ating with Booker Washington school authorities in making the entertainment of the  athletes a success. Mrs. C. C. Wimbish will be in charge of the reception. She will be assisted by a number ot society matrons, debutantes, and sub debs.</t>
  </si>
  <si>
    <t>                                           FU MANCHU-The Severed Fingers Z.Vr. Petrje Trucked.                 MESCAL IKF -^s Simple as That                 TIM TYLER S LUCK The Ruling Hand by LYM YOUNG                 "TELLING TQMMi fly PAUL PlM                 BILLY S UNCLE J                 THEM DAYS ARE GONE FOREVER (A New Tune Each Day</t>
  </si>
  <si>
    <t>                                           Sunday. September 18th, was a high day at Bethel AME church. Several paid their annual conference claims. The high lights of the day were the two very inspiring sermons and a very excellent lecture delivered by Dr. G. C. Thomas.</t>
  </si>
  <si>
    <t>                                           BIRMINGHAM MORTICIAN VISITS ATLANTA                 A. L. Welch, h ad of the Welch Brothers Funeral Home and -ient of the Peoples Burial Association, Birminghnm, Ala., vims a Gate City Visitor Thursday and Fridny. Durinjr  stay, he made an  of the office nml plant the Atlanta Dally World and a number of the I'ndinj;  home." in the city Including Hanlcy. Cox. and David T. Howard. Mr. Welch expressed himself as well  with the progress made by Atlanta and professional men and stated  Birmingham        business will be on the upgrade as soon as general economic conditions in the steel center improve. FOOT STEPPED ON;  CUTS PAL Covered from head to foot with blood and suffering from a deep cash In her right shoulder. Miss Roielle Cornell. 18. 72 Hilllard street, N. .E.. came to the Grmty hospital for treatment about 10:30 Thursday --The 'young -woman                 told Patrolman J. B. Harper that  r friend, Miss Ernestine Carroll,  lives in the same -house, became angry when she stepped on her foot on Old Wheat street, and cut her. A number of stitches were required to sew up the long wound.                 BELIEVE PERRY HOWARD TO GET BACK PATRONAGE JACKSON. Miss.. Sept 23-     - resignation of Lamont Rowlands, lily-white Republican of this State, as President Hoover's patronage referee for Mississippi, lias been heralded by the white press ana- N' Rio political leaders here ns signalling the return of patronage powers to the regular State Republican organization. This belief is current not only because of the approval given the Hownrd-BoozcRedmond  by the Republican National Committee and the Republican National Convention,  because of a general feeling that such recognition Is necessary to prevent the     - of Negro voters from moving away from President Hoover.</t>
  </si>
  <si>
    <t>                                           Proud of Their Babe                 frox her Olympic victories ados AngrlrOliiiirce Ba?c Didnkviy U- Sam's record-smash inf: nicer, is shown with her father. Olo N T/(-5cn, and her mother on her triumphant return to DaMns. Texas VJabc fct two world s  during the p;arr.  . the SO-^ huro.os nnt Uk  throw. Xow ihc plan? to take up coU' and anr.   a im1      . U-.</t>
  </si>
  <si>
    <t>                                           Unprejudiced N. Y. Rector Thanks The N.A.A.C.P.                 NEW YORK. Sept. 20.- Rev. Dr.' Rollin D*!d. Rector of All Souls' Protestant Episcopal church, who  was asked by a party of the vestry of the church to resign because he would not maintain it as a "white chur--li" ;ind discourage Necrro attendance, h.is written to the                 Associ.iri^n for the Advancement of Colored People to express his thanks for the support which the N.A.A.C.P. is giving him in his stand. Walter While. X.A.A.C.P. Secretary, wrote personally to congratulate Dr. DckI.I and to express the Association's thanks unc] encouragement :ind sent copies of the letter to Bishop Manning and Bishop Chorles K Gilbert. In the letter to Dr. Di.dd. Mr. White said: 'Your courageous ac:ion and that of those members uf the parish who       w t!i ou. stands as rt beacon light at a time when Negroes .ir.d many others have         seriously to question the sincerity and integrity of the Christian Church when confronted with the color line. Dr. Dodd has sent the N.A.A.C. P. the full tcx: uf the statement he made in church, at the meeting in which the \      refused to re,-t;:vt.' a )i'.tition from 48 white members tin- church protesting against tile cf:nrt to establish a Jim Crou- .li. Dr.    '-'.  to bow to the demand uf 'iio vestry, asking for lus ri  iji :ind is awaiting the action of Die bishop.</t>
  </si>
  <si>
    <t>                                           NEW YORK, Sept. 20.--Rev. Dr. Rollin Dodd, Rector of All Souls Protestant Episcopal church, who was asked by a party of the vestry of the church to resign because he Would not maintain it as a "white church" and discourage Negro attendance, has written to the...</t>
  </si>
  <si>
    <t>                                           SYNDICATE ONLY NEGRO DAILY NEWSPAPER IN THE WORLD -a*^-* LUX 1 IV,XM  5. NUMBER 219 _"J== ATLANTA, GA.. FRIDAY. SEPTEMBER 23, 1932 PRICE, THREE CENTS</t>
  </si>
  <si>
    <t>                                           '~Ota BrefflSIBgBI ONLY NEGRO DAILY NEWSPAPER IN THE WORLD 1 SEmMM^^^ Ml YC^ 5. .\UMBEiri8:t ATLANTA. GA^ Til LlLSUAY. AUCJUgTliria^""    *</t>
  </si>
  <si>
    <t>                                           WASHINGTON, Aug. 22.--(CNS) --There were 5,503,535 Negroes gainfully employed in the United States in 1930 according to the occupation statistics recently issued by the Bureau of the Census of the Department of Commerce. This number includes 3,662,893 Negro men...</t>
  </si>
  <si>
    <t>                                           KEY ASKS CANCER WARD AT STE1MER                 Mayor Jomes L Key Wednesday announced a plan whereby the fight between the Steiner cancer clinic and the Fulton County M'dlcal Association by converting the basement of the hospital into a Negro ward, thereby eliminating the admission of pay and part pay patients                 to the charity unit, a matter that is the bone of contention will be . "If the bos- merit is converted :n o a Negro ward, there will not br room to treat other patients except charity ones." t!ie Mayor said     explaining his plan for utilizing the clinic to its fullest extent. "Thin would put on end to th.- row and pave th.* w:ty for better treatment of charity cases. "The contract between the city and Steiner trustees .   ! !):e will of Mr. AlbTt Steiner, founder of the clinic, contemplates that a'.! charity cases shall be treated at :he institution. For many years it has been  he custom to treat Negroes at the Negro unit of Grady. The new plan would  greater use Steiner ward, add blessing to those who arc afflicted, and eliminate tiie cause Continued on Page 2. Col. 5                 Mayor      (Continued from Pace 1.) or the most recent row." It is believed that the installation or the Neisro ward in the         basement will make the work of treating all cancer patients easier anil at the  time utilize  ami skill to the night st degree. Only recently the Fulton County Medical society asked members the Steiner visiting staff, composed of leut'.inj! Atlanta physicians, resign unless the practice of accepting p.'~ and part pay  is stopped. The staff defied the society aini a crisis is faced January 1 .-s  relations are restored. In :n. the HOcicty lias ! th. n:i:nes of 15 doctors equipped to  cancer to meet the -nls advanced that Steiner clinic is the only place where this disease may be          ly coped with. Superintendent C. A. Franklin h:is been asked to investigate the possibilities of installing such a  and is expected to give :i report on his landings at tlie n-xi meeting of the Grady board ol trustees.</t>
  </si>
  <si>
    <t>                                           Mayor Jomes L Key Wednesday announced a plan whereby the fight between the Steiner cancer clinic, and the Fulton County Medical Association by converting the basement of the hospital into a Negro ward, thereby eliminating the admission of pay and part pay patients...</t>
  </si>
  <si>
    <t>                                           The church has recently completed its program of expansion, including the purchase of a parsonage and the remodeling and decoration of the church in celebration of the completion of its program the church is holding a series of special services. The next in the series will...</t>
  </si>
  <si>
    <t>                                           WARRENTON, Va., Sept. 22.-- The body of a Negro suspect, believed to have been hung by members of a sheriff's posse several weeks ago, was found hanging to an old angle tree near here Wednesday afternoon, and was promptly cut down and burned by a mob...</t>
  </si>
  <si>
    <t>                                           GENERALLY. FAIR Satnrdaj- and TSSmUt . past 24 hoon, 64; U(Ktat,  Tj , 78. Aiihnr.H. Scott, -v Mettorolotfit, Weather Bnreau. A\</t>
  </si>
  <si>
    <t>                                           END CONTEST FOB WORLD CARRIERS                 J. Cottrell Bronner Is Winner of $20 Gold Award                 OTHERS ALSO WIN                 The big battle is now over      James Cottrell Bronner. a  young mnn, who sees that Founh Ward subscribers of the Atlanta Daily World receive their  on time, has the honor of ; 111? $20 cold piece to bv awarded 'ho victor In the five-week Atlar.-a                 Daily .World Newsboy Contest. Young Bronncr will be presented with his prize at a banquet next Tuesday night at which  *lv? ther  district* will  the Cn: of the       .r Hill district to' having the :         number of points r.e- carrier ; thu contest. Second prize, a $10 go tl piece, goes to W'nston Minor. West Side . v.-ith Harold An'l'.sor., a Summer Hill CArricr. pulling down the third place award of $* Lcnlon Clarke, another Fourth Ware! . is to eet the fourth plate honors  a 52^0 gold piece. Four pairs of - _9..shirts and six.Ues were         enthusiastic  meeting Tuesday  at the Butler Street Y. Since the start of the  many newsboys have been awarded shirts, sox, ties and shoes for their good wnri: in :ho  .It is expected  another I'Gntcst will be started v/t iiin the next w.-!k or mi. Fourth V.'srS carriers and tne r fair compan o-.s will be lh.;    -.sts of the Royal Theatre Thursday for having tbo best general average fur the iU*.'~  at a showing s-f "Polly ct Thi^ Circus." Refresnmer.tB wmc also served at the Tuesday night iTT.et ng. Fourth Ward James Cottrcll Bronncr 11.515 Lenton Clarke 1.920 Earl Houseworth ti.230 Charles Bronncr 4.33D Siimuel Norris 3.365 Clinton Bronner 2.415 Nathaniel Brooncr 1.400 Moses Lee 1.37G John Finncy   50 Z. PreMSley 524 Summer Hill Harold Anderson 7.236 Horace Johnson 5,402 Et H. Jackson 5.132 Cantinned  S. CoL 1                 End Contest (Continued from E*g 1) 'Charl:s Watts .....31503, 'CIHrtcn Willccrson' ....1.956 linage :'N"~;y.Toan ....1*62 B-Hftcy 1.135} Mjlfei'" Welch 054 Jack; JVIUccrson .343 Pltt'brirch. South Atlantii. Suburbn t. C."  S.'J-iT1 J. -Tr.- Amsy     . T: Gfteca 2:408 Mhr-Eols.1 Young 23S5 "Rrebtoij- Clark t.WS WlUlam. Wllcpx U30 H. Cunnlnthoni. A. J.- CoUins a- SS8 Mire .Doroth}--Klng -J?M weet Side Wiriiitpn  3.652 BdHHrfeCook v. .2-702 Dayto-HnntfnoW.. .~...1.956 Jesse;-8raw!aU .-.V. I-7'!        'Humbles V. .l;"C0                 Asn Yanccy \     Charles Protho 1,60 William .Watnon 1 .43 L. Anderson 72' ChaHcs'Lc'c B. "Hamilton 60' And. believe' if or not, ,n          the carriers didn't  juk wlmt thcy  do until the  last minute. The next ' promises to be one ot  hot .that will keep everybody  bard   nd ^l.-i^UcUy from -the vory 'start "until the las' . Many who thought thut they didn't have the .t of  arc convinced' that it Is  to V/ia.</t>
  </si>
  <si>
    <t>                                           The big battle is now over and James Cottrell Bronner, a hustling young man, who sees that Fourth Ward subscribers of the Atlanta Daily World receive their paper on time, has the honor of winning the $20 gold piece to be awarded the victor in the five-week Atlanta...</t>
  </si>
  <si>
    <t>                                           (Tresh ) and Sea Foods 1 In Rogers Markets Red Fin (CROAKERS -OR- Florida j MULLET } Pound FULLY DRESSED J Red Snapper 21c sea "4 Bass Steaks 25c f POMPANO 21c PAN TROUT 18c SHRIMP 20c CRAB FfflEAT*^ 25c IBB m* H I I ^^Jl ^^^^^HM ^B G; L. WENTWORTH Successor To  i\ Ml LAM ^^j Auto Bodies, FeriderP Repaired ;^r^ Seat Covers and fop^V/ G. L. W? 17-19 Piedrara^e^oE^ WAlnat 8970 Atbita/Ga.</t>
  </si>
  <si>
    <t>                                           HOLLYWOOD, Cal., Sept. 21.-- Cruelest place in the world if it doesn't want you. Hollywood can give quick recognition if it does. Several months ago. Preston S. Fester, young Broadway actor, came out here to play Eddie Robinson's put in "Two Seconds."</t>
  </si>
  <si>
    <t>                                           I Iiaaiaai EDIT OR 1 A I teaman 1</t>
  </si>
  <si>
    <t>                                           Buy neckties with what it saves U ta t w*"T P"7 s"e to     to . U*i\~~ Too* Pmio, uU tj Of       of Ltarrio..  you In           2  . Not. Ww It thK          nd  your I  Mora. ^~r ll ..s.rtw .   '~"' K*      . Buy Ihi.p        1  IUi ihM ~~)o,-   . (                   -       Pbunu^ Co. LISTERINE -tOOTH PASTE 25C</t>
  </si>
  <si>
    <t>                                           Plans are rapidly being perfected for the 1932 Community Chest Campaign under the leadership of that indefatigable worker, Mrs. Clara Pitts. Persons of approved social vision and organizing ability are being approached with a view of having them take over...</t>
  </si>
  <si>
    <t>                                           MISS. DEMOS ANGERED BY ISAACS BIS                 Jackson Daily Paper Revives War-Cry of 'White Supremacy'                 TO HURT HOOVER?                 JACKSON. Miss.. Auc 16.)~The piece of engraved vellum which Invited Charles t=:i:ics. prominent Republican of Natchez. attend the White House luncheon and reception Riven by the President and Mrs. Knover l Kt Thursday for the Republ'cans                       were in Washington to  me notification ceremony. ha.~ become an important campaign  f)f the Democrats here. Mr. Isnais. member of the notification committee representing Mississippi, who had  r.a ly in- tended to .-. is reported to have, received certain threats from  !nns who resented his; invitation, first because be would j represent his entire state, and second because of certain tenets regard" inc  supremacy* and the "white folks table." The Southcrr. Democrats' ir.ccr. over Ihe invitation to a Nc.;;ro lo ! a White House affair, even though hi.1-" position or. The .1- i : committee '.v: him in such I courtesy a:op.i: with Lhc  :r.err.bers.     ~~:r.z tho ir. to1 whip b.  -r: ir.tii line il^e Dcrr.o -rats' who .'.ore p'.Dr.r.T.c t0 kick over! the traces in the coming flection I .'jse of the ".vet plank ir. the! Democratic . I-^r. :ir::des have appeared ir. the \vh:te press. The cry of, white supremacy has arisen ar.il a"::! rc-ech^ u::::l Xovcmber. The J.i-.. D.i:ly Nev/s in a I front pr;r;e e^:tori;t*.  Missis.nip- 1 pi c rys who '.ri desert the Dem- ocratic party for  whose j standard bearer be', eves in ."".r.c practices,  with "Sambo." Tl-.c editorial follows: "AT THE WHITE FOLKS' TABLE" 'Here    ! there :n Mississippi may be f ; some namby-pamby Dem(icra*s who r:rc threaten::".^ t-~ ki-k ,v,-cr the p:ir:~- fen^e bcr.i jse of th.it clause in the pin'.form rela- i tive to repeal nf ihc .'Lh amen iment. "For the . anri benefit of all HT-. actual or prospective, we bee: to c:t:l attention tn the fi.Ilowir.c ir.- o^ be-'-^' en^. .received by Civ.-.-les Isaacs, N.-.ez: The President and Mrs. Hoover j Request the Pie. nf Your i Company ;ii Luncheon On Thursda.v, August Eleventh. OXE 0 CLOCK i "Acco::ip;mvi:-.i; the invitation is i (Coiinrimicil nn pare 5; col. I                 Miss. Demos (Ontinijrd from Pace 1.) :h? .^ card: Not Transferable'* Mr. Charles H. I^aac:; Will Pi case Present Tn:s Card a: The East, .ee Of the White House. Thursday Afternoon. August l:. 1C32 ont: oc*lock "For the further hir^rrr. of white persons in Mississippi who j contemplate vot'.r.c the Rcpubli-.-ar. i M-'kol. it  be .r.u i *.h:it i Charl(.x Is.i.-ics is a N'ecro; that he is secret;) ry of the A'tam.-. cour.ty Rcp'jblicnn executive committee; that he is a member of the .d-:ar. fact-orv. that he was   ne of the ' in the Xesro facti Ti sent to the Chic.iso convent:"::: that he 15 a  of the RcpubIxan State executive committee oi                 ;he Kov.-Rcdrr. faction. "In fact. Charley Isaacs is a big \" politician  at Natchez, and he not only received the  T. above quoted, but he  i- with much . and is now '.'n route to Washington tn put h:~ fe*n un-ler the V.'hr.e Kousc table .Hi'! rat -.v.tii President ar.d Mrs. Hoover, an.:  white folk" who .vil! be present .it the notification ceremony. All of which socs 10 show that Charles ls.ir.es  eves less sen.-~e ;h;ir. ar.y white Democra: who is planning to vote for Hoover because the prohibition question. -I;- you can storr.ach .i President who believes :n and  social equality with S-irr-.bo. so right ahead and vote lor Mr. Hoover. you  so, however, please keep quiet. No use letting other i ivh;:c folks know about it.' j The s:irr:c paper. ;* over Isaac';1 nor.-atter. at the afI [air. qac'.es him :is : "I am !a So- Negro .n:d I  lo not I i-,ut my feet  the table of wh.tc f ." Mr. Iwacs' friends I y1prc re;u::C to believe that he made I such a .-.</t>
  </si>
  <si>
    <t>                                           JACKSON, Miss., Aug. 16.-- (CNS)--The piece of engraved vellum which invited Charles Isaacs, prominent Republican of Natchez, to attend the White House luncheon and reception given by the President and Mrs. Hoover last Thursday for the Republicans who...</t>
  </si>
  <si>
    <t>                                           Some twenty odd men lined up on the Clark athletic field around four in the afternoon on Thursday and paced right on through to six when Chief Aiken quietly raised a whistle to his mouth and shrilled it. The usual fundamentals which typify football technique at this...</t>
  </si>
  <si>
    <t>                                           When Miss Jean Hargrove returns to Atlanta sometime Tuesday after winning first place in the Elks National Oratorical Contest at Atlantic City, N. J., a fitting tribute will be paid her for the honor that she has brought to her home tiwn.Plans are being...</t>
  </si>
  <si>
    <t>                                           MISS LILLIAN KING, of Atlanta, popular daughter of Mr. and Mrs. John K'ng of Clearwater, Pla.. is spending a delightful  in Nl^w York CitV Visiting                 relatives and friends. Photo by Kelly. Atlanta.</t>
  </si>
  <si>
    <t>                                           Tuskegee and her nationally heralded Crimson Tigers will make but one trip to the Gate City this fall, for the first time in quite a few years. And that journey will be to continue grid relations with the colorful Battalion of the Black Death, which infests the red hills of South Atlanta.</t>
  </si>
  <si>
    <t>                                           I AN I ANNOUNCEMENT 1 OF 1 IMPORTANCE H to I HOUSE  H OF I THE WEST SIDE BH Hphc store, located at the SO X corner of       and Hfl West Fair Streeti, has SB been completely beauti*  H fied....a new supply of  9 fresh fancy groceries has 53 been purchased. ...and it EH will open for business. S3 under new management KB THURSDAY, SEPT. 22 NQ *V*ou are now being  X vi ted to visit this BS store.. ..inspect the quality ffo of fancy groceries ...also    the quality of meats in fig our -modern market de* flj partment. 9 ouR  *   court* U V/ ,                  and * for you to M make this your store. SEE OUR WEEK-END m AD IN FRIDAY S ATB LANTA WORLD. I united pood , Inc. MARKET NUMBER 10</t>
  </si>
  <si>
    <t>                                           MRS. MATTIE BOHANNON, of Fitzgerald street, is improving at the Grady after an operation. Her friends wish her a speedy recovery.</t>
  </si>
  <si>
    <t>                                           News from Your; Home Town                 Gainesville, Ga.                 Trctf..  nJ    . L'. J       '-i\  Tflurnrti.  vi.i-.ini; Mr^        '~ l-. Mr. and Mr. .V.urv.-i  Ilhfdm. in   -hini:. D_ C                 Mrftiiimm lUr.rum Itutior. Lunette Galfney. Mr. nti-l Mr* W. H I'nr'. to AUttnLB last week ii-r.int: relative* and .. Matli.'    '~' nnd chi:~;rrn   f Ncwnan arc the Kudu of Mm. Mnxry a parent*. Mr- and Mm.. 1' Swir.. Mn. Eva Bell of Atlar.ta        * -K-jcit of her ". Mr.. Mf.d Mrs.. "Warren Butler last week.. Mr.. ~*nd Mr.-*.. Willie V-'.k ham and Mcudamc* Mury Barch and       Jackson, oil of Atlanu.      the     1  las:        of Mr., and Mrs- Scott       \. Misses Ve.-~ and Geneva Bray.      L. H_ Rucker Jr..  :he wrrk rud ^  -t* cf Mn*- Minnir     ?h Dice* of Alhcr.c Mm- JuaniLA and Mi*~ Irene Gilmtirc left       Sunday for Wajihincton. 0.. C t  their hushand and '.hfr. Mr Earnest. Hilmorc_ Mr., and M:r V.'.. T.. Doyle of Scr.cca. were the     1j* of    . Llllie Couch on Athens  t.-cet In?: v-rc* Thr .y friend* of M:~~ Elin Ci"  -       he  know thai *hc    i:- Mr?, Ella Welckel and :!:    .       ano Janic, aJ^o Mi?i Ruhy    :h were "the      .^ nf Mrs- Wclchc"* . Mr- and Mn.    - Oliver of Andrmnr..      werk.. The Gainesville Tiircr- pi-.yi the Allan ia Pullman Hurricanes ln-l Monday ;*r.d Tu^day.. They won Monday     the  of i-0 and lent       .y G-2.. A same.</t>
  </si>
  <si>
    <t>                                           Prof., and Mrs. E. J. Thompson have returned home after visiting Mrs. Thompson's brother, Mr. and Mrs. Marvin Rhodes, in Washington, D. C.</t>
  </si>
  <si>
    <t>                                           Now that competition in the Olympics has reached the peak and passed it, I want to comment on the meaning of these games as I see them. I don't believe that any artistic or educational production has meant as much to the hastening of the day of mono-American...</t>
  </si>
  <si>
    <t>                                           MRS. ADELAIDE Q. TAYLOR, I of Richmond. V*. Grand Worthy Ruler, Grand Lodge Imperial of I King David, re-elected at annual meeting of organization held in fl Mannakln Va, Septvnber 6th and 7th. j.</t>
  </si>
  <si>
    <t>                                           At seven o'clock Tuesday morning, August 9. the new St. Paul's Episcopal Church at Ashby street and Mayson-Turner avenue, was the scene of a Nuptial Mass, the first marriage to be held in the beautiful now church.</t>
  </si>
  <si>
    <t>                                           HERE S YOUR CHANCE!--' TO GET A BRAND NEW OUTFIT FOR SCHOOL tO NEW SUITS OF CLOTHES!           20 Pairs STRONG SELECT SHOES! ^^^^wl 10 NEW HATS To Match Suits! H^ 40 NEW SHIRTS!- SS^S'^ 40 NEW SILK NECK TIES!   ^^8 WILL BE GIVEN TO 0UT-0F- W^^M TOWN ATLANTA DAILY ^{^^8 WORLD CARRIERS ?^     'SRssil !5TF_LY FREE1 MjByII I GET THIS CLEAR-THIS IS NOT A CONTEST i HERE S ALL YOU HAVE TO DO! i i IF YOU WANT A SUIT- Get 100 Subscribers and Pay ForJl?   \      /Vg-,   -~~ Them. for Three Straight Weeks, \ S Jo} 1 /L_J IF YOU WANT A HAT TO MATCH- Get 25 Subscribers and H^IV .^gjm X       Pay for Them for Two Straight Weeks. Vftf M \j /f E      MlP^- IF YOU WANT A PAIR OF SHOES- Get 30 Subscribers and " JP/#./^^81 1^ Pay for Them for Two Straight Weeks. II I /      '  A nL^- IF YOU WANT A SHIRT- Get 12 Subscribers and Pay for /^^\^sff-~ ^H -iS^r Them Two Straight Weeks.' W       $/f JHL__'^'^~lK^ IF YOU WANT A SILK NECKTIE- Gel 8 Subscribers and Pay -IFM J^^^^5\^ m for Them for Two 'Straight Weeks.                 ^^^^^3- if you Want to Get a Complete Outfit JiRiiP^/lk H31 1 1 niH Get a Total of 175 Subscribers and Pay For H^^x^^l WWiil I -I Them Three Straight Weeks ^^^J^^H X 57  fFf 1 ^*s)no Boy Will Be Given More Than One Suit, One Hat, One Paif JwOK^H? I [1 *' of Shoes, Two 'Neckties,' or Two Shirts! JgjL          HF Write the Office Now- Today!- and Let .Us        ^i-B^ Know When You Ar'^ .GoinF st?rt w.0^11? JBBrM) HlH   WO^LD^J 210 Auburn Ave, N. E. Atlanta, Ga.          Every Boy Has the Same Chance.' START NOW! .^Stisffr^ Every Boy Can Get the Same Prizes. Before Schcral opens and get the re- JtMS^Sm If the Prizes are not Enough, More quired number of subscribers, and ^^      i Will be Bought hold them for. 2 or 3 ^is! ^^BS^r%:^:</t>
  </si>
  <si>
    <t>                                           At Finish of Record Marathon                 Corr.p[u'.v.]y        'u, Juan Carlos Zabalu,  Argentinian winner of the marathon race a: the Olympic Cuttum. is Miuwn being:  into his -.Ti aL '.:ki end ul   llin*: . Zubulu, 19-year-old Buenos Aires Ihk'm ^i Hoo! student,  the world s  dist*     iu the  3SJ yard race in the record Uiuo oi 2 hours, 21 . liu BtwoctlA.                 abcd</t>
  </si>
  <si>
    <t>                                           Hjpi^s u from Your Biiome Town                 Buena Vista, Ga.                 Tho.HttWVuu- public  opened Motrfar, " 11. Mr. CaMwell, the    .'. principal, Youngatown. Ohio, la a .'of Wllberforc* . The      .~ of the faculty are     SWlwy^Strewon  nd Mlu Clifford Ilolm'MrifluR.. Slraa-anU Mr. Curtl. Miller     **        were In the city Krldmy -~      . Mr.    ' Cobbn of E*tonton U Uck IntlM dtr -tor a  hort  with . Mr.r.RolKrt       '.tid     . Mba Abln.-' the, city Sandir        *~r AtUnu;       they will attend Booker- WaihlnnUm High achool.. 'Mr. -Vernrr. Howard of Atheiu U         .Mi  here. .ML. Zion AMIi  U   herr.thU week -Mr.-.Darld       , Mr. Albert Mathin      Mr.-U.  of IMi-hl.nd. "Pent the week, end in the city. Ut'j Gabriel MeCrary and Mr. E. S. Jenklna .of ..Columbtu. were In the city Thursday on  for the Pilgrim        and 'Life Insurance company.</t>
  </si>
  <si>
    <t>                                           Today's affairs will be subjected to the mixed influences of the vibratory forces prevailing. And while the results accruing from one's efforts during the day may be somewhat slow in materializing they should be at least favorable. Those born under Aries...</t>
  </si>
  <si>
    <t>                                           MISS VIRGINIA DAVIE. one of the most charming Atlanta visitors of recent days Is this young woman who graduated from Atlanta University in June. A resident of Rome. Ga., she plans to teach in Kentucky during the coming school year.</t>
  </si>
  <si>
    <t>                                           With the meeting of the Southern Conference now over, the stage is all set for the 1932 football drama. The coaches, officials and school authorities met in joint session to iron out differences and to discuss and interpret rules. I was interested to note the difference of opinion as to interpretation of rules (both old and new) and even after final ruling being made, I saw from the expression on some faces that all were not satisfied. Of course that was to be expected; but since the majority rules, the ruling is final and...</t>
  </si>
  <si>
    <t>                                           When you read this column tomorrow the writer will be in Savannah, Georgia for a little rest or better still a change of scenery. I go as the guest of the sponsors of this Excursion and the Central Railroad who are making it possible for the people to take this...</t>
  </si>
  <si>
    <t>                                           SPECIAL Until October IS onlt ts.M to  Lorn Beauty Culture At Home rr"1tn nil Wnttr Ti i Ini nn Fungi im   GOTTS  101001 450 J  An.. Dcpt. SN .3. Ckkuo, I1L T^^ ^W ^^^"7. ^W ^0^ m^n      09  B ^^1 haCa*           [7, 1" r .in Vf-r JK         .  T^~^~ MEN. WOMEN-Bm Esn Mimmt. Chuo too lack. MwMrotkiiwiJMikuwln. PBtkalan for amp. GiUooi. Box 1852. AsbnUcN. C t^W so- ^-r^PP Hair Grnror Sent by Mail Anywhere Send Money Order Growers, Laree Boxes BOc Straiirhteners for Men and Women, Laree Box 50c Cocoanut Oil Soap 15c SO-GOOD CHEMICAL CO. 75 Fair St., S "b.. Atlanta, Ga.</t>
  </si>
  <si>
    <t>                                           There can be no genuine standard of morals without the law of Prohibition. High character is developed- by two great principles: the law of Restraint, and the law of Constraint.</t>
  </si>
  <si>
    <t>                                           WASHINGTON, Sept. 23--(ANP)--That the opportunities for high-minded lawyers today are greater than ever before in the history of the nation, was the declaration made by Charles Houston, dean of the Howard university Law School here Thursday to a representative...</t>
  </si>
  <si>
    <t>                                           Services were great Sunday and the pastor was a this best at 11 o'clock and 8 o'clock, preaching two wonderful and instructive sermons. Subject: The Report of the Spies, and A Friend and an Enemy to the Cause of God, Respectively.</t>
  </si>
  <si>
    <t>                                           JUST THREE YEARS OLD is Johr. H. Edwardi), Jr., ol Nashville, Tenn.</t>
  </si>
  <si>
    <t>                                           One was killed and another is near death at Grady hospital following the crash of the motorcycle on which the two were riding with an automobile on the Marietta highway near Smirner, Ga., Saturday night.</t>
  </si>
  <si>
    <t>                                           CONVICT CRUSHED BY FULLING THEE                 Will Tate. a member or the Fultim county chaingang, was badly  about 10:30. Monday . whon :i tree, out in J'airhavc:1 Circle, where he was working wiih cl!:cr prisoners,  h m to the ground in its downward flight. The injured man was rushed to the Grady hospital in u Cox Brother*  where he was admitted. A'- to information, the crew was busy chopping' tress at the time of the accident. Tate was badly  when the large tree fell on him. At the Grady hospital where lie was taken, the attendants gave him a  chance to recover.</t>
  </si>
  <si>
    <t>                                           I; CLUBS **T V" L'3' I         ]i</t>
  </si>
  <si>
    <t>                                           SOME OF THE BRIDES and grooms who participated In the "Rainbow Wedding," held at Centra} M. E. church, Jackson, Miss., recently. Left to right: Miss Tommye Francis Cuney, Mr. Walter Stewart, Miss Johnnie Nolan, the most popular bride, Miss Beulah Griffin and Miss Adelle Howard, (sitting.)</t>
  </si>
  <si>
    <t>                                           The first week of active work in the 1932-33 session of Booker T. Washington High school came to a successful close last Friday afternoon and augurs well for the future weeks of the current school year, according in opinions expressed by members of the school's faculty...</t>
  </si>
  <si>
    <t>                                           A. W. HOLMES, supreme master, National Ideal Benefit Society, celebrating 20th anniversary in notable session In Richmond, Virginia, on September 5th.</t>
  </si>
  <si>
    <t>                                           '~k; m A good part of every dollar spent with World adver- It costs no more to buy from World advertisers than A m -V.. :'y^?-M} rB.r tisers finds its v/ay back into Negro- pockets. Because it B I from those places of business who do not" think enough of Ml'. "iv.t-"".-^".''-^!!? JT^r*  shows these advertisers they are getting results, they spend lAI ^^~a I ^J your trade to buy space in the one newspaper published 1% jM v r #~'~ A'r%~~A^ 1 ^1 l: II II more  copy, from this -all-Negro organization WW   f here daily just for you. Cooperation with World adver- LM I \i "~~^~-;:~   "~^       ;JL ~~% A AA4%^ which means your newspaper has just that much additional T f \^JL A%ft tisers 'means a stronger and better paper with more money JL^L%~ T V^JL^^JEO'W'Ji'lC^i o-v'--'-. -"i': cash.- for competent workers. ,;ft Si X.?^~^}%*!t/)wm</t>
  </si>
  <si>
    <t>                                           w When in Heed a... Notary Public COME TO THE Atlanta Daily World Of (ice 210 AUBURN AVE., N. E.</t>
  </si>
  <si>
    <t>                                           OL' HOT                 "What Became Of Cherie?"                 By Ric Roberts!</t>
  </si>
  <si>
    <t>                                           ATLANTA'S Chamber of Commerce is sponsoring a movement to place jobless Negroes and whites on Georgia's thousands of acres of rich but untenanted farmland. Whole families are moved without cost to designated spots and are left with sufficient materials and food to last a reasonable length of time which will permit those who return an opportunity to catch on, and shift independently for themselves.</t>
  </si>
  <si>
    <t>                                           /fine W TEXTURE \aS in your cakes^^^m THE DOUBLE TESTE^E DOUBLE ACTING H  f]    BAKING  POWDER 42YE.4^ 1 25 ounce? for 25?</t>
  </si>
  <si>
    <t>                                           WASHINGTON, Sept. 23--(CNS)--News has reached here that the high command of the Negro Democratic forces in the presidential campaign has been selected. The report was to the effect that the acual managers of he campaign would be Attorney Julian D. Rainey...</t>
  </si>
  <si>
    <t>                                           Ai Jbk A A Ht A 4tk tl\ A A tft A   i dN  Ai r^ i^- i-^ i-^ ^K i#- J Atlanta's Own Orijiinal Edccwood Avc, at Butler Street All Under One Roof Bijhty-Fivo St:u:ds of Gcorpa Products Rogers- Pisjrly Wiffgly-    Markets and Stores Open Daily 7 A. M. to G:30 P. M. Sutarrlay 7 A. M. tn 11 r. M. W. A. 1N 64- C. 0. JUHAN-64 HAMS CALIFORNIA ^J1Z?M- 11c FANCY FRUITS Sacar-Cnred NOTHING BUT THE BEST! PICNICS 9C We Are Makinpr Fancy Fruits SUGAR  M ^llr ^ca(^nS Line! ao-Poumi  Bars FRESH VEGETABLES, TOO FRESH AND CURED I* M tl ft      AT REDUCED PRICES 64" C U. JUHAN-64! i  hopkins 52 Hamilton 52 MEAT MARKET  Booth. 9-10 ^I ucm        ii. m Fresh Yard ESS5  EAL STEAK Ib. 10c Canned Fruits Spare RIBS Ib. 10c Country Butter -Country Produce 1^  F E 15c 52-HamiIton 52</t>
  </si>
  <si>
    <t>                                           GETS FACTS                 Rev. Alien It Cooper. A. B., B. D. pastor of the Cosmopolitan A. M. E. Church. Atlanta, and vice chairman of the publicity committee, who is  much of his time and enemy this week to  Atlanta Daily World readers with the latest  and comine events of the 1932 State Tri Convention now in session at Hip Bethel j Hie is one of the ' orators and preachers of the de- 1 nomination in Georgia and attracted nationwide attention when he delivered the presentation address                      W. A. Fountain the dav that he presided at tht; recent Cleveland General Conference. Rev. Cooper is the official host of the Atlanta (Georeia) Conference in November and will entertain thy delegates at Cosmopolitan which has been recently remodeled under his supervision into a modern and attractive House of Worship. This  minister is  boomed by his many friends as a candidate for the  in 1940.                 REV. ALLEN R. COOPER</t>
  </si>
  <si>
    <t>                                           GREGG TALKS TO CHURCH UNION 1                 60 White and Negro Illinois Churches Comprise Group                 WELL RECEIVED                 By A Staff Correspondent of The Classic Press Association                 SPRINGFIELD. 111. Ahr. 27.- AmutiK the speakers of eminence invit' d by the program commitee nt the Summer Union serivce is Bishop J. A. Gregg of Kansas, bishop ol the African Methodist Episcopal church.                 The Summer Union service Is an Institution sponsored by the churches of centra,} Illinois, both white and colored. About 60  were represented here last Sunday and Bishop Gregg addressed the audience on the subject, "WHAT CAN KILL FAITH?" The speakers invited to these services are men of outstanding ac-i  regardless of their race. The committee arranged for a series of      n programs, one on each of Seven Sundays during the summer season. The services were held out-o^-doors on the old high school grounds. Amplifiers were pro vided Sn that a person anywhere on ihc grounds could easily understand the speaker. Promptly at 7:30, the services began. An audience of about 7,000 p- rson.H. 80 per cent white, arrived cn:-]y. As Bishop Gregg arrived, all  went forward to gaze upon the Race's stalwart representative. His dress and demeanor bore no , except in a complimentary way, of the race to which he belongs. Somewhere In the audience           wss heard to remark that this wns quite an honor for Bishop Gregg and hi.s race. His coming had been heralded for  by i lie local dally press. B"th newspapers here carried :t two-column rut and a column announcement Tiic service     ncd with a prelude musical number by Mrs. J. H. Winston .white. followed by a group '.if Negro  by the Lincoln Liberty chorus of 50 voices, under the leadership of Jerome Singleton; then, a ban ton solo by Harry J. Maher, white, and a gospel song service under the leadership of Rev. Harry A. Cochran. white, of Edinburgh, Illinois. Bishop Gregg was introduced by Rev. George A. Singli ton. pastor of Saint Paul, African Methodist Episcopal church, thi.s city. The introduction and the setting created thereby were such that no speaker could wish for more. All was hushed und sil' nt; even the birds of the air seemed bent on maintaining the prevailing silence, as if n message of  awaited them too. Bishop Greftp rose; his very first (lie occasion. Bishop Gregg is a native of Kansas, and was born in Eureka in 1877 He completed courses of study at the University of Kansas; at Morris Brown university, Atlanta; and at Wilbcrforco university, Ohio. He began his career as an educator in 1903, when he became president ot Bethel institute Cape Town South Continued on Parc 3, Col. 3                 Gregg Talks I Continued from page one Africa, remaining there ior three) years.  Maf Bishop Gregg  .to the United States in 1306 and catered the ministry of the African Methdist Episcopal church. He served as pastor at Lcavcnworth. Kansas. St. Jbscph. Mo., and in 1913 became president of Waters . Jacksonville. Florida. In 1920, he was made president  of Wilberforce university and remained until his election as bishop. Last year Dr. L. -K. Williams, pastor of Olivet           , Chicago,' said to- have the largest  of any church in the world, was the speaker nn this occasion. He too upheld his race in a befitting manner. Next year, another Negro leader will be invited to*speak.</t>
  </si>
  <si>
    <t>                                           SPRINGFIELD, Ill. Aug. 27. -- Among the speakers of eminence invited by the program commitee of the Summer Union serivce is Bishop J. A. Gregg of Kansas, bishop of the African Methodist Episcopal church.</t>
  </si>
  <si>
    <t>                                           (ANP)--An interesting story is going the rounds in political circles of Indiana. It bears rather definitely upon the organization of colored voters in the national campaign. Insofar as the Republicans are concerned.</t>
  </si>
  <si>
    <t>                                           Bargain Week-End Excursion Fares Atlanta to Covington ud return, $LM; Social Circle, $1.50; Madison, MJO; Greensboro, $150: Union Point, COO; CrawD ,.$2.00; Washington. $2; Thomson, $2; Ancnute, C H Tfckota  i  frr all        Khfrfslod to atop  8 tiHar, **d H for train No. 2        Atlanta  BoiMUr  7:55 a. m. Gatt .H     Atlanta hut train No. 3,  1:20 a m.. C T.. Urnfar MUnrlnr. Sam*   (ram abort      Atlanta ;;wa, '"'       "          t Greatly Reduced Week-End Fares AflanU to Newnan. $1.00; LaGranre, SU0; West Point, 91Mi Opelika.  00; Anborn, $2.00; Chehaw, $2.00; MUatesd. $2.00; s_ and Monttomery, $2.00. ~~~.        m sate for *n . Satardar and for train loathe Atlanta 'till A. M. neb Soo^ar Goog..    Atlanta   "'Atlanta 7  0 A. M. MowUr.          data of alo. Baao rabo  Anm abort        4        to Atlanta and  Ttckoto sot      m ;. Mm. 17 and U. CraMnt LlaHad. B f#THE WEST POIlit; ROUTE</t>
  </si>
  <si>
    <t>                                           In ANNOUNCEMENT OF IMPORTANCE TO HOUSE WIVES OF THE WEST SIDE Thr store, located at the corner of Ashby and Weit Fair Street*, has been completely beautified a new supply of fresh fancy groceries has been purchased... and it will open for business, under new management THURSDAY. SEPT. 22 You are now toeing Invited to visit this store., .inspect the quality of fancy groceries a-lso the quality of meats in our .modern market department. f\UR clerks are 7 eous, wetl-, and anxious for you to make this your store. SEE OUR WEEK-END AD IN FRIDAY S ATLANTA WORLD. united pood Ctores, Inc. MARKET NUMBER 10</t>
  </si>
  <si>
    <t>                                           A situation that threatened to prevent a landscape gardening company from operating was and temporarily solved here by hree ingenuous gardeners until police got on the trail of vandals who had looted gardens of shrubbery which home owners had...</t>
  </si>
  <si>
    <t>                                           Atlanta Youth Dies in Jersey Hospital                 Word was received here Wednesday by Mrs. Maary Gullatt, 495 W. Fifth street, that her son, Jesse Gullat, is dead at the Bayonne. N. J. hospital. According to the information sent by John J. Rigacy. superintendent of the Bureau of Identification of the northern city, to local police . young Gullntt died as the        of injuries received on the Central railroad. Funeral services tor the young man will be held at Bayonne. N. J.</t>
  </si>
  <si>
    <t>                                           MISS EMILY THOMPSON, the dainty debutante doll from West Palm Beach, Florida, who, along with her charming mother, stopped with the Highland Avenue J. S. Aliens, is in the hospital, resting easily, we learn, following an operation for appendicitis the first of this week. It seems as though this last vsiit of the Talladega co-ed has really been costly. Several weeks ago she figured in an exciting auto accident. During the school term, at 'Dogs too, the young lady had a minor accident which forced her to the use...</t>
  </si>
  <si>
    <t>                                           John Whitaker and his Singing Buddies, scored a decided hit on Sunday night when they presented a splendid concert at Warren Memorial M. E. Church winning the plaudits of a large and enthusiastic audience. Jhon Whitaker and his Singing...</t>
  </si>
  <si>
    <t>                                           d Bargain Week-End Excursion Fares I w"^'* l",Covltl*lon "turn, $1.00; Social Circls, 11.50; MacUion. $1.60: Greonsboro. SI JO: Union Point. J2.00- Crawrordville. SZ.M; Wiuhtaflon $2; Thomson; $S; AnpwU, X. U, Mteiriw. 8... ntn ,ppl7 fr,~ VhT.  p?M. t, 2^. I w" '"'GEORGIA RAILROAD Greatly Reduced Wcck-End Fares AMiinta to Newimn. $1:00: LaGnace. $1 M: tTest Pttlnt SIMm Oprlllca. S2.0O: Anbarn. JZ.06: . ;  Olil*~a.   0and Monteomery. $2.0a H Tlckm on rail far ~!1       (Mb  f.~     ..  H..i. I ^~JHE WEST R*5?</t>
  </si>
  <si>
    <t>                                           Detroit May Have 2nd Congressman if Plans Carry                 NAME 2 SENATORS                 DETROIT; Mich.. Sept. 24- f ANP) The Michigan primary, held last Tuesday, bore results    -  from a racial viewpoint. Three candidates won nominations for major offices.    - Charles Mahoney. being  for congress. Senator Charles A. Ruxborough heing                 n-inated for *stat.' senator in the Third district and Dr. H. Sweet being named for the same office from the Second district. A'torney Mahone. more than doubled the votes of his nearest . John B. Sosnowski.        !: nnd completely overshadowed. Dr. Ames, veteran colored physician anil politician. Roxborough ran away from three white opposing candidates, while Dr. Sweet won with votes to span General local opinion is that if these three candidates can hold their own in the general election in November, this city will b. able tn  of a congressman and two state senators from the group. Many Negro voters who otherwise would go Democratic have already declared their intentions to  with the grand old party and vote the straight Republican ticket in order to help put these men over. The most terrific battle during the primary campaigning as far as the race was concern' d was in the nice for Governor. Many voters had turned against Brucker and were willing to cast their lot with the Democratic' candidate. The stigma that Brucker carried was to the      ct that he granted extradition papers to Texas  for the return of a prisoner to that state, who it is said was taken back to the lone star state In a dog-catchers wagon some months ago! But the effort -of Mrs. Josephine Belford.  of-      'j-.activities-on Si^ernor Brucfcer's campaign , the only race woman on that committee and herself a shrewd politician, was able to stem the tide in favor of Brucker who recived the majority vote. The Democrats, however, have made deep inroads into the  of G. P. in this rock ribbed Republican state as was shown by the fact that      Democratic nominee for Governor who in a previous try for the same office two  ago received only 18.000 votes as against 122.000 in the election just closed. Political leaders of the Donk' y Par- ty are not  and they declare that there will be a different talc to- tell after Novembr 8.</t>
  </si>
  <si>
    <t>                                           DETROIT, Mich., Sept. 24--(ANP) --The Michigan primary, held last Tuesday, bore results plentifully from a racial viewpoint. Three candidates won nominations for major offices, Atty. Charles Mahoney, being named for congress, Senator Charles A. Roxborough being...</t>
  </si>
  <si>
    <t>                                           Harten Stops Bapt. Rivals; Fight Fails                 CLEVELAND. Sept. 13.- The Rev. Dr. Thomas S. Harten. pastor of Holy Trinity Baptist Church. Brooklin, N. Y., was re-elected Regional Vlce-Presklcnt of the National Baptist Convention. U.S.A., in one of the most dramatic moments of the fifty-second annual                 of that body. The meeting was h.ld in Sliiloh Baptist Church. E. 55th street and Scovill avenue, and the election took place before a capacity audience. Dr. Harten's re-election climaxed the efforts of Rev. J. C. Jackson. Hartford. Conn., to bring about Harten"s defeat, apparently in reprisal for the activity in behalf Dr. Williams re-election in Atlanta. Ga., last September. It will be remembered that the Rev. Dr. Harten led the forces at that time In opposition to Rev. J. C. Jackson, and tlie Rev. J. C. Austin, Chicago, who opposed the reelection of President Williams. It is commonly believed that Dr. Hartc-n's efforts brought defeat to the opponents of Dr. Williams: and that Dr. Jackson cume to Cleveland seeking to eliminate Dr. Hnrien from the official family this year. It Is alleged that Dr. Jackson's supporters set up machinery soon as they reached the convention and started secret ~- to determine what steps they could take. It was announced that I hey would concentrate their efforts on the defeat of Dr. Harten.  Dr. Harten. informed by both his friends and opponents that he was slated for defeat, naturally lined up "his forces for hix re-election. President Williams was elected without opposition: but when it camc to the election of Regional Vice-presidents, the Rev. Patrick Hughes. Philadelphia, sprang to his feet and urged the nomination, of Dr. J. C. Jackson. Hurtford. Conn., and President of the New England Baptist Convention, In opposition to Dr. Hanen. The presiding officer had difficulty n controlling the convention as many men eager to place their favorite candidate in nomination, tried to get the floor. Delegates from Tennessee. Mlssissipi, Georgia and Ohio and other states shouted (Conttniied on Page 5: Col. 2)                 Harten Stops Contimt'd from Page 1 Kit-ten!" "Harten!" At this juncture. Dr. Jackson i arose, and requested that iiis name be withdrawn and offered in nomination, the Rev. Arthur Payne. Baltimore, in opposition to Dr. Harten. The climax to the dramatic inciden occurred when Dr. Alexander L. Boone, pastor oC Shlloh. and entertaining pastor to the convention,  and in a masterful and convincing address placed in nomination the Rev. Dr. Harten. Dr. Harten was then re-elected by an overwhelming vote over his opponent. Dr. Payne. Again it will be recalled that Rev. Dr. Payne led an opposition delegation to Atlanta lost year, and worked for the defeat of President L. K. Williams, and for the election of Dr. J. C. Jackson. Through Dr. Harten's activities, a split was effected in the delegation of the East and throughout the territory of the various Jackson key men. in which many of them were led to the L. K. Williams bond wagon. It was rumored around the convention that an attack would be made upon the Rev. Dr. Harten because of his political affiliation with the Roosevelt for President forces, but this movement .did not materialize. Dr. Harten is one of the best known minister not only in the Baptist denomination, but throughout the United States; and is recognized as one of the most fearless champions oil the rights of Megtocs. He recently succeeded in saving a woman of color from the electric chair in the State of New York, and was recently nominated for Congressman at Large, in Brooklyn, N. Y.</t>
  </si>
  <si>
    <t>                                           CLEVELAND, O., Sept. 13.--The Rev. Dr. Thomas S. Harten, pastor of Holy Trinity Baptist Church. Brooklin, N. Y., was re-elected Regional Vice-President of the National Baptist Convention. U.S.A., in one of the most dramatic moments of the fifty-second annual...</t>
  </si>
  <si>
    <t>                                           TU ESDAY. SEPTEMBER 20, 1932 THE ATLANTA DAILY WORLD,". oZ l AGE 7</t>
  </si>
  <si>
    <t>                                           PRISONER STILL UNCONSCIOUS                 Will Tate; county prisoner, who was injured Monday morning when a tree fell on him in the Fairhaven section where he mas  with other chain  members, is still  at the Grody hospital ui^Wding to      it reports. The  badly bruised by the fall- I Ing tree and and his condition is  i "' as critical. He has been unconscious since he was' admitted ITonday.</t>
  </si>
  <si>
    <t>                                           HAITIAN PRESIDENT DECLARES MARTIAL LAW                 PORT AU PRINCE, Haiti. Auc 25. (ANP)- By executive order. President Steni0 Vincent has decreed martial law in this city   several other sections of the republic. He states that the action has been taken to prevent radicals from stirring up the country to bloodshed. Five newspapers have been suppressed and cne editor, M. Jolibois Flls. has been jailed. Jolibois was jailed at one time by the Americans because of his fiery utterances.</t>
  </si>
  <si>
    <t>                                           "GO-GETTER"                 REV. J. H. HARDEMAN Who hails from the Lone Star Utte ai pastor of the New Hope Baptist Church of Port Arthur. Tex. Rev. Hardeman is known    "Go-Cetter for Chriit" in hii section.</t>
  </si>
  <si>
    <t>                                           LAD, 14, AND MAN KILLED RAISE DEATH TOLL TO 71                 till ill                 Two Killed in 24 Hour ACtretch; Many Are Knifed and Shot                 BOY, 14, IS SLAIN                 Two P'rsons murdered within the brief span or 24 , both of them at approximately -the sanie time 'on successive nights,  d the 1932 city death toll beyond the 70 mark' as doctors spent a. busy period' at the Grady hospital between midnight Saturday and                 night Sunday treating a large number of cut and shot patents, the victims of the unthinking wrath of their fellow citizens. Little Mack Austin, 14, 332 McDaniel street, was 'he first one to fall mortally                 wounded during this short . Young Austin, according to police reports, was shot and instantly killed shortly b t r 5 midnight                 day by a man known as Alf Character and said to live on Robbins street. The youth was rushed lo 'the -         .ant.Ivex-Brothers ambulance where he was pronounced dead upon arrival, a bullet In his chest  effect immediately. According to witnesses, no reason could be given for the shooting which took place in front of the Rogers barn in Lowes alley right off Fair street. Seek Slayers It is b' lieved that an inquest will be held into tne death the youngster. The body was sent to Ivey Brothers Funeral Home where arrangements for burial  bo completed. Police, in the meantime, are searching for the slayer. Just as the clock was. getting ready to chime the hour of midnight Sunday, a Hanley ambulance rolled up to the Grady clinic with u dying man who was picked up on Chamberlain between Jackson and Boulevard a few moments earlier.    ' ambulance drivers were unable to shed any light on. the affair other than that they picked him up in the middle of the street and could Continued on Pase S. Col. S                 71                 Death Toll (Continued from page 1) mt state whether or not he hail been out or shot. Frantic i (Torts or. the part of attending physicians to revive him enough to talk proved futile and lie  several minutes later without ..em:; able 10 toll what had  or give his name. An investigation  thut l".e had .il a single .leep st:ib \v.~ just above his heart. Tuere was nothing in his pockets other than S' veral cigarettes and a . About hall' .in hour later, the  lea.l man was identified by Will Hunte;, 263 Grc n street, as G. S. Maitm. a ; man who lives outside Uocatur on the  road. Mr. Hunt, r  a World reporter that the youth generally visited !iim whenever lie can-.e to Atlanta and had just left his house about v. IiOit  the. incident happen, d. He was unable tu give any details ..~oncoming the  affair. Many Are Cut Young Martin is the son of Eugene Martin, who also lives on Candl. r road and a nephew George Martin, well known Atlanta World War veteran who was buried by Hanlcy about two weeks ugo after he had been killed between Covington ami Lithonia. Among those who received more or less Minor cuts and bruises Sunday  Miss Ola Bell Hunter, 36'J West Fcir street who suffered a la. scalp: William i avor?. 514. Lovejoy street, another lacerated scalp case: Vcrgis Whit-. 572 Houston street, a third victim whose scalp was lacerated; Miss SuriIJa Kelly. 20. who was cut   on the right nrm  ati.ther woman on Irwin anil Jackson street:1 G'oise Holmes. 288 Bynum street, who w;ls badly beaten over ihe head by four or five men who  him on Butler street . en Harris and Byr.um about 8:30 in.l Earl Harris. 257 Green . wlio received lacerations on his scalp, face, and ear. Swallows Poison William J.Winson. -35O'-HtJls . was given treatment late Sim-:                 day for sum- disinfectant that he is supposed to have swallowed. He was permitted to return to his j home. King, of on Arthur street address, who was brought to the Grady in a Thompkins ambulance. earlier in the vening was allowed to SO home u.'ter an enormous gash in his right leg had been sewed up ami lacerations or his right arm and 1 chest treated. Found on Lyons sire t after he had been attacked by an unknown man. Wortli Chrysler. 845 D:  street, was brought to the Grady hospital in a Hanley  lance. Chrysler was treated for number of cuts on the head ar..l 1 s1 nt home. Cut  his sweetheart and shot by his sweetheart s broth' r L. C. \V:l i liams. 23. 317 Fortune street, was curried to tile Grady hospital about 9:30 in :i Murdaugu ambulance. His I wounds, , are not of a s* rI ious nature. Tells His St..ry I According to the young man, he j .-mil his sweetheart. Selicia. had an argument about another woman.'in the process of winch she cut him with a kni.v on his left hand. He li en left an.I went to his brother s home to get something to put on his wound and started back home. As he reached the corner of Fortune and Highland avenu-. lie told a World reporter, her brother. who was standing beside a tele- j phone pole, railed to him and he went over to    e what he wanted. The brother, whose  name he says is Willie and whom he claims lives wit.", ins sister in the basement ihe house at 207 Hurt street, asked him what tin argument was about. Young Williatns avers thai he told him that it was .: another girl and that his sister had cut him. and :        he knew what was happening, Willie had his gun otic. "He shot me once in the lowr par: of my left leg, the bullet barely gracing nv he continued "I'd been holding on to the t.  p.dc but I fell to the ground. He stood over me and shot me again then he ran off." The second bullet -ed the same leg just above the knee, the leaden pellet going in on one side. ami. taking a  route, all but ca.iie out on the other. An x- picture was made to determine wheth. r or nut the bone was broken. A large number of stitches were required to sew up the palm ot his hanil which was badly lacerated.</t>
  </si>
  <si>
    <t>                                           Two persons murdered within the brief span of 24 hours, both of them at approximately the same time on successive nights, ... the 1932 city death toll beyond the 70 mark as doctors spent a busy period at the Grady hospital between midnight Saturday and...</t>
  </si>
  <si>
    <t>                                           ^S^ ONLY NEGRO DAILY NEWSPAPER IN THE WOULD ,wm^j^  f7u7m^-^^^W^T^^==^^'===== ===== ATLANTA, (iA. THURSDAY, AUiUST 11. 1932      TREE CEN'f3</t>
  </si>
  <si>
    <t>                                           CHEST WORKERS ORGANIZE FOR JOE                 drive el is eel                 Workers Told Needj in City is Great 5 This Season ~%                 START WORK SOON %                 There i% a      to tie cared for-1 in Atlanta and this need has been In Atlanta, and It Is the duty          citizen to .                 With this In view.' leaders of the colored division of the 1932 Com-'*'' munity Chest drive, met at the" Butler street -Y.M.C.A.       3 day afternoon and made * ji nary plans for the huge task of  money for the various is agencies served by the Community 5 Chest. Mrs. Clara Maxwell PtttB. i.j first woman to ever bold  uch-a-;;   In -fie ..presided over the meeting   V was marked by much enthusiasm, *1 and determination to put the- cam-';-'  across. ..*-$3f There Is a need to be cared for:'! in Atlanta andthis need has  rf centralized In the budget of the '% Atlanta Community Chest. ThartJ this need will be greater during "5 the coming winter and spring la'-i more than evident, but it is a need'** that can be cared for If each per- son. especially those having cm- ployment, win strive to give some-"-y thing. Small contributions -JJ as cheerfully accepted as large.'?? sums of money and the leaders .'are-3 stressing the fact that all must":?*; share- the more fortunate with. the.'S less fortunate. '"~'It Leaders of the drive _^ that it "would be a shame for the  division to fall behind thi^M year when, in fact ,lt should ^~B more than ever. During thc  year $20,000 has been directly coa-S  to colored agencies while? a like sum has been given to Ne- 4 groes indirectly through, such or-'- ganizations as the Red Cross, Fam- ily Welfare Society, etc This, - all the more significant in view. aT':; the fact that Negroes contributed. only slightly more than $3,000 inj During the coming week.' com-J mittees will be organized in tne J various sections of the c ty, and it A is expected that these groups will start functioning by the latter part-,-, of next week. The opening date, of the campaign has been set lor. Sunday, October 23rd and finds will be collected  the week. That the support of the minis- ters will be had in this -. ian effort is already assured and y the preachers have pledged their utmost backing of the movement:despite the fact that many of.them will be busily engaged in collect--. ing conference claims, getting ready for their associations, or other  meetings. There is a need to be cared for In Atlanta and every Continued on pan .  8                 Chest Drive {Continued from page One)' pastor is going to help. Mrs. Pitts, a tireless worker,- Is being assisted by Mrs. John Hope, Mrs. R. E. Thomas and Mrs. Emma Agnes Jones, as co chairmen, R. A. Johnson, executive secretary of the Urban League, will act as sec- retary of the group. Committee heads named to date arc: School, Mr.-. Emma Agnes- Jor.-s: House to House. Mrs. R. 'JE.;:y Thomas: Church Cooperation: -Rev. W. J. Faulkner, chairman: Rev- J..; Raymond Henderson, vice chair-man; Speakers Bureau. F. A. Toom-r": er, Organi2., I. S. Bf. chairman: Forrester B. Washington, vice chairman: Big Gifts, A. T.' Walden, chairman: J. M. Chiles and T. J. Ferguson, vice chairman; Publicity. J. Tliomas. chairman: Miss Myrtle Estcs and E. N. Davis. Each chairman will announce  personnel of Ills committee Trithta. j a few days.</t>
  </si>
  <si>
    <t>                                           There is a need to be cared for in Atlanta and this need has been in Atlanta and it is the duty of every citizen to help.</t>
  </si>
  <si>
    <t>                                           1. The two outstanding parties have identically the same stand so far as the Negro's rights and interests are concerned. Party principles are laid down in their national platforms, and cannot be judged by narrow local provincial passions and prejudices. The Republican...</t>
  </si>
  <si>
    <t>                                           DETROIT, Mich., Sept. 12.-- (ANP)--After a three day session here September 2, and 4, the National Technical Association adjourned its Fourth Annual Convention with the election of its new officers for the ensuing year. They are as follows:</t>
  </si>
  <si>
    <t>                                           i ;~        t A  FOa WOMEN/ I /Jfflf tl*-*-1Jp^ Ik.. beulah  hill, editor. 1L KtUPt^~</t>
  </si>
  <si>
    <t>                                           The Constant Workers club met with Mr. O. K. Lee at 889 Drummond St. Very interesting talks were made by several members, Messrs. M. Thompson and I. Ivey were welcomed as visitors. The next meeting will be at the home of Miss Howard, 360 Lee St. ...</t>
  </si>
  <si>
    <t>                                           LeMoyne College will begin its 62nd "academic year next Monday, September 19, with possibly the largest student enrollment in the history of the institution. Approximately two hundred and fifty students registered during the two day registration period, Monday and...</t>
  </si>
  <si>
    <t>                                           Good old Chattanooga, the sun rises in the east here and sinks in the west as in other places, when the sun rises in the east there is much to be said until it sinks in the far west and then there's still more to be said Nevertheless roaming Chattanooga we find it a wonderful place to live and our visitors, too find it...</t>
  </si>
  <si>
    <t>                                           MRS. LYDIA BYRON of this city is visiting her sister. Mrs. Lula Wofford, 502 E. 8th street. Chattanooga, Tenn.</t>
  </si>
  <si>
    <t>                                           NEWS FROM YOUR =- HOME TOWN                 Marietta, Ga.                 Br J. Dmvld Reed                 MIm Emma Moreland, MIm Ethel Henderson   4 ni. Jmfefen arfd Ray  rf Atlanta,      the dinner * of Rev. and Mm. Dn D_ Clark, Monday night, September 5Mlii Ruth Dobb* left the city Friday to visit .MIm Corrbe Campbell in St. 1/Ouln, Missouri.. Miw Alice Dell Guyton of AtlnnU, wm lh*   of Mrt. Addle BoldT i at      on MonUromery  over I the week end- Sunday, September 18. the Liberty Hill School will         a literary program at     Liberty Hill Bap-] tht Church at 3 o clock. Speaker* will Include such prominent men     7* V.. A. Edward*,  at Morehonne College of 'Atlanta, Mr. I_ T. Reynoldn of- Deacon Jones fame in the AtJunt* thilly World, and other*.. Tlw  will  an  part of the; Trosram- Everyone U cordially invited. The deacon* of Cole Street Church will   a Jiterary program and p^w rally at the  Sanday. Serttcmber 18-. Everyone U  Invited.. A iar "affair will he .the dance given at the-K- ofP- Hall Monday . September 10- J-      Montgomery ani) lid  of-WCST  will</t>
  </si>
  <si>
    <t>                                           i HOROSCOPE                 BT  STONY                 FOR MONDAY. SEPTEMBER 12                 Monday's horoscope is for a day of good fortune beyond the expectations of some people. During which it will be a good time for deliberating on new changes of disposing of mechanical inventions or musical compositions. Those born under Taurus, Cancer. Libra, Capricorn ana Aquarius will be under very favorable planetary "ns. The benefit aspects holding sway between the Moon. Venus. Saturn and Uranus may bring about Rain, harmony and many unexpected pleasures through domestic and social activities, profitable business .Icals or some benefit or advantage  new or unusual arrangements. musical compositions or the through some invention or patent device. If this is your birthday, you may look forward tu a year during which some unexpected benefit or advantage may have a favorable bearing on the fortunes, possibly through business deals or employment Some benefit or advantage through social and domestic- relations may be expected. Possibly a happy marriage. Children born during the day may be very artistic and very l ond of music and with unusual .talent which if properly developed either sex may succeed as a musician or singer. Notable Nativity: R. M, Hoe, inventor.</t>
  </si>
  <si>
    <t>                                           THEFT OF A WATCH and $2.00 from Miss Sallie ... Burd, of 311 Culver street Saturday cost Elliott Kelley $17 or thirty days in the stockade when arraigned in Recorder's court Monday, According to Detectives Kelley pawned the watch to John Miller and then...</t>
  </si>
  <si>
    <t>                                           Bill Shorter and Sister Wrle Songi                 Two 'jrn*. y-uir.^ters. "WY.-iurr Shorter or.ci -:is '.\ Miss Gene- /eve Shorter. ?2\ H:ch!;i:*.c .'ivi.- iue, X- E.. . to b-"; ~'.;ir:"'. or. ;heir way   "'V.\   !s a \;'.\\q hit 'ame in :iic - ^ The ;, who \v :h L. D. Ecr.nis ap3C.ar  \hc nurr.c cf 'Sarsjo 2ovs" every r"f^!.iy .:p." -it 11:15  su:icn V.'GST. have  -c i a sons that Chick TV;!r?n .veil known WGST s::ir. behoves .v:".i be a hit ihi:: crr.irm ?caso:i. You::C ShorlCr. 'A'h" b.:r.jc:s: v.'i'.h Xcr.l Mo"*p"~rr.L*ry s .*s;r;i. vvr e T h c music to the r. r. z "Hop:n^   -tt.c Day Tr.;i: Voj V/.ii be Mine." u*h lo h:s  sifter supplied \.hc \wo:-'i.~ :~-r t:;e selection Experts h-.    termed k ;t "haunting ." and Chick Wilson, -x r.o h:is purcha.-cd n hall1  in the lur.c. is sor.d:r.f; :t to Dun Recrr.cr.'! for prof cosier. al nrr.in^err.cnt. Ir.ci-ier.'.aliv. Ch:ck s;i n the sa n z i Q y n O*'jn wi i h the i-.olp of the  T:;r.cfi;'i Tw.m 0 :i i c</t>
  </si>
  <si>
    <t>                                           LOS ANGELES, Sept. 21 -- In Olympic village out on the hill, where the cool breezes blow oft the Pacific each night, you have a lot of time to think -- there's plenty of quiet and solitude for the Olympic Committee has made it almost impossible for anybody...</t>
  </si>
  <si>
    <t>                                           Georgia AME's Begin! Tri- ConventionlThim Week at Big Bethel                 SI S HEADY FOB STATE CONFAB                 District Meet Ends With Enthusiasm at High Pitch                 EXPECTING 3,000                 Wth every session largely . the tri convention of the AtlantR district A. M. E. church auxiliaries which rms been  for the past three days  t Smith Chapel A. M. E. Church, closed Friday night with leaders      workers pledging to put forth.                 v*ry effort to make the tri state convention, which will convene at Bie Bethel this -week commencing Tues-iay, August 16. an outstanding success. Auxiliaries meeting at Smith Chapel, and which will assemble from the other 38 districts in the state next week are the Sun.lay School. Allen Christian Endeavor League, and W. H. and F. M. Society . Highlight^ of the Atlanta district convention, n.side from the ^ini; reports on the progress i-f i  t_- work,  addresses by Dr. C..A. Wingfield. D. T. Babcodc A!!en Cooper. W. J. Johnson. Chaa. Sumrrer Williams. Mrs. B. V. Thornton. Mrs. R. T. .Matthews. Mrs. 2. W. O'Neal. M-s. Emma Burson ai. d Mrs. L. M. Lawrence. VisWnc speakers were Revs. J. A. Martin, editor Sunday School literature. C. M. E. church; D. H. Stanton. American. Bible House. New York City: Ft. J. Jefferson. B. V. Thornton, and S. R- Dinkins. president oi' 6elma university. Both Bishop   ' Mrs. W.' A. Fountain were p ;nt. He. the  bishop -f this district, told of the important work being carried on at Morris Brown, while his wife. Mrs. J. A. Fountain, State Supervisor :md Connectional Treasurer of the W. H. and F. M. Society also made a pleasing address. Rev. W. Boyd Lawrence is presiding elder of the Atlanta district. Rev. W. C. Davis, pastor of Smith's Chapel, wjis the official hu.st During the meeting, all pastors and workers were urged to stress the fact that tickets for the famous -Heaven Bound" play, which will be presented at eight o clock Tuesday evening. August 10. at Big Bethel, are on sale at their churches. The proceeds from the s;ile of these tickets. Bishop Fountain announced, are to be used to help the churches pay their educational assessments. Those in charge state that the cast of the musical has been working hard for the  two weeks and is ready to give one of the best performances ever witnessed in the Gate CKy     the hundreds of visitors who will bo in attendance. Tribute was paid to the Atlanta World for its kindness in giving the approaching meeting much  page publicity while   praise was given to the Atlar.tii Life Insurance company. Realizing that the weather is hot and {that the depression Ik naturally  everyone, the Atlanta Life Insurance company Is following its 1 policy of helpfulness and furnishing free ice witter throughout the entire convention. According to those in charge, as well as expressions of delegates at the district conference, all Atlanta is ready for the several thousand visitors expected to be present at the fust approaching convention. The other churches of the city are co-operating with Big Bethel, boat church, in entertaining the delo- gates and their friends and   *n to make the welcome a real citywide welcome.</t>
  </si>
  <si>
    <t>                                           With every session largely attended, the tri convention of the Atlanta district A. M. E. church auxiliaries which has been meeting for the past three days at Smith Chapel A. M. E. Church, closed Friday night with leaders and workers pledging to put forth...</t>
  </si>
  <si>
    <t>                                           Hear Ye! Hear Ye! Hear Ye! Enthusiasts, sympathizers, alumni and what have you. FIRST CALL FOR COLORS! Alabama State: gold and black. Tuskegee, crimson and gold. Talladega; crimson and blue. A. &amp; M., maroon and white. Miles, gold and...</t>
  </si>
  <si>
    <t>                                           iV443e st*TP. to -  MAU-,, lor Prra Smtapte u If l'l JI3Loct7   -Jo Inerase.   -A UMilldM Co.. S2JL CotUte Crore Art. mmmm*m^'BttU 1M.        . IF YOU WANT MONEY, i 'rm nt m nut in We. No I eas* MToncf bope. Stop  I Write me    ]~7. Informttion  I M. WnxiAMS.' 901 Berten An. I .Jerxr Cltr. NJ, Dtp*, r. SSrerowt co. ^w lt.r ^^ F LUCKY HANjn 9 ran a  . iu          WUi Btlp      K    -       W I  S MTCnO AID. bM. 1 Bk rta  s. ^ j^^~ jjB</t>
  </si>
  <si>
    <t>                                           PQ               i)i ii ~~'~/rJ***' V hQ ml  i  i     *j r      T "*~t Q Mike big money. De yoor own bois.1 WJ Introduce Sweet .        Brown Vtt "4J Hair Pomade and Beauty            jf .  nd         . Write - lor Free particulars  CO. V^VM Pert. 130. 5249 Cottagd Crgve Ave.. Chicaso. Try              *,         Coipowiii She Shouldn't be Tired No  .circle* under her  ibe  tnr Lydii E.TiaMfc-~ Vcgcuble Compound in-       9nn, ahe^ould.         -aod-     -3    ^ Siays Neatly Coraibea ft If you. r h.Bjr.'to.'' neatly   U'd~.v Jobb,  Ua"ten Uke **!, :6 ho.. -^, take .this-. Inejcpcnsl'vr test i.      -"Em-5 Hn!!og:foT.. seek. If'it doe s not Btvcybnr'halr mote lire, gloss,-;  :tua anythIn?.~i-ou--~05 four. moncy/Juck. i\~.-r!~~ .Thru i ts . ' . Jonblciglosslag ;" -'*tat-no'6             'on the Amcrfean inai*et Xan' of ter.dl  g3         4o *~r,          ever-used-JI^ right.:Noftbo      -- not loo-. Non-greasy. -Will not solI-The- Clothes. Pare white  nd  *. Ends'fcalP'iteh.j PioiDOtes growth- of              .JUeps. ln:place aS day long. In .Una 25c, and B0e.^In-*tn"-80e*and JiaO.^Soid - /fop .     of La Em Strait and a^. .'Pack- agtr*~t j/;'Brown,TSk1n .-Pace        .9ur.""" A, .$      ,.Mo. .-...-j;". fcu ~'^i:.ft- :-"'-5*?~-.;.--:-.</t>
  </si>
  <si>
    <t>                                           ONLY .O DaYlV NEWSPAPER IN THE WOULD  NEWSPAPER SYNDICATE. INC.. I'V IlI.ISJIEltS tV. A. SCOTT FnunHrr Frank Marshall       Manarinr Kdilor MK.MI1KR OK THE .H MKiltO PltKSS T1IK Wiji^d  Mumm        -       .tv for  ma/iu^cript **m into t)~~ . SritSCItll'TION ItATKS Our Yf.r. S7.JO B Months $l.:0 3     .  . S2-Z I- Month. 50c Wr-klr. :0c SunditT (ln!v. 52.T.0  baii.v ai :io .\ avu. n. i:. : WAImit nil. iind 14C0 Ent*       - matter at thr        t AtJantA, (.m..  thr act of M.-.rrh 1-T:~    vertis i nc i: i;r iu;s  v i: W. H. ZIFF CO Ch.on:". Niw York. l,o. Aiisrli-. Atlanl.</t>
  </si>
  <si>
    <t>                                           A picnic tendered to the public by Mr. C. S. Cox. the under-taker at Washington Park on next Wednesday. There will be plenty of FREE lemonade furnished by the company and the public can bring their baskets to enjoy an outing of the season, speeches will be...</t>
  </si>
  <si>
    <t>                                           CHICAGO, Ill., Sept. 15.--(ANP)-- The marriage of Miss M. Gwendolyn Covington, daughter of Mr. and Mrs. Covington of Chicago, Ill., to Professor Maurice Aldrich Lee, son of President J. R. E: Lee of the Florida A. and M. College, took place Saturday, September 3rd...</t>
  </si>
  <si>
    <t>                                           I iii^ YOU KNOW: MBS1^- Young's HERB MEDICINE 3      j^ HEKiis. roots,       iit.ood tonics ^               ir.il room, nrrl arc hi^r y    *~.')'vl ff^r  r.y tT iu^l" of KALASfnKcftftS To        it rr-~7 .      t once. Dcn't e:vb  HuK%~~a; hop* 1/ others ?~1L The r*3ul: Iileasicz to  il who 4 5?^!^^?^ THE ORIENTAL HERB CO. 4 9M.T. 1. VLU1"-  HERBS AVD HEUBAi COMTOrVD 4 BixcUUlf A C""     '        f     Bora..    , 4 /ii.^b 132 Edtcwocd Ave. WA. !183 Atlanta,   .</t>
  </si>
  <si>
    <t>                                           GREEN PASTURES Mill BOSTON                 BOSTON. Mass., Sept 12- (By Mircedcs Gilbert for the Associated Negro Press) The Green Pastures company, opened its third season, on Labor Day, at the Colonial theatre in Boston. The theatre is said to have been sold out weeks previous and the opening performance was witnessed, by some of staid old Boston's most  citizens. The opening was made. impressive because of the. new costuming; and scenery. The entire original cast, opened with the show, with the exception of Gabriel played by Doe Doe 'Green. Mr. Green has played the role since' February. Critics' have quoted him as being the best character in the part since the New York opening. The show is housed at the Colonial for an indefinite stay.</t>
  </si>
  <si>
    <t>                                           An interesting nationwide study is now being made by Dr. Charles S. Johnson, director of the Social science department of Fisk University, on the Negro college graduate. It is the aim and effort of this study to tabulate the present status of these graduates as to some of the...</t>
  </si>
  <si>
    <t>                                           6        I OPEN II A.M. ISc "A PASSPORT to HELL" 1 'With Ellssa Land! M i And Paul Lukas V</t>
  </si>
  <si>
    <t>                                           The National Association of Colored Veterans of the World War of America Inc. are sponsoring a benefit ball for the disabled veterans and their widows. It is hoped that the general public will cooperate with the veterans in making this ball a success. The...</t>
  </si>
  <si>
    <t>                                           HE KEPT A HUMAN HUNTING PRESERVE* ^~      ^^^    i island n^         * For what- Hf^^^^^^^^HrT """v I lOVO OT WQfllOllf IM  ^^^^^~  **~'Jd^^^    ''4^l^~tt I man r^     \ JvSl^v MOST DANGEROUS GAME fc  0urA8ang" JOEL MeCREA/Fay Wray: in Leslie Banks, Robh Armstrong A Riotous Comedy a -SCHOEDSACK PRODUCTION AdulU 15c ~-i ax an t.       n i smm t, Childron' 10c                              .     elcO *A0IO  of C.ri.l Ut*-'~</t>
  </si>
  <si>
    <t>                                           (LITTLE) Josepir F. Frettfer .Watchmaker v 370 Peters      .'S.W, Cor., McDanieLSU.</t>
  </si>
  <si>
    <t>                                           TRY THIS NEW, MODERN WAY OF  SHAVING Magic Shaving Powder simply mixed with water spread on the face and washed oil. Your beard i-s oil quicker and closer than you car. shave with a razor. Magic Shaving Powder retards growth oi hair; it is antiseptic; clears skin of bumps and pimples; prevents Ingrowing hair. Used by women for removing superfluous hair. 35c at drug stores. Or, send 35c in stamps TODAY for big. fullsize can. Write Kagic Shaving Powder Co. Dept. C. Savannah. Ga.</t>
  </si>
  <si>
    <t>                                           Work on the moving of historic old Quarles Hall is progressing nicely and it is believed the building will be resting on its new foundation by the end of the week. According to President S. H. Archer of Morehouse college. About two more days will be...</t>
  </si>
  <si>
    <t>                                           FU -Thc S- Flr.s:rz Dr. Pctric Weakens by SAX ROHMER                 MESCAL IKE There's Safety in Numbers by ART HUHTA                 ^TELLING TOMMYS ^PaulPim                 TIM TYLER S LUCK Cramping Barkoffs Style by LYM YOUNG                 BILLY S UNCLE"1                 THEM DAYS ARE GONE FOREVER Sample This on Your Somaphone.</t>
  </si>
  <si>
    <t>                                           Young and pretty Patricia Braithwait becomes engaged to wealthy, middle-aged Harvey Blaine to relieve her father's financial situation. She hopes in vain that handsome Jack Laurence, whom she met once--and the only man she ever wanted to kiss her--will...</t>
  </si>
  <si>
    <t>                                           SUGGEST 3 AME BISHOPS FOR U. S.                 COMMITTEE DEMANDS CHANGE                 'Common Sense' Body Sees Way to Save $250,000 Cash                 LETTER IS SENT                 An open letter addressed to the bishops and annual conference of the African Methodist Episcopal church ami signed by tour members of the "Common Sense committee" has been received by The Daily World. In this communication plans for a vast retrenchment of                 this religious sctc are outlined. This committee is composed of Chicago wir.ni. of whom Mrs. Nana Jackson is chairman, Sirs. Bcl'.e Lane Kclley recording secretary ar.d Kathryn M. Johnson corresponding secretary*. 5y their phn. bishops in the United States would be reduced to thn C and a saving of $250,000 in four yars  be effected. The complete letter follows:  We are writing to respectfully request that you call rhe General Conference recently adjourned in Ccvelnnd. Ohio, into Extraordinary Session, in order that a .'l  might be formulated v.-hich  be rr.ore nearly in acC"!"il with the conditions of the people. "Tirst we would recommend that the entire beach of Bishops be declared vacant, and three  be elected to do the work in America rhat is r.ow     .g done by fourteen. Also that a resident bishop be "lec!e'! for Liberia and a native bishop for South Alrica. "Oi:r  ror making this request is that at the present  '.'~i- Methodist "Episcopal Church his 16 bishop* serving -t.WD.462 members in the United States, according :n - 1932 yr-nr book, and :vc have IS sen.'ing 783. 753. including A'rica and the Islands, accord;r.^ 1. 1 the same book. "We presume we would b^ safe in .K that -*e have 700.000  in this countr;', and that would give each of the fourteen bishops      50.000 members over which to preside while each Mcihodlst bishop has 250.0CO or five '.irr.es as many. Tnis proves that onf- d 14. or a little less than three bishops could do the work. "The excuse has been made that the African Methodist membership :s less compact; but with modern methods of transportation, including expensive automobiles, all the membership i.ould be easily reached. This entire argument would come to nought especially since the recent G' r.eral Conference, took one bishop, and spread him over half this country and West Africa, ir. order to hold conferences. 'Now a word about salaries: during the recent General Conference the Methodist Episcopal Church retired four bishops, bringing their number down to sixteen, and elected no more: th*y cut off 16 per cent of their S7200.00 a year salary, bringing it down to SfO-W.OO. Thla make th'.-rr. pay their bishop* S337.072 !n four years. "The African Methodist  receive $100.00 for each of the 78  they hold: this added to $400.00 a month salary makes our 14 bishops receive $300,000.00 In four years, just $37,072 le.ns than the Methodist Episcopal bishops, with all the wealth of their constituency. c-wr.pn.red with the poverty of the  people, most of whom ear;i their living at hard labor and low wages. "Now our suggestion would be to appropriate S50.000.00 to pay  bishops In four years, and leave off the extra $10000 they get. from each . We would then (Continued on      4: coL 5)                 Suggest Bishops (Continued from Pace 1.) have S250. 000.00 left out of the $300.00000 whicK" we shall pay these bi-H"PS under tl-/ present . Tins could be used to put our educational institutions on ;i financial fi i- to open up tho co Jene in Liberia which was '! to be closed by an Episcopal slacker. ;md to pay the teachers at Wilb-:f.'rce Institute in South Africa, who h:~ve not had any salary in eleven months. "This  alleviate the crowing l.'cc!:   that the bishops are Kct'.L-.e the lion s share of the .ey, :m.! that they neck the office for the salary, the graft and the dory. It would certainly give them enough to do, so that they I wouldn't be able to take an office as c:v:'. service commissioner in the third largest city in the world; and I i; would keep us from trying to fir.il a reason why the Africa** Methodist Church        14 bishops to preside over no more people th.m arc presided over by three     -."d:st Episcopal bishops. "There should be several other things done at the extra session. One wouid be to investigate the rumor that the financial secretary has not turned over or.e cent dif the interest duo to church on the several million he has held for it during the last twenty years. If ;his be true,  :i certified publ:c aci-oun'.;int .should be sent to Washington examine :he books, ar.'l . tiie amount due. It would probably be enough to eliminate the S:50.nco.OO deficit it is reported we . "The editor of the Christian Recorder could KCt out the A. M. E. Review, without extra salary, as it is an  to pay a man Slfi.OOO. 00 in four years to set out 16                 sues of a journal no larger than a Kood sized almanac. $16,000  probably bo sufficient to finance an Extra Session. '"Many additional matters could be adjusted; :tual conditions are at a low ebb. and all WORTHY prelates not su!f.'         fortunate     be re-elected could enter an  soul savins campaign. Very Respectfully, THE COMMON SENSE COMMITTEE By THE COMMiTTEE ON PUBLICITY Knthryn M. Johnson. B. L. Nana      -cn Bclfc Lar.e-KeJ'.y Joshua M. Brown, M. D. i Chairman.</t>
  </si>
  <si>
    <t>                                           An open letter addressed to the bishops and annual conference of the African Methodist Episcopal church and signed by four members of the "Common Sense committee" has been received by The Daily World. In this communication plans for a vast retrenchment of...</t>
  </si>
  <si>
    <t>                                           MISS GERTRUDE - the charming young daughter of Prof, and Mrs. C. T. Mabry. of Birmingham, who is visiting friends ii) Pueblo,' Colo. En route Miss Mabry made stops in Memphis and K.-in-ux; Cltv.                 -Photo by Cloud. Blrmlnghjun</t>
  </si>
  <si>
    <t>                                           Life to lovely Patricia ... was a series of parties trips ... and now--Palm Beach. Her castles crumble when her ... Pamela informs her that Mr. Braithwait's fortune is depleted and suggests that Pat marry the wealthy, middle-aged Harvey Blaine to insure her...</t>
  </si>
  <si>
    <t>                                           Sadie Leaves Note in Suicide Attempt                 An unsuccessful suicide attempt by  ly.st.l Friday leaves Miss Sadiu Burns, 28. of 543 Strong street here to f;ice life which according to i note she h:u! planned to k-nve behind in this world, was too complicated fur her. The suicide af.empt came after she .end a Mrs. Lilly Mae Calhoun, with whom she was living had a JiKht over Mrs. OUhoun's husband. The two wen s;ud by neighbors to have been     best of friends. The note which Miss Burns, who                 : Snc was , ham'.et! po- 1 lice rear: follows: I "I have tried life s ways. Nothing j I rn :w do is right. I am So sari. My friends are alright as long as I arn wo.-kini; but when I lose my' job. she accuses me of taking her j husb.-i.rir! and tells me to pet out. Nothing to do. nowhere to fio, so I take this as ihe best way. Goodbye ar.r! Gccdluck. Sadie." Doctors at Grady hospital where she was treated say that she will recover.                 Baptists Rallying For Special '32 Drive Fund i When the Georgia Baptist delegation leaves for the national -,         next . Rev. J. Ji. I N'abrit. '-nt of the General I Missionary Baptist convention of Georgia  to take $600 in  dition t/i tl-.e regular enrollment fees as this staler.  on to the . SHa.GflO driv headed by Dr. J. L. Citi-.pb.-ll. An appeal for  nd pas'-ors in the denomination to do J  bit to :: this       *.iry financial effort a success is being broadcast throughout tl-.c state by Rev. Nabri:. According to local '.'-rs .this rum is being raised to " a nu;i ber of outstand- ing national debts, including bills; due on the publishing house. :.:id { the carrying out "f the work in the j foreign . The Baptist.'),  other groups are coj;r.ir.an: of the  and r^ali!e that it is only through sacrifice that the ch-. will be able to continue its,1 good work as one the greatest factors in American life. Members of the Georgia delegation ate leaving for the n-.^-Jng. which starts Wednesday. Sept- j ember 7. over the L. and Jv. to Cincinnati, from which pl.-cc -Ivy will take the Big Four to Cleveland, the convention city. Little Friendship I Baptist Scene i of Musical I i A grand  .-ed by The American Workman Insurance Soci"ty will be a Sunday a.tcr* noon .'n at Little Friend- 1 ship Baptist church. Mcrritts Avenue and Bedford Place. N. E.. nt 3:30 o clock. Rev. E. W. Jones is I pastor of the church. Musical numb' rs will feature ?.trs. j P. Ernestine Lawson. Miss Way-j men Jfr.nings. and Andrew Hill. Jr. j Others appearing on ;he program are Dean W. J. Thompson. Pro;. W". Weaver. Deputy Stewart. Rev. K. C. Lewis, pastor Second Ml. Morinh Baptist church. .1. T. Freeman, district di . Rev. Will1 Smith, and Rev. E. W. Jones. R-v. A. A. Brown is master of ceremonies. TO HAVE  PARTI? Whether or not the 15 year old girl Mrs. F. C. Chancy 12M Druid Place saw leaving the home of Mrs. Harold Hancock about six o clock Friday night intends to stag.- a bathing party is one that is  police officers. Mrs. Hancock. when notifed by her visitor that the young girl had a bundle under her arm. checked up and found that three men s bathing suits, a Iad;es bathing sul'. and a child s bathing suit, as u'~ll as  towels were gone. Officers Stephens and Williams investigated.</t>
  </si>
  <si>
    <t>                                           Clint Ballard, 39, 360 Leath street, a public worker in the rubbish department, was smashed to death when a city truck on which he was riding and another truck collided on East Parkway South, near the Tri-State Fairground, last Thursday morning at 10:30. Traffic...</t>
  </si>
  <si>
    <t>                                           PASTORS IN N. C. WHIP enow                 Raleigh Negroes Do Not Take Part in Dedication                 STICK TOGETHER                 RALEIGH. N C. Auc 24.- (AN T) Although their votes helped to authorize and tin Ir taxes helped  for the Memorial Municipal V^Morium here, the NcRrn ministers of this city, refused to take part in the religious dedication of the building Sunday nicht or to                 vitc their followers to participate. Tlicir action whs based  the fact that at the civic dedication the Sunday bo.'ore. NeRroes hail been Continued on Page 5, Col. 7                 Pastors in N. C. C'lntinucd from Pace 1 i-eq. en'.- r through :i Side I'-or ar.d had been restricted tn a few scis in ;;ic     -ony. It ha' 1 beer: planned that a N'egro choir should sing at the r- !:giot:s dedication and '.ha: a N'egro minister shou'.d pronounce '.he benediction. However. hen the . saw how their peopl- wore treated 'it i!"-e civ:c '-erem-'ny. :;;cy ;y  to demand equal accommodations or refrain . cooperating. Their action w;is put into v.-cr.!.- by th- Rev. Ct'.rw A. Fisher. r-piS'-^paliar. rector fr-om i Pcn."!sv:var.i:i. w.:o i? th.e secretary of tlie Ir;xr,!er.(.rr.:.a: A'.'.iar.ce  . He u-rote the following 1' itor to -.'i-.e Rev. j. E.r,r.!:i!l F.'ins. white, who was pre-  the 'lo li'-i ion ~;:',.n;e:" an.l v.'.-.-i -.v.:s i:i har-c i ie pry^rani: ~"Foi!'~winK :hr rcc-ip1. y.'"1 . to :hc i"ten!- ::'T:i:natio:-.ai ?*! A![ia:i'-e ?:~r:  :pale in the ::-.:.i; services t,. be :-.c!.l Sur,,:av AuKiist 21. 1022. a: 3 p. ::i. at the City Ai:d::or:-  . several quest. uns hav- beer, raised by the members of 'he aili.ir.ee with regard ~"1. Entrance .^err.er.ts to t:-.c ir..j; for Negroes. "2 S'.^ "i Xe^roes or. the rr.ain floor of the 2reat 'aaLl.   We are una:tcr.ib.-y cpp---scd to .my .-- c-rr.po'.lir.K Xe^- roes to c-e a si ie or separate r.trar.ee. i The City A:s!i'.:n. a mur.ici-pally owne l a:v! c^r.'. - 1 ir.c. ir.B'ie P".'-"ib;c by the   votes "f Xes-O'.~s and wr.it" citi- 1 zens alike in ri-i-r.t h:.:id issue, is. :or :!u- cm' v:- of ::.e  ofj Ralcsi-.. "We b- lieve the :n^~ the .'.'jd.. of Ke;;r'.'C.- ir. p-.;bhc p:a-es  lcs for th.e 'equal; bu: separate a.-corr.rr'-::.' i.-i.a-h :s interpreted to near. bet;-. I'-i'-e.^ sharing s- its en t-ain   "r  bal- cony. "Unless th.is arran:err.cr.t i^ -iii le., we i!~ no; propose io par icip.r.1.:.,      ask our people to a ten-1 the, n-.oo'.in^." i Like Pilate of :h-- =or,.~ n\,i] Rev. Karris. ;:i t;ie ^'i'-l old S'-iit::-^ cm white Chrisfi.ir. rr.tr.ner. w.i.-i-.ed his han-is of ti:^- delicate matte- Kc : to R- v. "risher th:,-. '.m1 hail no authority in the matter, but: that he would ic.'c:- tiie  to: th.e ~. of the bxi n'.ir.e; -.v/.o l-.. t" b- tiie oily commissioners' Tiicso c"":'       .-:e"s -Aere C. C. j p.i^c ar.-l C. L. V.'ihi.^m-on. Tr.cy rule.! t:.at on Sur.,1 -iy - sm on .ill  occasions initiated by whit^ people. Nc.ki-O' s .-ha:: lie -'.i-i! to seats :r. the -.vest baio-ny :m l   : entrance by doors lite west side1 "f th.e aU'!itor:u:ii structure. I The Rev. Mr Farn.s ask- c! the; Ncr.ro rr.ir.i^ters. through Rev. Fish-1 er to re'-onsi;ler, but when they ' S'.i. they V"tcd n.-'Us'.y to with-; ~!:"l\v fron'. participation. .V.tho-.i;;h.. the a,-'ion of ti-.e com-, tr. js a p ain violation of th-- letter uf th.e lav.', :t is r.ot known; whether Xegroes wi;i institute su-;::o obtain th.eir rights in a</t>
  </si>
  <si>
    <t>                                           RALEIGH, N C., Aug. 24.--(ANP)--Although their votes helped to authorize, and their taxes helped today for the Memorial Municipal Auditorium here, the Negro ministers of this city, refused to take part in the religious dedication of the building Sunday night or to...</t>
  </si>
  <si>
    <t>                                           The Community Welfare League, co-operating with the Memphis Chapter of the American Red Cross, supervised the distribution of 1800 sacks of flour to needy Negroes of this city last Saturday from the twelve colored schools designated as flour...</t>
  </si>
  <si>
    <t>                                           AUGUSTA, Ga., Sept. 20.--The formal opening of the Fiftieth session of Paine College took place in the college chapel Wednesday morning. September 14, at ten o'clock. A large number of old students and an unusually large number of new students were on hand for the...</t>
  </si>
  <si>
    <t>                                           i anna e d i xio r i m *_MB1:;</t>
  </si>
  <si>
    <t>                                           Slu: "Why, darling, your complexion U  s smooth m  Km...     tad Uackbexb Ukt yon    5       ."   : ^   .       'wfcr " t it be? 1  the nnc Epidermii Stagnosis           you used P.-1nc-'s 'Shln-Succer*'</t>
  </si>
  <si>
    <t>                                           TUSKEGEEE INSTITUTE, Ala., August 24--It appears at this writing that a little band of Golden Tiger athletes will have to be depended upon to carry the Crimson Colors to the four different battle fronts during the approaching football season.</t>
  </si>
  <si>
    <t>                                           HOLLYWOOD, Cal., Aug. 17.-- Those arduous days of apprenticeship are nearing an end for Joel McCrea. After serving his time as studio handy-man, he now has reached the second stage towards stardom--when directors start to cast pictures around him.</t>
  </si>
  <si>
    <t>                                           Dr. Sutton Addre sses City Teachers on Class Ideals                 By C. R. Hireinbotham                 Dr. Willis A. Sutton. Superintendent of Atlanta Public schools and former president of the National Educational association, spoke to the colored teach rs of the Atlanta Public schools at Friendship Baptist church yesterday afternoon. The meeting was scheduled for 3                 o clock and exactly one minute after thre". Dr. Sution was standing in his place on the rostrum. The large audience of teachers, who had assembled to hear him were evidently  as this great personality walked down the aisle in his usual characteristic manner.. He is a great personality, and if there is any such thing as predestination, in- couldn't be otherwise. He sang, read the scripture and prayed his words, as he spoke were appealing and his tone was pleasing but if he had not spoken a word, when once you looked Into his sp ak ing face and sparkling eyes, and observed his bushy, silvery-gray hair that flaunts his intelligent forehead on either side, you could not resist his app jl nor doubt his sincerity. "I :.m the light uf the world." he began: reading of Christ as the ideal. "Ye are the light of the                 world," he finished; speaking of the         . He took as his theme Hie development of the individual, and asked the teachers for an individual plan on every individual child, to develop individual personalty so that they might  to fit into the new social order. The year 1929 was the end of a social, economic and educational era. he said, and there are thre" million children in public and private schools in America and it Is the schools' responsibility to help the                 individual child. The cities ore crowded and our natural resources have been neglected. He spoke of the beautiful country life and the alarming amount of crime and sickness in the cities which "cost too much." and suggested as a remedy for the depression: education that makes folks better." "We should think less about profits and more about human beings." he said. "Teach the child      and neatness: and develop a personality worthwhile. A desire in the human heart for something better in the human ]ifr as a stimulation for culture is needed." He also stated that the depression was due. for the most part, to waste and extravagance in the individual and he urg d the teachers to save a part of their earning. He concluded by urging       to keep individual records of students aside from official records (of their home room students) in order that they might be of greater assistance to the sudents as individuals. "Keep a record of the child1? progress and let the light in so      can grow. Ye are the light of the world." he concluded. I</t>
  </si>
  <si>
    <t>                                           Dr. Willis A. Sutton, Superintendent of Atlanta Public schools and former president of the National Educational association, spoke to the colored teachers of the Atlanta Public schools at Friendship Baptist church yesterday afternoon. The meeting was scheduled for 3...</t>
  </si>
  <si>
    <t>                                           MISS  LOU ALLEN. president of thf Glrla' Reserve Club and the Chautauqua Social Club, Nashville, Tenn. Mist Allen Is a senior at Pearl High School und the  of Mr. and Mrs. J. W.                 Fort. -Photo by J. Frank West. NaahvUle.</t>
  </si>
  <si>
    <t>                                           FU  bv Sax Robiner  Watch for this new. exciting, mysterious; strp. It beams Monday in the Atlanta Daily World</t>
  </si>
  <si>
    <t>                                           ONLY NEGRO MIU NtWIMPEK IN TWE  8 NEWSPAPER 8, INC. 8  OP TBZ ASSOCIATED NEGRO PRESS  ISL^^^   *"~~ tot   Mat laU i"/ w SUBSCRIPTION RATES ,0a* Tib, I7JI* Moatfc*. UJS 3 Montlu. I2JS 1 M.~tX        . 1*~ Sand*; Oalr. J2J0 PUBLISHED  AT 210 AUBURN AVE, N. B. T89: WAlimt 14  .nj lite JKBMtvi MB       -clMa Matter at t)~      * at Atlaata, Gm^      act Hatch 3, 1879  REPRESENTATIVE W- B. tirr CO_             BkU- Atlanta. Chltato.     Tark.     Otltaaa</t>
  </si>
  <si>
    <t>                                           Superintendent Albert Cook of Maryland is quoted as saying that the State Law of Maryland which sets up a separate salary schedule for Negro-and white teachers outside of Baltimore costs the Negro teachers of that state more than $600,000 annually in salaries. He...</t>
  </si>
  <si>
    <t>                                           SELL ^B^;^'11 the New Savoy Cafe and Delicatessen Under New           - UP-TO-DATE PLACE Opening Djit, Saturday, August 13 Special! $2.50 Meal Ticket. $2.00 Good Food of tlie Highest Quality at Reasonable Price* Plate Dinneri Hot Lunchei Sandwlclict *N Everything JOE ALMELETIl and DAVIS 185  Auburri'Ave:;-N. E." ^5"</t>
  </si>
  <si>
    <t>                                           Capt. J. J. Phillips and Mrs. H. F. Cobb have returned to their home in Cleveland, Ohio after spending a few days ar the bedside of their mother, Mrs. J. T. Philips.</t>
  </si>
  <si>
    <t>                                           Ann Harding Film Has Love, Comedy; Showing at Fox                 Why would pass up ;i ^no(i  in times like these? What America needs is more rood, hardy laughs. When you see "Westward Passage" the new .st.;:^ vehicle of Ann Harding that is appearing at the Fox theatre thi.week, supported by Zasu Pius, the lauch artist, and Lawruiu-c Oliver, one of the screen s irre.ui est lovers, you will   what you really needed was snir. to  you out nf .s. And '.his is one '.hat will  do just that. Ann Hardinc is seen in a sti:"Hn? storv of 'love divorce' Sho  the love that only a       can know, the love that is more than sincere. This Dirturc, will nns-wer many questions that j you have asked yourself and o'.h- ers about love and life. It is chucked full of romance, pathos and hair- drama. It is a picture that every woman. rr.;.n and child should see. It is truly i creat. You will also see on this pr. the only  show in Atlanta. It is featuring Hal Mcffett's Geortria Crackers which is  Dolly Jerisran. .": ra- cI O.BUkss : as well as ,Iim- 1 mv Becr.^i ut the console ol '.lie  Fox theatre  and he is  it like nobody s .</t>
  </si>
  <si>
    <t>                                           SOUTH SIDE TAXI CO. 35I-A Frmwr Si 3. ifV FIR8T-CLASS TAXI SERfRZ Day or Night- Coorteoui. Safe Drive;* PHONES JAduoc     -~    AUTOMOBILES FOR BALE BEAUDRY S Open Evenings Until 9:00 "29 Ford Standard   -~ or Coupe   28 Chevrolet Coach,"  iaf best of condition.... $i-~3 30 Ford Standard Qr Coupe         '28 Chrysler Sport rA Roadster' j V-*-*W '31 Ford Town Sedan; cQ7C sea this $OlO "31 Chevrolet Coach, (J9QC extra clean yO3p '31 Ford Tudor;   O3PC see this. $~~~D '29 Ford ( Tudor S J-T*' *30 Ford Tudor,         9Qr clean ...__...l.^.....  P^   '31 Ford Liirht Panel Q/~K Truck VPT**. Others to^Select From ERNEST Go  169-176 MariettalSt^N.' WJ.</t>
  </si>
  <si>
    <t>                                           NFW YORK, Sept 21.--Hearing in Washington of the investigator for the National Association for the Advancement of Colored People, who charged beating of Negroes, underpayment, 12 hours work seven days a week and robbery by commissary stores on the...</t>
  </si>
  <si>
    <t>                                           Up From Georgia With My Banjo                 By Thomas Jefferson Flanagan THE HOBO EXCURSION swarm of fellers were bumpin' it up  the mail en the cab, Their sailor collars were flyin' not a one was gettin' a 3cab: The big train went rumblin' down thru the ol grassy gap While the mice were playin' in the good ol' conductor s lao I At station after station they halted, but never a ticket he d clip What on earth was the matter? not a passenger on this trip The conductor was used to cuttin' a cash fare or two. An' to go in without steak money, he murmured woul' never do. As he neared the end of his runnin' a kind ol' chap on the groun' Hollered out: "Hey there Mister why n't you git them hoboes down? All of your seats are vacant, go roun' there en make a grab .You'll find them there on th bumper- ' the mail en -cab." Them fellers jumped down wavin' like fanners cheerin' at games En lef the conductor standin' callin' them out their names! But they had safely landed, not even gettin' a scab i To them it beat a Pullman- ' the mail en the cab. t /But to the good conductor, it was a hell of a note, A big tram crew on the payroll en not a cent to report: So to his chief he  as he hugged his book on his knee: ;-:-"Brofufi:h!:,,in a Hobo excursion en they rode the bumpers</t>
  </si>
  <si>
    <t>                                           I have recently read of numerous instances of colored people losing their lobs in white establishments. In fact, these things occur daily. Janitors who have been giving satisfaction are abrupty told that they will no longer be needed. Waiters in a certain hotel are...</t>
  </si>
  <si>
    <t>                                           LAST YEAR S QUEENS                 With beauty pageants now in progress in many cities and  throughout the nation, those with compara live minds might give a thought to last year s winners of the national titles for queens of sepia beauty. The trio pictured here were '.lie best chosen from contestants in .'tl cities. Finals were lick! in New York's Savoy ballroom and Miss Emma Smith, left. Kansas City, won third; Miss Billie Bow. Key West. Fla.. . copped first: and the lass on the right. Miss Dolores Claine. Charleston. W. Ya.. took second.</t>
  </si>
  <si>
    <t>                                           WOMAN NEEDS BLOOD                 A coll was sent out by Grady hospital, Thursday for volunteers to give a blood transfusion to Mrs. Suslf Trultt, now seriously ill. Applicants have been requested to go to the information desk at Grady hospital where they will be directed where to fio to have their blood tested.</t>
  </si>
  <si>
    <t>                                           PaTlV NIWtP^EH IN THE WORLD SOmilOSJJ NEWSPAPER SYNDICATE. INC.. PUBLISHERS W. A. SCOTT              )                Kdilor MEMBER OF T1IK ASSOCIATED NET.RO PRESS THE WORLD wnn no r^ [or unsolicited              nt       .  TION KATES Onr      JT.JO 6 M"    . Jl.:i 3 .Mnitthn. K2J 1 Month. SOe V   ilT. :0c        Onlr. '2^0 PUBLISHED .V Al :i(l ALBriiN AVE.. N. E. TELEPHONES: ~'Alnut ]4:3  nd   60 Exteral PKOJid-        t the po.t         t        .   -.  tht rt of Mcrch 3. ]t*T9 ADVBItTTSIS"fi REPRESENTATIVE W. B. ZIFF CO.        .     York.     Antrim Allinta</t>
  </si>
  <si>
    <t>                                           The city public schools opened Monday with a large enrollment. The same faculty will be back this year. Prof. Price, the principal, is really putting over the program. He is hoping that two more, grades will he added thin team.</t>
  </si>
  <si>
    <t>                                           HOSIERY Sheer ^fe ^HiB DurnMr H H M H Service Chiffon* MPUffi ^L^H Full Fashioned No Seconds Sire. 8M to 10  SAUL S 91-93 Whitehall In Your Cltr to Do Good for the PuhMc MADAM fra wharton ^^~~^H Advice in .     . ^^^~^MH marriage, divorce; l\~w ^~lal*~S to win in love.         . ^E'lrl I health and all  ^~-      life. MADAM        ^~- 1 TON haa no equal. Ic m:)    1 an ao . One       W ft to a genuine occult ^~V A M Klentlrt will repar 7 u     - i^ for jour many                .          for White and Colored SPECIAL READINGS- 50c. 1513 Hawaii Kill Road. Atlanta. Ga. Marietta Hewrll Mill C*l^-Second IIouo frota Seaboard Sup</t>
  </si>
  <si>
    <t>                                           If pair  k1*~   removed from car. Friday  are returned, Reward at least $5.00. No question will    ..Iced. Call RA. 8314. 325 Lee St., S. W.</t>
  </si>
  <si>
    <t>                                           'Three Keys,' NBC's1 Hot Find Begin on Air Tonight                 Xiiivkvtl up bv all i he wur.lt ~,r Ijmi.^c in Iht* N.-'..'ii Broinlca;-1 j inK Co.'s .'. ;i         r scpi^ st;.rs. the Thrw Keys, t-tkc the air j tuni^h;     t)  .*Jr- !:i! : on :i  nij;J:Vi wc-kly L- OVi:l* ih.'lt Cii;i I-.                 "1 ilf AIX,.. Wiin s::i  vi ti d ic* \Unnt , thinks cno;^;i 'radio s newest ^'lai nrr.fr:: ~:is- " tn book \hv trw as a sun- ; TKiiur*' iur Thu ri.ua y i *:-k!;iv. S.. .-inu Sur. J lien s The t!rr.~.1 "I inu pfu^:':un ill '.ts L'XCfpt Sur-'!:iy IS Imm !;2U T" }::4"~ p ni All..:it:i l:   '.;ih t J  t- S'Jr.i ay neno.: oc:!i;; Trurn td 1) p. us. Tin: Tlirut*   -\r. u^l- ;i . n ,'- n I  l ;:i:il;if lin. li:*of::n:\ is 20. Sinn. j;     is- ;iii-i ;;'-nu.    I'.). B"b, pin nisi .-.nn     :". is L'5. Th-.- ir-r.arl'.abli- f  uf tin:  Kt'.\ s ;.;iid ti- tru::: :r.usu;.! :\iv\ ib.- ctu'.hud n-lii:r'-.ori'.:;. Ti 1,*.*  lur -s L of bl JL-s to thu li-c^r -.S of -SOi:;: Wri'.c!"^ TllfV .  : i r*:s:: ~':n a b! ~.~~k-:inci-'-*n: ca:*1 ii a I'(.-::nsv!vania t-tv/n (.'Jii/rc  ~':-if',i::a] nr:.(!:t:u:'..s aii'.h.-Io'! a'/n tr :ii.-l wuu tht:i:i a un'.raci w.th 'iiv NF'.C. Ttmu'.h: at U:;iO liK*y will to if;ini -ur 'lie :i;-st ium*. H    iut .Ti iiL Iin: v.'lu-'.h jr ui io" Ihcv will cmi!;l' 1.;!! V.'SH. ml KDKA. Pillsburtlli- mi.! V.'.iZ. .':vv V'lrk. art: **\Y'~ uf I he inn- 1 :;! '-p.j. ^:*:; ;r*);;rani ati.l cu:i bo tuno l In by iu-t AUan'.ap.~</t>
  </si>
  <si>
    <t>                                           Backed up by all the words of praise in the National Broadcasting Co.'s repertoire, a trio of sepia stars, the Three Keys, take the air tonight for their initial broadcast on a four nights weekly schedule over that chair.</t>
  </si>
  <si>
    <t>                                           DENVER, Colo., Sept. 20--(ANP)--In the powerful sixteen cylinder custom-built Cadillac sedan which leveled the lofty passes of the Rockies and the Continental Divide and devoured the vast stretches of western plain and desert hikhways, the Cafley-Terry party of...</t>
  </si>
  <si>
    <t>                                           The Atlanta Daily World THE ONET ' DAILY IN THE  Classified Advertising Rates DAILY SUNDAY 8c a line 8c a line Consecutive Insertions Daily and Sunday) One time 8c a line Three times 6c line Seven times or more 4o a line Five  of Mmn Ivorta *i*  it* a tine. Tlv  chara o la *, . of two lint*. 1 Arts Taken Over          ' ero accepted from  Hatfm Um         *  r city ' ma  . In - 'tT thb  tho  1. - to rait the 4.r Mlowiwr     . tl.iu On all  xnt hr aull ea/h  accompany -tlw      . All          .  . MUST b. ~=~(. In tmu at tha World   r kr .            .mn NOT   11 1. ERRORS If anr error Is made. The Atlanta Dalir WorM In  for      incorrect ln* Tho Mvortlaer I"  for             -         . Thr           .  IminfdIaUlT If any  U . CLOSING Adnrtlmnenti In Sht Atlanta .Dattr -for     8ondar World will 'bo  op until t P. M. S..r. Tho       aro open   "Sondar ' 9 r. M. for tho   X patrona. ATLANTA- DAILY WORLD. WORLD WANT ADS BEING . JTJSr CALL WAiNurwis''-1,^, - n4U"Tala0 ~^T</t>
  </si>
  <si>
    <t>                                           Mr. Jerry Bailey and Mrs. Minnie Calhoun of Philadelphia, Pa., are visiting friends and relatives in Greenville, S. C. Mr. Bailey is the cousin of Mrs. Jennie McGowans, H Mitchell St.</t>
  </si>
  <si>
    <t>                                           P.AINE COLLEGE AUGUSTA, GA. Unusually fine physical plant located in one of the South's most attractive winter resorts. Excellent moral and spiritual environment. Emphasis on high scholastic  well balanced extra-curricular program Standard accredited courses. College and High School Expenses unusually reasonable. For catalog and other information write: E. C. PETERS, .Pres.</t>
  </si>
  <si>
    <t>                                           A HEAVYWEIGHT elimination tourney! The very words recall old memories--the palmy days of "Tex" Rickard, when that incomparable master of ballyhoo was forever bobbing up with new heavyweight finds. As far as Rickard was concerned...</t>
  </si>
  <si>
    <t>                                           WASHINGTON, Sept. 12--(By T. W. Anderson for the A. N. P.)-- There will be no discrimination in the administration of the affairs of the Federal Home Loan Bank System, against any group. Chairman Franklin W. Fort, of the Board advised the Associated Negro Press...</t>
  </si>
  <si>
    <t>                                           booty                  Mr*. Tlic:::ia Thompson is shown as she *.v;h released from the Dixie I3ee mini' a: Terre Haute, Ind.. after  in a boiler for two (in; 3 while thf mint was         by strikers. T);o  had accompanied her ruis , 1 non-union worker, to the  ar.d was trapped when armed1 unionists  it.</t>
  </si>
  <si>
    <t>                                           NEW YORK, Aug. 21.--Pretty but practical, just about sums up the hats that most of us will be sporting this Autumn and Winter, despite all the talk about novelties. Most of us jam a little velvet or felt turban down over our ears, turn up the big fur collars...</t>
  </si>
  <si>
    <t>                                           f77TT3 Jwt stud Dime,  u4 HriM" J!~mp. to cover/  * for  Staple 1111 IIIIJLMkr Mo-Jo Inccnst.   -Ja DcpL 220, Chicago. IF YOU WANT  roo nt an nut in lire. No cbs* k^rood . Btop  Write me UkUj.. Joforsutlon  M. . Ml BcrttD Kn. .Jtrwy City. NJH DepS K. I.'L MM Uj*       . I(       imf        .               *Sk SuldMtlgn p"*****   '"t hw ii cap. 5~^uir Ci i JyqgB I WITH A WKITItN            4  IU PlUMlples W1U Help You. M I  riM- WMU bMS B alexa-     , ih L W. U7U U. No Tark. N.T. TOK OS1 ^H</t>
  </si>
  <si>
    <t>                                           MnTUED UfITU BADE OUflT IM DAfllf   dadc  isi                  POLICE COMB CITY FOB GUNMEN                 Mother Was Nursing Infant When Guns Discharged                 BABY UNINJURED                 By CUrr Mucksr                 1 J ^Mli .'WVIMf Police late last night were throwing a dragnet around several section* of th. city occupied by Negroes in an effort to find Leroy Wash- . who po!:-c say. armed with a double-barrelled  probably fatally wounded a  by  booting her in the bock an ahe was                 oa in her yard nursing a .nth old baby. The woman. Mrs. p. :irl Brown of I.'jT B Carrier street was rushed to Gi.i.ly hospital where doctors declare th.it had Washington been a few steps nearer, he  have b.oun bosh  and child to ;j:   --. Acordin,^ to police reports, Washington was engaged in a gun duel  :L man who witnesses say was Arthur Brown Atkins, directly a-rcss tin.- street torn where Mrs. Brown v:jc seated in     r yard. T:t" :'.vt, were i /,' ov;er a !n;m n i Malimiu Ir:(jr;im. who .vi:s j- 2k'; ?or.'!ers alley, ; a jcaL.u-  between the ~:va:.- over h' r l-~ve. Af.t-r Ti.c ;.;un pl.iy i.    begun. Mr- B:"V.:i .j; up to g.'l out Of ~.i::^e, was  ir. the back by  from t.'ie -  uii :evo!!ec by Washington in aX:.ip::r^ kili Atkins. Atk:r.-. anr.O J v.-i:h. a pistol shot V.'-. :.:r.'r:ar. :n the leg. police :i     ^nj a c!o-e watchout on -1! hospitals u.'.^ buir.g kept last l-o-lt. A:! participants :n the - i:n:h occurred at Por.der s alley and "'.:rner , liad escaped wh^n 3^;ictr arrived. .\rthur Brown, a witness to the i.:ai;-. said that Atkins had used us gun in fighting Wiahiagton, x!xo said. Atki.-k live- at 103 Currier street in,: Washing. n lives at 395 Pon-cr h Ail- y  i'.bors said. It was only the mother instinct the woman protect her child hat probably :av- d it from being x- wi:h the spraying pellet '.-o::i t:.e s::ii'.;iir., it was revealed it the hospital. MrJ. ii. .g the ir.f.int i:ni held it i:i Jen:1, i:er, one of the peile;.*-, she .-~-iid, just  iu :itv.: by less than an inch. Doctor-* took inore than two hour3 tu ri-::.0Ve ti,. little leaden pieces .i  covered the u oman a .</t>
  </si>
  <si>
    <t>                                           Police late last night were throwing a dragnet around several sections of the city occupied by Negroes in an effort to find Leroy Washington, who police say armed with a double-barrelled shotgun probably fatally wounded a woman by shooting her in the back as she was...</t>
  </si>
  <si>
    <t>                                           T*)0 they harass you by day and k e p you wake at night? Dost neglect them. They*!! I  your charm and beauty,         your friends, interfere) with your success. When you re nervous, tak* Dr. Miles' Nerrin*. It's the prescription of a        Specialist, pet up is convenient form. Dr. Miles' Nervine Is now I made In two forma Liquid and Effervescent Tablet. Both have) the same soothing effect on     nerves. $1.00 at your drag store</t>
  </si>
  <si>
    <t>                                           Sweetheart's Knife Sends ManToCrady                 Following a heated argument betwe- n a woman known only as "Fannie Mae" and George Mosby. or 245 Chestnut street, staged in front of a cafe at Mays and Haynes streets, the woman stabbed Mosby twice in in- chest and once on the hand, according to police r- ports, i Witnesses said that Fannie Mae I whs a sweetheart of Mosby's and that the two were quarrelling over money matt- rs. Mosby was cut on the hand when he sought to grab the knife out of the woman s hand. He told police that he had no desire to prosecute his assailant. Car Owner Loses Auto: Found Attempting to be accommodating brought considerable bad luck toi Ed R-. 165 Asliby street       Saturday night and the temporary loss of his automobile. Mr. Reynolds, who is employed at tnc Good-year Service station on Spring street, picked up two men about 11 o clock Saturday night when they told him that th- y would pay him to take them home. When they reached Baiikhead avenue one of them pointed a pistol at him while thi- other took lour dollars and his Elgin watch. The men then made him get out of h:s car, in which he had a suit of clothes, and drove off. The victim furnished police witn descriptions of both men. Early Sunday morning. Patrolman D. C. Vaughn found the , a Ch'Vrolet. and turned it over to Officers J. C. Tanner and F. L. Smith who returned it to the owner in an undamaged condition.</t>
  </si>
  <si>
    <t>                                           Kay Francis Stars in First Warner Film at Royal Wed.                 Kay Francis arrives at the Royal Theatre Wednesday in "Man* Wanted." her first Warner Bros, stirring picture. Miss Frnncis is supported by a large rast including David Manners. Andy Devine. Una M'rkel, Kenneth Thompson, Claire Dod-J, Charlotte Merriam. Edward Van                 ioan :uid ~. Patterson. "Man Wanted," directed by William Dictcrlc. who also  the successful "The List FiiRht." concerns a beautiful and wealthy society woman wlio prefers business to the pastimes of the idle rich. Her husband, however, prefers a playboy life to that of commercial enterprise. As a result the couple is estranged. Miss Francis, as the wife, seeks solace in the willing arms of her handsome secretary portrayed by David Manmrs. Kenneth Thompson, the husband, resumes his relationship with the siren his latest infidelities. i Comedy support in "Man Want- eiV is furnished by Andy Dcvine, young film player who  popular as n. result of his work in The Spirit of Notre Dame." Unji Mcrkel, famous for her versatility, adds another characterization to her repertoire, in the role of the  young flapper, fiancee of David Manners, with whom he later . The story has been treated in a highly original manner and has been adapted and dialogue for the special story for Miss Francis, has turn"ed out what has been characterized 'bjr-New York critics ax one of the smartest film plots in months.</t>
  </si>
  <si>
    <t>                                           Kay Francis arrives at the Royal Theatre Wednesday in "Man Wanted," her first Warner Bros. stirring picture. Miss Francis is supported by a large cast including David Manners, Andy Devine, Una Merkel, Kenneth Thompson, Claire Dodd, Charlotte Merriam...</t>
  </si>
  <si>
    <t>                                           HAPPY* B\RT/.f. Bcauiifu!'HairWiniC[      'F.VM 1 X i T I  7u CH I.OO". AT w mai;"' I r-JTC^^3C5     .  '3      1 '*'X*1-^;A. S Tm 1 I its       C5av ,-M =,, ^".i                 ^.: ^^W A T 7 E Cl J j ,;40 TODAY A*O '.COMlK; i ^.~9  j^IC%^       Yi I        ,is!      -iT; f.,~,^ :.l' j  J^. Dra'c let grey,      .Vl^:,ri1;'c,l,1"".v'--'";'r Tix't Z:TT,*S, C^a l hair make you un- Xr^?;~~    ^tiZ^ ' i POpuIar ArJ,,!:--.!,^ p,,!;,;C.,,.;,,..l..-.  ^^ I ?      'ir"ir!'mdk i! U-.ii.ii.'-il. *X r.-.I) j l Llxk r'-"l-;"J'~"h-"~'-"; [f^c! GODEFROY S Larieuse Hair Coloring IB Get Laricuso at any of these Druj; Store-: . GA.- YATES MILTON". Cor. Auburn :,nd BuLlcr S:s. DeLAMATER'S .MACV. Boulevard .ind H'shian-I Ave X E. DcLAMATER'S PHARMACY 719 Ponce Do Leon Ave E MEMPHIS. TENN.- DIXIE DRUG STORE 10R3 Thomas I ORANGE MOUND DRUG CO.. Boston and Spotswood  DRUG STORE. MME. G. S. MORGAN YOUNG 'Gorinc Benuty O'lieRO. .SHOP .No. 1. 432 Bcale Avenue. SHOP No. 2. 341 Bcaie Avenue. SHOP Xo. 3, 1234 Florida Street.</t>
  </si>
  <si>
    <t>                                           AKA SORORITY IS 25 YEARS OLD j                 By Ruth Dean                 LOS ANGELES. Aiir. ll'-.ANH) -Alphti Kappa Alpha Sorority will -oon be able i.. bo:isi or  years of existence. It j- witli                 -h.it member:: j jr:;:;n:;vi::-i:-. t soc;:!!-.- '.hose \v::o i !i:ivc bi-i-n \vth .t :-, tl..- tc-i;:::- I, .".:r-.i:. lock  the ;'.rov/lh .1:;.: prm:re--s of tr.e Sorority. Fro::: ..:.c L-!i;i;.f-r. Alpha CiupHv Ko\v::r.! :: ity.    - or)'.:L [n:":i has j JK :it ritt.-.l :jti(j r,.jv.' i:ot.~''~'~is -.lv-livo di.-:-. ~:n.-:rh-!u: fn.-i:-. :!u- Ati.i'.: c Coas- 1 1 P.h-i:':l- Cujr.'. Di::-:li.; li;-.t:n:c uf :hi.- SiTo.-ity :\w ::~n:!xts  --.rivi-,!.- ao :ici;i)!np:i-:: i thi- ha;h ;i;:::x nnd id j:s!s sv. :'..r::i -~v uur roi:i:c:c-r. Mrs Klhul I!~.-. ::-.:iri Ly!..- Tlu-v h.ivu cii'.:-.i- by :i.l!;).r.is:i-"i:!;: 10 :!'.r -I. k ni-ri!y_ by oi.i-oia;i^in): ;:r-:.j;.u'. voua:1, '.ro:iit.-:i wh-; :i:'~.- uit.'j.lv :.i'. iti th(- i!if:V;vn'. ~~"lk-i:--; :ir.i!  r itn.- Kapp-i Alph:i h:is .! !'.i-r ij.iv! In g.vini; :mc. Ar.ci now. Auj;u;;L 13lh will    -:i :!:cir Fiflwi'.th Annual Sc--sun 1/ Boulo in Los Ani'.olL s on thi' cai:~ pus 01 th,. Univur.-Uy of C:i!:fon:::i with mi  of the For WestL-rr. i R'jj;Uni  ss-.-:; ar..i M-.--^ ';l.i I... Jackson. F:n- Western Rcr.:"::;-1 Direcior, :i.s General Chairman Boule. The members are     j  ; forward to I convention for it will mark aii Maor . in tht- history of Alpha j Kappa Alpha Sorority aiu: w:il ;in ano:!iur qu: cer.tury of I ;.</t>
  </si>
  <si>
    <t>                                           LOS ANGELES, Aug.12--(ANP) --Alpha Kappa Alpha Sorority will soon be able to boast of twenty-five years of existence. It is with.</t>
  </si>
  <si>
    <t>                                           Racquet Expose                 tf this costume became I'1; rule rather than the exception f f tennis, it is safe to predict 'that f.o (fame would enjoy an immense v  in popularity. Gertrude Jam -a (above) tried- out the snappy enc mble on. a ChicaKOjeourt, but thp cop s       and did not approve.</t>
  </si>
  <si>
    <t>                                           SATURDAY, AUGUST 20, 1932 THE ATLANTA  , , ha. PAGE.F1VE r</t>
  </si>
  <si>
    <t>                                           y C-y-yy^yy^y I T" T" T' Vegetables Fruit Avu; i ori- Bleached, Crisp Celery     6c j Juicy, Thin-Skin Lemons Doz ISc HONEY BALL LETTUCE Culit. K-.Ur,.-  Ur.J 7C CARROTS        .-i. 7c CALIF. ORANGES   ..~. 15c WHITE ONIONS U,. 3c GRAPES Ti...i..  ...r- .-~..  ., Lb. 7c POTATOES ic"i -r  i.i.-- 5 i.h.. lie ,^~       ^^~^^ STO RES ATLANTA, %~    GF. j Do! Moite Tinv BE LUXE PEAS f^^-^ cans ^~^C ^31pg-!cS^ *3  CANS   3C Sunr.yfU-U-P^ir. cr Sdf.Ri.-^j Flour 24"3as S9c Vtfjtffcfcftf Shorter./-:^ Jewel SpXil 59c Qucitr  lcid Tcr:^lo Met eli up soT 10c Yellow Laur.dr:; Sap ^Octagoii IObSs 33c EVAP. M5S.K n..   4 s,,,. 10c WALDORF TISSUE 4 17c LUX SOAP FLAKES 2 i U.. 19c CAMAY SOAP c,,l, Sc CR1SCO 3 it,.. 49c 1 SOAP ~-~~i. t-.iLf 5c PREMIUM SODAS 1-1.1.. 13c POTATO  ~.,,.i..rr,         19c FRENCH DRESSING ki,., ra.t,. j.r 15c     GRAPE  2 25c     GRAPE JUICE uu.~ 19c SUNNYFIEiD CORN FLAKES i-w. SJc TOMATO SOUP 3     20c Sultana Sliced ~.4f     Meaf      ;     GENUINE SPRING LEG OF FRYERS 18c H A-iW S ;^-/u^f"-fJ lie PO^?K ROAST ?%~%* 1 10c BREAKFAST BACON Lb. 17c HAMS awe::* ~,r t-:,   . 17c i BEEF CHUCK ROAST i.b. 18c BEEF POT ROAST i.b. 15c VEAL CHUCK ROAST Lb. 17c VEAL SHOULDER CHOPS Lb. 19c VEAL STEW MEAT Lb. 8c  SHOULDER ROAST Lb. 12c</t>
  </si>
  <si>
    <t>                                           SET OFF- -The Works 1 EARN FROM S15 S20 OR MORE WEEKLY The Atlanta World wants the hustling type of man' to handle large routes which pay liberal sums. For particulars-, call in to see us, or phone WA. 1459</t>
  </si>
  <si>
    <t>                                           Simply Givr to C*~n- I M^*  *^IMMgagaBBglMB^      lur:..r Instead of    j ^^^n^TTffviSfc j^pj^ 4^^^MB*X'r*y9 pillar F;iic j:    *      % ^T ^~~ "j. I P JkW *S-,.?5" i RIDES i " SELECT NE?V  t0 UlRIFS CQ  Saturday-     g B B W I fl    00 U l UOI I I while the collection is so Iicauis all you need pay!  complete have it put Saturday we will put! in our Lay-Away department for a your selection in our j -make periodic payments- Lav-Awav Dept. for you.fl then your coat will be \-m sv    h f ft ar or_ H BOUGHT AND 'PAID FOR ^ t-c-t- vr\i-o  when cold weather begins: LSE \OLR CHARGbl ACCOUNT  sy.     ,- CnftJrJavf ^^^^BB^B^ come in Saturday! OCttUf UU</t>
  </si>
  <si>
    <t>                                           Vacation Days End As School Starts Monday Morning                 Vacation days for thousands of Atlanta young people will coma to ii n official close tomorrow morning when the doors of the local public schools swing open for the start of the ^1932-33 school term. A record enrollment Ik predicted by school authorities with n large number of new students signing up for classroom work In both the grade and high schools during the  week. Principal C. L. Harper of Booker Washington high expects about 700 new students this year. School authorities are asking that every parent co-operate with the principals of the various schools by sending- their children on time the first duy and continuing to work with the teachers throughout the year. Rcgi..tlon will be completed at the high school Monday morning for all pupils while grade .schools students will get their initial taste or work for this year when the report Monday.</t>
  </si>
  <si>
    <t>                                           1^ EO. SV1 CO. I I 86-88 ALABAMA ST., S. W. 1 I The Outstanding Furniture Event of theYear! 1 m Featuring many extraordinary values throughout the store! Don't miss the big Liv- fij I ing Room Suite value! Come in tomorrow and learn what real furniture values are. H 1 (Exactty As Pactyrgd) 1 1 Also! s I w?''~- "if I I Beautiful \f/j^^^^- *-^m i 1 CLUB  ^~^~    ^~~~--~ tf^^"^':^''~; 1 I We are offering to home lover, the greatest value we have ever been able to present ^^jf I m Living Room Suites THnk of a 76-inch Old English Type Davenport and comfortable chair, with all the style or M I S'lf.v^r^bSh ,ere. in a fine  Tape.tr,; in ..-o.cho.e of.co.or. B     h.; N.c^- I construction throughout, brmS.ns T.~" ?E ^"^IV^       WTH StTOMAN TO MATCH, mak- I ST^P^e ^ ^S^^I^^o^DoVt^VE TO PAY CASH-you can P.y a .ittle 1 Lach week or month and use the suite all the time. We only have a limited number of the,e Suite, and at th., gj sensational price they are sure to So fast. So come early! And at convenient terms. H I I Special Reductions Throughout the Store 1 i THING IS INCLUDED from the smallest odd piece to the most elaborate su.tes. Th,s great sale offer, you an g     unparalleled opportunity to save. I H i As an added feature- Our Bargain Basement is chock full of un- g g,7S 1 usual values. Hoosier Kitchen Cabinets, used but not abused- J^     priced as low as i WA. 0622 ^~,.      * eT C 1A/ I 'and 0623 -j 86-8S ALAcAaVSA 3i.y W...~</t>
  </si>
  <si>
    <t>                                           "There are days when the whole round world goes wrong. From morning 'till laggard night..."</t>
  </si>
  <si>
    <t>                                           HOLLYWOOD, Cal., Sept. 14.-- This next week probably will see the end of Irene Dunne's vacation. Fired by the praise given her work in "Back Street," R-K-O plans to start the actress to work almost immediately in "Just a Woman."</t>
  </si>
  <si>
    <t>                                           MESCAL IKE There's Two Sides to Every Story by ART HUHTA                 TIM TYLER S LUCK The God of Rain! by LynfYomur                 THEM DAYS ARE GONE FOREVER (A New Tune Lach Uay By Vincent Lopez)</t>
  </si>
  <si>
    <t>                                           COMPLETES SOLO FLIGH$                 Captain James A. Mollison. Scottish airman, shown after his arrival in America. Captain Mollison completed the first solo trans-Atlantic flight from Europe to America. (International Illustrated).</t>
  </si>
  <si>
    <t>                                           H W^^^^^^^^l Genuine Black and Whil' S SI a/;///;, '^^^^SS$~~    Complexion Powder is diS em HwSclisr^^ ^^T?~K ^ from ^' Si^i^' ra a sPcc!aI ncw Process ths Bh'K^   \ ma KCS n blend naturall; a kIs ^^           'ast ns y- Thi I W F^ I Pouc'er brings magic, ' 1    ByTj 1 ing beauty and charm t j B S Sri; -^^^g-j.- I every complexion it touches I    Ril '^vSi m ^ts lingering perfume make I    n^ _^H Iightful to use. Select you i H S JSIBSkSbI  becoming tint fron 1    I- JB/BwSSl ^'"'tc.' flesh, pink,  ill     Can Get a Finer Face Powdei I HI No Matter What Price You PayIBB Thousand'; of smart, attractive  everywhere arS IBS proudly Pcint'ng to the' box of Genuine Blaclrand Whiri RBI Complexion powder on their dressing tables and arc  IB! "?   't'1? ^ ponder I ever used. I  again paH h gh prices for face powders that can t do half         foi I H beauty as Black and White." -These (ire-Words cf^Rsdomi I  ords that show  American :n;are fully awake    I the unexcelled qualities of Genuine Black' and White Com' H  Powder in the black and white, square, box at 25c? 1 B     CA N"T Sct better quality, so It's foolish to pay  IB ^~;'^-':r^y^\iJI^^ lil COMPLEXION POWDER</t>
  </si>
  <si>
    <t>                                           ED % T R I A L, R3</t>
  </si>
  <si>
    <t>                                           Gyp Actors in Rhapsody; MoneyMaker                 CHICAGO. Aug. 10.- (          a two-week -  nnd another record-breaking run In the Balnban and Kntz  in St. Louis, Lew LcmIIc'x "Winpnody In Black." with Ethel Waters, tabbed for the bis picture , returned here thin week for four more weeks in the B.  K. house*. "IlhniiKOily In B!ack" was the fust itage show ever to be heir] tor ;i  week at ihc Chicago theatre. It brought :n $10,000 its lir.st week and $311,000 the second. The 1 Rhapsody' contract calls for S7.500 a week. That     an-LKdii^ of. the. -low prices being paid fur colored starring units. Las: week Lou Holt/, (of course you don't know who lie is) drew down fC, 000 personally at the Capital in New York, ami had a SO per cent c:pt:r,n on all that was taken in above SS5.000. An. I Lou was only one oi the acts on the Capitol bill. This week Kate Smith is getting 50 000 for her unit at the Palace i-i New York, of which $3,000 is for her personally, just live grand for Irving I" get the moor, over the mountain But "Rhapsody" with su./h stars as Eihcl Waters. Valalda. the Berry Brothers, and the various ensembles tha; consti::ile a east of nearly . goes            up box -e I'u;ures for a measly 57.500. Two Attempts of Lynch-Bent Mob are Thwarted NEW MADRID. M'.'.. Aug. 10.- - Two  by a ni"b of infuriated whi:~- men In. lake lV-- Clim Hoitsei-.       '.l with  In rape n whit" Kirl of JH \ears. were  ss ully 1.. c.l by officers las',  TIk^ firs', attempt was thwarted bv state highway patrolmen who held (he prospective lynchers back while Hnuser was being escorted from Cliarlcston wher" he was firs! held. This occurred before mi. might. When the mob formed again, Deputy Sheriff Snm Harris  it:i  Ilonser had been -Ml  the jail. It was actually two hours later after the mob Jmd dispersed before ih" youth w.ui taken away to ti'.o Cap.- Gir. county jail at Jackson. Hold Mock Trial at Big Bethel Friday Rift I3eth''l will bo I he scene if an interesting mock trial Friday evening, Aug. 12. when, at 8:.'IO the Ilnn .1. W. E. Limlcr will declare the Superior Court of Big BcUi.'l Church, Sutton Section, S'.aic of Georgia, Fulton County, open for big business, tiie biggest of which is U;e clase of Mi'ss Eva Jennings versus John Randall. Allen. Cofer and Chllds are attorneys for  while Harper, Jenkins and White will represent the defendant. Clerk Murphy will keep the record while no bailiffs have bi en named as thl" hilarious comedy will make it necessary for each patron to be his ow bailiff in order to keep himself from IuuRhinK too much.                 BACK TO 'CHI'                 i:tiii:i. w.</t>
  </si>
  <si>
    <t>                                           Did you ever stop to think before you spent your money in a store whether or not you were getting full value received? Of course you want fresh food, clean merchandise, and prompt and courteous service, but is that all?</t>
  </si>
  <si>
    <t>                                           PAINE COLLEGE AUGUSTA. GA. Unusually fine physical plant located in nnc of the South's most attractive winter resorts. Excellent mo- ral and spiritual environment. Emphasis on high scho- lastic  well balanced extra-curricular program Standard accredited courses. Collcjrc and Hi^h School Expenses unusually reasonable. For catalog and other information write: E. C. PETERS, Pros.</t>
  </si>
  <si>
    <t>                                           BOTH BAPTIST CONFABS BACK GOP                 Hurse Re-Named President of Boyd Baptists; 'LK.'i Also Retains Post                 BAPTISTS OF GEORGIA IN                 Assume Active Roles 1 at National Confab 4 in Cleveland                 MAKING PROGRESS                 Excellent reports were made by numbers of the Georgia delegation to the National Baptist Convention, Inc.. which held its 52 annual meeting at Cleveland, Ohio, September 7 through 11- according to Rev. D. D. Crawford, executive secretary of th- Georcia Missionary                 Convention and chairman of the Georgia delegation. tj; "A" large number of delegates*went from Atlanta and other cities in the state." Rev. Crawford told-~ World reporter in discussing the 1932 Convention upon his return Tuesday, "and all of them gave a  account of themselves and their state." The convention this year was one of the most harmonious in Its long history and very succ- although the attendance ana financial reports -were somewhat lower than usual due to the depression. "Our reports showed that there arc 4,097 churches of our denomination in the state of Georgia with 5,308 preachers. Of course, some of our congregations have memberships of a thousand Or more persons while others have- only 10 or 12 communicants, but our 'total membership throughout the state reaches the large sum of 552J249 worshippers. This is an average of 110 members for every church. During the  year. 21,526 people have con. the faith and been baptized Associations Next 1. "At the present time," Dr. Crawford continued, "we are getting ready to hold our annual associations prior to the state association which will be held at the. First African church. Savannah. November 15. under the leadership of Rev. J. N. Nubrit, our state president About 15 of the 129 associations scattered throughout the state have met  nil of the  WlIl have met before our mate meeting convenes. Dr. Crawford estimates the  of Mis church in the stuto as being conservatively worth $12,000,-' 000. Following ii caucus at Cleveland, all of the officers of the Georgia delegation were re- for the coming year. As usual. Rev. Craw- ford is chairman and will head the i . while Rev Nabrtt, vice president, will represent the state on the vice president s board; Rev. W. H. Perry, Augusta, Is secretary anil Revs. J. R. Barnett and-J. T. Johnson, both of Atlanta, are -? ant secretary .and treasurer re- spectively Nabrlt Re-elected J Georgia representatives on the-" various national boards also were re-appointed to their same positions.* with the exception of Rev. J. Tf'f Johnson of this city. Rov John*   "3 j Continued on Paite 6, Col' .~vf $                 Bapts. of Ga. Cuminti-d from Page 1 was placed on the Heine Missions Board to  the place of    . I. L. Bennett of Augusta who died I luring the past  year. Oth;rs on the boards arc: Rev. W7 H. Perry. Augusta, foreign missions: Hev. J. HZ Evan?. Ma.-on. Sunday School: Hcv. W. M. Jackson. Madison, ducational board; and . J. T. Dorncy. Atlanta. Minj .tl relief benefit board. Of curse. Rev. J. N. Nabrit  his post as secretary or the con/ in the landslide that .cd President Williams and his Mbinct back to office and sent the 3?3 meeting to Memphis. Tennessee. On. ..f the important resolutions j ; by the convention was that i  by Rev. Crawlord, a  of the finance committee  a committee to make a survey nil of the ' s and boards of the church with the view f reducing the ~-~st of  :nd  it within the income f the church. This motion, as well    one endorsing the 18th -nt of Uic United States Contitiition were unanimously . Tlio only contest of the election ..us ior the position of church attorney left vacant by the death of Charles M. Robinson. Baton Rouse. L;t. Attorney William H. Hain' s of Chicago won out over I. j W. Scott Kansas City. Mo. Georgians There Amonc the Atlanta ministers at the Cleveland Convention were: Revs. J. M. Nabrit. D. J3. Cn.w- I ford. J. T. Joimsun. J. T. Dorsey. L. A. Pinkston, J. M. Gates. J. R. Henderson. IT. L. King. J. W. Tat'. G. W. Jordan. R. W. Riley. J. R. ~-. C. L. Wilder, and N. T. Thompson. Rev. W. P. King of Shiloh Baptist church was represented by loiter. Other Georgia -ministers noted in tlic delegation included Revs. \V. F. Perry and D. F. Thompson. Augusta: Revs. L. M. Glenn. \l. A. Wilson. E. S. Cleveland. C. N. Perry and Deacon Nathan Roberts. Snv.-inn.ili: Revs. J. Jf. Bruwn. R. K. Paschal. H. Harris, and W. A. Reid. Columbus: Rev. R. C. Crouch, Moultrie; Rev. C. X. Ellis and Prof' ssor W. E: Hughes. Dublin: Revs. R. G. Cash and w. M. Jackson. Madison: Rev. W. M. Mitchell. Athens. ;'nd Revs. A. .1. Collier. W. M. Phillips. E. J. Calhonn ,-in.l J. H. Evans. Macon. Among the women in attendance at the  wen Mcsdames W. t". M.-Kinn- convention organist. Hatt-c E. Harris. L. L. Craig. Flossie Sanders. Ehn;i Gaine:;. Emma Phillips. A. D. Williams and N. W. Crav.ford. all : Mrs. S. .7. Fluker. Waycross, president of the state  s convention; Mrs. C. B. Hecsc. Newnan. and Mrs. Julia C. Calhoun and Lula Washington. Macon.</t>
  </si>
  <si>
    <t>                                           Excellent reports were made by members of the Georgia delegation to the National Baptist Convention, Inc., which held its 52 annual meeting at Cleveland, Ohio, September 7 through 11 according to Rev. D, D. Crawford, executive secretary of the Georgia Missionary Baptist...</t>
  </si>
  <si>
    <t>                                           TO HOLD POST?                 JAMES E. KELLEY Grand secretary of the Elks, who t* expected to retain hi* post when that lodge convenes in Atlantic City soon. Mr. Kclley is a resident of Birmingham and is expected to have the entire support of the South.</t>
  </si>
  <si>
    <t>                                           Howard School to Get Extra Rooms                 Acceptance of a proportion offered by trustees of Morris Brown college to use a four room frame building on the old Boulevard campus was accepted by the Atlanta Board of Education at their  meeting Tuesday afternoon following the introduction of a                 solution to that effect by Mr. Slate, chairman of the building and grounds committee of the board. According to Supcrintesdent Willis Sutton, this property was originally  to the college by the city. Mr. Slate, in discussing the project, pointed out that It would enable the school board to use the. lour rooms for two years with no obligation other than the repair of .the plumbing, which could.be accomplished by the regular employees with no additional expense to      city. Some of the  at David T. Howard school which is Juki across the street, can be relieved without the hiring of extra teachers as the four rooms may be used for two sessions, thereby eliminating the" necessity of some contemplated triple sessions and making longer class periods possible-:' The Morris -Brown- authorities agreed, in their proposition, to let the school board use the property for the next two years and then, if they so desired, enter. negotiations with them at the conclusion of that period. A motion by Mr. SwLft, chairman of the finance committee," to "oppose any further reductions 'of salaries of school board .'employees' until other city employees salaries- have    en reduced proportionately was also unanimously adopted. Steps                 were likewise taken to prevent the endangering of the income of the school board from the wat- by hypothecating the future income from that source by passing the title to other hands for the securing of deed titles in  to obtain the R' construction Finance Corporation aid. Mr. Gillian  that the city charter provided for the  of 26 per cent "f the income from the waterworks into the treasury of the school d"D. and that hypothecation was forbidden. Pushing of the effort to obtain $1,500,000 with which to carry out the building of much needed school buildings and other work essential to the relief of present congested school conditions through the  of a loan from the Reconstruction Finance Corporation, was also given the hearty approval of the board. The mayor and governor are to be petitioned for lit lp in getting this federal aid. By. a very close vote, it was decided to table a proposition to reduce the membership of the board of education from 14 members to 5 in on attempt to divorce school work from politics. Other action by the  included the retirement of Miss Eva Carter on pension and the acceptance of the  resignations: B. R. Calhoun. Miss Elizabeth Dorier. Miss Ruth Foster. M. P. Greenwood. Haitie M. Smith and E. P.. Walker. Leave of absences were granted M. B. Towns, high school teacher.      Ruby Carter was 'the. only new teacher .</t>
  </si>
  <si>
    <t>                                           Acceptance of a proposition offered by trustees of Morris Brown college to use a four room frame building on the old Boulevard campus was accepted by the Atlanta Board of Education at their regular meeting Tuesday afternoon following the introduction of a...</t>
  </si>
  <si>
    <t>                                           Free Driver in Death of 3-Year Old                 Cose of reckless driving against John Bradford, who last Wednesday unavoidably struck nnd fatally injured Joe Davis, white, 3- old son of Mr. nnd Mrs. L. M. Davis of 1115 State street, was dismissed by Judge John L. Cone in Recorder's court Saturday. The accident occurred in front "f the Davis home. Bradford driving a Southern Feed store truck was i doing north on State street when the child running across the street failed to notice the approaching truck. The front wheels of the vehicle  the child s body but it s head was crushed beneath the rear .</t>
  </si>
  <si>
    <t>                                           Mrs. Leila Belle, Mrs. Mattie Brans, Misses Grace Davis, Allene Nelson and Mattie Burns and Mr. C. L. Burnette motored in Augusta, Georgia, Thursday.</t>
  </si>
  <si>
    <t>                                           %E ITORIAlSllBiJ</t>
  </si>
  <si>
    <t>                                           LOUISVILLE, Ky., Sept. 13--Shooting to death by a police officer of a colored boy, Leroy Cunningham, 18 years, old, the 18th such victim of police brutality in the last few years, has stiffened the determination of the Louisville branch, National Association for...</t>
  </si>
  <si>
    <t>                                           King Named President of Gammon Semiriatgi                 Kilt FIRST MOB  F SCHOOL                 New President Prof There Until 1929; Leaves Texas                 ENVIABLE                         Dr. Willis J. King, president of Sam Huston College, Austin, Texas, formerly of Gammon Theological Seminary, and for more than twenty years prominent in the ministry anJ in educational circles. h:~s Just b' en elected president of Gammon Theological Seminary in this                 city, according to announcement from Bishop Wilbur P. Thirkield, of New York, chairman of the Board of Trustees. Dr. King has notified the trustees of his acceptance and will enter upon his duties within few days. As president of Gammon Seminai-y. Dr. King succeeds Dr. Frederick H. Clnpp, who resigned the cf lice last spring, and becomes the  Negro president in Ihe fifty '-historyof-the institution. He '  'believed-to4" peculiar fitness iS5r the important position to which 'he has been chosen. Born in Rose Hill,' Texas, in 1888. he graduated from Wiley College in 1910 with a Bachelor's Degree, and from Boston University school of Theology In 1913. In 1921 he received tlie further degree of Doctor of Psychology from Boston University. He in  an alumnus of Hnrvard. In 1929 he \~as awarded -a Rosenwald Fellowship for further study abroad, and spent the following year at Oxford University and in research in Palestine under the auspices of the American School of Oriental Research. Dr. King entered the ministry of the Methodist 'Episcopal church in 1908 and in the next ten years served pastorates in Greenville. Texas. New York City, Boston. Galveston and Houston. In 1918 he was Continoed en     S. Col. 7)                 King First Cuntimi' d from Page 1 c'. profess"!' of old testament :,nil sociology in Gammun Theological Seminary. ;     continued in that capacity until 1929: when he went .' On his return he was elected president Sum Hustun College at Austin. In 1929 Dr. King represented tlie Negro .students of America at the meeting the World Christian Students' Federation in Peking. China: was a member ui' the General Conlerence of the M. E. Church in 1924-. and is. now a member of the Genera) Board of Education or th;il Church, and a trustee "f Wiley College, Clark University. Bennett College, and the Atlanta School of Social Work. He is a member ot the American Sociological Society and of the Omega Psi Phi fraternity, and is the  i.f an interesting volume on "The Negro in American Life." Gammon Seminary was established by Die Methodist Episcopal Church in 1882 as an institution for the training ot Negro ministerial students uf all denominations. Its enrollment averages nearly one hundred a  and embraces representatives of five denominations. It has an interracial faculty nnd its Bnai d of Trustees is interracial and interdenominational.</t>
  </si>
  <si>
    <t>                                           Dr. Willis J. King, president of Sam Huston College, Austin, Texas, formerly of Gammon Theological Seminary, and for more than twenty years prominent in the ministry and in educational circles, has just been elected president of Gammon Theological Seminary in this...</t>
  </si>
  <si>
    <t>                                           For several rears we have conducted a Boy's Camp on Paris Mountain, nine miles out of the city. This year we are moving the camp to East Flat Rock. N. C. Uriel Stages, director of the play activities of Phyllis Wheatley, has arranged accommodations for 60 boys, a house on a 10 acre tract of land, with a...</t>
  </si>
  <si>
    <t>                                           The A. M. E. Ministers' Wives Alliance sponsored a very brilliant pastor special last Tuesday evening at the beautiful and spacious home of Bishop and Mrs. W. A. Fountain, 564 Houston Street, N. E. Many were the guests who gathered in enjoy some of the best talent...</t>
  </si>
  <si>
    <t>                                           We wish to thank you all for the loyalty and support you have given the Atlanta Daily World. We know that if it had not been for your support and interest the contest just concluded would not have been the success that it was, neither could the World...</t>
  </si>
  <si>
    <t>                                           Up From Georgia With My Banjo By Thomas Jefferson Flanagan MY SWEETHEART OF SUMMER 0 the daisies weave a river "bout her little cabin home And the waves are fragrance rare, And she rides on the crimson of the sunflower foam With a rose in her flowing- hair: And through a thousand eyes where the  bloom And the dahlias quake to the breeze And the cattails sweep like a flaming  She peers through the cypress trees. Fond where the whisper of love comes down From the dreaming clouds to my queen And summer beats the grass with a thirsty brown And the lazy lilies lean She swims through the sagging gates of my soul Into the lake of my life And as long as heaven looks down 'twill behold The sweetheart of summer my wife.</t>
  </si>
  <si>
    <t>                                           Tonight is scheduled to be one of the biggest of the Twenty Fourth Annual session of Georgia State Tri convention of the A. M. E. church when a huge double program will be presented commencing at seven thirty o'clock. Missionary night will vie with...</t>
  </si>
  <si>
    <t>                                           (LITTLE) Joseph F. Fielder Watchmaker,, 370 PeterB.StTectyS^W. Cor.             -</t>
  </si>
  <si>
    <t>                                           Mrs. Eugene Delaine was the gracious hostess to the Thursday afternoon bridge club on last week. She had as her guest Mrs. Sidney Scott, who was given a beautiful prize. Others winning prizes wer Mmes. M. O. Levy, Lillian Wilson and Willie M. White. The hostess was assisted by her husband. A dainty salad...</t>
  </si>
  <si>
    <t>                                           NEW YORK, Sept. 17.--A resolution, passed by the vestry, asking for the, resignation of the Rev. Rollin Dodd. rector of the All Souls' Protestant Episcopal church, 88 St. Nicholas Avenue, because. "he is fully determined to make it a colored parish." was read Sunday at...</t>
  </si>
  <si>
    <t>                                           RICHMOND, Va., Sept. 16.-- (CNS)--An intelligent civic campaign against Negro slum areas and miserable living conditions has been started here by a number of white and colored civic organizations. The cooperating, groups plan the abolition of the slum areas, the...</t>
  </si>
  <si>
    <t>                                           News from Your Home Town                 -Qolumbus, Ga.                 MlM^SlIen Hostess To Los Fuvoritiisl 'Club I                 ."On last Wednesday evening Miss Mildred Allen was the charming and popular hostess to the Lox Fayorltas Club at her residence on lower third avenue. Quite a ' number of members and guests were present and all of them expressed themselves as having spent                 a most pleasant evening with Miss Allen. Attend Swimming Meet, Here Misses Katie L. Kelly and Christine Evans, popular co-eds of Tuskegee Institute, Alabama, were in the city Tuesday attending the  contest which was staged at the 24th Infantry Swimming Pool at Fort Benning, Ga., between Tuskegee Institute and local contestants. The Model Sunday Schoot Club The Model Sunday school club of St. Mark A. M. E. church met last Wednesday evening, August 17th at the home of Miss Junior M. Holt. The meeting was opened by the president in the usual form. Leave On Motor Tour Dr. and Mrs. R. H. Cobb', Prof, city Thursday morning on a motor tou^which will take them to Saanrimrs. F. R. Lampkin left the vannah, Ga., Chicago, Illinois, Atlantic City, N. J.. Niagra Falls, points in Canada and other points. They expect to return to the city about the first of September. Motor To Atlanta Mrs. G. H. Strickland. Miss Eula Coleman and Miss Annie M. Spencer motored to Atlanta, G:i. Thursday to attend the barbi cue given in honor of Grandmaster W. Dobbs of the Masons of the State' of Georgia. Dr. Spencer Out Again. The many friends of Dr. William H. Spencer, Jr. will be glad to know that he has recovered from his recent illness sufficiently enough tobe out again among his many friends. Dr. Spencer wishes to thank his many friends and others for the many nice things brought him during his illness and for the many friends who called to see him durign his sickness. He is very grateful to them all for  kind expressions of sympathy and good Wishes and wishes to announce that he is now ready to resume his prac; tice of dentistry "t his office in the Pierce Buildlne on Ninth Street                 Mrs. Mary Scott Funeral tee ri.    ^uneral services -for Mrs. Mary  who departed this life early last Monday morning after an illness of several weeks were conducted from the Friendship Baptist church on -last Wednesday morning with the pastor. Rev. R. K. Paschal, officiating and the Columbus Funeral Home in charge. Following the funeral services here her remains were taken to Lumpkln, Ga. for interment. The deceased is sur-i vived by a daughter, several sons and other relatives. Mis. Pear! Davis Puim Following an illness of several weeks Mrs.. Pearl Davis passed away at the residence of her , Miss Alberta Daviu, at- 832 4th avenue, on last Friday evening- She in survived by four daughters. Ml wen Wyoline, Prirtcilln. Alberta Davln, and Mm- Marguerite Tillis, a Hon. Mr_ Frank Davis of Miami, Flu., and other relatives- Her funeral wan conducted from the Metropolitan Baptist church Tuesday afternoon with the pastor. Rev_ G_ Ju Hubert officiating and the International Undertaking Company In . James Wineii Honor in Convention At the Trl AME Convention held in Atlanta, last week the St.. J nines AME church junior choir won second prize in the singing content which wax held in Big Bethel AME church in Atlanta last Friday evening. The choir in directed by Mm- E_    Winston,    _ Carrie Beauregard and other* and It made a splendid showing at the convention. We congratulate them upon receiving this . Charlie Reddlnr Pauses I Following an illness of only a few days Mr* Charlie Redding paused away  Saturday. He Is survived by hitt wife, Mri. Lucinda .Redding and other rela^KT'lrt   r^a- Bdwin J_ Turner and her son. Attorney Benner C- Turner,  tn Atlanta, last Thuntday to spend a few days with' friends and acquaintance*Attend.. AME Meet Revn_ L- A- Townsley, H.. T3- Thornton and S_ H- Rome were among those who attended the- Convention of the AME Church in Atlanta. Colored Veteran* Attend Barbecue On Wednesday evening 200 World War veto met at the Ninth Street YMCA as the guest of the World War Veteran* Protective League President John Edwards of the white order, was present and gave, a very Interesting  a short program the 200 men were served with 275 pounds of barbecue  and _ An announcement was made by Vice President Young that all meetings will                 W held at the Ninth Street Brunch YMCA each Friday - A baseball team will bo organized soon  will meet Fort Bennintr at an early  Junion Heaven Bound was played at the       A. B- church Sunday nisht. All  enjoyed the rendition. Mm.. Pearl McCeanc won  to the Cupid'* Social club on Thurnday , Amrutt 11.- The home wan beautifully  with flower* while whut wan the main feature of the  OdeHMi Howard won first  and Mr Law Allen, booby. Mm.. Samuel Bertu of Upper street. In in the city hospital where  he confined to bed and renting well after a recent operation- We hope for her a.  .. Annie J_ Battle entertained FrU day ,  her ,      Oldknow K_ Hill- Quite a number wu  and enjoyed the evening.. M1   Hill in the daughter of Dr_ and Mnt- G,    Hill of Tifton,   ... and     hIho a competent teacher at Athena Hitch HchooL A  welcome I* extended to all to attend the St_ Markit AMK church   with Itev_ It- Harvey a* . Church  chool at t* :4G 11 ::tO morning  4 :30. all  of the            are  to be  at the : G:30 A- C- Leaicue und 7:30         _</t>
  </si>
  <si>
    <t>                                           On last Wednesday evening Mildred Allen was the charming and popular hostess to the Los Favoritas Club at her residence on lower third avenue. Quite a large number of members and guests were present and all of them expressed themselves as having spent...</t>
  </si>
  <si>
    <t>                                           Real Fashion Art Taught in New C'Un.-:                 Novel Course Emphasizes Importance of Co-ordination Between C'.:~'~!-~. 1:t:-.-., Hair j and Make-Up for Jlilaciy V.'ho Desires to Keep in Tune v.;-.r. y-.                 .1 ii not enough to have np-to-the- clothes and a knowledge of tho model* bett suited to ono that consulates tho well-dressed woman. according to the doctrines of tK. experts wbo recently lectured at tha novel  clinic, sponsored by Harper's Baxaar at New York. Of prime importance the woman woe would remain in the front rank of tho fashionable    the need for co-ordination between     , figure hair and make-up. The coarse, given at the  for  buyer., included lecture, by experts in even department of the style mogul s and beautician s art. Not only were there displayed the late.t f.thion. fof , but there were also master* of  to show milady bow they should be worn. Care of the hair with methods of ; it to the      advantage, was also carefully expounded and  be important  of make-up explained by past masters of the art.~~AboTe at Isft is one of the lovely gowns exhibited. It is of  silver velvet, trimmed on the ku, with silver fox- N-te the flat  and the ultra-  . At nght. Mm Katherine Wilton, noted  Uge actress, is shown as she save a few pointers in tht art of how and where to apply cosmetics,  sing a figure head for the demonstration. The purpose of the  u to impart,  fashion , the essentials of being well-dressed to women who live far  style center* af New York awl Paris.</t>
  </si>
  <si>
    <t>                                           Unhappy Husband Kills Wife, Self; Man Murdered!                 MMY SLAYS BOTH WIFE ID SELF                 Woman Uses Shotgun to Murder Man; Disappears                 THIRD IN 24 HOURS                 Three persons two men ami a woman .lied  ar!y  morning as the results of late Sunrtay night an.1 earlv Mnnilnv morning                  frays. Ernest Cowan. 23. Rear 78 Hillaici street succumbed about 4                 o clock  fmm - of buckshot that  his heart right                 under" his' I"/* arm. Tolice are' still attempting if locate the woman who.  y:-ung Cowan ir. front of 220 Houston street at 10:30 Sunday nig!:'. A long family dispute between Mr :iiid Mrs. Jami.- Jacl:son. 124 Lin.l.n street, came an en.i around 1 o clock this morning when Jackson sho: him* if and his ct. fatally. Both were  to the Grady hospital where they died close i.'. the end coming at 2:50 Sellers Brothers, win, carried tlie mortally wound' d couple t.. t!ie Gradv. will be in charge of funeral . Only 'v/ts v/os required to end the two lives. Jackson shooting his wife. Mrs. Willie Ma.- Jackson. UiMUtJli 'lie left side of the eh- St. .e bullet entering her heart, while  h.art and made it s way to the secor.d missile was aimed at his side. According ^es. Jacksoc is said to have run uut on Ins front porch at the early morning hour, revolver in hand, fire once at his wife and then point the gun ut his heart and pull the trigger. The two murders boost Atlanta's total for th.- year to 57 and 58. Houston street was the scene of two     affrays Sunday evening, one with two women as ihe principal  while the other was betwen a man und a woman. The first took place a few moments after eight o clock when Mrs. Idella Long, 65 Bell sin et, was seriously stubbed in the left side and should.T by Miss Ethel Hector. G2 Jackson street. The stabbing took  in .ront of 214 Houston street. Mrs. Long was carried to the Grad; hospital where    * was admitted and her condition pronounced critical The other woman escaped. Just whr.t cau?~i the second incident of the evening is still a mystery but it happened only a short distance from t\v scene nf the earlier crime, in front of 229 Houston street to be exact. According to witnesses, a woman, dressed in a white apron, cami- from Butler street about 10:15 pulli d the trigger of the shotgun that she  ns carrying and then returned the way th.it she came. Within a very few moments, a crowd of at least 400 p.  gathered around     prostrate form of a young man who ran the short distance to Bell street and fell a few step* from the rear of the small restaurant on the  of Bell and Houston. No one in the huge throng knew who he was and it was not until more than an hour later that Mrs. Cora Robinson. Rear Butlter street,  to the Grady hospital where he was in a S' mi  on Page 6, Col. 7                 Hubby Slays        Kate I) scious *tate and .'ieti him as Ern-.'Mt Cowan, Rear 7(J A HiCiurd street. Eye witnesses lo the sh" *lm- i lV Ui.it it happened su suddenly anil j almost so  tly that they were  riti: aware what li.nl happened until -.hi. si- who saw iiim '.'all started tin.* many pe"p!~--  - in^ tlie Sunilay : air :l"Ck- in^ tl'.e sce;ie as  i:m - the f;il!' n m-,r.. It wjS witli *Il f fit-Lilly l!i:it a pal!; i was m;ii!e fi.r ihr Ilanley .ee     take 'lie apparently iie.ui man to the hospital,   one      charge ~.f buckshot w.is tire.! al a very close tan^- as the .lea1 sly pallets  his  :n a very ^n i all pattern. ;r. client in^ that the muzzle ol the jmn was exti-emely near hi^ . Little h"pe was j.;iv- n fur hi:t -y by attaches at tlie GraUy hospital. Cowan was '. in the left chest nr.ir his heart. An uncle ~.f the gunshot victim, who. according u. his ni"'Jiei- i.ail recently pas^e.l his 23 birthday, went I tu [he place at 7U A. Hillianl where CtJwar: ha. I   :en r.;  Mrs. Conine Frambeau, but was - ti. f:ml any ti:ice uf the woman. However, he was accompanied bark lo i he hospital by Mrs. Frambeau's brother. "-J. G." whu sial- I l iI that his .sister wa* nut at In. me at the time but that no    - had been j there to  ^ Cowan, lie                 niu.l knowing  : the .shouting until Cowan's uncle  to :Hl him -Him his condition wus serious. Mrs. Fnimbcou is bam lu be  mother of - children.</t>
  </si>
  <si>
    <t>                                           Three person, two men and a woman died early this morning as the results of late Sunday night and early Monday morning shooting affrays. Ernest Cowan, 23, Rear 78 Hillard street succumbed about...</t>
  </si>
  <si>
    <t>                                           Vk Three Wanted^  WARREN suddenly  Sjj  iVI VI fl J found himself surrounded by a triangle of women an inescapable triangle. He wasn'.t a philanderer. He wasn't a lady s man. He hadn't sought them. j__ '--j- M^ BHH his wife, her most devoted girl friend, and a beautifully alluring " amm . .B^- B ^ .gold-digger. %TPBiyfra%^ Read the story of the emo  g Ilk I I ll %7 ^T tional storms that swirled around do a story of triangular tug- Begins Sunday i"n  at HEARTSTRINGS! THE ATLANTA DAILY WOkLb</t>
  </si>
  <si>
    <t>                                           Several holdup and burglaries marked the general calm of Wednesday--night, that greeted, the counting of ballots in the Democratic primary, a process that consumed a great share of the watchful attention of the local police force.</t>
  </si>
  <si>
    <t>                                           afcc^^ ^1 [ CLODDY,  *IWBcrj  or. Tuesday. Lownrtcmpcrnlure,  24 Iionrs, 62;  80; average, 71. ARTOUR H.*SCOTT. Meteorologist. 'Weather Bureau.</t>
  </si>
  <si>
    <t>                                           Liquor and Many Atlantans Take Trip to Birmingham                 Bv CLIFF MACKAY                 Georgia, corn liquor Sunday was introduced to Alabama soil.                 Judging Irom the excursion to Birmingham passengers oa the train have already adopted the Democratic platform for 1932 its far as the repeal of the 18th amendment is concerned. Your writer rode on the last section of the Southern railroad train and never before has witnessed such a wholesale display of ,old John Barleycorn, in the person of Georgia, corn. The whole train was turned into a gigantic 34-car speakeasy. Whiskey in 10-cent shots, whiskey in half-pint portions, whiskey in , whiskey in gallon, canr, were sold out in the open to all those who cared to buy. In each smoking room quartets and sextets were busily engaged in skin games and good old time crap shooting. Every once in a while a "city-slicker" would pass through the train introducing the famous old army game whore three beans are                 used to mystify the sucker. The train stops at Austell to take on water in front and in the back syndicate bootleggers take on more corn. It was a big day ior  . The performance is repeated at Villa Rica and Anniston where the train makes short pauses. And all the time there was a constant parading of restless persons thru the coach/s. Back and forth, forth and back. A never ending line. Ever see a drunken- man trying to cross his legs on a moving train? I mean a man who is truly intoxicated. It's a comic performance. I was sitting across the aisle from one Sunday. First he takes his left hand and makes a feeble effort to lift the now  left limb across the other. The train gives, .a lurch as it turns the bend and he has to make his attempt all over. A second trial and T;ith a supreme effort he lifts the leg with one hand and using his i other arm as a lever beneath succeeds. He gives a happy chuckle in his effort.                 A couple Duck of me are quarr:ling. "You could nt walk up and down ;he train and have a good time like :he other folks," he says, "no, you lave to get cornered off with some ." "I was not doing anything baby," she responds, " I wasn't. I've mown that man all my life." "That line isn't worth a d m, what do you think I was born yesterday. If you say too much I'll throw you out that window. Don't you believe I'll throw you out that window?" Queries the masculine roice. "Yes, I believe you, baby." The voices quiet down. I look back to see a partially intoxicated man going to sleep On a yellow woman s lap. All again is quiet. j The train stops at Anniston, Ala. As usual a huge throng hops off to pick wild flowers and fo get a better view of the scenery. The whistle of the engine blows. Then this re(Conttnued on Pace 5; Cnl. 2)                 Trip to B'ham (Continued from  1) mark "You hobos so much, whin you pays for a ride, you even tries to steal one." Another fuss in the smoking room . A fat  woman willi a diamond set in a gold tooth, hurriedly makes her departure from the room  evidently several men arc engaged in an old Georgia skin-game. She hurls back. "I works for my Uvin* you ain't goin to gamble off my money." Ncaring Birmingham, all tnc whiskey apparently niis been consumed 'and everything settles down to a deathly quiet. i This quiet is  only bl the snores of drunks, the steady beating of the locomotive ahead, and the -thump of the coach wheels on the rail joints. Birmingham, all off for Birmingham." yells a strangely out ol place pale face voice. An exodus to the door and to the Magic City.</t>
  </si>
  <si>
    <t>                                           Georgia corn liquor Sunday was introduced to Alabama soil.</t>
  </si>
  <si>
    <t>                                           The LeMoyne College football team known as Yellow Jackets train daily under the tutelage of Coach Adkins at Lewis Park The chief puts his boys through strenuous training and drilling preparing for the tough schedule that has been arranged.</t>
  </si>
  <si>
    <t>                                           The defeat of Judge Malcolm R. Patterson as nominee for governor of this state last Thursday during the Democratic Primary election was an evidence of his own political shortcoming.. For nearly two months he played politics on the basis of race prejudice...</t>
  </si>
  <si>
    <t>                                           SIX NEGROES                   WASHINGTON. Aug. 15.-  CNS) Six Negroes attended the luncheon  ven by the President and Mrs. Hoover lit the White Hous- Thursjay afternoon as a prelude to  at which President Hoover wax notified of his  bv  Retjublican National                 Convention. The informal reception to Republican lead' rs here tu attend the notification ceremony began shortly after noon. The President and Mrs. Hoover received th-ir guests in the East room from which the procession moved in lin. out onto the broad lawns of the White House where a buffet luncheon was served from the awning covered tables which dotted the lawn. Indtations had been sent to all members of the Republican National Committee, the notification committee and the District of Columbia reception committee. The guests  members the Cabinet and Congress, representatives of the worlds of finance business, labor and the professions, men and women of achievement and reputation, who gathered together on equal footing. The six Negroes attending were I Perry W. Howard. National Committeeman from Mississippi. Mrs. j Mary C. Booze. National Commit- 1  from Mississippi and Mr. Booze, Dr. W. H. Harris of Savannah member of the notification committee representing Georgia. Dr. John R. Hawkins, president of the National Negro Republican League, and the Rev. W. M. Jernagin. delegate to the Republican National Convention from the District of ColumbiaMr. Charles Isaacs of Natch' z. member of the notification committee from Mississippi, did not attend, although an early release from this news service stated he did. HOOVER ACCEPTANCE SPEECH WELL RECEIVED BY NEGRO LEADERS WASHINGTON. Aug. 15.-       A pledge to maintain th' ideals of Democratic government and use the full force of his office to oc-  economic reconstruction of the nation was contained in the speech of acceptance of th- Republican nomination by PresiHent Hoover at Constitution Hall here last Friday. The elaborate                   on PUi Col.                    Six Negroes i (.\         .-tl  l)::*e Out-) in. :r.'.L-n .1 Oy ii :y 4.000 :*i_-'[j:i-- 1 1 L I J I a i..- i:u:i.L'L'r i.bi.cai. V.iiJ^b :':u::i af. ic CUnns f ti. lu.:i.'-::- I:V.h ;i;-.i..~t.' :L-.iti s rnC:;saK' l.. itlL'  j :u\::'. 10.:; Ti^'ilu .c;n'0:s bo;h i Th'-' iij'.1. ;:i.~:: or p:1-.! i u.    n wu- v.i: ^y '.rn.- i''iL^;.!-'r:: ::i a liu:;. 'A-::il ::s ,;u:Ki:::.: ~:.-nj::iJr\ I ;l- :::f:v.:.l  K-..biv::'.. Me:!:-;.-: i-'f i c:-:i". ~-~r ^j-- ::!]i_\l Ol-::i..c:C'.:c p:;n^~i.-u:- w;^ :.N-. i-..n;.i::n.-.i t:,^ II- Ol:'.   :'.'!::i: ::ie '.\c^:a j ;i:;;i:    ii:    :' r:..:if:ca:iun i.L-:-i-n:--:;i.-.-. -.-.r:-.-: D:'. ,;o:,:i R Hawk-. ::is. J:c.:u J:i::.c.; A C'-bb. T.T:-. J:hr. ^^~^q:..:^^ i,: Phiic-: ip:..;:. Mi-. Ciar- j i r.cc W-.-..I d:' T-.k-.'o. Oi'.io. Dr. ::v.-;: SL-f)l:. ri..: Co::,-..!- i.-.-.:;;p:. Jl;.:;-.l- L.V.v:::.: Hcmy 2-^/_ 'y:y.-. :-';.i C.'ii-mil-^v'^na': j O;hv.-:s  ccn n- coren^'r.ir-:; Dr \V:!::ar^s Harvi-i A:!;.:  . Gco-s:a: Mr-. E::i:::-; J. S:o;:. D'jan   :!!y Miller. ?:vs:.:'-:i'. .M'.MX'f:.: J'~i r.::~i!:. Mr. J. F:n:^^ -r.. Mr C:-: p!.!:!;p-. ^:rs. \V::- j a::-.1 ;.:-s J. C. .^-b.ns.jr: ~.vav. Saia Pciha::: SiJc.:/.- of i \\.;-k. M,-. Hcbort A. -Viixn: j A- A \:.--;--    I Jyi.: I- D.,v;.:._.y:-.;-ncy r,: Mir. ?Y..;-.k v;...;:s. .-.n.: D ;s V.:-.: c- M:- p. B I.~'!--:,. :.Ti::s .I.-CI,:,. Car'..-:-: i C I:-:..-.--...::: M:-. a::: Mrs. j "^r. ti il.':j..V,/i-'J.'lr.'v'.V'/i'.'.' u^y!!-': I .1 N'-r:-^ vn:   ;ri :i,u n..:'t!:cr:i c::.i:s IPliu ;:-.v;.y fruin v(j:::i;; ;iv R--p-)b- j I:'.;.:1. :;;kci i:;ivc \jh-.\ m.:'.;o by  Iv: D in c.- t;.iLi.':;..i i::-v."</t>
  </si>
  <si>
    <t>                                           WASHINGTON, Aug. 15.--(CNS) --Six Negroes attended the luncheon given by the President and Mrs. Hoover at the White House Thursday afternoon as a prelude to the ceremony at which President Hoover was notified of his renomination by The Republican National...</t>
  </si>
  <si>
    <t>                                           pmu I* or  s the world famous combin. ion skin trc.-. that the who! :amily turns to when ugly*  ;kin  breaks out. RESULT ZOME QUICK WHEN YOU US 3 BLACK AND WHIT  AND SKIN SOA! , mole ,  '.s nnd oilier skin  Hsappcar like magic. Your ski r- j_ clears up a nd bi f^j^^% :;omcs LIGHi 'Tmm age of  2ck an White Ointment contains thre imes as much as the 30c size. Larg jar of Black and White -Skin Soa s only 25c. Sold everywhere g If your skin is sensitive use this  white milder- product IfonuLw. ^# SKIN  lightens the skin easily naturally, quickly. Because it is mild and snow-white  people prefer it and  Kill. .use nothing else. Its gentle, soothing, effective, action mates it a real pleasure, to use. Large can' of ..Bta'ct and. Skin I  t Whitcner, is only ije.^B</t>
  </si>
  <si>
    <t>                                           Last year Nashville, Tennessee produced one of the strongest professional football teams in the country and won the southern championship. Their games numbered sixteen, while they lost just three, playing some of the best rated pro-football squads ans...</t>
  </si>
  <si>
    <t>                                           ~:m:tt, ~,SKK5                  Belcher t3~?j5                   Hockett '</t>
  </si>
  <si>
    <t>                                           Things are approaching a happy climax at the Atlanta City Playgrounds as the end of the summer season heaves in view. Many contests are being bitterly waged as the various groups strive to achieve a finale in a blaze of glory. Attendance during the...</t>
  </si>
  <si>
    <t>                                           CHARLOTTE, N. C., Sept. 15-- (ANP)--With the registration of Freshmen on September 19th. Johnson C. Smith University formally opens the 1932-1933 session. A large enrollment is expected.</t>
  </si>
  <si>
    <t>                                           Home of Hi-Ja Beauty Aids                 SECTION OF GENERAL OFFICES OF HI-JA. Inc. Mrs. F. E. Hinklc, president anil i.wner of HiJa.. Inc.. one or     world s largest manufacturers of Toilet and Beauty Preparations  b\  people                 -Photo by Kelly, Atlanta.</t>
  </si>
  <si>
    <t>                                           Messrs. Richard and Marvin Mullin returned home Sunday night after a very pleasant visit of two months with their mother Mrs. Estella Reid of Cincinnati.</t>
  </si>
  <si>
    <t>                                           The Zayat Kiss                 Archangel of Evil                 By SAX ROHMER                 MESCAL IKE                 The Hold Up                 hv ART HUHTA                 TIM TYLER S LUCK                 The Rain Gcd's Promise                 by LYM YOUNG                 THEM DAYS ARE GONE FOREVER (A New Tune Each Day                 SlLLT^UNCLg_                 TELLING TOMMY"                 4y Paul Prsr^</t>
  </si>
  <si>
    <t>                                           Misses Janie and Hattie Bell Grier of this city left for Selden Institute, Brunswick, September 4th.</t>
  </si>
  <si>
    <t>                                           Sooty Hideaway                 Mr?. Tnclinu Thompson is .- as pile wa* rt'](.'a5od from the Dixie Bee mir.L' at   *rre Haute, Ind.,. after hidir.R in a boiler for t.vo days while the  ivas  b^f strikers. The Aomsn had accompanied her     ^:ind, r non-union worker. In the mine and u-as trapped when .cd unionists besieged it.</t>
  </si>
  <si>
    <t>                                           DR. E. H. , popular physician of Birmingham, Ala., who announces the removal of his North Birmingham ofiice to his resident office. 1420 Seventh Ave.. N..</t>
  </si>
  <si>
    <t>                                           FAILURE TO return to court after having been released on copy of charges, resulted in Will Johnson being sentenced to sixty days in the stockade for contempt of court by Judge John L. Cone Tuesday, Johnson was arrested on a second charge of disorderly conduct...</t>
  </si>
  <si>
    <t>                                           ^m "Fa page for women ~/jsh?2  .;,3 BEULAH MITCHElL HILL, EDITOR. 1L M%B-^^ir K-</t>
  </si>
  <si>
    <t>                                           As Broadway Acclaimed Libby Holman                 Kuur intt-ie.-tin;; s-.ud:rs uf Li:~by lli.!n::in i!i-yiM::c:-. u- - whs !;ni)ivn tu Saw Ycrl:   i vi,,u at '!ie height ol' lmr Comu ui a " ."!                 it w::s while  in thn "Little Show"      LibLiy l:i = c met Sir.ilh Heynulds fur    she muat stand .</t>
  </si>
  <si>
    <t>                                           ERNEST ASHE, EX-FORCE HALFBACK, WINS MEEf</t>
  </si>
  <si>
    <t>                                           Will Tigner, age 50, who has for four years been janitor of the local Lee High School, was lashed brutally last Wednesday morning about 2 o'clock by two cars of unidentified white men, all unmasked and impersonating policemen. The aged Negro custodian was taken...</t>
  </si>
  <si>
    <t>                                           The Les Jolie Social Club will hold its regular meeting Thursday night, August 25 at 8 p. m., at the home of Mrs. M. Waters, 582 Irwin street, N. E. All members are asked to be present on time. Directions for reaching the home of Mrs. Waters follow: Catch Irwin street...</t>
  </si>
  <si>
    <t>                                           There will be a meeting of the members and friends of the Aged and Orphans Industrial Home of America at Holsey Temple C. M. E. Church, Linden and Bedford streets, Friday night, August 12, at 8 o'clock. The Public is cordially invited.</t>
  </si>
  <si>
    <t>                                           NEW BENEFIT CO. MOVE LAUDED                 Appointment of New Receivers Liked by Blayton                 HELP TO PUBLIC                 Interview**!  his opinion ut lh. .- of the resi^n.iti in of Georw:. receivers nn.. the :.iuM Wolnesday    Jwlyv Humplirivs Fulton Superior Court, of Mr. Bryan      Mr Clarki- "1 the District      ..bia to fill their ." In the                 ional Ben- fit s affairs in Ccorgfci, J. B. Blaytun, l..c:.! -d public accountant nn-l nationally        insurance expert stated  in ; tills li:OVi! 'MS "f ;;n-ate: value r.i p-li.-i hol.iei- ;mw!i:iv National . t:,ai; :i:iy o:!ut ic;. on s;nee in i :;:.t:un -.vas s;ar ieu" oy vario-.s interest rr...:e than a ye:: ;i^'o. He ~)'~ini*.' din  this move uii.-, i.f ;):u*.;cul.ii" -s; to Guo:";^ia po!:c\!  'lik']':. LfC:* Uil' corr.pany wi.uld nc.'.v be :n a position   ^ pay certain ( c.::(ims /n Ui* STiU-. Mr. Biayt.iii  ~::nl that :r, i;!.--' opinion t ~;;aiis nu-.v bL-::^: v.'":    -,i uL:t, ar.'! U'!i:c!i    ;        :n u[,i-i- 1:1 a -'i- of s".at--s. art.- .'i. -ca:!y aih; ^. Mini!.:, a:M t!,at !:i/ . s thai the  Washington rt  for 'lit c- ^L-i.-rw tin.- ('"Op-.n of all ..s ajl.! .rr!L-ni!i of ,:.j I'lrii:. I: wili bu  ii t.'iat .Mr. Blayt"!i -.vas   net.' ~.-o:ini;c;     N'.ii.:or:al Ul-::*-:;!, a:n! !a:cr l:ia.)~: an :    .L-::i:'-ir i.'.\:in.i:'.::ti.-n in u, its  an.i ar.~L-t^_ This statement C":;.::ij: f:um iiim si:. -ul.; !~jn(! i:i'":crrn.-nt an, I lope II:..- u.oi:.sands pu!:i.-yi.o:.!c!-:. :hv c.iBcc-n :n Gi'O.j;ia a::,: ih:ouy!-.uut the O U.T.:-y. especially  in:; 6p:n; ir.~- re^ar.leti as expert in \v.']- i:i;;u:ar:ce :.n,j i::'. circle-.. Asr:  ! :T hi: were n \1.- Cunnei-te.! with .\ Benu.'ir in any of.:c:a; .if pr.'i -na: capacity, he stated tjia: !:e  absolutely no e-'M- r..-ciii.:i k:::, tin- Uv.r. except thai j  I1 poll,-.-. ::n!,!e:-. an.i  t;i-:ef"re Ins statement are i:nbia:e-l an.-! couple,!  no i: .I-: l-: I except to see ::.  ;i ,jf h.s race r-:ate' to p:e^- rve whoever  01 the resource-, an.! bi:si.".'.-ss vi t:;-.' C"r.. a::,l i,, i-.icipe:ate with the r.-ceivers in their plans ul rehab.</t>
  </si>
  <si>
    <t>                                           Interviewed concerning his opinion of the significance a the resignation of Georgia receivers the appointment Wednesday by Judge Humphries of Fulton Superior Court. of Mr. Bryan and Mr Clarke of the District of Columbia to fill their places in the...</t>
  </si>
  <si>
    <t>                                           HOLLWOOD. Cal., Aug. 11.-- Rumors are rampant in Hollywood that story trouble will cause the further postponement and may be the abandonment of "Jubilo," as a Will Rogers vehicle at Fox.</t>
  </si>
  <si>
    <t>                                           CHICAGO, Sept. 9.--(ANP)--After listening to a stirring speech from Congressman Oscar DePriest Saturday night in which mathematical possibilities of the Negro vote in Chicago were analyzed. Republican political leaders of various factions, on the motion of...</t>
  </si>
  <si>
    <t>                                           If* EASES 21 PAINS liniment that brings fresh Mood to pmln spol gives quick relief Mother's lame bade, Junior'*. braised elbow," Both found relief In a bottle of Sloan**! And Father who suffered For years with lumbago No  loses sleep; while Those -weather       That kept Grandpa Awake No longer annoy Urnl That ankle of Sister'* Healed. quickly; the Swelling has gone. Relief? Why, that bottle of Sloan's cased Twenty-three different pains! LINIMENT</t>
  </si>
  <si>
    <t>                                           Well located at 206-7 EdgeWood Ave., you will find one of the most popular house furnishings establishments in this section. This concern is the never falling reservoir of supply for everything needed to make your home more comfortable and attractive. In...</t>
  </si>
  <si>
    <t>                                           3 Wise Guys who were found lacking in one respect they did not recognize* the real value of WANT ADS and failed to Call WAy 9913 and find out about the cheap rates which save money.</t>
  </si>
  <si>
    <t>                                           '32 Honor Grad Goes i to FiskU. This Year!                 William J. Arnold. Jr.,' son of Mr. and Mrs. William J. Arnold. Sr.. 765 Gr'ensferry avenue. S. W., left early  morning for Nashville. Tennessee, where he will enter Flsk university. Young Arnold is an honor graduate of the 1932 June class of BookT T. Washington high school and will he the only- member of his graduating group to enroll at Flsk this year. He will take a college course. Accompanied by     father. William J. Arnold. Sr., he is motoring to Nashville whire he expects. to arrive In time for the first activities of Freshman Week which starts to- day. The young collegian lias the i unique record of not having missed a- single class. nor bem tardy once since he started school at the age of six until he, completed Ills local hl^h school career.</t>
  </si>
  <si>
    <t>                                           Warrenton, Ga.                 *b* Blur Moon SoeUl club will mrt Jwfet  NtM Annie Laura talc               4 jr . Septembir^th- All  are  to     for IraporUnt        ..             M. Ollocrt. . MIm Boblf Pr-'Mim.' - Mtu       Dinrh     thr .f'~      :m -i-of Mix Boblo -P; Sundiy. .M- J W 1         b  to fight In. Atbota tX.     -</t>
  </si>
  <si>
    <t>                                           ty When in Need of a... Notary Public COME TO THE Atlanta Daily World Of fiec 210 AUBURN AVE., N. E.</t>
  </si>
  <si>
    <t>                                           SAN ANTONIO, Tex., Sept. ll-- (By, for the Associated Negro Press)--With whiskers decorating a rather flabby lay George Godfrey the uncrowned heavyweight champion of the world defended his colored heavyweight championship crown...</t>
  </si>
  <si>
    <t>                                           OH U? 'h E*RO DArcrNKWSpCTEK. IN THE WOM.O 80 NEWSPAPER , UIC, PUBL18HTS8 W. A. SCOTT I 1m***  ManhaJl Part.  KdlW MEMBER OP THE ASSOCIATED NEGRO PRESS THE WORLD  no ? fer   mt lmU tW      . .v rates Diw TW. $7   MMhm, till 3 Utotta. I2ii 1 Ibath. H. WMfcb-. Bandar OlUr,  UI PUBLISHED DAILY AT 21* AUBURN AVK, H. K. ..v TELEPHONES; WAlnol U8   nj I4W CatcrW u Mrand-dM* m.ttrr  t tb. Mrt  at AtlMU. Ca- udu    art of Mareh J. 18   TT"1  REPRE8ENTATIVr W. B. J3FT CO- JM        Bldr- Atlanta. Clilcaio, Nnr Terk. Nnr Orieaaj</t>
  </si>
  <si>
    <t>                                           V Hit Daily "H I FREE 1932 INSIDE Dopr in nuke a Hit Milk I B Cfarin;; Hou)~c. ^. Unnd*t Elettfie,'   -I I    . N. American, Policy. Rooei i Niudbcn??~ I . Hi W. 1 21! St. Nrw York. -V</t>
  </si>
  <si>
    <t>                                           Injuries Are Fatal to 14 Year Old Lad                 Bonnet Henley. 14. 387 Buchuian stree.'who vas seriously injured late Labor Day when the bicycle that he was riding was struck by an automobile on Forrest avenue, died shortly before midnight Sunday at the Gratly hospital. His skull was fractured as the result of the                 impact. According to J.  K. Trout, 1356 Beatie Avenue. S. W. employee of                 the Bell Broth- j ers garage, he was driving a. wrecking truck, belonging to the company, east on Forrest avenue 7:45 ~.at night  the youn^s cr, who was ,                 in the same direction between the two car tracks, attempted     make a left turn. As lie did so, he saw an automobile coming Jcwu Forrest avenue ami  l in whip back. When he aid this, he turned back into the pa h the truck and was hit by Ilia  Kcnlcy ra knocked from his bicycle, which was latter  over by a street oar and completely demolished. The boy was taken to t!ic Cnidy where It was found that his skull had been fractured A case was booked against Mr. Truur who cUn-ns that the          w:is  unavoidable on h;s port The youngster s  is Iho 17th traffic fatality within Die city !iir.its among colored AtUintuns fiis . Hanley and Cutnpuny will be in charge of funeral arrangements.                 4 ~^P</t>
  </si>
  <si>
    <t>                                           Bonnet Henley, 14, 387 Buchanan street who was seriously injured late Labor Day when the bicycle that he was riding was struck by an automobile on Forrest avenue, died shortly before midnight Sunday at the Grady hospital. His skull was fractured as the result of the...</t>
  </si>
  <si>
    <t>                                           II OfKei.l SCHOOL SUPPLIES 75c Complete     for Fir.t: Grade wl* r AMOS' DRUG STORE Athby at Hunter M*. 6122-23</t>
  </si>
  <si>
    <t>                                           Today's chart favors employment and matters pertaining to writings, new contracts and agreements. With those born under Cancer, Leo and Saggettarius being subject to the favorable astral vibrations. It will not be a good time for making...</t>
  </si>
  <si>
    <t>                                           Diving Champs of World Star As Kjfng and Queen of Kiss                 Gorgeo1^ Georgia Coleraan, Olympic springboard       's Ace, and Mickey P.?!ey Galitzen, Men's Champ, Confirm Troth Before 10,000.                 MICKEY RILEY  AND GEORGIA COLEMAN Xove's flame burned so brightly in Los Angeles the other day that tea thousand people, attending the Olympic games. Felt and saw its warmth. Gorgeous Georgia Coleman, lovely young Californian blonde, had just  the women s Olympic diving championship. She had just completed  her routine of high and fancy dive* wita a grace and perfection that bad brought the crowd to its feet. Georgia has, literally* the lines of a 7oung goddess, and she wear* her dresses as well as she* wears her Olympic one-piece diving suit. Nearly all of the onlookers expected that the fair new diving queen would immediately run to the clubhouse and 'change into a charming afternoon frock to receive her trophies. Thea came the startling and thrilling surprise. A few feet away from Georgia stood Mr. Mickey Riley Galitzen, his head accustomed now, after thre* day* of wearing it, to the crown emblematic of the world s diving championship for males. Mickey is gorgeous Georgia's fiance. Mickey is a handsome young man, with abundant locks falling uncontrollably about hts head. Georgia rushed up to Mickey, threw her arms about , fell Into his warm embrace, and their lips met. The crowd murmured its approval. There was wild cheering. Mickey blushed but held his Iorely fiancee firmly and proudly. Then, with the enthusiastic well-withe* of the crowd still ringing in their cars, the King and Queen of     diving firmament ran  to their respective lockers*</t>
  </si>
  <si>
    <t>                                           The Alumni Association met at the home of Miss Bessie Belle, who is ill. One of the members gave her a shower. The Y. M. Matrons Society met at the home of Miss Irene Smith. A nice time was enjoyed. They also gave a weiner roast.</t>
  </si>
  <si>
    <t>                                           HOLLYWOOD, Cal., Aug. 10.--Red-headed Virginia Bruce, the apple of John Gilbert's eye, has received a new film assignment--and Hollywood is wondering whether it will postpone her marriage to the star.</t>
  </si>
  <si>
    <t>http://search.proquest.com/docview/490404228/</t>
  </si>
  <si>
    <t>                                           MONTGOMERY, Ala. Aug. 16.-- Five conference contests and two intersectional tilts feature the nine-game grid menu tentatively scheduled for the Alabama State Hornets who will begin their workouts with the opening of school on September 12.</t>
  </si>
  <si>
    <t>                                           EVERYBODY KNOWS THAT A Sick, Ailing Wife USUALLY MEANS AN UNHAPPY HOM1                 Unhealthy people make others unhappy. If you feel sick down-       , how can you expect to be cheerful and to make your husband happy and be a good mother to your children? You can t. What you need is to get back your youthful vim and vigor then happiness will take care of itself. Famous G.F.P. Tonic Makes Healthy Women It's simply amazing to sec how quickly St. Joseph's G.F.P. puts new strength and Vitality into weak, worn-out-women..                 This rich, vegetable tonic contains nature s own roots and herbs which have been used over a century to invigorate and strengthen women. Just store -taking it today. Sec how it helps to banish backaches, dizziness and those other wretched ailments so common to women. Feel how it tones up your system; 'restores abundant energy; increases your .and makes you a strong; healthy, robust woman. Your dealer s*lb. the big  bottle of St. Joseph': G.F.P. on an  -back guarantee. Get a bottle- and stare taking it today.</t>
  </si>
  <si>
    <t>                                           The Southern Intercollegiate Athletic Association just closed one of its most successful sessions at the Butler Street Y. M. C. A., here in a meeting, which, formerly, was scheduled for Jacksonville, Florida, from which point it was transferred to Atlanta as an...</t>
  </si>
  <si>
    <t>                                           Bishop Fountain to Preach at St Paul                 A sermon by Bishop William Alfred Fountain. Sr., head of the Sixth Episcopal district of the A. M. E. church at 11 o clock Sunday morning will be one of the features of the last day s celebration of the 64lli anniversary of the St. Paul A. M. E. church, tomorrow. Rev. Charles Sumner Williams, pastor ot the Big Bethel A. M. E. church has been selected to preach at the thre" o"clock afternoon services while the pastor. Rev. D. T. Bubcock, is to deliver the evening message. Friday night. Rev. E. C. Newton, pastor of Ariel Bowen M. E. church was the principal        . Large crowds have attended the meetings that started Wednesday evening. There will be no     tonight Rev. Faulkner Back on Job This Sunday For the first time since his extended vacation- in New York. North Carolina, and other places, R-v. W. J. Faulkner will occupy the pulpit of the First Congregational church when lie delivers the morning message from the subject. "What is Christian Living?" An interesting feature of thi- IV o clock services will be two Organ numbers by Miss Mildred Greenwood who will play -Pilgrim's Chorus from Tannhauser," Wagner, as an interlude and Burleigh'n "Through     Moanin' Pines." for the offertory. Sunday school will be held at 9:30 with the Men's Bible class at 10 o clock. An interesting program has been arranged for the vesper services at 7 o clock under the auspices of the  board. The public is cordially. Invited to attend all  at the "church of the cordial welcome."                 UNIA Calls Church and Lodge Meet NEW YORK. Sept. 10.- (ANP) According to an announcement by Dr. Francis, the President General of the Universal Negro Improvement Association, the leaders of all national Negro organizations including churches and  orders, have been invited to a conference to be ne!d in New York In October under the auspices of the U.N.I.A.. Inc.. to determine a racial industrial program and to devise means of carrying out such a program on a. cooperative banis. "The sincere gratitude of the ra'.e." Dr. Francis said, Is due to our clergymen of the various denominations who. through their churches, have kept the morale of our people courageous!; high in i these times of stress, and who are stilt doing so. Let us unite our activities in tho  \pt to overcome the great barrier of Jealousy which divides the leaders and retards the progress of the race. Let us join hands in a federation of national Negro organizations that will permit us to write our Declaration of Independence."                 Liberty Baptist in Afternoon Program An interesting musical and literary program will be presented 'at the Turner Monumental A. M. E. church Sunday afternoon at 3:30 under the  of Choir No. 2 of that church. The : is bein? sponsored by the Men's Bible Class of the Liberty Baptist church and will fi-ature an array of local talent. Musical numbers will be presented by Liberty Choir No. 2 and Glee club. Miss Edna Riley. Mrs. P. C. Clow. Miss Johnnie Bell Hamilton. Arthur Drake. Miss Bessie Williams, the St. Paul A. M. J E. HarmonlzTs. Moss. Hirse. Miss Ola M.-Ross, M!   Ada Terrell, Uwj Faithful Four Quartette. Liberty Baptist Quartette Number 1 Miss Susie E. Warren: J. H. Thomas. Turner Monumental Choir No. 2, the Misses Crawford. Murray, and Valentino, Miss Florence Booker: Grovcr Cascn, Carlton Sykcs. and the Men's Bible Class Glee Club. Following the invocation by Wyley Thomas. Miss Nell Brewer j will        r the welcome address. Readings will be given by Miss Alma K. Mapp. Mrs. M. D. Strick land. Newman Hiimilton. Miss Addie Johnson, and Miss Robincz Jones. Closing remarks will be made by R. C. Eborhardl. Rev. W. C. Kelley. and Miss S. L. Brew-r. The public is invited to at eni  program.</t>
  </si>
  <si>
    <t>                                           BY 1-DWINA MacDONALD Fire Men and Women Entangled in the Most Exciting Romance You're Ever Read About IlL^llL-l ^  C'ie soc   who have ^rl^\^4-^^^^^/j'^SM t0   t0 do Jinimie mi^^^^^^'~^- f^~-^r^wl 8 lcl llis 8         '' and TlliW^^^i^''! V^' x^' ^tf?5   ^ac'~ Laurence, in love with M^"^ H\U) 7'1 $!-i'$$Xfl[/ft. Patricia. Only enthralling I' 'x/f/ I ^'~^2i?^^I (f drama can result from such "vy X(iR* I*'' ^"X^ a situation, a promise ful,-J I  l- fPw.LI/7 filled in every paragraph of f ft/ HEARTSTRINGS, the new M-  sr serial which will be published Beginning Monday in DAILY WORLD</t>
  </si>
  <si>
    <t>                                           THAT S WHY IT LIGHTENS ^mVm v ^B B Jl% K Wu bTI 111 jo':  _jA Don't fool around and worry yourself ^Bj^^~j^^^  3  and While DOES do  because it is tin: with  thai make you waste a lot of BKT ^^~"igg*^ ^g^iM only bleaching cream with the exclusive, time and money because they art too weak H^v ^^^^^^~Hi D0UBLE STRENGTH FEATURE, to do their work. Here's a way to BE ABSO- K^^jv ^^^^^B You will be amazed at the quick, easy, LUTELY SURE OF RESULTS. A way to      0~$^~*!W Tre wav Black ami White lightens your to LIGHTEN AND BRIGHTEN YOUR ^~^M J^^Wu j ~'~     over the way it .clean, up  SKIN TO CREAMY FAmNESS IN ONE- ^MHandSome\ ,,        ,iong in. record- HALF THE TIME AT HALt THE COsI. ^^   ^^^ Opal Jar I time.        go to your  drug store Because Genuine Black and .White '^^^^BB^^V SOC y or at a"~' loi el goo.ds counter and 'ask for Bleaching Cream is scientifically C^y,, #//Vf*~^- Genuine Black and White made "double-strength," it has ~^t/lUU/fUC, Bleaching Cream in the large, the power to penetrate to the Ml jL I/'"*" A/ II ITC handsome opal jar at 50c. For skin s fourth layer where color- ttl_/\\*-~ Iv A^D W if I I L  .lls ~'  0*  ing is regulated. Ordinary fc*fc.#-~-*^im- T T B I I ha       ai)(, wi,i,c Skln.Soap bleaches can t do this because Dl ETA^MIM^ ^*I?1 (2Sc) before you tisc this  haven't the strength. Black DLLHvillllU V    bHIf I wonderful bleaching cream.</t>
  </si>
  <si>
    <t>                                           L-L T Vm. -ii, On those days when the front page reeks with crime, a* V^,~     ;:.-^/~,f ,,^TtfT^e'^LtaiD??yW?rld I8,* mrr0A f\ Jt is because NegfLhere have done Uttle else since the pre- Z    .'^M</t>
  </si>
  <si>
    <t>                                           Milledlgeyille, Ga.                 !     Mattle Adaran and Mn. Gray of M n- tor*) 'to tbU rlty Vbor Day to vUlt Mr. and Mr.. Edward Ixe. Th* opening exercise* of the Eddy High School were K.ld WcAuaday.          Tth. In tbe  Kbool halL. A .r1M        waa-         by Or. Webb.  of C- S_ C- W. HI.  nb]~ct SICrLUe'f      . Talki      alto made            Danford-of Wmlty AME church and Harny of the Fltrei Chapel BaptUt church.'. i*               and MIw Will I* Mar         .  of            , are addition! to the toe .</t>
  </si>
  <si>
    <t>                                           The Fastest Human I in The World j    Tells his own life story to readers of The Atlanta 7-     ^Sl Daily World beginning Monday, September 19. J iS^i^S^^ttl This sensational and thrilling story, which will be I^^^^feg exclusive and printed  other newspaper here, comes jj. ^I^J^^^^fe1^ v^ to you in twelve installments. It will grip you from the fJ^^SH^S I 1 start and sustain your interest throughout the entire l^S^KK^^^^ l two weeks. 'u^B^M^^^^^M^ ;'^r^S^^I- x No Negro can afford to miss the true story of how Qf^^^^^ the great little star struggled and overcome the handi- ^gf^^^^^P cap of color to win two Olympic running titles from ~^~#S3S^^B the best sprinters ever brought together. '^^ toL^^"^^: A A A A A A *i j -~-AJV'".^..~~-'^.^.V Start it ^    /  it daily for two weeks in ,1</t>
  </si>
  <si>
    <t>                                           Atlanta will have a colored professional football team this fall, entering into a category with Chattanooga, and certain other cities in this particular, much to the surprise of every Atlantan encountered to date. But, more surprising than the fact itself is...</t>
  </si>
  <si>
    <t>                                           To Bury Police Gun Victim Wednesday                 Funeral services for Willie 'Baby' Brawncr who was fatally shot Monday night. September 5. when he I attempted to resist two officers who came to arrest him for the theft of an automobile, will be heW at two  Wednesday afternoon from the Pollard aid Hancock Funeral Home.      youth, according to        Smith, rear 1142 St. Charles Place, severely beat him up Sunday night when he went to speak to him a- 1 bout taking his car without permission. Mr. Smith, who was given medical attention,  his arrest. When the officers wen; after him the next evening. "Baby" fought them up and down Fraserj ana Crumley streets, tearing off most of their uniforms and finally  away only to bo shot as he j is said to have started attack one of the policemen wi:h a knife after he was .mcd up on a                 way in an apartment house. Younj Brawner is survived by his mother. Mrs. Tate. Burial will be in Southview cemetery.</t>
  </si>
  <si>
    <t>                                           GEORGIA A Onm II A. M. 13c. ChlMr.n Hcg Victor McLaRlen ami fl Grctu Nlsscn in C "Rackety Rax" I</t>
  </si>
  <si>
    <t>                                           ,S DO YOU KNOW: i /a\ Dr. Young's HERB MEDICINE X-~_Y I 8. X00T8. BARKS AND'OtOOD-'TONIci/^ d^/S'l A HE88ACE TO TDB BVT1 ~~~'$~ -=~~ f ODi Then. la help for 7~*i. ThU u th. aid         ClillMM A_V -BnU      )kt with hb - and ..~iM(    v' A IV    1        "d *r*          *d. iw -j C ^A  V      / Blood Po1  ,           (^   7^WMiiMM,:r XT Skin DIhim,                 Bd All .v^,'^^ '. To .lt mar       . call at    *l,a*~? 113 L A\ -I  P bopa U  tall.                *la^     /-    ;~    Or.T.Y. Young "X/: THZ_OHBBNTAi          3       ;^iii S**      A,    far  tht                      AtUmt. ~~_j,-:y-;,~~mp-f:.JV..ll.jl. J*^*^W^^</t>
  </si>
  <si>
    <t>                                           HOLLYWOOD, Cal., Sept. 11-- Always a great hand for stunts, Dourlas Fairbanks is shipping a ton and a half of "Mr. Robinson Crusoe" props to be exhibited in New York as a ballyhoo for the openine of his picture September 14 at the Rivoli Theater.</t>
  </si>
  <si>
    <t>                                           Monday morning, September 12th, will mark the fiftieth opening for Edward Waters College. Many of the city students are registering this week. It is expected that a large number of city students will register the early part of next week. The work of...</t>
  </si>
  <si>
    <t>                                           The sad and sorrowful news that Elmer Baker, Ric Roberts, and "Doings" Blackburn will never pastime in the proverbial moleskins of Clark university again has long since been heralded thruout the sportanic world. To that woeful message, it has just been learned and may be added the knockout blow that Ted Staplefoote, vanity tackle.; Rupert Bell, flashy first string halfback; and Big Watts, another dependable varsity tackle, may be lost to the Panthers. All three are guilty of scholastic arrears at the institution...</t>
  </si>
  <si>
    <t>                                           JACKSON, Miss., Sept. 15-- ... this beautiful late summer afternoon at 3:30 sharp, T. R. Wells, newly elected head coach and athletic director at Jackson college and former Virginia Union star guard and backfield plugger, will sound the gong that will usher in the 1932...</t>
  </si>
  <si>
    <t>                                           .ONLY  DAILY NSWSPATrER IN THE WORLD -*--l SOUTHERN NEWSPAPER 8, INC, PUBLISHERS IT..JL.  COTT      Jwjfc JUralall       MwllMt Kdltw  OP TBB ASSOCIATED NEGRO PRESS THC WORLD  a*  for !  Mat      SUBSCRIPTION RATES DM Tw,  7   KmiIu, I4J5 3 Month.. KJ5 1 Mmlh. M.     . SaiuUr Onlr.  2J0 PUBLISHED DoULY AT 210 AUBURN AVE, N. E. TBLEPHONEa; WAlunt 1    ml 14   (UnW u   U           at Atlmjita, Ca. u4 r tW act of      3. IB7J  REPRESENTATIVE W. B. ZIPP CO.,  M         BMr- AllMU. ChltMO. Nor Tork. Nnr</t>
  </si>
  <si>
    <t>                                           I 3? STATE NEWS                 Vidalia, Ga.                 A            tiny waa held at the St. Paul AME church SnuOay *illi in* . Rev. SlautrhtT. i. at bolli  Rfv. "Lovely, the       M. t-. p.stw.   l lh# 3 o clock . He  hn .K ond Dimple Krroon that It       )T Jor  vvn little child to            . The Queen of Victory Sumluy school convention convened  t Jordan Strcatii Trtifr "    *~ number prw^nt. the .ci.lon ! Sunday with a rally between gle,e  and the little .folk of the Sunday . The Silver Tone Quartet won first     in   and Menerva Price won        in the  content.</t>
  </si>
  <si>
    <t>                                           They look like they are but they a'n't!</t>
  </si>
  <si>
    <t>                                           Nab Burglars As They Enter Grocery Store                 Four burglars      captured earlv Wednesday morning shortly after they had smashed a plate glass window of the A and P store at 2301 Peachtree street and entered. Th-ir capture, however; resulted in the store catching fire. Tipped off that the place was going to be robbed, Detectives Georeo Caldwell. A. E. Davis. J. C. Simmons. C. E. McCrary and Weights Inspector Echols remained ambushed until: the four youths had entered :h(? store. Dcici-tive Caldwell armed with a" si wed-off shot gun entered the buil;iir.g and seeing one of the burglars attempting to flee fired at his feet Port of the shot struck a       f matches causing it to ignite. The fire was quickly extinguished by the detectives. At police headquarters the four cave their names as Governor Brown. William Long. Albert Brown and Ossie Ham.</t>
  </si>
  <si>
    <t>                                           Many Attracted to Cosmopolitan's Anniversary                 Another big night in connection vita the celebration of the 59th -iry of tlie Cosmopolitan A. M. E. church is slated for tonight tilth a big double   the auspices of the Sunday School and Allen Christian Endeavor Icaffii**. Rev. E. G.                 ems the "mall carrying parson.' and          W. Johnson, will be in charge of the literary program. Added attractions will be tho, participation in the services by; Rev. J. R. Wilcher of the      Hope A. M. E. Church. Buokliead and Rev. W. C. Davis, Smith; Chapel A. M. E. church, with their choirs and congregations. Tomorrow night, Mrs. Gertrude Continued oa      2. CoL 1                 Many Attracted (Combined from page One) Review that has .received much Applause at other churches recent. Jy. Tile anniversary supper, sponsored by the steward' sses, missionary society, and other auxiliary boards, will be the feature Saturday night: Large crowds, including many white friends, arc attending these anniversary programs, according to Rev. Allen R. Cooper, pastor of the church. Rev. B. J. Johnson of Spencer street Baptist church and Rev. ^SwansoD, Lindsay street Baptist church, and their congregations   the services a success "Wednesday night. Sunday will be the day with all day services.</t>
  </si>
  <si>
    <t>                                           Another big night in connection with the celebration of the 59th anniversary of the Cosmopolitan A. M. E. church is slated for tonight with a big double program under the auspices of the Sunday School and Allen Christian Endeavor leaguge...</t>
  </si>
  <si>
    <t>                                           Well my good time is over, my mother has gone. I mentioned yesterday the different ones who helped make her stay pleasant. I'll have to add another to the list and that is the SAUL CO. She had read so much in the paper about the SAUL CO. until she wanted to...</t>
  </si>
  <si>
    <t>                                           SALE STARTS SATURDAY MORNING 9 A. M. MERCHANDISE ALMOST GIVEN AWAY Ladies $3.00  Men's $7.50 Men's Felt fe         $2 HATSl O7e I $1*78 1 2 e 1 Lowest Prices In Atlanta I Ladies $10.00 b Ladies $5.00 h Children's k I COATS I DRESSES I DRESSES II *~$. ^38           ^^^ohh I Sale Four Men, Women amd Childgen! I USE OUR LAYAWAY PLAN I A smal 1 payment will hold any article FORMER LOCATION- :M NATIONAL BELLAS HESS I 37 Whitehall Street 20 Broad Sttfec*   M. 1N CO., INC., OWNERS \-f^^^^M</t>
  </si>
  <si>
    <t>                                           The arrest of Wall Radley of 997 Primrose street, who was shot Friday night by Patrolman W. H. Rauschenberg only served to deepen the mystery of his attacker when it was revealed the Radley was paralyzed in the right hand from on old burn wound.</t>
  </si>
  <si>
    <t>                                           ATAlLGOOn^v  STORES I Sjrf A i.toi- lot Ummmt''ljj. y  fN-.rill,.   ,f,,iB(~,~~,rf,t,BI01,J Pw.d.,. M.I,, ,Ln Blood RkI, ,-d Hollky B^.IJ,          ,~6 V,,,, Al-.,. ., Wli, S^l,,? v:-. M....M. tw...;..ina v)</t>
  </si>
  <si>
    <t>                                           WASHINGTON, D. C., Sept. 7.--(CNS)--Charles A. Reeder, private messenger to Under Secretary of State William R. Castle, Jr., was present and witnessed the ratification of a treaty of conciliation and arbitration between the United States and...</t>
  </si>
  <si>
    <t>                                           Post Sought                 JOSE II. SHERWOOD Postal worker of St. Paul Minnesota, whose candidacy lor ;i post Assistant Superintendent, Division of Postoffloc  , under the First Assistant Postmaster General is being  by the National Alliance of Pet till employes, an organization embracing thousands of governmental workers.                 1 A. N, P. I</t>
  </si>
  <si>
    <t>                                           :    0 Free 7b World Newsboys Starts Mof0 iM 'l.'.- j'y-'i                 GET NIFTY OUTFITS                 Every Boy Given Real Opportunity to Win Valuable Awards                 STARTS ON SEPT. 19                 The Atlanta Daily World will start its out-of-town N'owsboy  offer on Monday. September 10 and it w;ll last  October 22. This creat $250.00  is open to all carriers and their apst records will have  to do with their chance to                 ter in the new subscriber race. The boys have read the advertisement concerning this offer as it has been carried on the World Daces  the past few days. Everv boy has an equal chance as no prize will be  more than one t:me to one boy. The period of qualifying     extends from the ]fl     the 22 will mean  to hustlers because it will be possible to Qualify for most of the awards in two weeks. The bov  this early will not have to wait for his prize. The  is on hand now and w!ll be sent at a mo-.      s notice to the boy who qualifies. Those entering must send in their names to the Atlanta Daily World at once so that their names may be listed and no time wasted in  ahead in the" race. The World has spent $250.00 for first  suits, hats, shoes, shirts, and neckties for the . Girl carriers will wrtc the office and name the list of  which thev desire. This is a -! Hid chance for carriers to earn ex-j tra monev because the : sum now  earned on present, subscribers will not be included in the totals. Therefore, while  the:r extra time to earn extra ~'ash. they will be  themselves with school  for the winter. The clothes offered in this contest are of first trade rank and the winner of any prize will have a valuable addition, to his or her nun hpr of transients to wear.        informat on ahout the contest should write in for it-. It is not a contest as  can win a complete outfit There will he prizes for everybody who merits one.</t>
  </si>
  <si>
    <t>                                           The Atlanta Daily World will start its out-of-town Newsboy clothing offer on Monday, September 19 and it will last through October 22. This great $250.00 offter is open to all carriers and their apst records will have nothing to do with their chance to...</t>
  </si>
  <si>
    <t>                                           [__^J STATE NEWS                 Dallas, Ga.                 The friend* of Mr. Dennift Bank* will  to hear of hi* death which  July   . He hu he*n in hud hen 1th for Mime time, bat his radd?n death came m  to hU friend*.      Dorothy William* opened the  term of Mhool  t      *lU Aujt- mt l. Mrs.       Dunean     Tal.  Fall this week. I Mia* Lillian      I* the nost  f her fitter. Mrs. Emma       . in AUaoU.</t>
  </si>
  <si>
    <t>                                           I "OH! THOSE ROGUISH EYES, that tunny '1 Who could help loving  adorable little Ujj? She is Dorothy Mm Cumbo,         r of Mr. Etrle Cumbo. Jacksonville. Fla.</t>
  </si>
  <si>
    <t>                                           MRS. HASSIE DAVIDSON of 373 Hunter street, S. W., who has been ill for three weeks, is now convalescing at William A. Harris Memorial Hospital after a minor operation, under the skillful care of Dr. C. W. Powell.</t>
  </si>
  <si>
    <t>                                           "ALABAMA  NEWS                 Roanoke, Ala.                 The Grand Lodcc Cabinet "f thf Amerlcan Union Relief* Society of G?. and Alabama mrt Auitust l*t nt the Longshore Hull at 2 o clock. After the business hoar the members and  were  reception which wan  enjoyed by all. Delegates      present from all part.* of the state*. It mu th?  and most   held in the history of the order. Come. to. Roanoke a.     . Wot. only  Imt perhaps Uie most  affair of the  wmk the comment of many           * who danced to the  of Roanokc Collecians at the fint AuKu*t party. This kiddie party wan  by       *ihle Better Garden club. It was an  never ta be . Cimctt were conducted by Profeiwor C- D- Camp; The officers and members arc ' recei\-inc Rob? of congratulations. Tirade pay your paper boy' on time.</t>
  </si>
  <si>
    <t>                                           (ANP) Miss Mable Carney director of Rural education of Colombia university Teacher's College. who is using her sabbatical year in visiting State and Land Grant Schools for Negroes and some private institutions, was the guest of Bethune Cookman College on Tuesday, Nov...</t>
  </si>
  <si>
    <t>                                           DR. L. M. DANIELS, one of Columbia, South Carolina's moot prominent physicians and surgeons.                 Photo by Robert's Studio. Columbia. S. C.</t>
  </si>
  <si>
    <t>                                           I i_</t>
  </si>
  <si>
    <t>                                           .;; NEftRO                 IN THE WOMB A SOUTHERN NEWSPAPER SYNDICATE. IXC, PPBLIBgTBI W.-A. SCOTT VaaUar Trmmk Mar-h-1       Mmrttf Mltar MEMBER OF IBB ASSOCIATED NBC80 PBE88 TSK            a*  tn n-Oclui  Mat        ^   . SUBSCRIPTION RATES Dm Tor. SMI Kmtlu, H2i 3 Month.. 1ZM I Mmth. Ma      .     Sundar OnlT,      DAILY AT 110 AUBURN' AVK, N. K. TELEPHONES; WAlnat Ui* nd     CUnW u Mcoad-daa  at     port  at Atlssta. Ca. rate tk* act  t March 3. 1679 ADVERTISING  W.' B. ttrr CO-  M Walton BMr- Atlanta.        .     Totfc.     OrUaM</t>
  </si>
  <si>
    <t>                                           The Auxiliary Board of Graham Chapel C. M. E. Church met Sunday afternoon, Nov. 13th at the home of Mrs. Lucile Simms, 213 Roundtrec St. It was well attended. Mrs. Simms the president served sandwiches and hot cocon. The Board was honored with the...</t>
  </si>
  <si>
    <t>                                           READY FOR SOUTH                 MABEL RIDLEY Now resting in Harlem, getting ready for the southern tour which "The Green Pastures" will make next season. Miss Ridley is a native of Georgia, and is a noted concert singer. She is one of the original members of "The Green Pastures" cast.</t>
  </si>
  <si>
    <t>                                           The Chicago Whip, a militant Negro newspaper who stood firmly and carried on a campaign of "Do Not Trade Where You Cannot Work," closes its shop and ceases to circulate. The Whip, in its campaign, caused white merchants in many colored...</t>
  </si>
  <si>
    <t>                                           Government Messenger Impresses Feature Writer of Washington Daily                 WASHINGTON. Aug. 22.- (     + Characta: gets recognition from I the press, even it it is not always rewarded in a material way by I employers who benefit. Every now land then some  come* to notice which proclaims that there :ire -    who write- for the daily                 mouthpieces of the Nation who are not blin.l to an often otherwise unrewarded merit. The  such story comes fmm the "0:00 to 430" column, conducted by C. A. F. in. the Washington Daily News, the August 9th issue of which says: "The Rev. John Dinkins is only a. part-time minister. His regular occupation is a messenger in the Chief Clerk's office of the Commerce Department. Hu has no particular, personal biw.e    pick with the economy law. because he was not subject to its payout provision -his pay is less than one thousand dollars a year. "Once. Hev. Dinkin earned as much as eleven .l ana forty i dollars, but through an unavoidable                 ho is back lo nine .1 low. 'On this salary. unaided, the Rev. Dinkins. who is colored. h:is raised a family of eight children, and now owns in Anacostia a two-acre lot. with a f,Ood house on it. valued at about 'tight thousand dollars. .'~Prodigality,' he says, is the cause of most peoples* troubles. He is against prodigality and frequently preaches against it tu his congregation. He is proud that he owes nickel to nobody. "He dues not believe in trying to own anything until he has the money to plank down for it .that is why. :it G7. he has never owned an automobile, and never expects to own one. The next time I become doubtful about   7 lot in life, think I'll go over to Anacustia and hear the Rev. Dinkins. "Want to go with me?" This columnist is an eminently fair minded man who has on a r.umb:r of previous occasions contributed the influence of his column to belter race understanding and directed attention to the work :ind capabilities or Negroes who have come to his notice. On one occasion one of the highest placed Negroes in the Government Service received high praise In the same column, thereby proving that the wilier entertains no idea of limitations because ot race, but is concerned with character and hui man ir.terest. as, and in whom, he may find it.</t>
  </si>
  <si>
    <t>                                           WASHINGTON, Aug. 22.--(ANP) --Character gets recognition from the press, even if it is not always rewarded in a material way by employers who benefit. Every now and then some story comes to notice which proclaims that there are those who write for the daily...</t>
  </si>
  <si>
    <t>                                           Mrs. Lona M. Watson, 63 Ashby St., N. W., had as her week end guest, Mrs. Bessie Rhodes Hughes of Nashville, Tenn., who has been the charming inspiration for a number of social courtesies tendered her hospitable Atlantans.</t>
  </si>
  <si>
    <t>                                           HE S K.                 E. D. W.  Head of the American Woodmen of Denver, Col, who, unlike his friend, John L. Webb  if the Woodmen of Union or Hot Springs Ark., continues to force  apparently without trouble. Both organizations are Wnodraen. but they have no connection.</t>
  </si>
  <si>
    <t>                                           Worn Out Glands Need a Good Gland Tonic SHtf*~  found a war if   the N*~7   fall Upfpi1                      *         nff4f*it1" tot        ,  end .        b+*~ frt4pr*nf.            fnr (       WMtdMfal GLAND TON 1U-G0.AN afH Try It 20 Days- FREE TUt                    ha*  rx-p       to * of njn-down.  turn ami MMjl. *1wuM HUW.W 4       Mm* tor  KO VmtR NKCEflflAKV. Jolt Mrtd Ihl. Art with *4  and  0c for        and pn-. IM^AU.^VU,^m..CUaH.Pni(.f.H</t>
  </si>
  <si>
    <t>                                           No letter, will be altered this week while Dr. ScKiaRn    on vacation.</t>
  </si>
  <si>
    <t>                                           12511 il. 5. CONVICTS j                 150 Prisoners Say! They Have Faith j at Meeting                 TAKEN FOR RIDE'                 2J!~n the phone of Rev. Harvey SflSbhnson, well known Conprearapna) minister who is vacationing at his home, S6S Auburn venue. N. E- rane several weeks ago, the -person at the other end insisted that he had made an  to eo with a party of                 white people out to the IT. S." Honor Farm ton miles outs dc the city limits to speak and sine. After denials and refusals on the part of the preacher and Pilerim Insurance company official, he finally  to the request that Tic   m  so us not to disappoint the men. Arrangements were perfected and to meet the unknown  about dark at the corner of North Boulevard and Ponce do Leon avenue  the fact that his relatives advised  coiner a? it Rperp^d as  he were  "taken for a rde.". The fearless minister, however, went- on to fulfill his  Sundav  entrapment and all seemed Jvell met when he was nicked ud at the proper spot on scheduled time. The drive took them   roads ten miles oat of the city. It was a beautiful drive and nothing happened until they all reached the farm and . ~-s-. io_aD.tt_Bchold EveryWody was /They had  invited the colored Rev. Johnson but a white Rev- Johnson of the same name and this white Rev. Johnson was there with his people, . and choir. The  chaplain, was anxious to remove this embarrassment so he courteously invited the colored minister to be seated on the platform. As is usual, pulpit courtesies were extended to Rev. Johnson and he was invited to speak       Continued on Page 4. Col. 7                 Sermon to Convicts Continued from Pate 1 before the white preacher. The audience, cold, curious, and hostile towards the colored preacher when he arose, changed under the wt, humor, and spiritual and oratorical thunder of the  speaker. Not only was Rev. Johnson, who is said to be- the first Xecro to address croup at the Federal Honor farm invited to come back but also asked to preach at the Main U. S. Prison at the  services Sunday, Aueust The more than 1250  prisoners, in addition to a large number of officials  Solicitor General John A. Boykin, of Fulton county, and his assistant. Mr. Stevenson, listened us Rev. Johnson preached a timely sermon on "God Hclpinr Men to Come Back." The text of this soul   was taken from Genesis and has as it s theme "If the Lord will be with me in the \vr.v that I ro and cive me bread to cat and raiment to put on and brine me  to my Father's house in Peace; then the Lord will I be mv God and I will be his Peo- pie."</t>
  </si>
  <si>
    <t>                                           When the phone of Rev. Harvey ... Johnson, well known Congregational minister who is vacationing at his home, 568 Auburn avenue, N. E., rang several weeks ago, the person at the other end insisted that he had made an engagement to go with a party of...</t>
  </si>
  <si>
    <t>                                           The Advertisers in These Columns Want Your Trade</t>
  </si>
  <si>
    <t>                                           IFuneraPNotices I                 .C"~T rO"GH- The body or Mrs. Lula May Colcough, of 20 Richunison street, is resting at the  ral home of Pollard and Hancock, awaiting completion' of arrangements. REEVES-     many friends and relatives of Mr. Marion Reeves, who  away in Chicago, HU are invited 10 attend his funeral today (FrMay) at 2:30 p. m. from our . Interment South View cemetery. Hanliy Co. - The friends and  of Mrs. Harriett Walker. Mr. and Mrs. Grant Walker and family, Mr. and Mrs. H. R. Ford anil Mrs. Nettle Smith of Atlanta: Dr. and Mrs. W, D.1 Brown and Mrs. Jane Crowl and family, of Newnan arc invited to      nd the funeral of Mrs. Harriett Walker this (Friday) afternoon, September 9. at 2 o clock, at Mount Vernon Baptist church. Newnan. Rev. H. H. Anderson and Rev. Dcmery of . Int'rment Newnan. Gu. Sellers Brothers. Abbeville, S. C. By Grace D*wmm      funeral of    _ Moll!*         of A3 Hnrrinburc   who wait fount)    *tt in \*~1 Sundiy . wait   t St. Jamnt AMK church "TamU/ at 4 o clock wher*    * hud bwn a life lone tn^mh-r.      Privfdlnff      F". Rpv. SmiOr*  WM: Lrt Thy Will T(~~ Unit*.. The -out of town            * w^r**     nn l Mnt^ Strven Cret*n of Uttle Motinuln,' S.. C- Mr. and Mr*.. Scarlnt and daughter of McCormirk, S. r Mm..   McKnJkbt of Columbia*     -'Ji-T-'        -Oliver Wlllbm* und Mrv Anthony of Greenwood. S. C Tntrrmmt In Lakr View cemetery- Horn Tftrrit  In chant*..'' ^H*~Abb*       Unneball tram went      i5?CIInlon and played,' a  team**, $S**'rm wgi 4 H In favor of AbbrvlleVUltfnif In Ahbevllls on Snrnlay wert* Mr and      'Blwardu had a* their Kti*~   Mr., and Mm- Arthur WtlHumft Greenwooil, S- C- and Mm.      . Stipt- of       !~1 *t Bewer- Mni-     * t.,/-~- Untsf MtiurV</t>
  </si>
  <si>
    <t>                                           5?---.- .2! 1-.1  FIVE FRIDAY. AU(JUST 5. 1932 THK ATLANTA 1JAII.Y , ATLANTA, (iA.</t>
  </si>
  <si>
    <t>                                           f GEORGIA t B OPEN 11 A.M. 15c J H Constance Bennett in m .'WbaT Price  S</t>
  </si>
  <si>
    <t>                                           On Wednesday night, August 24, the East Side Club of Hecks Chapel M. E. Church will sponsor "A Trip Around the World." Those wishing to take this trip will meet at the home of Mrs. Eula Ector on East Solomon street at 8 o'clock p. m. The first stop will be at the home of Mrs. Minnie Williams on...</t>
  </si>
  <si>
    <t>                                           MILLION DOLLAR WEDDING i Thurs., Aug. 11th Big Bethel A. M. E Church, S:30 P. M. i Come and Cues* tlic Bride Admission 10 Cenls I Mrs. Minnie Toorile, directress ^"~'^~~LJBbBBJP1 I 1/^%^- T 3S '^n t r In  own h^nH''our l.lfr Rcnrtln: nmi l.nr'.-r Niriiiir. .e I.V fnr !nn.!'lne. THK ASTRO NOVELTY CO. I r.  :n-; Winjlon-S.. S. L</t>
  </si>
  <si>
    <t>                                           Notices 1                 AUSTIN- The remains of Mrs. Dollic Austin of 52S Carter Street, N. W.. were sent today to Daw- 1 kins, S. C, for funeral and inter- 1 ment. Hanlcy Company.                 BURLEY- Miss Sarah Mae Burley of 19 Boulevard, N. E, passed away recently. The funeral will be announced later. Hanlcy Company. THOMAS- The remains of Mr. John Thomas of 22 Airline St.. are In         pending funeral ar- . Hanlcy Company, i ADAMS Funcml services for Mr. Elijah Adams of 53 Dorsy St.. will be conducted this morning at 10 o clock from our chapel. The cortege will leave immediately afterwards for burial at Walnut Grove. Hanlcy Company. I (Continued on Puce Z, Col. 1)                 Funeral Notices (Continued* from Pac 1) BATT.''7 The many -friends of  Tr. und Mrs. Luthfr Battle of 504 Fraser St.: Master Leon and .la?. Alyin Battle: Mr. and Mrs. Otis Battle of Atlanta: Mr. nnd. Mrs. Joe Battle of Cleveland. Ohio: Mr. and Mrs. Leroy Battle of Crawfordvillo. G.-v. arc ;~l to attend the funeral of Mr. Luther Battle today n: 12 noon from Friendship Baptist Church 'Crawfordville). Rev. E. L. McClenden. offic:. Interment in church yard. The  will  from the residence at 6 a. m. Hartley Company. SEVERE Fu^'ml services for Mr. Pars Severe will be announced upon completion of arrangements. Hanley Company. KIN G Mrs. Ka:ie King  away September 10. at her late residence. 9 Rock Bridge Ro;ni. The funeral  are to be announced Liter. Kanley Company. THOMAS- The many friends am! relatives of Mr. John Ths-uns. of 22 Airline St.. are invited to attend his funeral Monday at 1. p. m. from our Chapel. Inter- i ment Li neon Cemetery. Hati'eyl Company. BALDWrN- Mrs. Gennie Bal'hvin.i of 323 Auburn Ave.. p.      I away September 10. 1932. The funeral services ore (p be an- 1 Jio'unced later. Hjnlcy Company.</t>
  </si>
  <si>
    <t>                                           AUSTIN--The remains of Mrs. Dollie Austin of 525 Carter Street, N. W., were sent today to Dawkins, S. C., for funeral and interment, Hanley Company.</t>
  </si>
  <si>
    <t>                                           Forty-two wins out of the last forty-six games played against the strongest home clubs in the midwest is the record sustained by Syd Pollock's Cuban Stars of Havana, Cuba, who are touring America under special permission of the U. S. Government.</t>
  </si>
  <si>
    <t>                                           THREE POPULAR LADIES of Hawkinaville. Lett to right: Mm. Georgia Mae Futch. Kcretary of the Ule Hour Sewing Club; Mn. Gertrude McCormick. center, organist of Springfield Baptiat church; Mlu Ronalle Hill, graduate ot Ha Int. College of Augusta.                 Ga. Photo by Robert McCormlck.</t>
  </si>
  <si>
    <t>                                           Up From Georgia With My Banjo By Thomas Jefferson Flanagan HERE IN MY DEN When life s last chapter is written And all its bitters are in Hope death will find me sitting j Here in my little littered den Tho' humblest of earth s singers Who find the jingle sweet And I count in beats on my fingers And pat them out on my feet- 0 'tis great to be a-living In a beautiful world like this: And tho' fate s sometimes giving A biting thorn for a kiss I've found somehow in holding To fond hope s slender thread That where the shadows are folding A blessing breaks for my head So it s little that the old world s owing The rest of my feeble pace, I 1 have gotten back in the sowing Many a smiling face The earth to me is singing And every shrub a song And on these limbs I'm swinging Until death happens along.</t>
  </si>
  <si>
    <t>                                           Mrs. Nerissa Lobe, prominent Bainbridge matron, died last Tuesday morning at 3:30 o'clock after a brief period of illness.</t>
  </si>
  <si>
    <t>                                           Woman Leaps From Car; Is Sent to Crady                 Becoming frightened when  the cor In which she wus riding was  to hove a calli- sion, Miss L'Ola Barkley suffered i several  abrasions about the head ami face when she leaped from the machine which she said was traveling about Iwenty- mller i sin hour. SIi. was '. In th.- emergency clinic of Groily hospital und per- 1 mitte-l lo return home. i She named Will Floyd Ham- 1 . Go.. :is the driver (.f the mn- chine, which *he raid failed to stop .liter she Jumped out. Miss B-''-y K.ive hor       ss m thr hc*p;tal iw      Harris street. East P.-'int, Ga. V MEMfSCRS HOLD MEETING SUNDAY An :  has boon       the regular monthly STetln;: of the Y. M. C. A. ir. c.i:np:i:~.:n  ;it 4^39 Sunday afternoon ;it the Butler street Y. The chief topic ot ^io will be the reception fo Yncw members. Monday eve- ning. August 15 from 7 to 10.</t>
  </si>
  <si>
    <t>                                           LOUISVILLE, Ky., Sept. 13-- Shouting to death by a police officer of a colored boy, Leroy Cunningham, 18 years old, the 18th such victim of police brutality in the last few years, has stiffened the determination of the Louisville branch. National Association for...</t>
  </si>
  <si>
    <t>                                           Yeah Man, Atlanta's going to have a Closed Tennis Tournament! The dates will be Monday, Tuesday, and Wednesday. August 29, 30, and 31 at Washington Park. It will be the first time Atlanta has had such an event. Following in the wake of the most recent Georgia Open meet here...</t>
  </si>
  <si>
    <t>                                           Smart Fashions fot Smart Women                 SLEEVES- PUFFED: TUCKED! PATTERN No. 732                 Simplified Illustrated instructions for cutting and sewing arc included with each pattern. They Kivc complete directions for making these dresses. Everything about this frock points to Paris chic! Practicality every designer nan   sleeve puffs in some variation, and Redfern has gone in for the surplice bodice with -cross sash that so capably gives the silhouette a waistline. In chiffon, crepe. Cclancsc, or voile thin pattern would be h,                 py  for wear now or later. Sizes 14, 16. 36. 38. 40. 42. Size 36 requires 3'Ti yards of 36-inch material, 3 1-2 yards of 30-inch material. To Ret a pattern of this model send FIFTEEN CENTS (15c) in coins. Please write very plainly your NAME AND ADDRESS, STYLE NUMBER and SIZE of each pattern ordered. Our new fashion magazine with color supplement and Paris style news is now available at ten cents when ordered with a pattern and fifteen cents when ordered separately. SYNDICATE 210 Anbnrn Ave.. N. E.. Atlanta. SOUTHERN NEWSPAPER                 K 7</t>
  </si>
  <si>
    <t>                                           EX-SLAVE DIES                 . Ua.. Aug. A  Negro slave whose relatives say she was 112 years old died at her homf- near here Wednesday. Her name was Surah Marshall and she was known far and wide in this section as "Aunt Sarah," a title of affection and respect bestowed by her - friends.</t>
  </si>
  <si>
    <t>                                           SACON! BACON! WHO GOT THE BACON j Fifteen pounds of Duron -j pe.- from a B. an.l B. truck p. at the corner of Trwin ard Jnck- j :~    streets at  o clock this  Cf. Lampkin. of the; \V. ;unl A. R. R., who was in charge of the truck, stated that - men grabbed thf merit and Rot away be- fore he  stop -them. I</t>
  </si>
  <si>
    <t>                                           I have a good friend who asked me the other day to write him why I intended to vote for Hoover in November. This is my answer to him and to others who are interested. First I want to say what I expect of the Federal Government as an average American citizen; then...</t>
  </si>
  <si>
    <t>                                           Registration in the colored schools of the city is on the increase according to an announcement this morning from the offices of Mr. Coleman, statistician for the board of education. Although reports are not due until Friday for the first week's enrollment, attendance figures for...</t>
  </si>
  <si>
    <t>                                           l.,-tU,-IT. W*~ H. "'A'JJkIJ-:'^  WANT MONET jou ft         111 . Xo C4    bopa- Stop  WrLft , Ml       Tt, Imtl Cltf, K.~, Otjt. f. 9</t>
  </si>
  <si>
    <t>                                           i GEORGIA a OPEN 11 A.M. 15c W "STATE S ATTORNEY" 3 .Tnlm Barrymnrc With ~^k Helen Twclvclrccs</t>
  </si>
  <si>
    <t>                                           I^AST CALL  SPORT SHOES We have a limited quantity which will be closed out at 1  3-95         room' for the new_ *$1 styles. Save Money Wear Friendly Five Silk Socks 5 Pairs for $1-00 Sticninfi Collcttc's FRIENDLY FIVE SHOE STORE 77 PEACHTREE ST.</t>
  </si>
  <si>
    <t>                                           3 Wise Guys who were found lacking in one respect they did not recognize the real value of WANT ADS and failed to Call WA. $913 and find oat about the cheap rates which save money.</t>
  </si>
  <si>
    <t>                                           FU MANCHU                 The Zayat Kiss                 Scotland Yard Calls                 BySAXROHMER                 MESCAL IKE                 Honesty is the Best Policy                 By Art Huhta j                 TIM TYLER S LUCK                 A Tamed Tigeress                 By Lym Young                 TELLING 1 "                 '~y Paul ?im                 BILLY S UNCLE                 THEM DAYS ARE GONE FOREVER                 (A New Tune Each Dl</t>
  </si>
  <si>
    <t>                                           Lovely, young Patricia Braithvait agrees to marry wealthy, middle-aged Harvey Blaine because she father she adores is in financial straits. She hopes, however, that handsome Jack Laurence, a young camper whom she only met once-- and the only man she ever wanted...</t>
  </si>
  <si>
    <t>                                           Seek to Hasten Christian, % Congregationalist Merged                 N. Ml TAKES LEt" IK MERGER                 Southern Moderators Hold Two Day Meet in the Gate City                 MAKE POLICIES                 A speedy completion of the merg' r between the Congregational rind Christian churches that was decided upon during the summer of 1931 at a meeting in Seattle. Washington, when these two  became known as the National Council of Congregational and                 Christian churches was one of the important topics discussed at the Moderators an* workers Conference of the Southern Congregational Churches among Negroes which ended a two days session  Thursday afternoon. National headquarters are in New York and Dayton. Ohio. North Carolina, whose 140 Congregational churches makes it the strongest state unit in the Southern organization, is leading the way in the task of making the merger a rc.ility and expects to add 5,000 new members and 990 Christian churches in that state to her rolls within a very short period. This state will bo the first to hold a joint conference, the  Congrega-  Christian meeting being scheduled for TDecember 7 to " R;Jeigli. North Carolina. The white  have perfected their part of the merger.                 From All Booth All of the moderators .departed for their respective states prepared to start the task of making their districts 100 per cent in the  by the time of the next annual conferences. This work of merging forces will be one the outstanding topics to be considered at the Georgia state meeting which .will be held at Madisonville in November with Moderator C. S. Ledbetter of Atlanta presiding. Among those taking part in the two days conference which is similar in nature to that of the Bishops council of     Methodist churches were: Rev. W. L. Cash. Dallas, Texas, moderator of Oklahoma and Texas: Rev. N. A. Holme?. New Orleans. La., pastor of Central Church of the Crescent city holder oi' the chair of religious education sl SUaight college and moderator of Louisiana: Rev. W. J. King. Lexington. Ky.. moderator of Kentucky, Tennessee, and Arkansas: Rev. T. L. Routt. Marion. Ala, moderator of Alabama and Mississippi; Rev. W. J. Faulkmr, Atlanta, .vho represented Moderator C. S. Ledbetter, head of the Georgia, and South Carolina districts who wan detained in Charleston, S. C, and unable to attend the meeting; Dr. H. S. Barnweli. Atlanta, Field secretary for Southern Work of the American Missionary Association; and Rev. E. H. Phillips. New Orleans, representative of the' Congregational Home Board, Miss Eleanor Hltc, director of Young Peoples Work for North Carouna, South Carolina. Georgia, and Tennessee, was unable to be present. Her place on the program was  by Rev. Phillips. Mis* P. L. Prater, of the Atlanta office, Continued on      6, CoL 4                 N. Carolina Takes (Continued from Pace 1) also spoke. The opening session Wednesday morning was devote! 10 a discussion of the purposes of the conference and tli-  of coherence and general goals fur the coming year. Secretary Barnwell Rave the keynote as tlie promotion of fellow- 1 ship * n the moderator and i field workers through the use or I team work. Build Up Youth Among the outstanding proposals agreed upon for the 1932-33 church year are: a closer union among all churches; a definite  upon religious education  the increased use of the SunriCy school, daily vacation Bible schools: young peoples clubs, and a program culling for ;i playground for every church: a community program for every church: an  evangelistic campaign for every congregation: the adoption of the budget system: and genuine ;~upport of  t associations, state and young people s work. Individual goals included tlu increasing of  in Tennessee. Arkansas and Kentucky: the  stimulation of interest in King* Mountain and the Young People's conference in North Carolina: a five percent increase in membership in Alabama ami Mississippi: :i membership drive in Texas and Oklahoma: the appointment of a state '  for North Carolina; more new members in Louisiana along with a greater use or the J. P. O'Brien circulating library for ministers at Straight college increased co-operation with                 Dillard university  nd added support to Kamp Knighton.  people s' camp Mnrbihan. U. Georgia will attempt to hasten the completion of the merger as her major project. The greater part of the sessions was . d to the discussion nf current problems. Miss Frnser. in  on -Shall We Retain Our Loi-al Woman's Mission Union." pointed out that while much of the local work is still being carried out. there :irc great possibilities of \   work being made more effective through co-operation between the ministers of th- churches and the leaders of the women s organization in the church. Stress was also made upon evangelism, the young people, summer conferences and      - schools, the work of the missionary societies, the activities of the foreign mission work Oi Galangue. and the church periodicals. A dinner at Mrs, Scott Sutton's restaurant brought the two day meeting of the Southern Con'ernee Moderators and workers to a close Thursday afternoon. Special services were held at the First Congregational church Wednesday night.'</t>
  </si>
  <si>
    <t>                                           A speedy completion of the merger between the Congregational and Christian churches that was decided upon during the summer of 1931 at a meeting in Seattle, Washington, when these two churches became known as the National Council of Congregational and...</t>
  </si>
  <si>
    <t>                                           There Is no Tomorrow at Xjp^GE OF J^^^^P^^K. DOROTHY WILSON \~       ^~wofc/'ng womanhood ^m9^ discovers life in Qn Sta?e 'ffW pulsing drama of lov* Shah Barbar  the new  the Man 15C      PARKING AFTER D. M.</t>
  </si>
  <si>
    <t>                                           ONE REASON WHY CLARK WON                 MISS ROSE PELOT popular student al Clark university, who may have had a lot to do with giving the Aikenitcs sufficient inspiration to turn in a 6 to 0 win over the mighty Wolverines. Miss Pelol was elected "Miss CIark"-for the game and as such ruled the day. Full details of the same appear on the sport page.</t>
  </si>
  <si>
    <t>                                           II M 1 1 H W VA   j! I lY^ SKiN %.\/.2. to B e a c hi ns H^ar \~^-fo* Cream with the ^~P^gg^ TKt E x c I u s i v c ^J/ "^iW/ M' DOUBLE STRENGTH Feature W[~~ffl    IVnetraler. to  fourth Iavcr to  1  - ^SV^ //"V4('j coloring. Li^-, .. ,kin in  time; ///~~'\"~-''//A        up bumps, mole (               like  pVT !V\ /'A BLACK^WHITE ^'^j^i; BLEACHING CREAM W3TM</t>
  </si>
  <si>
    <t>                                           This afternoon at 4 o'clock the Booker T. Washington Bulldog football contingent, under Coaches Leslie C. Baker and Charlie Clarke, hit the gridiron trail with real zip, settled down to earnest work for the rest of the campaign. The team's prospects, while not...</t>
  </si>
  <si>
    <t>                                           :., SERTEiMBER.15. 1932 THE ATLANTA DAILY WORLD, ATLANTA. GA. Z7  PAGE:?JVB^</t>
  </si>
  <si>
    <t>                                           HAS SHE FOUND HIM?                 MISS BERTHA CAREY a 16 year old Baltimore girl, who announced just before leap year began that she would do anything to make some good man happy. But whether or not she has been successful in finding a mate has not been yet revealed.</t>
  </si>
  <si>
    <t>                                           Carriers May Win Many Good Prizes!                 Tht first week of the Atlanta Daily World Newsboy Contest         with a bing Tuesday night when the carriers in three districts expressed determination tn brine the silver loving cup to their own district malinger when the weekly ':        meeting Is opened next                 day and save their district manager the humiliation of ringing the - 11 at the meeting, the penalty imposed upon the lowest ranking district head. In ;j.lc!i;i"n to the pep tint wiil be inspired by this lour week contest, then- arc a number of vahi;    ; prizes be awarded each     . To the carrier holding '-st number nt points each week will go a brand new pah of shoes, while the second place winner will.  a !"lh shirt. Steady i performance-:; v.ill als i duly re- j warded for every time lii.'u a car-; rie:- amasses 1.000 points, he will be i;iven ii:- ~- of .1         !!i shin, ti'-s. or socks. At the  of the bis drive, cash i^uld pri/.es will be       :  ! to iho . farriers bringing in tl'-e     -: is: number nf points for the en-: tire contest. A ?20 i;o!d piece will1 be i!:e winners reward  the other victors u ill be  SIC; $5. and $2 50 go:d piec^ re?pcc.i-: vely As t!ie cr:iiM fir.ale. the' district amas.sing the largest number of. points per man will bo the honor I gues:s at a banquet provided 'or i                 them by U:':  Of the  i i r r c t .s All "f thr carriers and their "cirl friends" will    pres. nt a: this cl"Sinc . a picture of -li will in the; pi oci-. I :.~vli":i. Tl'.e oui:Ksi- is two. all ui:t f  n aid...] ..;i.~ iti-      '~:tC i tha; the h; be  di.sc,1. FritTidly :c- l.' v/ep [(^stored. iio-.vever, . ; Tues.lay ni^h: - j in;;, the carriers left '.Ho Y ,-iml i n-cnt in Yat'S and MiU'.n where co..l:n!i refreshments wero enjoy-, oil. These carriers me- lings are held '~very Tues.'av evening .it the But- j Icr Str^c: Y.</t>
  </si>
  <si>
    <t>                                           The first week of the Atlanta Daily World Newsboy Contest started with a bang Tuesday night when the carriers in three districts expressed determination to bring the silver loving cup to their own district manager when the weekly carriers meeting is opened next...</t>
  </si>
  <si>
    <t>                                           Mrs. Mae Brown Harris, of New York is in the city visiting Mr. Henry R. Speed and daughters, also Mrs. S. L. Baxter of Jacksonville, Fla. She is here at the bedside of her sister, Mrs. Iny Speed at 801 Third St.</t>
  </si>
  <si>
    <t>                                           NEW YORK, Sept. 12.--The C. M. A. movement invaded a new racial element last week when the 118th Street Model Grocery moved into its new store at 2 W. 118th Street in the midst of what is known as Harlem's Latin Quarter. The new store...</t>
  </si>
  <si>
    <t>                                           NEW YORK, Sept 6. (CNS)--No longer can the South dream of days of bygone chivalry and the "lost cause." The day when romance colored every Southern custom in books and stories of Dixie have gone forever. At least these are the sentiments of those who have...</t>
  </si>
  <si>
    <t>                                           1 GEORGIA I  11 A.M. 15c I Constance Bennett in W 'What Price Hollywood' 1</t>
  </si>
  <si>
    <t>                                           K.' URGES UNION WITH BOYD BAPTISTS                 '33MEET 3l                 Delegates Also Hear :f Report on Finances; of Denomination                 DEFEND LIBERIA                 CLEVELAND. Ohio. Sept 13.- Union of the two national Negro Baptist bodies was urged TrtSay by Dr. Lao- Kirk Williams, president of the National Baptist Convention. U. S. A., in a            dation unanimously adopted by the .                 This significant step. If accomplished, would heal the breach between the National Baptist Convention, incorporated, which Is head,eil by the Rev. Henry Allen Boyd of Nashvilk, Tenn. This body is now meeting In Houston, Tex. An invitation to the Boyd group to have both bodies meet In the same city next year and consider plans for . received the approval of  National Baptist Convention. "Negro Baptists cannot preach unity in economic and industrial life, and preach separate national bodies within the denomination In religious affairs," Dr. Williams said. Mrs. Shirley W. Layten, president of the women s auxiliary, was unanimously re-elected, following the delivery of her annual address. Mrs. Layten was first elected la Richmond. Va, In 1900 and has served continuously in office since then. Miss Nannie H. Burroughs; president of the National Training School for Women and Girls, Washington. D. C. recommended a, fourpoint program of education for the auxiliary, which called for the publication of .a quarterly to contain programs and projects for church work among women; a special study., course adapted to the needs of Negro Baptist women; improvement of housing and home life, and a national summer conference to train women church leaders. Reports of the different boards of the convention were received at this session. Dr. E. W. D. Isaac Jr., secretary of the National Baptist- Young-. Eeople's.. Union Board, reported total receipts for the "yearof $10,990.73. Sales of literature of the board totaled $30.55444. Dr. A. M. Townaend of Nashville, TeruL,  secretary for the Sunday School Publishing Board, which operates the largest publishing house operated by Negroes, reported total assets of $1.090.592.61 for the Sunday School Publishing Board and the Morris Memorial Building at Nashville combined. The Rev. J. E. East, Philadelphia, corresponding secretary of the Foreign Mission Board, in his report,, stated: "Liberia is at present pn suing through a great national crisis. The stronger powers seem to be determined not to tolerate any Negro republic anywhere in Africa. "White nations that have to- their credit human atrocities a hundredfold worse than anything the liberian government can be accused of. and under whose jurisdiction grave human injustices exist in Africa, are sitting in judgment on (Continued on Face 5; CoL-Z)'                 Invite Boyd Continued from Page 1 defenseless Liberia, exposing her faults  they shield their own. that they have-on excuse for depriving her of her sovereignty and , forever the opportunity oc .'people of color .for Melfrgovernment* % Thai" Rev. 'J. W. Carter. Jacksonvllle.; Fla, addressed the afternoon session' on -the subject #iThe Preacher :We "Need' lor Such a Time' as This;", The. .Rev. S. tE. Doyle, St Louis, Mo., spoke- at the   "The Preaching ,    .Need For Sudua.;Tijne aa' This"' '.The 'Kev.                 B. J.: Perkins. Memphis, Tcnn., delivered the missionary sermon at this session. Atea'ture oV the convention won Uie observance of Booker T. Washington Night, when Dr. Mordecai W... Johnson, president of. Howard Unlversltj-. WTashlngton.. D. .C., spoke. The Rev. S. D. JRoss .of. Detroit, introduced the speaker.</t>
  </si>
  <si>
    <t>                                           CLEVELAND, Ohio, Sept. 13.-- Union of the two national Negro Baptist bodies was urged Friday by Dr. Lacy Kirk Williams, President of the National Baptist Convention. U. S. A., in a recommendation unanimously adopted by the delegates.</t>
  </si>
  <si>
    <t>                                           Just a Song at Twilight                  VANCE The Skull Mystery by S, S. VAN DINE                 TIM TYLER S LUCK Long Distance Range by Lym Youngl                 "TELLING TOMMY"                 By Ptm                 THEM DAYS ARE GONE FOREVER                 (A New Tune Each Day By Vincent Lopez)                 SILLY S UNCLE</t>
  </si>
  <si>
    <t>                                           Ousting of Janitors is Balked by Board                 BOARD US I ACT IIS. JANITORS                 Move to Give More Local Teachers Work Started                 DISCUSS OPENING                 Employment and the opening of schools featured the regular meetIng of the Atlanta Board of Edu-.  Tuesday afternoon In wbat:;     been termed une of the speediest sessions held by that group;-. For the time being, a resolution introduced by W. E. Slate to                 white janitor, for colored workers In white schools, met . defeat as the matter wm tabled by 3 roll call of 6 to 4. Mr. Slate  he would Introduce the reso;;  again at the next melting. .v Little discussion was offered la opposition to the   from a. short speech by Dr.; N. W. Balrd, who made the motion that It be tabled. Mrs. A. B., V.son seconded the motion after which Slate asked for the roll call. \ A. T. Walden. President of tlv 'N. A. A. C. P., H. A. .Johnson. Atlanta Urban league, and number "t others listened as Mrs. Ar.dr.-ws a former president ot the State Parent Teach, rs Association, ami Sl-itc spoke in  ot the prop. ."ed move. M:-s. Andrews pleaded for the com pvt.~ si -m of whites ar.d N'e'      throughout the public school "ys;eir.. She asked that the while  be free from    gro .-nce of any shape, [orm or fashion complaining that it was havi-iK a de.' ami distressing  upon the white raco and  It to degenerate. The -r also pointed out that there would be a howl from the Negroes if whites were made janitors la their schools. To Help Own Still professing to be a friend of tl c Negro, she told how. in her official capacity," she had helped  the colored  into Parents Teachers Associations ot .heir mvn and stated that whereas ;::e colored rate was bt ginning to become virile and strong, the white raco was setting ^ and weak. By this statement, she attempted to show that llie  white janitors would be onlv just and fair as the whit..-s in-.isi bc- t.i help their own ami that N'cin-i us. s.i to spiak, could ,^;anci on their own feet! i wain you to understand that I ;,n  after the interests the colored race," Mrs. Andrews avi ned ii buard member told her when sin' approached him on tho subject, whereupon she replied." thai is all right but you might  a little effort to help your own pL opl'\" Dr. Whitehead denied that he had told Mrs. Audiews hat "White boys could not be hired as  fl because they aiv not trustworthy." Mr. Slate in introducing his resolution declared that he was not  Negroes but that if     white janitors and maids were used that jobs would be provided for about 30 or 10 men. His resolution is as follows: THE RESOLUTION "Whereas, on account of the ah(ContirtueH on  2, Col. 4)                 Board Fails (Continued from ^'K0 l-\ normal conditions .' existing making It almost impossible to obtain employment; ii"d Whereas, a Kieal  white rtv-n with families in (lie City ,,f A.Ianla are  of work und  find "      : anil Wlicrens, (lie schools now employ a  -r of Negro Janitors. Therefore be it resolved, (hat the; Board of Education :: Die     f ri-plai-lnB' all N'cRro, janitors and maids in tho while .schools with while and- worn- en. Local Ttachcrs I A proposal m.-- by Mr. Davis :oj tht c.'Icct that all persons in the. future conned- d v.-ith the Atlanta Public school system bo required in livi- within Hip city limits, met with .1 better reception ^ h- re were several  details to be .1 out. By 10 V"tr-, { the matter was ie.ened tu a om- f  of five and it is possible that the proposition will, b- com'.- 1 an actuality, at. the next - 1 The move will mean t lint 1-cal t-.        will have a better chance j fur employment if Hie other in- 1  do ivn  -ci-nd io make Atlanta their homes. Superintendent Simon, in his report, p commended ma: birth certificates b.j  with a'.i tickets ; pupils to kindergarten classes tn-.s lull. He showed that it would be vn y easy to  the ct-M--aii-s showing the child be live y(;ars "Id. new policy for - school teachers was "also announced. Commencing ihis 'all, win rever possible, in order i to nive more popie     )::ii. I teachers not used in the. ri- s-.-hools will be Bivra pi-  in the ni-sht schools. Ail teachers will nut be ai/ by -.his new ruling but a job for two people will be  prim-.- motive as 1- as effi- I cient  may          (. A number of out -n persons have written in ; tn.it tht; tuition be lowered due to the fact that th-.ir ., have been cut. This matter was     i the rules committee. '1 change  i paydays to the filth am! twentieth of'-vti-y mouth v.;is also tent hack io .v committee lor  con- 1 sid-.'i as it is ie.ir-.-d that  a large payroll will work i. ul)-.';i the clerks. I School Opcninc A  of lie   :or 11. is fall was rel- ase.P bv .Mr. Simon who s-nitl: j 'Numerniis :-. a: 'his "nice, indi-.-atc that !l'.~: loli'.'WitiS inf"i-:na-~ lion  be of interest the I public. Ali I'.ew pupils or p-.ipi!.-'  Ct:ng to Miter the At!a:Ha ... tor the iii.-.t time are ur.te.l to re::i- :er i,-:-.n:edi.i:ely at the 10. i: floor. City Hall, between the  of ii:_-;j_an4  i:30 p. in. Th' City Hall cl.^es at neon Saturdays. Vaccination against  pox if  i!. Dental :jj\d medical eei , inoculation  aca;ns' typhoid -in-] '. are not required bin are urged 'Selu-ols up- n fi-r clas-; v.-or.-i  Sept'.-mber 12;h. Students in the  s';h'.".i!s. white and colored, who have to -.ake .. ^v',lO are cotn-j inc from any school u'-t in lie A'.-i lanta , stu-i; nts ~-I:d  ~. tl-.-.'ir  of study or transfer from one hiK"   :-.' must report f.'-'hc si  September 7th. ;i:(W a. ni. Other; high school s'.ud-. r:ts nee-.! ii';: r-.- 1 port until 8:00 a. in.. Se:~:o:nb;r12th. All students '-; en'.e:-. tlie elementary schools \-.-!ii c ;uv.l color- d   at t1!'- sci I September 7th. This applies tu all students -.cr '  .-y wero m  last Juae or not. N'tnv p :u- i ils.  is pupils  i-inr; :he ele- j tner.tary schools to;- tii-i ( . for any ,- ab'-'v:: [h-; ki:Moi-. must rep-.rt to tho. school that they wish to enter Scp'.'-mb- r j 7th. Pupils wlK'..wc.Q. in the A'.-! lanta schools in Jur.c n-.cd r.-ji :e-[ port in person. T'-:e;.' t:s;y :r.?.i\ t)ie' ticket to tin- ! ar. uo school in time to reach her bc nie September 7th. or they may sc:ui it to the school by :-'~- else. Classes will be made up on ';:e basis of those who resistor S-pt- ember 7th.- It. is ext!':ue!y unp-ij-t-j ant, therefore, ^hat pi:pir.-. ob.-.  instructions. The co-oper.-.iti of the parents wil! be . j</t>
  </si>
  <si>
    <t>                                           Employment and the opening of schools featured the regular meeting of the Atlanta Board of Education Tuesday afternoon in what has been termed one of the speediest sessions held by that group. For the time being, a resolution introduced by W. E. Slate to...</t>
  </si>
  <si>
    <t>                                           bANK ADA1H of. Atlanta,   , I     just become Certified Aehtant He the   J. B. Btayton. who m the I -ukl --     -flP^._ln .bla                 k- Photo "by Poole, Atlanta, Ga.</t>
  </si>
  <si>
    <t>                                           FLAPPER^ Filosofy'.V By Faith Burrotcs                 ON' THE MATRIMONIAL SEA VOU HAVE TO EXPECT A SQUALL NOW AND THEN.</t>
  </si>
  <si>
    <t>                                           KITTRELL, N. C., Sept. 13.-- Kittrell College may be finished with D. K. Cherry, who for the past three years has been its president, but Prof. Cherry is not finished with Kittrell, Almost on the eve of his departure to become professor of education at...</t>
  </si>
  <si>
    <t>                                           EDGEWOOD Market 291 EDGEWOOD J. W. JAMES MGR. "PEACHTItKB MEATS AT PKTKtt  PRICKS' MULLET OR  Fish, lb. 5c Beef Steak, lb 10c Veal Steak, lb. 10c Neck Bone, lb. 5c Pig Liver, lb. 5c Veal Stew, lb. 5c Cream Cheese 15c Colored" Clerku to" Serve Yon</t>
  </si>
  <si>
    <t>                                           k m</t>
  </si>
  <si>
    <t>                                           SCOTCH PLAINS, N. J., Aug. 2 --As plans for the National Tennis Championships move into their last few weeks, all the leading stars of the race are found planning to attend the week's play at the Shady Rest Golf Club. Positive assurance has been received by the...</t>
  </si>
  <si>
    <t>                                           The weekly meetings of the Fairfield Civic League have been devoting much time to the study of "Education," "Business and Community Problems," in their discussions. In keeping with the trend of programs. Mr. Harris Moriarity, President of the Fairfield American...</t>
  </si>
  <si>
    <t>                                           ?~~/TV A* " TOR WOMEN I FAR!?'~"! = B EULAH MITCHELL HILL, EDITOR. ^</t>
  </si>
  <si>
    <t>                                           PREDICT BIG COLLEGE ENROLLMENT                 COLLEGIANS THIS H                 Atlanta Campuses to Present Numerous Changes Soon                 FROSH COME FIRST                 When oM students at Atlanta's institutions f  education start  in the city within the next few   to commence another year of . th-y will fim! many new changes on the local campuses while new students cannot help but be impressed with                 the layout of the units with  library, for the joint use of all of the schools, as a valuable addition. Morris Brown, college is deserting its "M location for a new one on the West Side along with the other schools, occupying the former Atlanta University buildings. Work cm the administration building for Morehouse college is rapidly  completion, the old administration having been moved in its  some 100 backwards and a like distance to the west of ifs old location that will be occupied by the new building, while trees are  removed and the entire campus landscaped. The new buildings on the Atlanta university as speedily gaining shape and it is believed that they will be ready for use by the end of the present school year. Cleaning Up Considerable renovating has been in evidence on all of the campuses. Spelman college buildings have rec ived liberal coats of paint and varnish, while a number of repairs will be completed in time for freshman week. Clark university on the Southside, along with Gammon Theological seminary, is all  up and ready for another year s work. The new Morris Brown site has been brightened and scoured. polished to such a degree that the  s and administration building will be moved into late next week. Atlanta University and the Atlanta school of Social Work will also be ready to start on time Out at Morehouse. students will have the advantage of further infomation gleaned during the past j school year and summer by their I instructors while several   "W faces will be noted on the faculty aci cording to W. L. Whittaker. 1 Leaves of absence have been granted to Professor B. R. Brazeal who will work on his doctorate in history ut Columbia university; Zack Hubert, who is to study for a doctor s degree is religious theory at the University of Chicago and J. A. Hmlgins. who will also do work  a Ph. D., at the latter school. (Conttnued on Page S; Col. 2)                 Expect Many (Continued from  1) John Hope, Jr., who rco. his M. A., at Brou-n University this Juno will replace Professor BraEcal while successors for the other two men have not ben announced. Spclin:in Changes Members ot the Morehouse faculty who arc returning after further study include. L. L-.wis. who studied philosophy ;it the  courses ot the University of Cincinnati: Frank L. Forbes, physical education department, who attendee the Springfltld Y. M. C-. A., college. Springfield. Muss.: N. P. Tillman, English department, who just completed a year s  on his doctorate at the University! of Wisconsin; Professor H. H. Strong, philosophy, worked on his doctorate at the University of Chicago: John C. Bridges, who was a i-CA. student at the famous Marine Biologicnl Laboratory. Woods Hole, Mass.: W. R. Chivcrs, who also attended Wisconsin and! studied for his doctorate in sociology: A. A. Edwards, who took additional work towards his final: degree in rural sociology at Cor-i nell: B. T. Harvey, who .studied chemistry at Columbia university; and C. B. Dansby, who worked on his ( in mathematics at th" I University of Chicago.                 Tlic most important addition to the Speiman  will be that of Mrs. James Hop.- Lyons. Washington, D. C sister of President Hope, who will take the post  of women made vacant by the resignation of Miss Ethel McGhce who b'-came the bride of President John W. Davis of West Virginia State' college the first of  month. Mrs. Lyons is a former member of the Spelman faculty and well known here. Miss Cede R. J' . Richmond. Va.. a Howard grat uate, has been chosen to take the place of Miws Irene       . French instructor, who is i.n a  of absence on a scholarship granted by the General Education Board for ii year s study abroad' at the University of Toulouse in France. AWL 7 Wilson Saturday Other Schools Dr. W. Y. Boll. Ph .D.. Yale, has be n added to the faculty Murris Brown college. He was formerly connected with Gammon Theological seminary and is recognized as .nc of the religious authorities of th- country ; to President W. A. Fountain. Miss Carrie Hall, former instructor in Home Economics and supervisor of the dining room at A. and I. college. Nashville. Tennessee, will occupy a similar position here. Professor Cl' ndon. studied at the University Of Kansas this summer where he is working on his doctor s degree in . V. C. Clinch, who has been studying at the same school on a General Education board .~*'h" for the past two yars is also returning to Morris Brown. He received his masters in English in 1D31 and has completed a year s work on his doctorate. Professor A. J. Lockhart has studied on hi* advanced  in chemistry at Boston this summer. Extension work will be continued. Few changes arc expected at Clark while there an- rumors ,- that Gammon will have another president. Rev. Orvillc Davis, who spint some time in' the Philippine Islands, has ben chosen to take the place of Dr. D. D. Martin at the theological school. Freshman week on practically all of the campuses will start September 21. with registration for upper  and instruction commencing Monday morning, September 26. It is believed that a large number of students who were unable to re-cr.tcr school last year on account ot little funds will be back to increase this year s registration totals.</t>
  </si>
  <si>
    <t>                                           When old students at Atlanta's institutions of higher education start arriving in the city within the next few days ready to commence another year of study, they will find many new changes on the local campuses while new students cannot help but be impressed with...</t>
  </si>
  <si>
    <t>                                           S Ci ETV II A  DA(1 F FOR Vk/OM^Fh/ II FASHIONS ?:~.,^b,~_-U-O.^ BEULAH "MITCHELL HILL^ EDITOR. .lPL^</t>
  </si>
  <si>
    <t>                                           WASHINGTON, D. C.--One week ago a man was released from a ward at Freedmen's Hospital here. And that is the story for this week. We will go at once back to the year of our Lord 1908--A.D. Our scene is begun at Richmond, Virginia.</t>
  </si>
  <si>
    <t>                                           Old-time fashion observes who know their facts and ladies figures say that never before, to their knowledge has the waistline gamboled from armpits to hips. We have with us a sartorial sensation. Belts having whoopee! The femmine equator is whereever you...</t>
  </si>
  <si>
    <t>                                           FAMILY CUTTING                 New Orleans,  a.. Sept 9-ri A family argument between Phillip Joseph nnd his common 1-w wire Mrs. Elnora Lee ended with Joseph  stabbing his wife in two  The argument began at their horn? 2414 Erato street Monday night When police arrived on tlie scene Joseph had departed for parts unknown, and his wife was taken to the Charity hospital, where it was found that she had been stabbed in tlie- left side of her chest ana then 3    over the Tieort Her condition  was considered as undetermined at .the' Charity .</t>
  </si>
  <si>
    <t>                                           Mr. Charles J. Greene, district manager of the Atlanta Life Insurance Co., spent Sunday. August 28th. with relatives and friends in Americus.</t>
  </si>
  <si>
    <t>                                           ?REE -i'M;] n-Tm       Isisssbi^bV writ*     . B    Mpf uf     r 4Hr 5 3^P Wltu.f N.IUfti       W Utmn     ,     la ^i 41V i jour       .     U ^   - V.V         4 tod . x  Ji J*^ Alio                   , /v -ltr      . .'I -IT V/         . It rut t3d Ittut       L/se 77ws Laxative made from plants THtDP0BD$8 BLACK-DRAUGHT 1  mode from plant* that come up tram       and grow,,lp tha ground, like the garden YegeUble* yon cat at  meal. NATURE bos pat into these plants an  medicine that BtlmulaUi tne bowels to act Juat as Nature put tbe materials' that ana,Uls  I body Into the  *    you I oat In Bloek'Drautbt jou     ^        laxative, CrM tno\      *do druga. IU proper use docs not  you have to depend on            druss to set the  to act dally. Find out by  Blaek-Cramht  a (rood medicine It Is .for  troubles. In 25; . (dry). P.l!. For Children, act .the *tv,  tatting 8 of Thtd/ard l Vlack-Drausht. 2   60f *. Beware the Cotigh or Persistent  and colds  to  trouble,  ran ^\       with Creomub!oni 4 that is pleasant to take. Creomulsion ii a new medical discovery with two-fold ac- j tion; it  and heals the inflamed  and Inhibits germ growth. Of all known drugs, 9i[s recognized by high medical  ooa of the greatest healing   coughs, and colds and  of throat trouble*.                     , in addition to creosote, other hewing dements which soothe and heal the   stop the Irrltallon and InSammation, while the               on to the stomach, is absorbed into '{Be. blood,' attacks the seat of the trouble and checks the growth of the germ*. Creoraulslon is guaranteed Mtufidory in the treatment of persistent coughs and colds, bronchial asthma, bronchitis and other form* of respiratory' diseases, and is excellent for building up tbe  after colds or flu. Money refunded If any , rlo  of , is nnt relieved          '-'';-~'  1lwc   9!ru(('"'."v*^ WEAK WOMEN TaJse Lydia E. Plnkhd'mJ  Vegetable Compound Have you  (tit that you      too Miak to Jo  that you did not him .tin itr. to do your  t Women who lira wuk and  Mowa hould take a tonic men  Plnkham'i VifatabU Compound;      und  that             ol a , run-down -~(TO yuit to                . MS 7  8-out of  104  /5             ' *n    *tt!* ui.. Buy bottle from .  today and watch . U you win writ* to the Lydia KHnkbiin Mtdklna Company,     ; ftn Lrnn MM}., w. will tn^fud to  trUi XAKEjlftoa,          */    doctor.  J^'M't    , bam li son ibaa " int." It budu with . . * r*""r" irn \  GufiM My. A TaBiiSSxBEi. ml  d^w. : loo Hun ^''rfa^?1!*?'^**?"' I</t>
  </si>
  <si>
    <t>                                           Lovely, young Patricia ... agrees to marr braithy, middle-aged Harvey Blaine because the father she adores is in financial straits. She hopes, however, that handsome Jack Laurence, a young ... whom she only met once-- and the only man she ever wanted...</t>
  </si>
  <si>
    <t>                                           Pleasant Grove Baptist M. B. Church, Sunday, August 7th, at 9:30 Sunday Geo. Davis. Sept. at 5:30 BYPU, Mrs. Geo. Roberts, president Sunday August 11th is regular pastorial day and Communion. Dr. T. J. Thomas, pastor.</t>
  </si>
  <si>
    <t>                                           The sinister influences of the astral forces governing today's affairs, presages a rather unfortunate trend of events. With bearing chiefly upon general routine afafirs, employment and the personal welfare according to the luna transits. During...</t>
  </si>
  <si>
    <t>                                           'THE  AMBASSADORS" of Reed Street Baptist Sunday School.  . Standing, (left to r ght) Miss  L. Dowdell, (teacher;) Marcellus EvansTHenry Watson, David Reese, Lucius Simon, Oscar Daniels, H. P. Jones, W. C. Peden, George Boyd; sitting: Eggerson Harris. Freddie Blount, Grady Bennett, Wilbert Lee and Samuel StovalL</t>
  </si>
  <si>
    <t>                                           HOW 1 WON MY MAN... by K-R.-Mt  ami) 1 [2. ^JZtWl1. I ALWAYS *fMI J5/lJ     ?f I '      \ THC  ?j^^Bip INrj ^^Vi l^\Wtf^Qff    !j Don't let grey,  .fc^ftT^tL1^Cl-t7a r^HH hair make you un- a-        55S-  H ^sasa^ s=s?r-tr sssH  FRENCH HAIR COLORING Ct Uritnio  t  nr of Omm dnv  Unsi ATLANTA, GA.- Yates Milton, Cor. Auburn Butler Su. DeLamatcr's Pharmacy, Boulevard Highland Ave., N. E. DeLamater's Pharmacy, 719 Ponce De Leon Ave., N. E. MEMPHIS, TENN.- Dixie Druc Store, 1083 Thomas. Orance' Mound Druc Co., Boston Spotswood, Pantace Dbuc Stores, Mue. C. S. Morcan Younc (Corine Beauty College). Shop No. 1, 432 Beale Avenue. Shop No. 2, 341 Beale Avenue. Shop No. 3, 1234 Florida Street.</t>
  </si>
  <si>
    <t>                                           CHICAGO, August 11--(ANP)-- Kid Chocolate to may be the greatest fighter in the world at his weight to Senora Sardinias down Cuba way, but if you're to believe the whispered and howled comment of Nordic citizenry which turned out Thursday night to see him defend...</t>
  </si>
  <si>
    <t>                                           In Memoriam                 In tender memory of my beloved daughter. Josephine Pauline V/ who, left uk seven years ago today, September 6. 1925. "When in the dawn.. I sink my head, Sleep. Death's twin brother fines' my1 breath. Sleep. Death's, twin brother. knows not Death. Nor can I dream ot thec as dead" Mrs. Odessa Wright (Mother)</t>
  </si>
  <si>
    <t>                                           Jean Harlow Heads Cast in Royal Film                 Jean Harlow. of the famed platinum-blonde tresses, offers a surprise to  in her latest screen role, as the heroine of "Red Headed Woman." playing Monday and Tuesday at the Royal Theatre.                 In order to play the title-role in Metro-Goldwyn-Maycr's filmi- 1 zation of the sensational Katherine Brush best-seller. Miss Harlow was  to chance her hair to a  red. a chance which is reported to make guile a difference in her appearance and personality. "Red Headed Woman" presents a vivid character study nf a  woman who stop? at ; to Cain her unscrupulous ends. Startine out xs a stenographer, with her only weapons a   of sex-appeal and an o\- ambition {or wealth and social . she ends un with her hands on a title and its accompanying millions. In her wake, however, she leaves a trail of broken hearts, disrupted homes and disillusioned men. The story is said to cive Miss Hallow the   opportunity of her career. That the                 film version also has its share of humor is guaranteed by the fact that the novel was adapted to the screen by Anita Loos, author of that side- satire. "Gentlemen Prefer Blondes." and was directed by Jack Conway. responsible for many Wil'lam Haines comedy hits, as well as the Barrymore mystery satire, "Arscne Luoin." A  cast  with Miss Harlow. including Chester Morris of "Alibi" and "Miracle Man' fame in the male lead: Lev/is Stone, in the role of the father who attempts to "buy off the ved-haired siren: Leila Hyams. as the \v:fe whose domestic            falls about her ears: Una Merkel as a wise-  employee: Henry            . recently seen on the New York  in "Cynara:" May Kobson. who scored as the mother in "Letty Lvnton:" Charles Bover and Harvey Clark. The  has been lavishly  with scenes  from a small American suburan tmvn to Xew York and a reproduction of the  Loncchamns nice-course near Paris.</t>
  </si>
  <si>
    <t>                                           Jean Harlow, of the famed platinum-blonde tresses, offers a surprise to filmgoers in her latest screen role, as the heroine of "Red Headed Woman," playing Monday and Tuesday at the Royal Theatre.</t>
  </si>
  <si>
    <t>                                           The third disorderly conduct case in connection with the seating arrangement in street cars to be brought to recorder's court in the past two months netted a $27 fine or thirty days in the stockade for Mrs. Laura Reed. Thursday. The case was tried before Judge A. W....</t>
  </si>
  <si>
    <t>                                           RED BRADLEY, the menace of semi-pro ball lots and one of the headiest young colored Ditchers who ever toed a slab, will take the mound tomorrow afternoon on Morehouse campus, gunning against the Atlanta Gray Caps for the Pullman Hurricanes.</t>
  </si>
  <si>
    <t>                                           Dog Scares Man Into Fatal 6 Story Fallj                 NEW YORK. Aug. 18- A police dog capering about on the roof of a six-story building early Monday so frightened Harrison Caster. twenty-three years old .'a NegTO who was sitting on the roof that he jumped up on the parapet ot the building and fell to death in i the street. William Corbin, Negro, who had taken the dog to the (pool for an airing and set It free, was held in SI. 000 bail by Magistrate Ben-  E. Greenspan in Harlem Court for examinaton. in Homicide t Court. MANY WHITES. FEW NEGROES PARDONED RALEIGH. N. C. August 18- (ANP) Statistics r.^.ased !a-;t week by the state highway commission indicate that Negroes in the prison camps lead the whites in everything except escapes and pardons. On August 1. then- was a total of 4.304 prisoners in the camps of whom 2.755 were Negroes. 1.571 were whites and 18 were Indian. Although there were nearly twice as many N. gro prisoners as white. 41 whites were released nn parole and only five Negroes. Court orders removed eight white prisoners from the camps and only two Negrofs. Thirty five whites and 23 Negroes escaped. I</t>
  </si>
  <si>
    <t>                                           Mr. Walter B. Martin and Miss Inez Harper motored to West Point Sunday afternoon.</t>
  </si>
  <si>
    <t>                                           ^^V V:/*T Each issue if- The Atlanta Daily World is a mirror ^X/ On those days when the front page reeks with crin.^     "V.$Sfi Vjjf:-v^::;vv;. ck;'-  y.--u-w^...-^.: Ofnew87 ;^~'gw^aBHI</t>
  </si>
  <si>
    <t>                                           Bailey's ROYAL THEATRE FLASH!! Fri. and Sat. Eddie Tolan AND Ralph Metcalfe -World's Fastest Humans" ta special M G M newsreel of 100 meter race In Olympics</t>
  </si>
  <si>
    <t>                                           Four frightened victims of a severe beating at the hands of unknown white men, armed with revolvers, straps and sticks, who drove up in three automobiles Saturday morning about 2:30, and took them for a "ride" told a pathetic tale to Jacksonville...</t>
  </si>
  <si>
    <t>                                           S.C Governor Lets Nigger' Out of Pen                 COLUMBIA. S. C August 5- (ANPj- On the recommendation of Judge W. H. Crimball, white, of Charleston, Governor Blackwood suspended th. rest of the sentence Wednesday of John Ravenal. "'~ of burglary in 11)27 ind sentenced to Herve 10 years. Tliis judge, who is a good        of the southern white type which regards the Negro with condescending  included tho following statements in his letter to the governor: This nigger s pa is a Methodist preacher and for two or tlip e weeks has been pestering me about chances of getting his black sheep back home. "It S' cms to me a good opportunity to get one out      thus make room to put another in. ~'Relieve the penitentiary of a prisoner; relieve tli' old Methodist minister of his cross; and. finally, relieve me of his pestering visits."                 10 H BURNED IN FREAK FIRES Flames  a blc  Into two men Thursday night as they worked near or ..bout their automobiles with the result that one of them is in the Graily hospital suffering with  burns of the legs. Both of Ihe  were of n. freakish nature. Linze Arnold, 512 Cohen street, driver for M. Rlcli and Co.. was burned on the right arm when he attempted lo fix his carburetor in the 500 block on Humphries street. In some unknown manner, a blaze started up and his arm was scorched before ho could cot it out of tlv way. Mr. Arnold was treated at the Graily and  to return home. Trapped when the lantern in a garage turned over as he was draining some oil from a tank, Winford Sloan, 382 Whitehall street was badly burned on both legs. He was brought to tlv Grady In a fire automobile where lie was admitted. Both of his nether limbs were considerably blistered by the sudd' n conflagration. I I IN  MEMORIAL I BROADCAST NEW YORK. August 5 Paul Robeson. baritone star of the Zelgfeld production "Show Boat," and the So-. National Broadcasting company act, participated in a radio memorial program to the late Florenz Zicgfold over W. M. C. A. Friday night.  IN NEW YORK NEW YORK, August 5 Henry Allen Boyd. head of the National Baptist Publishing Board Of Nashville, Tennessee, is spending the \^cek in Harlem and will speak Sunday morning at Mt. Moriah Baptist Church.</t>
  </si>
  <si>
    <t>                                           ?SfiETV! A  FOR WO ME IV ,'%8 HZ          MITCHELL HILL* EDITOR.</t>
  </si>
  <si>
    <t>                                           Pride In Race Is Growing, Says Manufacturer                 NEW YORlTciTY, Nov. 21- (A NP) "There is perhaps no better Or  accurate barometer of the growth of pride In our own race and color than the  increase in our sales of sun tanned or brown skin dolls"  W. B. Abbott, president ot the N. V.                 Sales Company. 402 West 145tli Street, here Tuesday morning to a representative of the Associated Negro Press. Tills _     establish' il several years ago idr the purpose ot "glorifying the brown skin" has accordIng to Mr. "Abbott enjoyed a substantial growth from 'year to year anil to ii large extent the ambition of the founders hus been. realized. "It was out ambition"  d Mr. Abbott, "to place in the arms of Negro children dolls ol' a darker hue 'In order that they might realize that white did not necessarily mean beauty to the exclusion of all others. The whiti manufacturers as well as  spokesman in all walks of Kfc had taught us. along with others, that white was the criterion or everything beautiful and pure. We set out to dispel this Idea. "Our task was by no means . We. encountered various difficulties from within the race and  without but I think 'we have mastered' the situation. Churches and) other", organizations have       drown Into the picture ,-md into our j battle. We have offered and are yet  opportunities to them to! use our sun tanned or high brown i dolls as- in various rallies and financial campaigns. We have given young men and        an opportunity to make a living by selling these brown skin dolls as  as giving employment to scores of young and old people In the 'manufacture' of our products." Through a,  prosecuted annually by: the N. V. Sales Company, according to the president thousands of children are .made happy each Thanksgiving Day by dolls  il through the churches and other organizations In communities -throughout the country. Every charitable organization has been urged to co-operate with their  in. their effort, not only to make life more enjoyable 1o the kiddie? but also in the promotion of rn cc pride and glorification of the brown, skin.</t>
  </si>
  <si>
    <t>                                           NEW YORK CITY, Nov. 21--(ANP)--"There is perhaps no better or more accurate barometer of the growth of pride in our own race and color than the consistant increase in our sales of sun tanned or brown skin dolls" declared W. B. Abbott, president of the...</t>
  </si>
  <si>
    <t>                                           Here we are back to that momentous question of eyebrow culture. We believe that the girls are going a bit wild on the subject. They've done everything to eye arches except to form them into lines of seallops, a series of points, or zigzags like streaked...</t>
  </si>
  <si>
    <t>                                           HOLLYWOOD, Cal., Sept. 11-- It is an ironical fact that to all but a select few the real qualities of a man remain hidden until he has gone down the "bourn whence no traveler returns," beyond the plaudits of a world that cherished a gem unknowingly.</t>
  </si>
  <si>
    <t>                                           Thousands Will Make this Trip $4.00 ROUND S TRIP BIRMINGHAM SUNDAY, AUGUST 21 via SOUTHERN RAILWAY Take a Train Ride Accommodations for AH SPECIAL TRAINS Lv. Atlanta 6:45 a.m., 7:00 a.m., 7:10 a.m., 7:15 a.m. Ar. BirminRliam 11:15 a.m., 11:30 am., 11:40 a.m.. 11:45 a. mi Returning: Lv. Birmingham 6:30., p.m., 6:40 p.m., 6:50 p.m., 7l00 p.m. Ar. Atlanta 11:00 p.m., 11:10 p.m., 11:20 p.m.. 11:30 p.m. BASEBALL IN BIRMINGHAM Buy Tickets In Advance City Ticket Office, 57 Luckio St.,       Ticket Office, Terminal Station. SOUTHERN RAILWAY E. E. BARRY, A. G. P. A.</t>
  </si>
  <si>
    <t>                                           Don't miss any Copies of your World</t>
  </si>
  <si>
    <t>                                           ^^ FV\OE FOR. WOMEN     ^f</t>
  </si>
  <si>
    <t>                                           Igeorgia}  U AM. ISe I C M- Lionel A twill. Loo -Tracy %~ -~nd FayWrmy.in 5 W J: -DOcroRix".;</t>
  </si>
  <si>
    <t>                                           MESCAL IKE Local Boy Makes Good. r 7 by ART^H^HTAi                 VANCE The Skull Mvsterv by S. S. ;                 TIM TYLER S LUCK So Far, So Good by Lym Young                 rt?i t T-MC2 rrnA/T\/rf" "By Pirn Ml                 ~*ifl^  3                  THEM DAYS ARE GONE FOREVER (A New fun- Ea h Day</t>
  </si>
  <si>
    <t>                                           GUARANTEED j RECONDITIONED CARS Save Money 1033 Chevrolet 2 Door Sedan;  3 ) Juit out of toe ; at a ulf . I 'to MarauelU 4-Doar Sedan)  one exceptional], clean $^5 O '30 Marauetle  Coupo W*3 'Si Marmon LJfht (-Door Cine Sedan ^IVO '58 Dodge "Faal 4" Coupe; *1 oe  mechanically *1^.O I  U Fold Spoil Cmpe;  O7C Jam-op condition 9^/3 Jl La Salle 4-Door 6      C97C very clean I 'to Ford Standard  1CC Coupei serf eel condition *lw) 'SI Ponllao 2-Door Sedam  19C  reconditioned  M^J    Cbeirolct Boadllen fl QC      elean ^     31- SO LUlit "8" J-Do.r  Sedan $  3 '31-S7 Dulelt g-Cyllnder 4- t7dC Door 5-Whe-H-heel Seilon*'^0 I 'SJtt-^O Bulck S-Door Sedam CQ/iC  m Terr fine car $OHO 29-40 Bulck Mailer 7-Fas- 4*1 7C carer Do Luie Sedan...  PWO 18-20 Dulck Standard 2-Door *1QC n-t: Bulok Mailer 4-Door  QC Sedani clean *ao  29-1? Dulck Mailer 0 I-Door ? Sedan:  Doco  i;  2[~-   Bulck Standard 0  C?4  Bualneai Coupe  Ddi J '31- .V* Bulck I. Sport CJCOe Coupe;  11.MO ml. V'0 Sydney C. Johnson LARGEST EXCLUSIVE  CAR DEALER IN GEORGIA 170 Feaohtree WA. 7311 LOT- Sjrtnt and      SU. tU. Nit !                         A. C. Williams i ^CONTRACTOR          RENTS and LOANS *We remit renta tlie day we eol-~   them and make arrange-^  for loam promptly. PHONE MA. 0194 70 C. St., S. W. '.?</t>
  </si>
  <si>
    <t>                                           Merchant Is Victim Of Heart Attack                 JACKSON. Miss.. 'Scot. 9-                 Albert L. Adams, local merchant ^ Wednesday morning .at 3:30 on the front porch of. a .local physician s home after being rushed there for medical aid. Mr. Adams was awakened, by severe pains over his body, and was  a physician by members of 1 the family. Before the doctor could I give relief he died from a heart atl;ick along with asthma. Mr. Adams ha* been in failing health for a number of years, but up until his sudden death had been in rather good health.</t>
  </si>
  <si>
    <t>                                           TA1R TUESDAY afternoon anil night,    rm*r      ^    . Xoweat ;     24     , 41;  60; average, 50. Metcerolofitlt AtUnU  Bureau.</t>
  </si>
  <si>
    <t>                                           HOLLYWOOD, Cal., Sept. 7--Returning from her European trip, Joan Crawford stepped into the dispute fans have been waging about the new makeup she used in "Letty Lynton" and in "Rain."</t>
  </si>
  <si>
    <t>                                           Anyone Can JVow Have a Lighter Skin  skin la satiny, soft and light. then smiles  andyour beauty is charming. Dr. Fred Palmer a  Vhltener Ointment  and lightens the darkest skin, clears up pimpled, blotches and tan marks, and does away with that "oily, shiny" look. Use this preparation  to make your skin soft, delicate and . This  Ointment la made in the famous Dr. Fred l almer s Laboratories where are also made those other beauty aids you know so well: Dr. Fred Palmer's Skin. Whllener Soap. Skin Whltener Face Powder. Hair Dresser and Hid Deodorant, which may be had at all  stores for 25 cent? each or will be sent postpaid upon receipt of price. Dr. Fred Palmer's Laboratories. Dopt. D. Atlanta. Gx Send 4c in  for trial sample of Skin Whiuner, Soap and Face Potcder. DR..FR.ED PALMERlS           'KEEPS YOUR COMPLEXION YOUTHFUlJ</t>
  </si>
  <si>
    <t>                                           ?~^F^^BFW^^JM UJ. with ia bw of highly rained mutton ro^. -        IT  Y HA WE AsL yo\ir driest (or       ^: tratt* directly to the Mat of cold infection.'    }Y why ordinary cold trev 2*c a jar. Large ^^d ^TIwiTiOmIj^Tj       _with       of mineral oil or petroleum are out of date. PENE- omy JOc- Family  i te. I jK: :^W/:-r^TT:**^^^"J- TRO'peoetratu: 4  quicker. md'.ii- the mo* effective cold '^BjM *^IL I'^B B t%l J $1.00. If your druggist                nive  i  i   y modem '  Don't take chance*, treat- ^          not supply you order direct FO  UUT  , MCCaifuny thi. winter with ^. ,          TMt MUTre^UcnTTvF iT! V; ^u.10?1*'                     .Tenn,</t>
  </si>
  <si>
    <t>                                           THESE DEBONAIR YOUNG MEN mike up the swank Tuxedo                 t-iub of NnrtVUe. Tenn.- Photo by  W. Algernon, Nuhvlle, Tenn.                 BOARD ot the Second Buptul Church, JackaooWUt, Fit. SoUed (Uft tfl ): Rev. K. D. Britt, , F. Ucnnl Willtanu, head ; Mim bud  in  of * Uuli.1 OUbtrfl J. Koon*. c. B. Milton: Hla IUmI WIIIIiiiiJ                 .-Photo by       AcktooviliJ                 CHAJttOHO  VISITS EAST. Mn.EE Thou* of Atlanta, Cfe, U vacationing with * ud       In     York.                 Fboto by Kally. AtttnU.                 PLAYGROUND DIRECTORS g        . Tenn. Left to : Ml* BrnUah Mackey. OrviUe Caih MUt Mary Mocre.     McNultv Miss Vinan Kin*, ami .                 , -Photo by      -Purdy.                 WS8 MAMIE LKA- CAffiB. Hi*. Ruth Smith  nf 5 Ita SmjJt popular la      ^S                 Ma  L. WILLIAMa ooe of Jackfonvllta'i (. tor Ullom Hto (^^1% tbc mart moduli in the dty                 MISS LUCILLE cM . popular iM  of Lodaitoa, Ky*B In Um  of tht       Intunutce  aad M public                 UBS LOUIS* BA J youm                   tt, G^-PIM^by K(fl                 ' Mr- MX! Mi*     . 80S Idlnn                 ru.-t-Wto '                 OPENING OF FIRST C M. A. STORE In the State of  ew Jemy (AtUntle City). In the back row (left) are N. Jeokln. and c. Benjamin Curley. Of the   operation*, am) on the  itre atte, EvaBowIe, K?. "fc i0*1 ^i 0th* CMA-  ~"WrW t*mt Spencer Wanhlngton, toilet good* Manufacturer, who U an officer In the new .                 FISH POND and flower garden at the residence of Dr. and Mrs. T. Fuller, 606 St Pan]       , Memphis. Mrs. Fuller may be seen feeding the fish. Dr. Fuller, former president of Roger WiUiam*     collen, is pastor of First Bantiai filum*                 -Photo by Hooln, MemphU.'                 ALL NEGRO TOWNS an not in the South.     U Mtu Lillian Clbnon of Uwnaidc. N. J.. mar Philadelphia, one of the "Nuro ." of the North.                 DELEGATES to the. A. If JL 1VIConventlon he)d at Big Bethel A. M. E. ChtirelL Atlanta.  Mntb                 -Photo by Rdl7 AttMU.                 MR. E. DAVIDSON WASHINGTON, younger son of the late Booker T. Washington, has edited collection of (elected addresses of his father which have been published and released by Donbleday Doff"  nd Company, publishers under the S^V'-i**1**^ T. Washington. This is the same  company that printed Dr. Washington's famous book, Up tram Slamry.                 MR. EARL MATHIS, owner at the Avenue Shoe Factory, Jacksonville, FU., is one of the  and most successful business men In Jacksonville.                 "THE B3TTER TO SEE YOU WITH, my dear! Perhaps that s the reason little R. B. Shy. Jr.. of Atlanta, has such big. bright veri Let's ask Little Red Riding</t>
  </si>
  <si>
    <t>                                           INSTATE                 Ft. Payne, Ala.                 Mr., lih Clay Poole Hot Sprimw. ArV i;  her cousin. Me Koy I Union. after n 5" year absence. I Mr- Aih May Williams ot Colhnevllls is vi-'itin-: her  and mother. Mr.      Mp. Thomns Me Clrllon. Mr John Golcmin was a visitor lo Summcrvillr.   . Thurwlay. Mrs. Sophia  is          ill her homr. Mrs. '-~ra Hichtowrr     at her  from her  . Mr and Mrs. Euccnc Strward arc the proud I'ariaiU of n  sou. MrTMo;p Newly" is             from a . A Urce rattle snake  vn.~ found beside little Francis Fny Meek, while playing in  streets. Mr. ChHrlie Baxter discovered the reptile and  It. The Fnrt Payne Dnre Devils played Hie Ahhcvilk- team  resulted in G.6 feore. The' Dare Devils played the Summerville team  defeated by that team 10-11.</t>
  </si>
  <si>
    <t>                                           If the Negro is cursed by any other movement and if the religion of Jesus Christ is brought into disrepute more searing than the little ex-dwelling house church racket, it has not come to the attention of this writer. I was reared in the country, in the...</t>
  </si>
  <si>
    <t>                                           ^~i- -v</t>
  </si>
  <si>
    <t>                                           Behind The Scenes                 In Hollywood                 By                   (CopyrnJh:. '.'.122. K:!i^ rV..:u:vSv.'.du.ao. Ir.c;                 HOLLYWOOD. CaL. Aug. 13.- Here's another case of the murie taking the mountain to Mohammed. Unable to find  Indians hereabout. Universal has chartered at. airplane and will       Director William Wyler and a cameraman to Oklahoma City ami Lawrence.                 sas,  mcy win  lexis 10 the lead in "Laughing Boy." Will: th.. ; ii. -.in; picture postponed f^'Ur time* row for lack ..f a k-a.Iin;: n.an. the studio is desperate. Car LaemmiJr., has  fc!i '.m^l t::c hero i-. the Oliver La r ai^e r.^ve:.  p.u.::.t be fil Indian, but  hi* :is- sistan'.s to test dosen:. of KoUy- wood ac'.'.rs. V.'her. r.one of then pri-vt:~] s^   !.;tf.ury. Ur.:w rs.il cvt-n s.:nva?sCi: he :ul:;t.-'.t.-j ir. O!y^:- pir v.'A^r Nov. 11. c vi.lj;.!: ;;:L-d ji..r h:ii t1-'' bock :j ho o:.^i:".;'. ..r.cl r.x- i-struc:ed V.' .-.cek the pr.-.;v type in '.In.- "~vo "i:;c:  jont-.! above ar..: j.' i.c \.:.-^cco^:^:. to  c- directly to tt.e   .^:o:i^.  TALK Th' re s a li::!c drama in i!.e .:ia- I mond ring tin;: Cla^i 3uw receive! trr-m Rex Be!! or. her -iy. WhiTi the :wu     :rr;e ep.j:.:^ec. R'-~: UicJn't have the money to buy her a ring. X-j'.v. they D^:h r^ fer to the new  or, a:: cr.^asen:. r.t GfOrge O'Brier. sen.hnK :.:s father to Germany to eor.sult a. famous heart specialist. L,-:ter en. George will joi:: in Z'Jrop' Maybe Rici'.rdo C'-.:~-z wi;l ^.5 a!ons. if he can get      .'. R-K-O.. The two Ciiaplin youngster* have taken up the study 0'. lip-dancing. Charlie. Jr.. by the way. is left- handed like hi: father. .It's an old story about :h'- agents who swarm up a producer when he enters a restaurant or a public place. Nat Goldstone goes this one better by engaging a room next to junior Laemmle at the hospital. .Many of th'' Him colony are Invited to n 1 dinner at Pickfair tonight, which i will precede a private showing n.' Doug's new picture. "Mr. Robinson Crusoe.". The location trip of the I Salomy Jane Corr-puny to Sequoia National Park will be a  and wives . Mrs. Raou! Wa;--h. Mrs. Charles Farrell. Mrs. Ralph                 I.'V:ri:i:y. Mr.-.. G- r.c Ma:  .-y are! .:io;-.^ ke- p :i ~;joi.:m.'s ~~:v.p.i:v. A :  .':- !:;;k; r:;; Ma:ii!~ u".i.' of f'-.:r Ii3*J^::*.lLT Siars, Q CL.rl.air. I-.u-i. w,,-j,  a*(.-p.; ;i:-..i;rx -".: "I .;::r.k :i  j fr..'Sl-b;l- I .Q:\~j i-f .~.c r I..-.-,:  c:is:i- ion.il .1 ;.'l\. film c.jr.t:.ici ':.e ::rbi j Scpu-rr.bi.T :u. 1 1 tj\:-j:::\.: to pru- i nii li;   ; m L:.l' 3- iv.;[~," a iil:r. ;.".;; ubi.u*. a   ::.,:. I Ho:'i.''s :k--.'. s :-u:v.v pc-'plc you :n:iy 1i:;Vl' bet;!', wi.'r.ili r.n;; . To::. :.:oor- K.i.I:l- Nia:cr.-. an,: Earlc Fu.xc  . eng.-.j^-d i oz rolet in --Second Fiddle." Tli:s :s t::e  pict Jrf Jo^ i Sciinii7.LT \v:l! make hi- an ln^ope". P.-K-O :e:-.';    2ii: Ni-Jht. :ilsc- a Hoilyw.vJ -1 ;::i-:', w:!i direct.</t>
  </si>
  <si>
    <t>                                           HOLLYWOOD, Cal., Aug. 13.-- Here's another case of the movie taking the mountain to Mohammed Unable to find enough Indians here- about, Universal has chartered an airplane and will send Director William Wyler and a cameraman to Oklahoma City and Lawrence...</t>
  </si>
  <si>
    <t>                                           Any Good News?                 Betting Debt down to work Senalor Felii Hebert of Rhode Inland,  of the Hoover          tor the EnsMro statea, la         1 oil newly opened     York             . Tnc Senator bus been an Ardent supporter of Adrnlnlttratlon policies and was personally selected Vf tilt President to run the EuUil *^</t>
  </si>
  <si>
    <t>                                           The out-of-town gang, that is, most of it, breezed into the Gate City yesterday evening, all het up for this sixth annual Georgia. Open Tennis show, which began this morning at 8 o'clock on the spelman college courts.</t>
  </si>
  <si>
    <t>                                           Tn      CitT to Do Good tor the Publi. MADAM :9S3 WHARTON Hfc^B P.lml.f mnd Clairvoyant  vA^P^^H Adriee in . love. '-^^^v^^vH , ; How ^~'Ij'rM to win in lore, . .'^~"1 rl l health and all affair! of ,K% "I Me. MADAM            TON has no , (   ~)ffl an *~tui- One ruit t^^L J- B to a   Wl A m  will  70a for yoor Ban7 ' . Beadlar* for. White and Colored SPECIAL -^50c. iSIJ Eowell Mill Road. Atlanta. Ca. ,'Mjutettm Bowell Hill Car- 3 oaa 'p Hoase from Seaboard Stoo</t>
  </si>
  <si>
    <t>                                           MISS LUCILE KING of Gainesville, Ga., is visiting friends in Atlanta as the house guest of Miss Elizabeth Watkins on Fraser street.</t>
  </si>
  <si>
    <t>                                           MEWS                 Greenville, S. C.                 t*   ] -'Chupri CMK church, or which It*v.. A. T. Clark in . will  "Cuinit to        * Nlitht" Sunrlny , S^   ^     11th. nt   Vi#irk All  *nU KitfntC away to  Uiii* M-umin,   and frt**         ^ Invitrd to      *~ IhU ..      * will lx?         e*U fur th^                  iur cIim uf Sterling Hitlh         u* well m fur thr entire      *nt (tody.. A  program for Sumtuy   uh foUt/w*: Muxtc, Urmvl       CMS choir;             . lt*v.. J. A., ; S*l^tion. : Scripture      : S^!    *n.        Star tin* rift; AtMrew*. Prof 1/ C. Uut- Irr- Solu, Mr., Jamn Umilfurd - Inr*. MUs Antti**     Hnwlhuriti-; S^K-c- . Strrlinte Hitch ; I'ucm,      I'-arl l^ Selection. UnM Star : Knrvwell ComrrnJ*^. Mr..    -nry O.Kxllt-t: InntrummUl Solo.      Itozfll** JuckMun: lii-marku,      Sum!   I.**           i Mprr, MUh     Gullmun; Jd-v.. A Noticr Mr K K. Jmrknon in now      . Clurk. ^r  r e*r*     *.. ALlunU Dally Worltl In Gr*       .~      *        Drh rt^ (Xty  Satuntwy ^v^ninr Mini Suixlay .. W^ will cull        ull  thut  rf in .* i   t   uml  thut *-kch ~.f you py t.r 1 will Iw         to  your        Mkil tall m-w% that yuu  to    in *  I'urh day to K 1-1. Juck*on. J3tt W                .      JVI* will  tit thf I. ThumdMy  with a /Al  in honor of thi* Mory CiAUv  tud*-nU  will     n Ifuv fur rn-tuH/l. Mr.. UrM A        Kun r*-          * tli^ oil ^r tw.~ wr-k*   In Klat Ruck. N C.</t>
  </si>
  <si>
    <t>                                           Israel Chapel CME church, of which Rev., A. T., Clark is pastor, will observe "Going to College Night" Sunday night, September 11th, at eight o'clock All students going away to college this season, their parents and friends are especially invited to witness this program. There will be special seats for the present...</t>
  </si>
  <si>
    <t>                                           Baptists         for Cleveland This Evening                 The Georgia Bapii.sl dc-l^ to the .ri2nii National Baoiist Convention. Inc.. wli ah will convene in Clevt-land.       . Wednesday. September 7  Sunday. September II. will  fi-r the convention at H:l.'j  over the L N according to Rev.                 D. D. (Jrawlora,  01 me delegation- A larce number is expected to co. with manv  from various Darts of Iho state durine the day to jiin the  . A quiet harmonious . with  constructive work, esI  for the financial well  of the denomination is predicted by Rev. J. M. N'abritt, sec retary of the national bodv. ; local minister, and president of the Georcia Missionary Baptist Convention. Other prominent workers expecting ts ul jnd the  from Atlanta include Rev. J. Raymond Hender.-ioM. J. T. Dorsey. A- L. Pinkaton. M. L. Kinc. A. R. Barnett. Riley. and J. T. Johnson, and Mesdamcs L. A. Craitr. W. F. Me Kinney. H. E. Harris. N. W. Crawford. J. C. Williams. E. L. Phillips and Miss Lillie Davis. Those in  state that, us usual, the Georgia Baptists, both men and women, will play important roles in the ;: of the national . A larce crowd is expected at the Union station when the' convention train pulls out tonight.</t>
  </si>
  <si>
    <t>                                           The Georgia Baptist delegation to the 52nd National Baptist Convention, Inc., which will convene in Cleveland, Ohio, Wednesday, September 7 through Sunday, September 11, will leave for the convention at 6:15 tonight over the L &amp; N according to...</t>
  </si>
  <si>
    <t>                                           TUSKECEE INST., Ala., Sept. 7-- B. T. Harvey of Morehouse College. Atlanta. Georgia. President of the Southern coaches Association has announced the following standing committees for 1932-33:</t>
  </si>
  <si>
    <t>                                           SHOULD MEN BE CHtoitofOtt^~0L AT FIFTY?  M                 Maryland Man Staies That Man Is Just In His Prime at Fifty Ever since the famous Dr. Osier asserted that at fifty a man hud outlived his usefulness and should be chloroformed, there lius been u great deal of argument on exactly what ugc a man becomes feeble and useless. Some men arc this way at fortytwo. Investigators, however, have just discovered the rase of Jokn  of Baltimore, Maryland. Mr is'.ifi years old and  like a ?oung  in hi* early forties,  and hearty willi strong muscles and vigorous appetite. Mr. Mann wus just married a year ago lo u  woman. Thfv are  to have n baby tn bleu their union. "I feel sorry for some of the men I see around me," said Mr. Mann on being interviewed. "Mini of them younger  I am, anil complaining' oT backache*, digestive trouble, weak vital , constipation, and  knows what noil Look at mcl I'm as lit now. i JKlieve.    when I was thirty. My wife thinks I'm every bit as' good as any of the young bucks one sees around. It all comw from knowing how to take care of yourself. A'n/  a man  be in his  at /l There's absolutely no excuse for it man losing strength lit an  age, becoming wenk, bilious, sluggish and  things                 MBaljfe 4~$fr^9' miserable for both himself 'and bis family. When  what system he used lo keep himself so lit, Mr. ^ replied: '.'  ' "I learned yean Lack of a famous doctor s prescrip (ion called Dr. Cnldwell's Syrup Pepsin. '-Kyery mun s liver,       vital         now ni^ and need to be stimulated   action. -Aitling ^uars the I rick. Tint stimulant, that  : my  to new Hfeonlitn I got lo- ( low-' wiw Syrup Pepsin. It always did Ihe work thoroughly* and;..  me keep in shupe the  . I've  avoided strong'  anil so-called blood and                ." Dr. Cnlilwoll's Syrup'. Pepsin is' made, of pure pepsin, ,' :mtl fresh laxative herbs: At; any.        store, already bottled.</t>
  </si>
  <si>
    <t>                                           HOW 'M I DOIN' ho-de-ho, ah how 'm I doin, hi-de ho, twa twa twa, twee, twee, twee, Oh you dogl Ladies and gentlemen whatever AL DAUGHERTY, that sparkling-eyed prince of the baton, meant with that translation of Cab Calloway's sizzling arrangement, he was truly hot from his blonde hair to his Emerson kick! Maybe you've heard all about it. Maybe you ain't. Well, hear me now! Hear ye, hear ye! Here's how it all came about....</t>
  </si>
  <si>
    <t>                                           Bus Ticket Office Tickets Sold on Bus Lines from coast to const at lower ." 232 Auburn Ave. yv. B. BAKER, Mgr. MA. 1770 Eat'Candicrisp'-5c 35* EASE! 21 PAIN! Unlment that bring* fresh blood to pain  gives quick relief Mother'i lame back, Junior'i   Both found  In a bottle of Sloan'*? And Father who  For years with lumbago No more loses sleep; while Tiiose damp-weather pun* That kept Grandpa Awake No longer annoy  That ankle of Sister** Healed quickly; the Swelling has gone. Relief? Why, that. bottle of Sloan's eased T wenty- different pains 1 SLOAN S \Zt LINIMENT +*</t>
  </si>
  <si>
    <t>                                           Nurse to Brave Atlantic on Rome Fb'ght                 Nurse." The Khlp Is  In honor of MIsb New.  i- (i\lso shown in \n:,ul) n Williamaport, Pa., . Tin; trio plum to take oIT soon and Miss Nowcoiner  to  a  descent on Rome.</t>
  </si>
  <si>
    <t>                                           Mrs., Eugene Delaine was the gracious hostess to the Thursday afternoon bridge club on last week. She had as her guest Mrs., Sidney Scott, who was given a beautiful prize. Others winning prizes were Mmes. M. O. Levy, Lillian Wilson and Willie M. White. The hostess was assisted by her husband A. dainty salad...</t>
  </si>
  <si>
    <t>                                           All the fowls in the barn yard become panic-stricken when the hawk appears on the scene. This happens because experience has taught chick ens that hawks are things to be feared. But even though the presence of hawks is a dangerous omen, the hen must never forsake...</t>
  </si>
  <si>
    <t>                                           Mrs. White Entertains Mrs. T. E. White gave a beautiful dinner party last Thursday at her First avenue home in honor of Mrs. Annie W. Smith Detroit, the house guest of Mrs. Charles Davis and Miss Hazel Marie Davis Marion, Ala., the house guest of Miss Mae Carolyn Graham. Throughout the home quantities of pastel flowers...</t>
  </si>
  <si>
    <t>                                           g^ The Daily World  its readers to make written IT Publication of such expressions will be made by The 'T^l T". 11/ Lf%li I '1#V expressions of their opinions on matters of local and /\11 Daily World when they are not too long and contain ~-'i!l.'IV%''~jr^f^ WW-Tl^ll I J\W national importance, believing that vigorous public J[ \JU no libelous statements. We invite everybody to write ^i^ sentiment should be aroused and maintained always. opinions on current topics or on The Daily World. .:--:^::;r4m$</t>
  </si>
  <si>
    <t>                                           African Orthodox Church Holds 12th General Synod                 NEW YORK. Srpt. 3.- (ANP)- 1 The African Orthodox church held I its 12th general Eynod in Holy Cross Pro-Cathedral located at 122 W. 129th street. New York City, convening August 31, at 8:30 P. M. and adjourning Labor Day. Presiding officer was his grace the Most                 Rev. George Alexander McGuire. I Archbishop and Primate. Assisting him were Bishop Edmund R. Ben- I  of Long Inland. Bishop James C. Van Loe of Connecticut. Bishop Arthur R. Valentine of Illinois, and Bishop William Ernest Robertson of Florida. Among the distinguished I visitors were Archbishop Clement I J. Sherwood, primate of the                 dox Catholic church. i The African Orthodox  was organized September 2. 1921 hy An-h bishop McGuire lifter a preliminary period of twenty months. It is the result1 nf ihe d' termination  f NeeKroes trained in Episcopal church to establish for themselves a branch of the Holy Catholic Orthodox anil Apostolic church in which discriminations because of nice arc eliminated and all  and   by  men anil women without humiliation or embarrassment any kind. The form of worship used in 'the African Orthodox church appeals to both Anglicans and Romanists because of its beauty and solemnity.                 In     ven years this Church has extended Into various pans of Canada. United States West Indies. South Africa and Uganda. On Wednesday evening, August 31 at 8:30 Solem Vesper was  after which the Synod Srrmon was preached by the Rev. Canon William R. Mill'r. rector of the church of St Simon the Cyrcnian in Brooklyn. Welcome addresses were made by Bishop Bennett, the very Reverend Dean C. Shtppard and the Ven. Archdeacon W. S. Kinnon. to -which responded out-of-town . Hfs Grace Archbishop G. Alex McGmre then delivered the first part of his very Interesting Primate's Address.</t>
  </si>
  <si>
    <t>                                           NEW YORK Sept. 3.--(ANP)-- The African Orthodox church held its 12th general Eynod in Holy Cross Pro-Cathedral located at 122 W. 129th street, New York City, convening August 31, at 8:30 P. M. and adjourning Labor Day. Presiding officer was his grace the Most...</t>
  </si>
  <si>
    <t>                                           We will he glad to help you solve your book problems, plan outlines for courses of study in any desired subject, and give competent direction in the selection of books.</t>
  </si>
  <si>
    <t>                                           Measuring up to the most Sanguine expectations of the members and friends of the Sixteenth St. Baptist Church, and the public generally. Dr. D. F. Thompson formerly of Augusta. Georgia, and newly elected pastor of the Sixteenth Street Church speaking...</t>
  </si>
  <si>
    <t>                                           Investigation of the reign of terror that has menaced Negro workers of the Illinois Central Railway Line in Mississippi, Louisiana, and more recently Tennessee, brought Memphis into the limelight last Saturday morning when a white fireman of the line. B. G. Gurner, 38...</t>
  </si>
  <si>
    <t>                                           WEDNESDAY! KAY FRANCIS  Man Wanted" THURS. AND FRI. TOLLY OF THE V CIRCUS" ^T8 ROYAL</t>
  </si>
  <si>
    <t>                                           Force Plans are Outlined by Wright                 PHILADELPHIA. Pa., Au(J. 8- (ANP)-Dr. It. R. Wriglu. Jr.. the new president of Wilberfoiee. outlined his hopes for the great Methodist school Monday for the Associated Negro Press.                 I have decided lo  the I presidency or Wilberforee. I did nnt actually agree until July 30 to take up the work. My delay was not  to  indifference or Indecision. My first impulse was lo  ay yes. when the post was offered to me by the unanimous drafting' of the board. But when the times are so strenuous that I felt it best to look into the situation as to my own fitness as well as to secure the attitude of the bishops and supporting public nnd the cooperation of the various elements making up the university and community life of Wilberforce. "I shall make no radical changes in the faculty. My attention will be directed specifically' to the handling of the business end of the university, lit least for the first six months. "If .1 can gel, as f expect to got. the enthusiastic support of the four bishops of the first educational district in raising  budgets, I sec nothing but success. Bishops Ransom. Parks. Henrd ami Tookes have given these assurances. "It's ii hard job. But I'm not  of It. In God's name I accept it. With God's help nnd the support of the church and race, we wil build :i greater university at Wilberforce.1' Bishop Hansom, in n statement, said that Wilberforce offered one of the most appealing posts of service in the church and in the race nt this time. He said that they were availing themselves of Dr. Wright's administrative capacity and business ability to put Wilberforco "once more on the highway of financial safety and academic Influence."</t>
  </si>
  <si>
    <t>                                           PHILADELPHIA, Pa., Aug. 8-- (ANP)--Dr. R. R. Wright, Jr., the new president of Wilberforce, outlined his hopes for the great Methodist school Monday for the Associated Negro Press.</t>
  </si>
  <si>
    <t>                                           Rushed to Grady hospital following the collision of the auto in which she was riding, with a gasoline filling station. Miss Annie Lois Arnold. 17, of Jonesboro. Ga., was found to be suffering from a concussion of the brain, a fractured left Jaw, laceration of the scalp and...</t>
  </si>
  <si>
    <t>                                           "TELLING TOMMY" ffy ^</t>
  </si>
  <si>
    <t>                                           HIS MENTOR PASSES                 THE LATE BERT WILLIAMS The passing of Florenz Ziegfcld caused Harlem to recall that Bert Williams, although internationally famous before he met Ziejjfeld, was taken up by Zicgfeld and paid a salary higher than that of the President of the United States. It was also recalled that Will Vodery was Ziegfcld' s favorite orchestra arranger, and that Jules BIcdsoe and Paul Robeson were starred by him at enormous salaries. It is said that when Bert Williams wa* made a star by Ziegfcld, rival Broadway managers inspired anti-racial storied to be written about Williams, but that Ziegfcld stuck by him and he proved one of his best box-office attractions. Williams was a mai'.ci- of pantomime. He lived in Harlem, and his widow died not long ago. Williams war. a West Indian, and died about ten years .150. He started the black-face vogue. I</t>
  </si>
  <si>
    <t>                                           PATRONIZE THE ADVERTISERS OF THESE COLUMNS- THEY APPRECIATE YOUR TRADE</t>
  </si>
  <si>
    <t>                                           HER FAVORITE POSE                 I 1 -AmlJttKtiON brilliant contralto, is shown in one of her favorite poses. i This queen of the concert  has built up an enviable) reputation both in the United States and .</t>
  </si>
  <si>
    <t>                                           3!P IS? ^nii-LAn I^E^R^SWr^ Edition  SYNDICATE 1 ONLY NEGRO DAILY NEWSPAPER IN THE WORLD VSEtfME 5, NUMBER 280 ATLANTA, GA., THURSDAY, NOVE^HER^^ji):^ 'PRir.</t>
  </si>
  <si>
    <t>                                           WHEELEtt wr^f WOOLS tic  v-^\lca.i/iH .Boaimci  .IlApiO  Vw/yJ FOX 1 ADULTS 15c .CHILDREN 10c</t>
  </si>
  <si>
    <t>                                           Wlien In West Palm Beach, FIl. Stop. at Seminole Hotel 317 N. Sapoilllla Ave. Rooms by Day, Week, or  nobert Home, Prop., Phone 8220 KIDNEY AND BLADDER   \U*      po you  ;         ^ Wdoty. and bladder v. tf^Ej/  -~get; up Va^BB  ,    ^^^m  , ^^^M Mtef, feel  ^~~v til  Try *;Pr; WW Didwn'i Ctaififmi, JH B a remarkable  H Una by a          . Doo't delay act at once. For  at all good drag stores, or write to Dr. Diduoo , Inc., Chkiy, m.</t>
  </si>
  <si>
    <t>                                           ROOFING PAINT  7V!C SEE US! You Can Save Money on AM Your Building Material* FULTON LIME and CEMENT CO. G43 EDGEWOOD AVE., N. E. JA. 4750- MA. 3181 G. L. WENTWORTH Successor To 8 MILAM COMPANY Auto Bodies, Fenders Repaired Seat Covers and Top Work G. L. WENTWORTH 17-19 Piedmont Avc, N. E. WAlnut 8970 Atlanta, Ga.</t>
  </si>
  <si>
    <t>                                           Withdrawal of Russian Plan for Movie on Race Issue 'Strands' 22 U. S. Negroes                 22 EXPECTED IN FILM                 Langston Hughes One of Party Left With No Job in Russia                 HARLEM HOPEFUL                 MOSCOW. Aug. ie.-(Sped*    sensation has been caused in the American colony here by the sudden collapse of the "Mezharabpom"project to produce a motion picture depleting "the exploitation of the Negro in America from the days of slavery to the present"                 As a remit of this collapse the future of twenty-two American Negroes now here, including Langston Hughes, novelist and poet, who was brought here from New Yoric two months ago to play the principal role In the film. Is uncertain. The correspondent understands that the Soviet authorities        ?5C! the Him for   its .ee would prejudice Americ.'r. opinion :is;:'.:r.st '.he Soviet Unior.. Since the occupation of r.Tar.churla by Japan the Soviet authorities- more : ever havebeen  ror .1 rapprochement, with "he United States as a mer\nn. .^ other things, of : the positing oi the U. S. S. R ir: the F.ir E;ist. Hence, their   tn :ivo:ci difficulties which :-.:icht re?ult . the production the film. v.'r.i'.e i'. is raid that the making cf :r\o film has beer, postponed for one vear it is certain that "postponement" means lotting the project 'lie a sloa- . Tl'.e scenario .- h:~d ceen prepared and some jf the scenes had been t.";ken unt!er the direction of Carl Jur.^. the producer.                 'STAR' ADRIFT                 LANGSTON HUGHES Fan sous voting poet and novelist who wi-nt to Russia two months aco to st;ir in a  picture tn bv produced by the S- Rnvcrnjuent. When 'lir        decided to shelve the film, it left Hughes and 21 othr-r America n Negroes not qu::r ! but somewhat "adrift" :unon; the Soviets.</t>
  </si>
  <si>
    <t>                                           MOSCOW, Aug. 16.--(Special)- A sensation has been caused in the American colony here by the sudden collapse of the "Mezharabpom" project to produce a motion picture depicting "the exploitation of the Negro in America from the days of slavery to the present."</t>
  </si>
  <si>
    <t>                                           '_ON1-V NEGRO DAILY          . IN THE WOM.D SOUTHERN  SYNDICATE, INC,  IT., A. 4COTT Ituiar          Dmrlj         Xdltw MEMBER Or THE ASSOCIATED NECRO PBE8S ^.ni VOlaD   In                     . SUBSCRIPTION ^I Dm Tmz. VM Xwtha,      t Maatlw. IUS 1 Kntfe. M. Wntttr. X*t Sgndar Ontr. CJO  DAILY AT 210 AUBUTtN    . N. S. TBLEPHONESc WAlant 14   and 1460 Bikn4       Bwttnr  t tk* PM aMc* at Adaato, G*.  tka act Mmrch 3. 1879 ADVERTISING  W.. B. nrr CO    W.lun BUU-.      .       . Nwr Tart. Nw OrlaM</t>
  </si>
  <si>
    <t>                                           SHOT TO DEATH BY                  ORLANDO. Fla.,' August 8- (A NP) Homicide rates for Ne'croes in this section wen: up n notch Thursday  Artf.ur Ford . Harry Sanders, arrested lor possession of stolen  were shot to death by Chief of Police Wesson ot Winler Park and an assisting, officer, named Lulrd.. The two1 white  were bringing the two men to j.ill hero In an automobile. Tlioy alleged thin Ford seized Laird's gun and Hint in the ensuing scuffle Ford  Wesson three times in the hand before the chief shot him down. Laird is then supposed to have recovered his gun and shot Sanders who they say, closed in on the two officers after Fonl wns killed.</t>
  </si>
  <si>
    <t>                                           ONL.Y NEGRO PAlilr  IN       V/OK.UD SOUTHERN NEWSPAPER     )ICATE. IXC, PUBLISHERS IT.. SCOTT____     4*~ ^-Mtralall     .     1         MEMBER OK TOE ASSOCIATED NHT.RO PRESS TBB W0RI4)                       4~^  Mmt          . SUBSCRIPTION RATES Om" Ttw  Usntiu, t*.Si i Month*.' (Ul 1 Month. Me     !   21c Sandmr On \r. S2.50 PUBLISHED  AT :i* AUBURN AVE, JJ. t TELEPHONES: WAInot 1-H5  nd 14   Kstwa4 u     4-c!~ia        ml. tbr             t AlUala.   ..  der tlw  ct of  Urch 3. 1S7  NATIONAL  REPRESENTATIVE W. B. ZIFF CO.. Chlemto. III.  a4 Xrw York. X. T.</t>
  </si>
  <si>
    <t>                                           CARD OF THANKS                 We wish to thank our many friends for their kindness during thc illness and death of our hu* band and father. Mr. James Edwarils. MRS. KATIE EDWARDS AND FAMILY. j</t>
  </si>
  <si>
    <t>                                           Did you know the five greatest centers or Negro population in the United States all north or the Mason and Dixon line? Did you know that in the last tan years the increase of Negro population in the North was several times as great in actual numbers as in the...</t>
  </si>
  <si>
    <t>                                           NiRht and Morr.inj; to keep them Clean, Clear and Healthy Write /or Free "Eye Care'* or "Eye Beauty" Book Miiane CcDt,-;. H. S.. 9      S:.. Chx.c*</t>
  </si>
  <si>
    <t>                                           Dr. Young's HERB MEDICINE: HERBS. ROOTS. BARKS AND BLOOD TONICS A MESSAGE TO THE SUFFERER Yoa need not be . about roar  Cheer  li Wp for yoa. ThI. I. Um old reliable 'Chb... "J Rarba 8        with hU  and   1 nd , and are  recommended for any trouble otj tha .  at of the Lunn. Stomich Heart, Liver "2 Kldneyi. Wood Polion. RhromaUiia Caurrh.    !. 1 Ntrvonmu, Bladder Trouble, Constipation. ADnandlcltii. 2 8kln Olieain.        TroubUi and All TrouWei. J            it may . call at     . Don't give op hop* U  till. To*  U     all wboZ OT It. 2 t J. VOU O. THE  HERB CO. 4 CHINESE HERBS AND  COMPOUND 4 K -         A Car* for Crwy Dtnai  f tk. Uaau B*iy 4   tt Tr. la AUantm HMra- 7 A. M. U It P. M, ~~*      Bark IXC Ednrwood Avo. WA.      4"*i'n. O*.1* riii.niii..ii.........i...ii........ii.1...^</t>
  </si>
  <si>
    <t>                                           ' ~.*~~%</t>
  </si>
  <si>
    <t>                                           Svd Pollock's Cuban Stars added the scalps of 2 minor league clubs to their collection this week, scoring six straight wins to amass a total of 36 victories out of 10 games played since their final exhibition in the East-West League Circuit.</t>
  </si>
  <si>
    <t>                                           This afternoon at 4 o'clock the Booker T. Washington Bulldog football contingent, under Coaches Leslie C. Baker and Charlie Clarke, hit the gridiron trail with real zip, settled down to earnest work for the rest of the campaign The team's prospects, while not...</t>
  </si>
  <si>
    <t>                                           /From Primary to Premiere                 Perhaps to celebrate" his victory in the primary as Democratic nominee for United States Senator from California, William Gibbs McAdoo and his  Eileen attended a movie premiere in Hollywood. Here they are as they arrived at the theatre. Left to right are: Jack Warner, film -^. Hiss McAdoo. her  father and Miss Dickey Jones.</t>
  </si>
  <si>
    <t>                                           "Lady and Gent." title of the picture which opens tonight at the "81" Theater, might mean anything What it happens to mean is a triumph for burly Gorge Bancroft, personally. There's a large, and a capable, east supporting him, but Bancroft himself carries off the...</t>
  </si>
  <si>
    <t>                                           Insistent Caller Is Shot by Housewife                 Willie Sims Smith, a janitor in-" an apartment building at 685 Ar-  avenue was shot once in the right arm Monday night when he sought to enter the home of Mrs. Helen Hollow-ay, at 289 Fortune street, after being repeatedly told to .stay out. According to Mrs. Holloway. Smith who was drunk, had been nut out of the house earlier in the evening, but later returned. Fearine that lie would return, a .38 calibre  revolver, badly rusted was dug out of hiding, and placed on the bed, where it could be easily reached. When Smith appeared again at the door. Mrs. Holloway shot one j time, the bullet entering thei                 man s arm. At the  station. Mrs. Holloway told officers Plamer and Richardson that Smith had called at the house and attempted to make her sister. Miss Annie Dcadwylcr. jro with him.      Miss Deadwylcr refused to do. she said. At Grady hospital, it was found that Smith was suffering from a  fracture of the  arm. Miss Deadwylcr told officers that she had been Smith's sweetheart for the nast three years. A case of drunk and disorderly conduct was made  Smith while one of disorderly conduct was made  Mrs. Holloway.</t>
  </si>
  <si>
    <t>                                           TRAGIC, the story of 16-year old Emory Brewer. Young Brewer was arrested and confessed to police in the snatching of three white women's pocketbooks. If he had entered a plea of guilty it would have meant a term in the reformatory until he was 21 years of age...</t>
  </si>
  <si>
    <t>                                           H A. M. IU.           Ifcg Victor McLajrlen and I Greta Nisscn In "Rackety Rax" I JUST ARRtVRDI MADAM MINGY The Wwnin Who Know* I'almht and IJf* Krtder. ^^~p^H 'Oil-* pk*t,    -wnE. ami ^HJ^^H        \ Giv^t *dvir^ on P^EBM/I MarriuK^ And * Point*  way of  U troo^L iV nn^         you bow  TtH TrlU  iUn find * liK-ky . SitUUetlnn  ranted. Offer Ilouro: $ A. M.    r. M. 638 McDONOUGH ROAD  Aerv*  F-    1 PriM^i SPECIAL READING- 50c J^ok for Name on SJ*n- Not In Tfnt</t>
  </si>
  <si>
    <t>                                           Lady or Plain Mrs?                 Something's wrong somewhere. Eluinc  (above). New York dancer, informed her family sha hud married Lord North of England, at Media, Pa., but the real Lord North happens to b; in England and denies he is a. groom.</t>
  </si>
  <si>
    <t>                                           ALABAMA S . Mrs.         Martin, prominent member of the Young Women's Usher Board senior, of the Sixth Avenue Baptist Church  rf Birmingham, whc was recently crowned queen of tht State of Aiph.nr... m  staged by the Young Women's                        Board, senior.- Photo by Cloud, BirTj".</t>
  </si>
  <si>
    <t>                                           The Zayat Kiss A Life at Stalte BySAXROHMERj                 MESCAL IKE The Literati                  TIM TYLER S LUCK The War Dance by LYM YOUtf G</t>
  </si>
  <si>
    <t>                                           (By Harry Levette for the Association Negro Press) -- One year ago. April 1931. Dr. W. F. Watkins, D. D. S., received his warrant is president of Civil Liberties League of I. B. P. O. E. W., from Exalted Ruler Wilson to foster a strong political and educational...</t>
  </si>
  <si>
    <t>                                           Well, well, well, the Chicago American Giants broke the Kanses City Monarchs long winning streak of forty two wins last Saturday when the Monarchs invaded the Giants' park for a five game series. The initial game of the series went to the home boys by a score of 2-1. Willie Foster, the Giants' ace south paw, allowed the visitors six scattered hits, three less than his mates collected. The double header that was scheduled for Sunday was...</t>
  </si>
  <si>
    <t>                                           I have read the advice you have given to different ones. I am a young lady, age 25, and have been going with a young man over two years. He married man. He says he loves me. He proves it by doing anything that I ask him to do.</t>
  </si>
  <si>
    <t>                                           WOMAN, BOY HURT BY AUTOS                 Three auto accidents  Nigroes b rth as  and drivers were report d to police headquarters Saturday.                 P:\. -.in: ii.hsi :c::.-.:s '       - in which l:'.!le :J.-yc.i:- n!il !.-.i Cinwors. Jr. 7:;7 V/ I'cia-' .  i:Tcreil two,  ;i^.~ an,l ;i b.v::y  hca.i wi.rr. '.vns  r.:),! run .;mni by an ..ut. m-bi;. lr:-.vi: by \V. \V- Mea-I'iu- in from 6D(J J Wex pc." -'.ri.-ci. j Accoitlitv' tu .1 v.. Er-.vm; Nelson, v.ln'.. nf     Hur.r.icm; .-;!Cc;. .^ C':O'.'.e:s v.ms n: li,. '. !.' up po:i::ir.i \v.ic:i MtjJaWi : . ^:c;..:o^vs 1:1 his ?ta'.L'rr.ci:i '.0 polic-  ti'.a: the   111     : ul' his .R car ;i:--l was '. struck. Nellie Zachry, r.I S.Ti State s;:cc: alley v.-ns struck by .m ur.k:-."'.v:i whi e tr.i'.n v.-he:-. si:~: -'.as ci'.shki:;] tl;e sti-uet at Pl:v .n.ii Mai-si.-.!;. . shortly after 3 u clock Saturday af'-err.nor.. The man. w:-.:ise r. - ers :ai!eri to  c:tir- a:  :r c;-.:Ty;r.^ '.he injur.-i! g:rl 10 a pi-;v.-.:~ -.!   - ;or who .ccd i'.e;-   'i tM ^e seriously injure!, then ca; :-ied home a n.l left. T!-.c hce:;:--  his car was ?ei-a:e.: by a wii- nets an polio- expect h:s arrest ^ tn.iay. I Struck bv a ?p-e,i:n:: passe:u:cr car. a U:u'.-d Provision r.ia-.p.iny '.. driven Tiy Olive:- V.'es: "f j B-i!) Mays. hi Turner     -i. ninth-, west, w.-is  compl' tv'.y ile- j ir. Saturday ir.. The collision ,! at t!.e ,-.,in.T  i Mii.-.Ciim 'i"'1 Siiiips-n, erects. Tiie truck was traveling e.';~: ct^ Siir.psun street ami was struck by tip- car which v.-ns;  iim; ;'t a crca; im c "f speu:! ;;,,ir;;:  on M. :-!rc-ct. Tl-.e ih--  f the i-ai-. a white i n-an. -: i:n: "f car an.!.1 f.ri Wiincsse.-i miv u-.e . 1 ha-i not st.-! the -tnp . T.'v car v.-.is soi'.t t" Spider's Kar- i</t>
  </si>
  <si>
    <t>                                           Three auto accidents involving Negroes both as pedestrians and drivers were reported to police headquarters Saturday.</t>
  </si>
  <si>
    <t>                                           p "He   ... dead?" ; fri/ Aim/ Sax Rohmer's stories  NOW in ATLANTA DAILY WORLD</t>
  </si>
  <si>
    <t>                                           7^F*  - f*Qt TO a WOMEN / CLUtiS BEULAH MITCHELL     ^ EPfTOR. II,</t>
  </si>
  <si>
    <t>                                           Gammon Theological Seminary is always ready to serve the community needs. On last Sunday morning President Wills J. King, the Gammon Quartette, and several students worshiped with the inmates of the Federal Prison.</t>
  </si>
  <si>
    <t>                                           -FOUR of the thirty-six prospective teachers graduated tram Valena C Jones Normal and Practice School In New Orleans last                 June.- Photo by Bedou. New Orleans.</t>
  </si>
  <si>
    <t>                                           Woriu Ads Pay</t>
  </si>
  <si>
    <t>                                           SCHOOL LEADERS  PARENTS                 "Atlanta school children got away to a good start this year." states R. S. Coleman, head of the statistical department the Atlanta Board of Education." and we have the parents to thank for helping us commence this school year right. We arc well pleased with the co-operation of the parents and hope that that they will continue to help us throughout the year." Mr. Coleman stressed the fact that regular attendance and plenty of hard work will be insisted upon this year as a part of the school program. He believes that this will bo mado an easier task due to the almost perfect assistance given by the parents in starting their children on time and by the attitude of he pupils in their seemingly increased willingness to learn. Although complete figures for the first week will not be available until the first of this week, indications are that the registration for that period will   that the similar period in 1931. Wednesday totals showed that there will probably be an increase of nearly 500 students in the colored schools.                 Police Seek Assailant Of Lone Woman Polic- Satunlay morning were seeking John Ruskin. address unknown, who is said to  shot and seriously wounded Mrs. Cressa Anderson of 342 Grant street, following a quarrel Mrs. Anderson had had with Miss Sadie Kelly. Ruskin's 1 an. Miss Kelly, who also  after the shouting, lives at the Grunt street address. The two women had h:j.l an ill feeling  each oth- for mure  :i month, neighbors toM World reporters Saturday, after Miss Kelly hail accused Mrs. Anderson  f going with Ruskin. The two resumed the argument Saturday. A few minut' s later, according to witnesses Miss Kelly ran in the house and came out with a sawed-ofT shotgun and handed it to Ruskin. who w:ts standing on the porch watching the affray. He fired the gun. the charge i P'  Mrs. Anderson, a large woman, in the left leg. She was brought to the hospital in a Pollard and Hancoik ambulance. After being treated in the emergency clinic, j she was ' d to return nome.</t>
  </si>
  <si>
    <t>                                           News from Your Home Town                 Calhoun, Ga.                 Thr  nf Calhn.in  rr        daily,   unil "Ihrr inl.rc.HiiBlWni.li. The RKD Ji.tr.ct                 'Mr Clifford Frix of Cleveland. Ohm. Mw/ Harris  ml     I-nfo frix of ChnttanooEa, Mr. A. H. Hunt. National r. master of llic \outh and Old Ace Society, motored  South GeorRa- Mr A II. Hunt met with the Atlanta I. on St. John Day. Ciie Hunt      . brated the 7th annual online with the County State miar*. The Rte Tnrkal  will play rato donn. mert u^. Mrs Hrltehett of           the Client 'of    . I.ula Wylie      week. Mr E. W. Elry of Thomasvllfc.        throu nh the  SatnHay  In Millrdervillc  relatives anil her many friend*. Mr. I. B. Butler and Rev. J. I'arjnn were In 'Sumter. (ia.. Saturday  the Union. Rev Tiirson  at 11 o . They enjoyed a pleasant trip. Thr Tifton Red So* have returned home after two  mnr to Miami. Mr William l/Ti' *~~~t of Mr. and     Aron Bronjon Monday.     Anna Jone* wu the  of Mrs. Mattie McClnuil Sunday. Mr Jerry Griffin      hot  the lee Monday nicht  t !        . He  to be : a little at      thi*  The MeElmore company now  their new funeral home which will he a brick structure. Miwea Kannie II. Tynw and Yknbna Hronson  last Wnlnewlay  with    .  Knlltht. Uttle     Clara Knfehl entertained the        very nicely..</t>
  </si>
  <si>
    <t>                                           The people of Calhoun Are enjoying games daily, moonlight picnics and other interesting things. The RED district welcome us.</t>
  </si>
  <si>
    <t>                                           i V The Atlanta Daily World is We public  of the J No newspaper can hope to succeed if it does not put ^?     ~~?%~ '~3A;    ^ ^i^ 7   NeiCro;of :this dty* It;is-here to do your bidding, to MM M, I* the interest of its subscribers above everything (^     ^Z^SM ~\^MgtmK^ \kx^y^^ friends Cand other 1^ 1 1 1f  1/* and endeavor to reflect an accurate picture of life in ^tf IM^XKkM +~M*%~M.%AM* 1 M W Negroes do, to^  for bad1 conditions-*    R\* its area. The Atlanta Daily World believes in this city. '.'Ifil^B *wp ^^ft^ in short, to and sidetracks everything in order to serve it fully.' -'-^Sfegl^^^^</t>
  </si>
  <si>
    <t>                                           Child Slayer! Given a Ye*ar; on Chaingangj j                 J. W. Williams. Blandtown's  i murderer.   by a jury of J '.lie Etabbin-;     death uf Booker T. i Hunter on September 13. was sen-  to serve from one t" f ive j years on tiie chaingang. in Judne j C. H. Huwanl's division of Fultua superior court. Thursday. Williams, wh" is -inly fifteen years of asre, in his unsworn statement, admitted stabbing Hunter, but s.ii.1 that it was done in self- I defense. Hunter, he  aid. hail Orawn I a pistol on him anil was persecuting' him. Two  policemen, testifying for the defense, told the jury that Hunter's general reputation was "bail." Hunter was stabbed with an ice pick  the left chest anil I  the skull, the blade of the weapon breaking off in the dea.l man s frontal bone ov the skull. Williams was represented by At- 1  Jesse L. Muorc. j</t>
  </si>
  <si>
    <t>                                           Hon. J. L. Wheeler, regional director of the North Carolina Mutua Life Insurance company, and Mr. J. D. Anderson, manager of Americus district, were in the city Monday and Tuesday looking over their work in South Georgia.</t>
  </si>
  <si>
    <t>                                           TJVy  E. PinUutm's Vegitable Compound I Flying Into a Temper Touchv...!                ler.Sh'eoeedsLvdiaE.PiEihinsVtge-. j  build up her health by its tonic action.</t>
  </si>
  <si>
    <t>                                           (EZaai^ E D I TO R IA L IslilUUsUlJ</t>
  </si>
  <si>
    <t>                                           Another Total Eclipse</t>
  </si>
  <si>
    <t>                                           In a recently published novel, an observing and philosophical man remarks "You have the eyes and hair of a wood-nymph and when you have eyes and hair it doesn't matter a bit if God has forgotten your nose and chin."</t>
  </si>
  <si>
    <t>                                           MESCAL IKE It Must Be a Whistle-Stop Near Gala Gulch "T by ART HUHTA                 PHttO VANCE The Skull Mystery byS^VAN DINE                 TIM TYLER S LUCK On the Trail of the Witch-Doete b[ Lym</t>
  </si>
  <si>
    <t>                                           MKRISXrPPI POSSE SLAYS MAN                 I . Miss, Nov. 18.- ) Accused of an attack upon a white nun. Gcorirc Green was shot to death by a posse of one hundred- white men when he attempted to break through the barricade they had set up around hia cabin alter setting Ore to it.</t>
  </si>
  <si>
    <t>                                           News from Your Home Town</t>
  </si>
  <si>
    <t>                                           NEW ORELANS, La., Aug. 11.-- Unless the city of New Orleans can ... up enough argument today to show why its ordinance passed last Thursday aimed at Negro longshoremen should stand, the temporary injunction last week issued by the federal court here will be made...</t>
  </si>
  <si>
    <t>                                           A most colorful and picturesque affair of Wednesday night was an Al Fresco bridge given by Mrs. R. Henry Reeves at her attractive Martin St. residence. The garden was a scene of loveliness, with the giant cannas and delicate-hued marechal neel roses forming a natural...</t>
  </si>
  <si>
    <t>                                           WASHINGTON, D. C., Sept. 5.-- (By for A. N. P. --Concrete evidence of our progress in trade is indicated in a report compiled, but not yet printed, by the division of distribution, bureau of census. With 25,701 retail stores in the United...</t>
  </si>
  <si>
    <t>                                           LAYS WORLD FAIR PLANS                 MISS ETHEL WATERS recognized as queen of the blues singers, ;tntl a featured; .star with Lew Leslie's "Rhapsody in Black." stage show which has been packing "em in although its cast are reported dissatisfied with salaries, may open a club in Chicago during 1933 in an  lo get in on the cash which the World's Fair is expected to bring to the Illinois" metropolis.</t>
  </si>
  <si>
    <t>                                           GENERALLY FAIR and' cooler tonight and -Thnndajr. Lowest, , past 24 "hours, 72;' , 91; average. 82. 7". ARTHUR H. SCOTT, Neteoroloflst, Weallicr Bureau. ~-   -v.-.-.-</t>
  </si>
  <si>
    <t>                                           KILLS    PAIN IMMEDIATELY for  relief for _ and other body pains use JOHNSON S RED CROSS PLASTER The old reliable remedy. In use for forty. five years. Save money Soveheolth.Thefamiliar package .with the Red Cross  by oil druggists. [~ /FINE '9 TEXTURE \dm in your cakes^Wg THE DOUBLE TESTEMfc DOUBLE ACTING mv powder! SAME PRlCt '25.our}ce.sfor25{: B</t>
  </si>
  <si>
    <t>                                           In Memoriam                 In tender memory of my beloved j . Josephine Pauline Wright] who left -us seven years ago today, September 6. 1925. "When in the dawn. I sink my head. Sleep. -Death's twin brother " my." breath. v;. Sleep.- Death's :.twin brother. ..knows not Death. Nor ..can I dream of thee as "dead.*- TUrs. "Odessa Wright (Mother) 7.b.M-:v</t>
  </si>
  <si>
    <t>                                           The Lucky Strike Social Club met at the home of Mr. and Mrs. Edward Hioo, 556 Ashby street, Thursday evening, with the president Presiding. Business was carried out as usual, and a delicious menu was served. Ali members are urged to be at the next, meeting...</t>
  </si>
  <si>
    <t>                                           THURSDAY, NOVEMBER 17, 1932 ATLANTA DAILY WORLD, ATLANTA^ PAGE FIVE</t>
  </si>
  <si>
    <t>                                           ON November 11. 1918, the great armies of the world declared an armed truce after the most gigantic international conflict known to civilized man. For the Negro, it meant little difference.</t>
  </si>
  <si>
    <t>                                           NEW YORK, Nov. 14. (ANP)-- Harlem and all of the ... dichiets in Manhattan ... contain a substantial ... of colored voters went ... Democratic at last ... election. Negro voters, judging from the election returns appeared to have...</t>
  </si>
  <si>
    <t>                                           NEWS FROM YOUR HOME TOWN                 Thomasville, Ga.                 Presbyterians Observe Home Coming and Annual Rally                 The general review of the Sun- j day school lesson was well discussed by the superintendent, Mr. C. M. Reynolds.                 Tiie morning services were very Impressive. Splendid mu.sic was furnished by the choir. Communion meditation was by ;he pastor. Rev. R. D. Roulhac. Christian Endeavor vas at 6:30. The topic was Bring Others to Walk with Christ. It was very intelligently discussed    \ was led by Miss Theresa McCarthy. Evening worship was well attended, nd the pastor preached a very inspiring sermon. Communion was again given to the members. Monday night a"" Workers' confer- j ence supper was fostered by the  of the church. A very enjoy- i able time was reported by all present. Wednesday nigh* was prayer meeting. A continuation of the discussion oi the Ten Commandments was made, but the English Commandment was particularly discussed. On. Friday evening which the Young People's night, a wonderful program was rendered by this fine- i group and very helpful to all. Sunday, October 2, will be the Sunday school Rally. A special program will be rendered and all mothers and fathers are urged to be present. At the 11 o clock services the subject will be: A Limp. At 7:30 it will be: Is A Young Man Safe? These should prove of inter- j est to even." one. The Sunday school superintendent and pastor wish to express their sincere thanks for the cooperation during the summer of the following young people, who have returned to their posts as teachers in the different sections of the state: Mrs. C. M. Reynolds. Misses M:iry Roulhac, Sadie F. Brown arul Theresa McCarthy. Rev. R. D. Roulhac leaves for the Central Alabama Presbyterian Monday night which will meet in Hamila, Alabama. Dr. and Mrs. W. A. Mosley motored to Boston, Ga. Thursday     pay a visit lo the sick room of Mrs. Sarah Walton, mother of Mrs. Mosley. While there they were the guests for a short time of Mrs. Maggie Philips, sister of Mrs. Mosley. Mrs. E. Few, and Miss Ellonia Ivey. They report wonderful trip. They were guests of Rev. and Mrs. H. Bonwell. Miss Ivey admires Atlanta for that good fried chicken that Deacon Jones talks</t>
  </si>
  <si>
    <t>                                           The general review of the Sunday school lesson was well discussed by the superintendent, Mr. C. M. Reynolds.</t>
  </si>
  <si>
    <t>                                           r  bK I Filosofy 3v I'ailli ISurroics I                         . IMjJ I AtWAYS nAS HIS MIND ON IDS I CAST. j.</t>
  </si>
  <si>
    <t>                                           PATRONIZE THE ADVERTISERS OF THESE COT- S- THEY APPRECIATE YOUR TRADE</t>
  </si>
  <si>
    <t>                                           SUNDAY, NOVEMBER 20, 1932 rue. ATLANTA .X Wuki-L,  x a, ua. PACE SEVEN</t>
  </si>
  <si>
    <t>                                           ATAlL000O^   "7 I^U0 STORES fA  Remedy tor Rficvmitic \ir\ Iftd Ncuriti*  rt  I perfect BloOcf Purifier. Mjlo ihin Blood R.ck  nd       . Build, Sl'tnjlh  nd Vljo'. n AUjyl EDrclivc Why SuHc'7 SWELLING REDUCED And Short Rrra thine  when          l.y   of * In  -n  nnd Icy*, find when pressure   Iokvlm n dent. Trinl    C03 Hrpt -r.01, Atlanta, ('n</t>
  </si>
  <si>
    <t>                                           Can  Depend mm^mm Upon* ;5  .. ,v.~v..,, "~[~??$*~ v- ::~/i. i^x-'Mi' itf</t>
  </si>
  <si>
    <t>                                           MATTIE LEE JACKSON charged with disorderly conduct in connection with her stabbing Oscar Dukes with an ice pick, was sentenced to 29 days in the stockade by Judge John L. Cone in Recorder's court Thursday. Miss Jackson, who lives at the Seldon hotel, 115 and...</t>
  </si>
  <si>
    <t>                                           NO TROUBLE j                 ADELAIDE HALL'' famous sepia stage star, who moved into $32,000  in a white neighborhood in New York. Other resident* the section. all aristocrats, havt made several threats but so far nothing has developed except talk.</t>
  </si>
  <si>
    <t>                                           Athletic history will be made for Morris Brown College Thursday when the undefeated Wolverines take the field against Clark University. This will mark the first time in the history of the institution that a Morris Brown football team has come up to the...</t>
  </si>
  <si>
    <t>                                           MISS. DEMOCRATIC SPLIT MAY SEND 6.O.P. TO HOUSE                 HOWARD AND REDMOND WORK                 DeAo Split May Sendi Some to Congress, I Is Belief There I                 REDMOND ACTIVE                 JACKSON. Miss.. Sept. 5.- (ANP) Although he has not announced that he is . a Drecept out of the old  about honest men getting their dues when thieves full out. Dr. S. D. Redmond, chairman of the Republican state committee of                 sissippi. is viewing with great delight the bitter internal quarrel which has separated the Democrats of the state and is confident that the Mississippi Republican candidates have a chance to reach Washington. With this thought in mind. Dr. Redmond is working feverishly and has prepared an extensive petition to be filed with the state board of election commissioners in behalf of the Republican candidates for congress and the presidential election. This activity on the part of Dr. Redmond is necessitated bv the fact that the so-called lily-white f5Blt5iK"TBWaisn;-*l6d bv Lait Rowlknda. has also  list of congressional candidates and presidential electors nd the board of election commissioners will be compelled to choose between the Redmond black-and-ton list and the RowJands lily-white list In his petition for the blackand-tan candidates, all of whom are white, and against the lily whites. Dr. Redmond produces evidence to show that the croup be represents has been handling the afairs of the Republican party in Mississippi for 64 years and points out that the Rowland group  -to try to assume  and function only four years ago. and then not as ReTpubltcans. He reproduces a letter, written bv J. C- Tyler, state chairman for the lily-white . in 1928. to show that the Hly-whites did not exist as a political group at that time. The letter written February 26. 1928. reads: "We have procured from the Cnwicery court of the state, an injunction restraining Perry W. Howard et al from  conventions    called for March 1. 3, 13. and 14 account of violating f.  ".*. Col. 3                 OPTIMISTIC I                 DR. S. D. REDMOND chairman of the Mississippi Republican* state committee, who believes a split in Democratic ranks there may result in members of his party being elected to Congress in November.                 Howard, Redmond (Continued From Page Cfrie) the law. i "We nre working out plains for organizing; a Republican  in this state from the  up in compliance with the state {law. "You will he advised in thle next few days of procedure a:d we covet your co-operation in this movement." i This letter, sent to  Dersons throughout the       . indicates. Redmond points . that the Rowlands croup came from without the Republican p.. He also shows that mos t. of the leaders of the croup and  of its list of candidates are actually Democrat1!,  voted, in the Democratic primary of 1931. a fact which would tie  up  with the Defmocratic party until Aucost. 1933. Either group of Republicans which wins will have tbe Dcmornts v"th       backs to! the wall. Throoghont the state, democratic campaigners have  in their eyes as a result of tfce mix-up which has come abou'3 as a result of the  Blair\Vhite law, providing for the nomination of congressional candidates from districts. J There is considerable opinion  the state .\~;hich holds that the Blair-White Maw is unconstitutional. The Mississippi State Supreme court ."passed the question up. but the Federal court in New Orleans; held it- to be unconstitutional ancl issued an injunction to restrain the secretary' of state from  the men nominated from ."districts as candidates. The  has now gone to the United States Sur.rente-  with Associate- Justice Cordozo  to erant a !writ 'of supersedeas. In view of the uncertain legality of ;thc Blair-Wliito law. tho district, candidates,. through petition, in the various counties, expect also to filo and make the                 race as candidates at large. This will mean that two , of Democrats will be fighting against each other. It also moans that some men, strong in districts, but weak in the state at large, will lose, and that others who would not have a. chance in district, will win in the state at large. Principal among the Democrats to benefit will be former Governor Theodore Bilbo. It is reported that while tho regular Democrats have been . Bilbo has been sawing wood and speaking to large crowds throughout the state. His election is almost assured. Redmond believes that with the type of white candidates the -and-tan wing has put up, the Republicans will be able to cut in under the Democrats in November and  same support to Mr. Hoover at Washington although     repudiated them at the Chicago convention.</t>
  </si>
  <si>
    <t>                                           JACKSON, Miss., Sept. 5.-- (ANP)--Although he has not announced that he is making a precept out of the old adage about honest men getting their dues when thieves full out. Dr. S. D. Redmond, chairman of the Republican state committee of...</t>
  </si>
  <si>
    <t>                                           The University Players will begin their 1932-33 season with the presentation of Lula Volimer's "Sun-Up" in the Little Theatre. Spelman college, Saturday evening. The performance will begin at eight o'clock.</t>
  </si>
  <si>
    <t>                                           $~f BIRMINGHAM.*! g AND RETURN g AUGUST 20-21. LIMITED 22ND. Special Train Lv. Atlanta Sunday., 21st. 6:30 am., 6:40 a.m., 6:50 a.m., 7:00 a-m., 7:25 a.m.. Returning from Birmingham on all trains up to and including No. 6 at 7:00 a.m., Monday 22nd. Ample coach . BASEBALL IN BIRMINGHAM VIA SEABOARD Telephone: WA. 50 18-2708</t>
  </si>
  <si>
    <t>                                           MIDNIGHT SHOW 81 Theatre Friday Night- 11 P. M. Graham        '~ "AFRICANA" 20 People 7 Pieco                _jc_25_      ^</t>
  </si>
  <si>
    <t>                                           PHILA., Penna., August 15.--Toiling Age paid the toll to Flaming Youth on Saturday, when Ernie Ashe, all 'round athlete of Wilberforce, won a five-set match and defended the Pennsylvania open tennis title from Dr. "Syl" Smith, former State and national king.</t>
  </si>
  <si>
    <t>                                           PHILADELPHIA, Pa., Aug. 8.--(ANP)--Dr. R. R. Wright, Jr., the new president of Wilberforce, outlined his hopes for the great Methodist school Monday for the Associated Negro Press.</t>
  </si>
  <si>
    <t>                                           Found Slain                 After a three day search the bod) of Evelyn Sanford (above). 17-1 year-old Ludington. Mich, hiel school graduate, os found       in the basement of an  farmhouse near her home. Francii "Rusty N'ash. a farmhand. ha.~ con fessed the crime according to     police.</t>
  </si>
  <si>
    <t>                                           I Black, lustrous hair makes ^     5mM@~UM cny girl popular ^B^^B^^S^^H H Why lit around at homo  yoo l^^^HMT^Kff'ra^H^Hl HJ  DolIyoarMlfap, zsako  CBHHIDSoAMMBA^Bi^H four in? beautiful and  be pop- and  . Try. W                        .(    1.15          -     cou-'JH ^TS?~!^^?LS^p^   , at"~ur dr"~ ' CotoHnf Apply         liquid sad n JB5?BWB?JjB^^^B H 25  yoor hair WO! be *    most ^^^U^^OAS^W^^H DoaatifuL toft,  )~t  tw ^^T^T^^^^^?^^^^^^^^^ 0           .  T tl? w* Ca7 3Mi* 0Uve 8tj; jtt-TOcniMM or  to  Scni!   , ct onc( B fv,, Jt b-tt^of ~~~~~^~~~~~^IHB^BHB Larlaux Fnuh Rilr Colsrlnz.i want ^^H B^^ r^ I SB H fcj^H      nuke ay. hair       (al               l)    - I  S1J3. tax paid (Mampa ~~~^^RV^R^^n^H^V^VT^^HBJ T *     7      )~</t>
  </si>
  <si>
    <t>                                           Lovely, young Patrida Braithwait agrees to marry wealthy, middle-aged Harvey Blaine because the father she adores is in financial straits. She hopes however, that handsome Jack Laurence. a young camper whom she only met once--and the only man she ever wanted...</t>
  </si>
  <si>
    <t>                                           Campmeetintj a t Buckhead Nears Close                 A few more nights and the annual  of the historic New Hope A. M. E. church at Buckhead will be over. Rev. if. J. Jefferson, pastor of Allen Temple A. M. E. church ris preaching tonight. He will be assisted in the services by his large choir. Bishop                 J. S. Flipper, head of the Florida con , will also be present. Preaching Saturday night an.l services all (lay Sunday will bring tlie meeting t.i :i close. Thursday was one of th* biggest days of the . Large numbers of women, members of the A. M. E. Ministers Wives Alliance, and the Womens Home and Forign Missionary Eocieties of the Atlanta, and North Georgia Conference were special guests ot the Bible.-.                  is being conducted "by Rev. W. R. Wilkis. A sermon was preached by Rev. D. T. Uabcock. St. Paul A. M. E. . while Rev. A. R. Cooper. Cosmopolitan A. M. E. made a lew remarks. Bishop W. A. Fountain, head of the Georgia conference, also delivered an address. Among We prominent church workers present were Mesdanr s W. A. Fountain. Jr.. and Sr.. Mrs. D. T. Babcock, Mrs. B. V. Fountain. Mrs. B. R. Holmes, and Mrs. K. A. Johnson. The visitors were regaled a-t noon with a basket dinner served by the members of Steward' Sb boards Numbers one and two. The meeting reached another high level Thursday night when Rev. Charles Sumncr Williams, nationally known platform pp acher and pastor of Big Bethel A. M. E. church preached the . Another feature of     services was an address by Mr. Clark Howell, Sr., Editor of the Atlanta Constitution. According to the pastor, Rev. R. S. Wilcher. the greatest  gation of wealth ever represented in the history of the tabernacle at one time was present Thursday night as more than 90 of Atlanta's leading citizens and financiers were in attendance at the services. Today's Bible Conference will feature an address by Dr. Stanton of the American Bible Society and a sermon by Dr. B. R. Holmes. Th. meeting may be reached by taking either an Oglethorpe  or Buckhead street car to Buckhead when courtesy cars will be waiting to convey the worshippers from the carline to the   a mile and a half away.</t>
  </si>
  <si>
    <t>                                           A. few more nights and the annual campmeeting of the historic New Hope A. M. E. church at Buckhead will be over. Rev. R. J. Jefferson, pastor of Allen Temple A. M. E. church is preaching tonight. He will be assisted in the services by his large choir. Bishop...</t>
  </si>
  <si>
    <t>                                           To James and Magnolia Garrett, 672 Frasier Street, girl August 27.</t>
  </si>
  <si>
    <t>                                           Bethel Baptist Institutional Church, Jacksonville, Florida was filled on Saturday afternoon at 4 P. M. with sorrowful Jaxons who witnessed the last rites in honor of the famous Negro Flyer Charles E. James, who met his death last week at Gary, Indiana.</t>
  </si>
  <si>
    <t>                                           F D I T OR 1 JSJ L. BHEIBa I</t>
  </si>
  <si>
    <t>                                           I If pair rimless glasses removed from car, Friday night  returned, Reward at least i $5.00. No question will be asked. Call RA. 8314, 325 Lee St., S. W. I</t>
  </si>
  <si>
    <t>                                           ^Heart's Content" on Return Flight Home                 Here is a fine close-up of the tiny Puss Moth plane in which Captain James A. Mollison. British airman, glade the first westward solo flight across the Atlantic tt is shown  from New Vork toward it. John.; K B the fait Ice of     return flight to England.                 Lower left is the gallant Scotsman snatching a hatty breakfast at his hotel before leaving New York; at  Captain Mollison waves a confident adieu to Gotham as he entered tie "Heart'* Content"        /.d.L.L</t>
  </si>
  <si>
    <t>                                           Three persons, two men and a was man died early this morning as the results of late Sunday night and early Monday morning shooting affrays. Ernest Cowan, 23, Rear 78 Hillard street succumbed about 4...</t>
  </si>
  <si>
    <t>                                           Brothers Held For Stealing From Car                 Caught looting u parked  near tin- municipal tn;. Butler and Eilgewood avenue Saturday nigl;i. Johnny and Fred Albritten, bi". wen- bound over under $100 bunds each to city criminal court mm charges of Jarceny of an :nitu by Judge A. W. Calloway in Recorder's court.                 The Albrittens were      by Cat Turner, aged Negro, who gave his address as rear 117 Cain street, who hail been  by E. C. Ramsey, white, owner of (he car to watch it. The pair escaped with the groceries but was  arrest' ct. Both Albrittens said that they had just come in town  Decatur and had been purchasing groceries when they saw thr- crowd around Ramsey's car  the theft had been discovered. They w re pointed out to police by Turner, they said.                 Shriners Not to Hold 1932 Convention WASHINGTON, D. C, Aug. 2. (CNS- The Shriners following the example of several other fraternal orders have called off their annual session originally scheduled for Philadelphia, August 15. Due to the number of requests to call off received by Imperial Potentate Harry Knight, Ka;ght called a session of his Divan at which time it was decided to submit a referendum to the various subordinate Temples, A later session of the D'van .wus held when the answers were in and it was disclosed that all but two of the Temples voted to call off. Knight then issued a proclamation to call off the annual session until August 1933. A business session will be held t by the Divan at the Scottish Rite Temple at Philadelphia on August 7. The C.rand Encampment of Knights Templars which was to meet the week of August 15 has also been called off. The Grand Commandery of Pennsylvania has invited the Knights Templars to be present at their one-hundred and twelfth anniversary of Knights Templars in America for the week of Aug-. ust IB.                 Four Jailed in $500 Theft of Furniture More  $500 worth or missing house furniture was i- red by Detectives Borret and Martin Monday afternoon with the arrest of Henry Martin. Mose Carter, Roy I Frye and B. nj.imin Hale. The goods, which was stolen from the Haverty funiture store Included several Regal . radios, :md general house furnishings. Martin and Cartrr. were in the employ of tin1 furniture store while Five and Hale were former employees. DO SOCIAL SERVICE WORK IN NORTHWEST SPOKANE. Wash., (    - Despite, the smull Negro population here, there are some  of  tion due 10 the depression and occasional instances of social maladjustment. Mrs. F. A. Stokes. local Girl's Ri serve Advisor and Miss Dorothy Redd joined the Soj cial Service Bureau as volunteer workers to aid in  work.</t>
  </si>
  <si>
    <t>                                           The election has passed now, and what I shall say cannot be construed as having any political intent. I am not a politician and would not have walked a mile to throw the election either way, if my vote had such significance, for the two degenerate major parties...</t>
  </si>
  <si>
    <t>                                           ~':y^S'~ - SYNDICATE ONLY NEGRO DAILY NEWSPAPER IN THE WORLD  L*LH I lV^/N  VOLUME.ir"NUMBER 272 ATLANTA, GA., WEDNESDAY. NOVEMBER 16. 1932 PRICE THREE CENTS</t>
  </si>
  <si>
    <t>                                           WASHINGTON, Sept. 6--(CNS) --Despite official assurances or more courteous action on the part of metropolitan police here given by Major General Pelham D. Glassford, chief of police, officers of the law continued last week a wild romance against colored citizens.</t>
  </si>
  <si>
    <t>                                           The Greatest Hair Straightening ComboftheAge^^^ VSt ht#Bi2*'rl ?f*..n0A Bqr?'   "   '~"'  nd Prcte yoor      at Horn. 7i !" to sl"'~                of people were        to ace how small children  the (     NoDumo electric Comb day after  with perfect  in our ^^^~RM^^^^^^k Harlem  dL-. lE^^^^^^fc ThU   mb U             to do aa KS^^IBt ;r Special IntroJoctorr Price Including ^HT^^^BHtt. *. (3,95 W^^J^i^^ MgBlllS Inc many salea and big profit. V*^nA^^~^^^   great comb. Invented by a colored r"' ^^^j^^^^B^^ % man. You  cm do what they are doing. ^^HJ^^^^8Ba^K 5i In    -y alone, 8(10 out of every 1.000  :^^^^        ^H. vl     ""~ "mb I Nnllumo la a wonder comb! J^^WPrjjIMIfHBm 5 B* your own bo... start your own  I Get r-r. inni.Ji jOTr  of thU big money.  2~*-.'.!!!. *~~2 Ith1"1! .      thl' oPI  to free  from SlniT^n" DcU?(   "' Wrl"  for onr MlT  PRODUCTS, INC., Depl. R, 129 Ea,t 124th Street p Ne^ York. N. y.</t>
  </si>
  <si>
    <t>                                           I' Official I SCHOOL SUPPLIES JlifO CompUu. $-1 Ah\\\  DRUG STORE Aihby.t Hunter-   . 6122-23 I</t>
  </si>
  <si>
    <t>                                           iMan, 74, Locked in Tower for Safety                 ill Gaines, 7-J, was placed in Fulton tower late last . for' .-: bv Chief R. \V. I Moor.- of tin; Ci)   .-irf Park police who said ihat the a;ce(i man had I . to  two white iritis, one 5 and the other 7 years of . Gaines was brought from Red Oak. Ga. Atcor(!i:i,r to Chirf Moore, tho alli.L'ed  attempt was sup- posed to have  in a dense wood?; on Fast \'ire:iia avenue I between Lee and Jefferson Sta.                 Free Creamer in Bennett Murder                 Clove Creamer, who Suncioy aft-  m neon stabbed lo death Muck Benin It .' a fight between the :wn in Creami.-r's home 536 1 Decniur  tree', was dismissed by' JudKe John L. Cone in Recorder's court Thursday for want pro- 1 sedition. I The  .il came : a mo- tii.n was made by D'  Glnn and McCarri'.y of th" homicide   said that they - (; the case and found that the : was justifiable. I Bennett died at Grndy hospital three hours af:er the cutting from a heavy loss of blood.                 Th'  le;  ! ninn, witness, .say :s ;m uncle iT Crramor's wife and h:nl  with her in an ar^u: i  her ir.. Benneit, accord- j inf; tn evidence which officers j f";md. st.-i!-tcd  when he !p \v a knife and ! Creamer above the eye anil cut him in the ri;,'ht arm  breast. Crenmer. ;^ to police roco:ds, ihen drew a kniff in self-i'.".'fense and f.     nne:t in the right :irm and . No evidence !n tl:e  was j I'. by JjdKe Cone w!io - 1   the case aft' r the I motion was made by the officers, i</t>
  </si>
  <si>
    <t>                                           5mL "" tmr-t** *    4. 1 i r_-     ii            *~   1 S5m Cm Can           I .to       .ti)Mi.*iu.t I i 5ffi?     f  CM               /i\ ITO^^SftwniTir 1- w,  a*~d ^~i MwW/ BU9DER TROUBLE If  Madderis .  dif r  7oar       is too acid or                   trr Gold      H**z)rm Oil CapcsJfS. Th:j ncr. old      -'  hu Keea   *d Tor thU ; for 237 . Zbat itm popularity  ia' the tait. proof      it  wo?](5."Bct     cre yoo (    cold xiD.M-Acc*p-.           . GOLD MEDAL HAARtEM'Ott   r*~y</t>
  </si>
  <si>
    <t>                                           lin/ FAD 1. PER lUU MONTH rUK IC DAY i  Kvtry month we pay you   ^liW4 % lor specific . All you do U :]FW3      pay       .     *sW3tt*J nda Y *na         no u^^SPkqJi additional cott. No '^           nation. No          8. OVER 10,000 POLICIES ISSUED  CO ait DEATH. Cet  policy for  InsmctiON. RiaoIt No other policy like it.      ~*nd your nimi, address, beneficiary s   for a policy made 10 yuu for      *rHie INSPECTION. Only company   policy. Southern Fidelity Surety Company . NORTH  YOU PAT ONLT ONI CENT A DAT</t>
  </si>
  <si>
    <t>                                           Mrs. R. M. Heath entertained With a spend the day party at her beautiful home, 617 Remmemington, Monday. The color scheme was green and pink. Mr. Eugene L. White of Atlanta. Miss Betty White of Macon, Mr. Robert Perry, Misses Alice Perry, Corine Frazier...</t>
  </si>
  <si>
    <t>                                           Pastor Feeds Needy From Revival Cash                 RICHMOND. Va.. Sept. 3.- (AN P)- Dr. J. W. Davis, known ns the "Gospel Tornado," believes in  good as well as preaching. Ills followers here arc now convinced. In two recent trips hero tils benefaction* among the poor have startled some of his followers and greatly Increased the number of his disci plea. Several we ks ago. he came here and furnished food supplies for two weeks to hundreds of old men and women in the city, the money for which he obtained by conducting evangelistic     m the large cities of the north. Lust week lie gave more than 100 children new dresses, suits and shoes. Many nf the children    re orphans. He says that he gives material as well as spiritual aid because "It's a lot easier to have religion when your stomach s full and your  stout, and it s hard to pray when you     shivering." In spite of his charity work. Dr. Davis states that he was  to pay income tax on $16,000 last year. Visiting Preacher to be at Butler Street C.M.E. Worshippers at the Butler Street C. M. E. church, corner Butler Street. N. E.. and Coca Cola Place, will have the ' of listening to Rev. H. C. Tobridge, Jackson. Tennessee Sunday. The visiting minister, who is Presiding Elder ol the Union City district of the West Tennessee conference of the C. M. E. church, will preach at all Sunday services. Rev. Tobridge. a graduate ot Lane college, is the guest of W. A Bell on Wcstmoor drive while in the city. Aft' r spending  days in Nashville and Chattanooga as part of. his vacation trip, he reached Atlanta Friday to visit college friends and  workers. Accompanied by Hev. A. F. Bailey. Butler street pastor, he was un interested  at the Atlanta Daily World  anil plant Friday morning. The visitor wil return home late Sunday night.</t>
  </si>
  <si>
    <t>                                           WELL THE TENNIS MEET is a thing of the past and Atlanta Society is at itself again. The tournament was the best ever staged by the Atlanta Tennis Club. The visiting' players say so. One thing, however, that your writer cannot overlook on the part of Atlanta's own players in the meet was their ignorance of the etiquette of players upon the court. Not all our players, but many of them pulled off questionable acts on the court, and several others went so far as to nag the umpires and kick upon honestly given decisions...</t>
  </si>
  <si>
    <t>                                           When in Need a... Notary Public COME TO THE Atlanta Daily World Office c. 210 AUBURN AVE., N. E. B^ C. L. WENTWORTH Successor To MILAM COMPANY Auto Bodies, Fenders Repaired Seat Covers and Top Work G. L. WENTWORTH 17-19 Piedmont Ave., N. E. WAlnutS970 AtUmla, Ga.</t>
  </si>
  <si>
    <t>                                           Last Week his time there was a continuous gabble over the fact that Morris Brown could not conquer Alabama State, and now that that is settled, today there is another gabble just over the horizon that has every ... of a serious setback.</t>
  </si>
  <si>
    <t>                                           BALTIMORE, Sept. 6 -- (CNS) --For the first time in the history of the Baltimore county court, two Negros have been selected to serve on the grand jury. They are David T. Gwynn and Dr. Joseph H. Thomas. They will serve during the next session of the circuit court...</t>
  </si>
  <si>
    <t>                                           The Brute got the lowdown.</t>
  </si>
  <si>
    <t>                                           JOSnCiWONKS                 Br L P. BarnoUi                 They say 'One SWALLOW ';' nol make a Summer." Dm .Dollsjijs that one SWALLOW or what they are selling now will make you hot d- If you won t,  It' ISi Summer time.-</t>
  </si>
  <si>
    <t>                                           MESCAL IKE You'd Expect Something Like That by ART HUHTA</t>
  </si>
  <si>
    <t>                                           *Miss                 Holding the trophy emblematic of her new title. Miss Dorothy Hann, of Camden, N. J-.is  just after she had been crowned queen of American beauty and  the title, "Miss America." Miss Hann was chosen*"from among hundreds.. ..of girls competed for the honor at the beauty pageant in Wildwood N. J.</t>
  </si>
  <si>
    <t>                                           Several new features are to be added this year to the equipment of the Atlanta University Laboratory school. Among them will be a recreation and game room for the boys at the high school with an office for the boys' adviser. This new room will serve as a center for...</t>
  </si>
  <si>
    <t>                                           Atlanta Women Active At State Convention                 Atlanta women .l :i prominent part in the recent Georgia State Missionary Women's - ticn held at the First Bryan B;ip- j  church. Suvannah. Go., this week in connection with the state, convention. Fully  hundred j women were in attendance :it this                 meeting which was in session from i Tuesday until Thursday night with i a large delegation of local women in attendance. i Mrs. S. J. Flukor. Waycross. i president, presided over the sessions. The women, who according t" reports, turned In almost as much money as the men. added another task to their already numerous du- tics b.r announcing that  would j increase Inch- support to Central City college, the state educational;Institution of the  Tlie women spent a considerable portion of their time considering a special drive and plans Xor raising. -money to help the college the neons of  were explained by .President GatlS"n. Other topics discuss- j' cd \vci:c the home and-i  mi*- f ion work and the rummage sales j being made for the benefit of the foreign fields. The reports from i the various committees and  were exceptionally good in spite of i present conditions. A pleasant visitor was Mrs. Viola Hill. Orlando. Fla.. president of the Florida Baptist Women's convention, who delivered an inspir- ing message from her' workers. Rcv.and Mrs. J. Raymond Hendei- j son. Atluntu. were introduced .mJ  ROud speeches. Officers  for the year arc Mrs. S. J. Fukcr. Waycruss. pros.: Mi's. Delia M. Gadson. Macon. i vice pros.: Mrs. "W. F. McKinncy. Atlanta, . see.: Miss Hattio I.; Forrest. Valdoata. rec. sec; Mrs. j Ida Henderson. Atlanta, :!l: sec: and Mrs. Bessie E. Foster. Si- vannah. . j Amiens the Atlanta women in at- j tendance were Mrs. N. W. Crawford, head of the state rummage I effort in  of foreign missions. a new .undertaking that has nested Kood results under her supervision for      three years: Mrs. D. Williams,  of the wo-i men s wurk In tnis. the fifth district: Wrs. Ida J. Henderson,  :- Mrs.'.W. F. McKlnI noy. corresponding : Mrs. I I H. E. Harris, state directress of i young people s work, and Mes- 1 dames Haupabrooks. Pope and Bol-i den. I</t>
  </si>
  <si>
    <t>                                           Atlanta women played a prominent part in the recent Georgia State Missionary Women's convention held at the First Bryan Baptist church. Savannah, Ga., this week in connection with the state convention. Fully several hundred women were in attendance at this...</t>
  </si>
  <si>
    <t>                                           Automobiles Injure Four On Sabbath                 Police were searching Sunday1 .:r.^ Jor the occupants a Hu'!-ori sedan that slightly drim.aK- !  * automobile belonging to J. C- Brinks. !299 West View Drive, is I c was .K a left turn into Innian street about 6:45 o clock. Two rr.er. and a woman u^crc s:uti                 to have been in the vampire car. B"ih cars wore slightly damaged win n the Hudson, license Xuinbcr :if;47-A, attempted to p:iss the other ,-.e on the  side. The tw0 !   were going in the same direction. According to Mr. Banks, the three Negroes jumped out :uid Jof: their machine which was later sent to the Spider garage by Officers Hutcheson and Roberts. Papers found in the Hudson were addressed to Oscar Anderson, 200R Gordon road, :n the rear. Two coats and a ha; were also left in the- abandoned car. Mr. and Mrs. Flemming Willis and their daughter, Miss Marion Willis. 571 Me Daniel street, were slightly injured when an automobile, driven by a Mr. Kcfhn. rr.ar.aC-'r iI-.l- Rogers store a; Mary a:-.d Me Dan:el street, ran into them .: 7:20 Sunday evening. ~-'r. V.'illis suffered a bruised scalp and hi^ wife, a sprained knee v/ thx: voung wo:nan was injured near her ear. Al: were treated at the Grady a.nd Mr. Willis told Officers H. T. Brown and J. W. Anderson, that he knew the mar. ar.c! would make no case at the time. Miss Magnolia Baltimore. 320 W. Hunter street, a passenger ir. John Jackson's car, was  injured about 11:30 Snr.day night  Jackson's machine  with Studeb. coach driven by Edgar Smith, 121 Woodw.-LXci avenue, at the corner of Rawson and Fraser streets. Smith's machine was going east on Rawson street -when he attempted to make a lert turn Into Frasor street. The Jackson automobile was going north on Fraser. Doth cars were dn.rr.aged. A case or reckless driving was mado against both men by Motorcycle Officers McLean and Betsiii. Jackson lives at 951 Ira stree: AIL are colored. The trial will be un Tuesday : at 2:30.</t>
  </si>
  <si>
    <t>                                           Police were searching Sunday evening for the occupants of a Hudson sedan that slightly damaged the automobile belonging to J. C. Banks, 1299 West View Drive, as be was making a left turn into Inman street about 6:45 o'clock. Two men and a woman were said...</t>
  </si>
  <si>
    <t>                                           HOLLYWOOD, Cal., Sept. 6.-- On October 21, Robert Armstrong will complete his five-year contract at R-K-O. Before that time, he will be given one of the most important parts in his career--the lead in "The Penguin Pool Murder Case."</t>
  </si>
  <si>
    <t>                                           I ttw FIRST Dotf^* I I JOHN ft MODEM  mar I</t>
  </si>
  <si>
    <t>                                           Special Sltoe Values AT SATURDAY LAST DAY OF SHOE SALE! Values fl III 1 m WhitehaI1</t>
  </si>
  <si>
    <t>                                           COLUMBIA, S. C., Nov. 15--(By H. W. Baumgardner for the Associated Negro Press)--The South East Conference of the A. M. E. church was held in Conway, November 2-6 inclusive. The conference was presided over by Bishop Noah W. Williams. This was Bishop...</t>
  </si>
  <si>
    <t>                                           Ir- 88, VopaiMT</t>
  </si>
  <si>
    <t>                                           Another fight against the antics of W. C. Slate, member of the school board, is being anticipated by Negro leaders at the regular meeting of board Tuesday when it has been announced that State will present a formal demand that Negro janitors at Atlanta's 56 schools...</t>
  </si>
  <si>
    <t>                                           INVOLVED                 JUDGE JAMES WATSON one of the two Negro judges of Harlem, who last week wat drawn into the controversy  lying the' other two magistrate!, Charles Toney, and his editor-clerk, Cornelius Hughes. Judge Watson was asked to testify concerning the good character of Hughes. Harlemites regret that such trouble nh^Mild envelope the first and only two Negro judges in New York.</t>
  </si>
  <si>
    <t>                                           ^L=^ DO YOU "HHMf-l T 1 ISOBBHHffl. DR.  S HERB  I ^^^^HD . ROOTS. BARKS AMD           8 H^^^^^H A MES8ACK TO THE IUTFoSRa t^^^^^^^HBI Vou seed oet b.          . r^^^^^^^^^K]       up I Tbtre'ti help' for tm. Thto b tb oil ^~^^~H rdl.bU Chlnni Htria 8        with bU hiMU I HI^^^^^^^^HII *              ,'  ,   ' neom- H^^^HH  for.  ny trouble of the , Uu ^^^^^HBI '~    . Btorotch. , Clvrr,      , BloM Tobon. dSBB^^^^^^99HI HheunulUm. Catitrb, WMkaeM. ,          ,"llU4. ^^^^HHM  l*r Trouble,           , AppendultU, SUiDIium, H^BB^^Hflil      TroubU .na All TrouG*.. V I^^^H^^^^HHI To than  it nay      ,      ;4l Mr OoDt ^^^n^^^^H fK.     bop. If other* tall.'? TM rifling * ^^^^H^aH^^^H gH *hi trj it.. i:;:,    THE OWENTAl/HMB CO. ,i DlL T T YOlJh-0 CTOiMt.anM AND  CbUfOUND       HiA A Cere fe* Efery       *f Ike Btan M, ti Tn. la AllmU lit MimtHtn. Wjl  llt , Ca.</t>
  </si>
  <si>
    <t>                                           Lovely, young Patricia Braith-wait agrees to marry wealthy, middle-aged Harvey. Blaine because the father she adores is in financial straits. She hopes, however, that handsome Jack Laurence, a young camper whom she only met once-- and the only man she ever wanted...</t>
  </si>
  <si>
    <t>                                           The State is sponsoring a series Of weekly broadcast of the Negro colleges in the State over Station WJDX at Jackson. Miss. These programs are educational and informative, in that they give a gist of the history aim and ideals of the colleges. At three o'clock Friday...</t>
  </si>
  <si>
    <t>                                           Yesterday afternoon, for the first time in his lone record of tournament play, Franklyn Jackson, younger brother and the national junior champion, shook off the "big brother" complex which has haunted him in meets all over the country. and gave his older...</t>
  </si>
  <si>
    <t>                                           Somewhere in the sacred scriptures there is something to this effect "There are among you those whom we know not."</t>
  </si>
  <si>
    <t>                                           FOOTBALL GAME Thanksgiving Day Tuskegee vs- Alabama State at- $3^0 Montgomery $3.50 ^Round-trip ALABAMA Round-trip TteWto on ,uli Nov. 22nd, 33    ml for SitO A. M.  s- *^ -NoT.. 24^ I^Wnf AUuU. Tlcketi r-f Norway MUi Mtaraiaf.', jji^ ~..=; ^g West Pbiht Route</t>
  </si>
  <si>
    <t>                                           Street Care Fare Reduction Try Brings Fight                 A   at ihe next meeting of the city council. November 21. is bein^ freely predicted following the  ThurMlay by Mayor James L. Key that ho li:ni .i ihe r- commendation passed by that group this week asking the Public Scrvi* f Commission to                 ;he ; c;ir fares charged by the Georgia Power Company Continued on Page 6. Col. 6                 Street Car Fare i i (Conliiiuncd from Page One) with a view towards lowering the \   \     \ The treasure was passed after a great battle by a vote ot 22 to 11 with Mayor Pro Tern Murphy presiding in the absence of! the Mayor. j Almost simultaneously. Alilernmn Soott. one of the staunchest  ents of the fare reduction '    ~'afd that an effort would be m:~~!e j to -      the veto at the  meeting of council, adding that, re-i i  of the outcome of th" act- 1 i ion by tha, body that the Atlanta I Federation of Trades intends to prc- 1 5 nt its case to the Public Service Commision. "'I think the people or the entire country spoke on his issue in Tuesday's election."' the  commented in explaining  stand i for the reduction ami pointed out that he had no quarrel with the Georgia Power company. The labor I organization contends that the wng- es of thi' employes have been rc-i duced and that with other tilings;  t a lower cost that it is only fair: that the fare be lowered. Mayor Key. on the other  i said that he has been in sympathy ~"th tim  ni; of lower fares all along but that in  cw of the first rays of dawn appearing upon th"j hori?op that a crusade for lower re- 1   is not very fair at the time, especially since there is sonic: question as to the sincerity of  motives behind this mov  ami! because the resolution  reduction docs not show that the pon*- cr company is making money on its'  . He       stated* that any fare reduction would be attended l.y I r-   service,! poorer equipment, nr a  on in salaries or tlie personnel of the street car workers whn have already been  by cuts. 1</t>
  </si>
  <si>
    <t>                                           A stiff fight at the next meeting of the city council. November 21. is being freely predicted following the announcement Thursday by Mayor James L. Key that he had vetoed the recommendation passed by that group this week asking the Public Service Commission to...</t>
  </si>
  <si>
    <t>                                           ^ 1 3? STATE NEWS                 Albany, Ga.                 Th* BoCMt-n Uuiliii'M Club m-: Thursday. Aui-im: j. nl tho hum.- "f Mr and Mr* Moon-. G:9 I'lanti-rs Mrr.'*.. .Adii:v*N by Mr Jnrklo:i, ;;-c:, " wlf ." Mr Mattes Cu*tir;. reporter.                 Tb* William Workrr* Sewing Clu'- -f 'Arcadia    :;~t Church rn.-i Tr.ur-~   '       (r. AusoiMt itt    * - of Mrt JVarl Ors* a: :3u o .. A ddi^Mfui T,exi m*:       L th*- hoRii- M i course   3 ^i by tin*     .'.   .    .ArioJa Pxur,d:rof_ Mrs.- Mulir.ihi Detain, r*       i The  Socis!     r:n-: at th^ home of Mm. Ar.n;~* Mn.~ i^.-al^ri The ^j kc^J clot- with  and cak.-_ T)f ncM n.  -:;;.vr j wiJ! b* h^ld a; :hv !; uf Mr- j:o-n Phillip.. i TIi?- Boy* 1~*!J i:s   *Kli!yr ir..-''U:u' V.o'.~iay. Auk-us! :h.~ horn.- oi* M;i-.t.-r Milto        .. A JeliciouM ifo ccii.- nJ          ..    - n-xi j:i-rti:.r will h* ai ihf bua:f of Jh:.:~T Cfiar^"1 JenkinsMrv St- AuciLitinp Ciriir ~-r At.anta,    the  tru'^t of M:-*-* Kr..:)'^r at. 311* South * Thi* 'n.-:u!~ cf Mrs- Anr.a Ar.d.-r^r. a.--- -..rry that nhe    ill lior ho^i*-. '.17 r*!:i:.t#   _              A, M_ i:.. Church. K*v. J. J. Cx^. pastor- 'j:*0 a_ rr^. S^r. Sl* 11 :3C a_ m_ morr;iT.~: "*;y Tin* Sunilay School i* mo t rf!*.:y  under      r.eral ".u-.-.'.t-rd^r.cy of Mr, 0-. li *. ul;h ccr.\;-^M. P.   . a f.in-.     ~-    :~-'.:-~'- frum I..:-' tlf Rcc'k. Arkonsa*. u!:o w;j- it; ch.-.rv* of th- Tfvival son- a: :.':i- C. M K Cl-urch for tt*r. ilay*. ':^ :i M-i.r..!.-rr;ii:h;. Alku.'1. 10 fur :,    Mary K-.- C^.; fr-n L'..y1yr.a. Klorida. ur.i: a li'30 v:r:niu:i:.- vf 2'nine       -e. AuirJ-A'a, G.t.. vi-*i;::ii: ~.fr brother. Dr_ J_ J_ CuOK. j.t Jo- ,v..n;! . y r.w* to M:-- K 1 1 r i r I.uion at C13 SociKy *   .:. ...r.i.r that you      read :hi- *:y iki* city.</t>
  </si>
  <si>
    <t>                                           The Boosters Builders Club met Thursday, August 4, at the home of Mr and Mrs Moore. 619 Planters street. Address by Mr. Jackson, subject "Have self respect." Mr Mathis Cowart, reporter.</t>
  </si>
  <si>
    <t>                                           ONLY NC4RO OAlDF  IN THE WORLD SOUTHERN' NEWSPAPER SYNDICATE. INC..  W. A. SCOTT _-_j:  Vnsk Mirahlil Dsvla  Editor MEMBER OP THE ASSOCIATED NEGRO PRESS TBB WORLD  far =       4  MM Uu SUBSCRIPTION KATES On Tor.  7   (Maatb^      3 MaallK. C25 VmUt, :~e  DA1LT AT 1 10  AVI_ N. t TCLEPBONKUi WAlan I4S*   4 KM Mnl a* I rim   t Ui. po4t       t AtluU. Cs^ ute     met  t Kirch 3. I87  ADVZKTtSIKG  W. B. 2IFP CO. Obm. New Tail. Lm Amx^m</t>
  </si>
  <si>
    <t>                                           HOME- FOR RENT OR BALE ^PJ1 *5 T OR SALE .Brick BunEilow.  i?.At.     AmiM. N. E. Inquire S*~S -*,,'^*S. JIM Pint N. S^ ".. No Teltpbow,</t>
  </si>
  <si>
    <t>                                           As I said, George Simpson, of Columbus, Ohio, later of Ohio State University, seemed to me to have been put on earth as my particular cross to bear.</t>
  </si>
  <si>
    <t>                                           :         a page roa women] fsi:;  BEULAH MITCHELL HILL, EDITOR, ~%a.^lt-l-^^</t>
  </si>
  <si>
    <t>                                           TAKBKtrom S(f CVPl L r our , ~/VWv( beauty more thin "akin deep." It  with           intern. Fidtl ,  and ** merely re* tea in  stomach. CUmu Munullr lit  GirHeUirtj. A cop . tot kv i  nl  will do mort (or yoor  thin con'"Cpim-. {At 'lUr*      _tj*^ TEA CO., , W.I. ^K on r LUCKY HANul I           -WrtU M I I          UB, tM.     0 iatN*L B. ^B M'Paffi  0  t7     . IB^^L Writt Salt. B  n     JHIWHBl           . mi4* Io ^B *Ji^ your Ritaint*. 0 B bt ^\~y  and *. VV J\ Ini Oombi. ate.       ",}'// tf "^"'  CO. 11 Jut tH Ititat H-w Tirk, T.</t>
  </si>
  <si>
    <t>                                           FINDS NEIGHBOR                       New Orleans,    ..?ept-..?T: I                 Saturday morning,  Johnson, who resides at 3031 South E.impart street, went to visit Miss Loretta.     1.' who occupies a room in Uic some house. Miss Johnson attempted to arouse Miss Bynl.  was in bed. Upon failure to get a response from th' woman. Hiss Johnson summoned an ambulance the -H of which pronounced Miss Byrd as  from natural causes. Miss Byr.l was. 06 years ol.l. I</t>
  </si>
  <si>
    <t>                                           Classified The Atlanjj Daily World THE ONLY  DA1LV IN XOR WORLD Classified Advertising Rates DAILY SUNDAY 8r a line 8r a line Consecutive InMTtliriu Dally. and Sunday: One time 8c a tine  times Ec a line Seven times or more 4c a line Five words of avenge  are counted en a lln*. The minimum charge It the  of tWO line*.' Ads Taken Over TBleubone are accepted from        *IUt#d lit Ihr *  r t\V *\n?Urj an memorandum charge. In return for iMn  th*  U expect* rt lo remit the day ( . lion. Or. all  Mnt by     tha- order. All Uiacontinuucea MUST be Bade In person at tha World office or by, letter. TeUphoM  aie NOT r.lld. ERRORS If any error la . Tka Atlanta Daily World U   one Incorrect JnaertJota TW *r ui  for  . The   notify Immrdlauly U aaj  la      4. CLOSING Adr. In Trio Atlanta Daily for the Sunday World will be  up until P. M. Saturday. The   re open daily except Saadajr  9 P. H. for the           * *C . ATLANTA DAILY WORLD WORLD WANT ADS BRING RESULTS. JUST CALL WALNUT 9913 -and ask for an Ad Taker</t>
  </si>
  <si>
    <t>                                           The battle of the season will take place tonight at Hodges field. Lincoln University of Missouri, an aggregation that defeated LeMoyne last year and tied the powerful Wilberforce eleven this season, in Chicago, will attempt to do nothing short of duplicating their many...</t>
  </si>
  <si>
    <t>                                           Overcome Pains this better way "WOMEN who Bet Into a weak, rundown condition can hardly expect to be free from troublesome "email ."  Where tba trouble* Is due to weakness. Cardui help* women to get . and thus makes it easier for  to take     orderly course, FiUaful,     u  ths  S*  with to* MtKunoa at Cardid. Instead of depending on  pain pUls during Uw Ums of . tai* Cardui to  up your -Teilstaooe to  . Thousands of women have found relief by   Gold at     drUE SUra.</t>
  </si>
  <si>
    <t>                                           Mr. and Cliff Maxey entertained last Friday night at their home with a party. Dancing was, enjoyed by a-ll. About thirty of the younger set were present and had a good time.</t>
  </si>
  <si>
    <t>                                           A rick-rack contest was given Monday night, Nov. 7th at Mt. Moriah Baptist Church, for the benefit of the Eever-Ready Club of the church. The first prize was awarded to Miss Francis Rogers, second Miss Helen Styles, third Mrs. A. B. McWhorten. This was...</t>
  </si>
  <si>
    <t>                                           James Cagney and Joan Blondell are reunited again for the first time since their appearance in "Blonde Crazy" in the starring roles of "The Crowd Roars," Warner Bros. thrilling special production coming to the Royal Theatre Monday.</t>
  </si>
  <si>
    <t>                                           Behind The Scenes                 In Hollywood                 Bv HARRISON CARROLL                 Copyricht. ]~;!2, Kine Features Syndicate! Inc.                 HOLLYWOOD. Cnl.. Auir. 7.- I                 Now that the columnist has hail his day, the Hollywood  turns on the publicity man. Lee Tracy, one of Uroadway's better , rocs over to R-K-0 to take the lead in Hurry Keichenbach's colorful , "1' Fnmp." I                 Hiss feminine vis-a-vis will be the dynamic I.upe Vclez. Mnnv are the   the sensational :ty stunts, nulled by the late Harry Reich- 1 . He  a lion into a hotel, fooled the public and be- 1 came the -  man on the White Way. I Some of these famous trii k- 1 w ll bo converted into celluloid I and others will be invented    I Uake "Phantom Fame" an  lowdown on the ballyhoo racket. Casey Robinson will direct this one and he expects to have the cameras  by Sept. 5. It actually . Eddie Cantor says, in a Hollywood restaurant. One of the swankier lead   * men came in. studied the menu and ordered pate-de-foie-er.-is. When it was put before him betook a bite and shouted for the waiter. "Here, take this away." he directed. "Didn't you order pate-de-?" ' the waiter. "Yes." said the actor, "but this is -." BOULEVARD TALK That little cx-, Dorothy Wilson, received a salary of only S50 a week for  a loading role in "The Aee of Consent." Since she made a h t. there ll undoubtedly lie an  ment What with the Olympic visitors and with her popularity in her home town. Mavy Pickford was erected by a crowd of 3,000 people when she stepped off an air-liner the other . Retunvnc on the same plane was the Countess de Frasso. The (Srectinc party included Douglas Fairbanks. Gary Cooper. Amelia Earhart. Charlie Chaplin (with Paillette Goddard on his aim) and Prince Chakralonc Tor. of Siam. I The , who is  Hoi-  under the Fairbanks wine, i was very much upset when Sail j Francisco scribes wrote of him as the heir to the throne. j "Quickly. I had to cable my i mother to  that with the crown prince," he saidThis 20--old scion of royalty  s on his way to study  at Cornell. When he completes the" course he will he chief government expert on the subject. Phyllis Haver and Bill Seenian arc  the elad-band from old friends in the film . Buddy De Sylva threw a party for them before he left for Broadway and that Lawrence Schwab musical..... Somebody committed an  overs eht    that banquet to the "Bird of Paradise" company thn other . Instead of a bird of paradise carved in ice. the waiters trundled in a fine, jrl ,' horse. Maybe you didn't sec that cable story that nine people were taken                 to the hospital :if Ler the rush to i I sec Stan Laurel and Oliver Har(iy in Glasgow the other (lay. These comedians are just as pop- 1 ular abroad as they arc in this country. Which brines me to the fact that they wMl make another feature comedy on their return to the Hal Roach studio. I This  to be in the middle I of next month. I Since Stan and Oliver  with Ronrh in September, lit^'i. I they have turned out over 10 j picture?. Two of these were feature- YOU KNOW- That Adolphi? .Menjcui              an American ambulance un t in Italy during the war'.'</t>
  </si>
  <si>
    <t>                                           Now that the columnist has had his day, the Hollywood spotlight turns on the publicity man. Lee Tracy, one of Broadway's better mimes, goes over to R-K-O to take the lead in harry Reichenbach's colorful memoirs, "Phantom Fame."</t>
  </si>
  <si>
    <t>                                           Hope to Spend Week in Air                 Almost        for their lone joy ndc. Mrs. Frnneej Harrell Mar. (In ) and Mrs. Louise MoP ThudT are shown ;   Miey  a final -hock of their Curtiss Thrush monoplane before takin-.- ..f at     \~rk in nn  to  the world s  e  for women  The record is 1 2n hours and Mrs. Mar.=:ili5  her pni ner are diler mined to stav uo 16S hums, a full week.</t>
  </si>
  <si>
    <t>                                           Detectives Arrest Woman Soon After Home is Robbed                 Quick :iction on the part of Detectives Chester and Jones resulted in the arrest ot Mrs. Grace Me i Daniels. 257 Butler street, at the j comer or Piedmont and Cain early Tuesdav evening shortly after Charles" D.'cf.r. 620 Angier avenue, reported to police headquarters that a  quantity of clothing, sheets and linen had been stolen from his home. Officers W. J. Stephens and Olin Williams were sent 10 the Doctor home to investigate the burglary about 6:30 in the c\ening. They had scarcely time to make their report fore detectives picked tlie woman j     near her home \v;th the .stolen property in her possession. Cuttings Continue as Two More Get Knifed Tuesday Doctors at the Grady hospital spent a busy hour Tuesday night sewing up a deep stab wound in Willie Scot;. 23. 557 Golden street. Young Scott was stabbed exactly in the c- nter of the seat of his          and it was necessary to take a number of deep inside stitches before the painful wound could be closed up. According to friends who accompanied Scott to the hospital    -  wound     inflicted about nine o clock as Scott and a man said to be Jim Trotter were arguing on Robin street in front of the Rogers barn. The fuss was apparently settled when Trottt r slipped back behind the other man and knifed him. He was brought to the Grady in an Ivcy Brothers ambulance with E. Smith, the bashful driver in charge. Doctors advised Scott to be very careful and not let the wound become infected. Trotter escaped. Mrs. Cora Lindsey. 243 Spring street, was severely slashed across the left arm  her wrist an elbow by Lincoln Freeman. 217 Roach street about five o clock Tuesday avenue at her home. Freeman was  by Officers Whaicy and Pittman while the woman was taken to the Grady hospital for treatment. FARM HAN1"  SLAYS WHITE FAMILY OF FIVE LAKE CHARLES. La., Sept 7.- (CNS)- Two colored men, wno had been mistreated by their employer, last week wrought their vengeance on the farmer and his family, killing him .his wife, and three children, and then setting fire to his. house. The men were pltn cd under arrest and are alleged to have confessed. POLICE PASSES SERGEANT TEST NEW YORK. Sept. 7- Patrolman M. P. Moore of the West 135th St. station has been notified that he successfully passed the sergeant test he took a year ago and had .qualified for promotion, .Moore has been on the police  eight years, and is the only Negro on the new list certified by the Civil Service Commission. When Moore is appointed he will be the fourth Negro sergeant on the .</t>
  </si>
  <si>
    <t>                                           ^JTC'ryjJJRUG STORES ,TPA          !* tor MuumiIc "g* -%- *M Nwiili         n and 4  Blood Purtlitr. Milm  Blood Rid.  nd* HtJUy; Bdldj SttMjth ml Vi,M. Aloiyi EfcctlK Wdy    (   ?</t>
  </si>
  <si>
    <t>                                           NEW YORK CITY, Nov. 23--(CNA)--One hundred children, of whom at least 35 will be Negroes, will march on Washington Thanksgiving Day, to demand of the Federal government at relief for the children of the unemployed.</t>
  </si>
  <si>
    <t>                                           The second round of the big bridge whist tournament for the benefit of the unfortunate children served by the Neighborhood Clinic on West Fair street is slated to get started this evening as the doors of more than 50 homes are opened for the sake of sweet...</t>
  </si>
  <si>
    <t>                                           CHICAGO, Ill., Aug. 12--The marriage of Miss Louvenia Huff to Mr. James Woods was solemnized on the evening of Saturday June 25th, 1932 at the home of Mrs. Abbie Cage, 3301 Giles Avenue. Miss Huff is the eldest daughter of Mr. and Mrs. William...</t>
  </si>
  <si>
    <t>                                           Miss Geneva Weldon entertained Miss Rubena Rodgers and Mr. David Griffin at 5 o'clock tea, sunday P. M., at her home on S. Clayton Street.</t>
  </si>
  <si>
    <t>                                           NORTH CAROLINA MUTUAL I LIFE INSURANCE COMPANY DURHAM. N- C. OCTOBER 20, 1932  Little Friend: We think of you as we do the petal of a beautiful rose, blushing be-  of having been kissed by the dewdrop from God. All of us carry- ing on the business of North Carolina Mutual Life Insurance Company, the largest Company of our race in the World, have been once just where you are now, innocent and irresponsible, maybe in school preparing- for the great and grave responsibilities of life. We bring you a message of thrift that will prepare you for those college clays and start you off in life after finishing your college career. t It is a simple method of taking your nickles. dimes and quarters for a period of time and handing them back to you in a large sum of dollars. -4 When we were kids, most of us missed the chance of being taught the habit of thrift. N. C. Mutual realizes that unless you arc taught those habits now, it will likely be difficult for you to succeed. It is our plan to work with your parents on this important matter, hence we arc organizing a largo number of "Thrift Clubs" embracing more than a thousand boys and girls in your city. The slogan of the club is: "Let's prepare to have North Carolina Mutual pay a hundred thousand dollars in cash thru endowments to me and my playmates ten years from now." We are enclosing some interesting reading matter which we want you to read carefully and have mother to read. Ask mother or dad to help you m- your membership. We plan also to use the Rotogravure Section of the Southern News- paper Syndicate of Atlanta to run photographs of members of the club from time to time. We are having one of our representatives call to explain details of the Thrift Clubs and membership. We want you to be- come our dear little friend and we want to become your financial advisor and partner. Don"t miss this opportunity of thrift building. Very truly yours, NORTH CAROLINA MUTUAL LIFE INSURANCE COMPANY S S  II. HARVEY J. E. . 250 Auburn Aw. N. K. 1003!i \V. Washington St. 817 W. Broad St. Atlanta Ga. Columbia. S. C. Snvannah. Ga, G M. .V E. C. MURRAY n. J. JACKSON lift Owinncttc St. Box 157B E. Stti SI. Aucusta Ga Greenville. S. C. Clmttanooea. Tcnn. C W MOORE C. W. BOLDEN M. M.   -ott r  Temple t68'~ Clm.rch St. lll!j E. Monroe SL Mutin. Ga Spartanburj, S. C. Montgomery. Alu.. R J OLDEN J- D. ANDERSON A. J. CLEMENT Gcm'TlicatK BldK- HI Cotton Ave. Box 68. Station A. Knoxvillc. Tciin. Amcricus. Ga. Charleston. S. C. J. L. WirEELEK. Recional Supervisor 250 Auburn Ave. N. E. Atlanta. Ga.</t>
  </si>
  <si>
    <t>                                           Bleach Your Skin To New Beauty No woman can win the complete admiration of men unless her skin Is light, clear  .soft. Of oil known methods of clearing the complexion of ruinous, /ural impurities, blackheads, pimples, freckles and other blotches. Nodlnola Cream is j the simplest, quickest and most satisfactory- juM apply this white fragrant cream at bedtime -no massaging, no rubbing. Nadlnola quickly brings fresh, youthful beauty to your  kln; restoring a soft textured, smooth, radiant, flawless complexion: dosing      large, ugly pores and leaving     skin ivory-white, lovely. Don't risk your face, neck, arms and hands to cheap bleaching creams, ointments or lotions, but be sure to use real Nadlnola Bleaching Cream with its DOUBLE ACTING qualities found in no uther product. Get a blB 50c Jar of Nndlnola Bleaching Cream at any toilet counter; begin using It tonight, and tomorrow you will see a hint of the wonderful results to expect. .Money-back guarantee in every package.  BLEACHING CREAM Munutaitvrtd by Rational Tc*l*t Co.. Pans. Tenn. SWELLING REDUCED And Short Breathing relieved when rou.ii-d by unnatural collection of water in abdomen feet and legs and when pressure above ankles leaves a dent. Trial 3 MEDICINE COMPANY. Dept. 580, Atlanta, Ga. IF YOU WANT MONEY \^J^~ guarantee to  you   * *     ,i, life. No cut beyond . SI.., * I Write    Iclny. In. formation  M. WILLIAMS. inn ItLTKt-n Ave., Jersey Cily. N. J.. Iviit. R.</t>
  </si>
  <si>
    <t>                                           SOME of my former schoolmates have abused the privilege of seeking for knowledge, and since the day we attended high school together some are yet attending higher school. I wonder what they are learning.</t>
  </si>
  <si>
    <t>                                           BIRMINGHAM, Ala., Sept. 3.-- A rather novel, unique and interesting charity program, with approximately three hundred seventy-five participants and in which every social, and fraternal club and organization in Birmingham district participate. The title of which...</t>
  </si>
  <si>
    <t>                                           ^The Weather  CLOUDY, probably tocol  this 'afternoon or -  JI. SCOTT MctcorolocUt, Weatlier Bureau</t>
  </si>
  <si>
    <t>                                           CHICAGO, Nov. 21.--Despite the fact that the univirsity of Mississippi engaged a football game with the University of Indiana under an agreement that the Hoosier's two Negro aces were kept out of the game, Fitzhugh Lyons and Josse Babb, the Bloomingtonites smeered...</t>
  </si>
  <si>
    <t>                                           Up From Georgia With My Banjo 3y THOMAS JEFFERSON FLANAGAN THE RUNNER S SONG 3Vhen they pass the plate for office, I never refuse to run. I never gits elected but I have a barrel fun! 1 love the soap boxes, the lively campaign song. En 'till the votes are counted, you ll find me runnin' long. The voters may can keep me. far frum the office place, j But one thing straight en certain can t keep me out the ii. race! I'm jes a chronic runner, en 'Im  loud en strong -En 'till the votes are counted, you ll find me runnin' long. Fellers fall out en quit, swap parties en git mad. They patch up alibis, en claim their deal was bad. No time to stop for ', jes keep the keynote song. Holler Halliluia, en keep on runnin' 'long.</t>
  </si>
  <si>
    <t>                                           En Route to Nashville.</t>
  </si>
  <si>
    <t>                                           ^^B^^k ^h HK^m ^^fa^^F ^H ^H ^H^^h ^8^^^. ^1 ^1 ^^ft ^S ^^h^H ^H ^^b ^^h^^B j^^^h ^^^^^k. ^^B ^^B^^. ^H^^^^^ 1^^^^^^. v ^m ^^1 ^H ^^  %'                 CHEST DRIVE GOES OVER?: THE TOP                 Mrs. Pitts Praises CoWorkers for Good Record                 THANKS PUBLIC                 Exactly 1.342 Atlanta Nejroes pledged $5,649.46 to the 1932 Atlanta Community Ch'st Fund according to figures released today by officials of the colored division:or the drive this year. Tliis sum which also overshot the goal set lor this  amp: by some $600 is                 !9 more than that obtained in the :931 chest effort. "The drive has b' en hard  ear." Mrs. Clara Maxwell Pitts, jeneral chairman of the division old her co-workers at the final re-"  meeting Monday night in expressing her gratitude for their,  support and considerable surprise upon the presentation ot:a  vase as a token of their ;. "despite the unfavorable  of money, the  xtreme length of time required to complete the work this year in the face of ;!1 o.    . there has not been a cross \      said to mar our oneness or purpose. You hav been wonderful and tlie public has been -wonderful in nicking this drive a success. It is difficult for me to tell just how much^^yur-Jjolp^as been       -       "H- -XiH^-cafi 'say1 Is -^"^ thanks." C:'!T,' Much of the success this, year is being attributed to the generosity of the organizations of the oty and the pi eachers. The latter group, both in and out of the pulpit, preached the gospel of sharing. Committees and other groups^j^-. sponsible for making this'' drive a success include: Mrs. Clara M. Pitts. General Chr.; Mrs. M. Agnes Jones, Mrs. John Hope, and Mrs. R. E. Thomas. Co-chairman; and Reginald A. Johnson, secretary. Committees Schools, Mrs. M. Agnes Jones, : House to House. Mrs. R. E. Thomas: Committee on Cooperation with Church's, Rev. W. J. Faulkner, . Rev. R. W. Rilcy. secretary-treasurer. Rev. J. R. Henderson, co-chairman. Members: Reverends D. T. Babcock,-J. A. Martin. H. R. Moore, K. H. Burruss. J. A. Green. R. W. Riley, J. H. Wiggins. J. T. Foster, I. J. Alston. L. A. Pinkston. H. M. R'ad. R. J. Jefferson. Bishop W. E. Fuller and R. A. Johnson; Speakers" Bureau. F. A. Toomcr, chairman. J. B. BUyton. Co-chairman. meni!~ers: C. W. Greene and W. C. Kelley. Organizations Committee, I. S. Blocker. chairman,- F.' E. Washington. Co-chairman .'and Miss F. V. Adams, secretary, rjj. Advanced Gifts .Committc-. A.-T. Walden. chairman. T. J. Fergoson. and. J. M. Chiles. Co-;. members: Messrs. S. S. Abramjj^J. A. Baxter. W. A. Bell. J. B.        . Dr. E. G. Bowden. DtfanJ^P. Brawley. Professor E. Luther Brooks. Dr. H. R. Butler. Jr., Miss Amy Chadwick. Messrs. J. M. Chiles. W. H. Chivers. J. C. Col-y, C. S. Cox. Joseph CrawiotU, B. J. Davis. Sr.. J. W. Dobbs. Wm. Driskell. J. E. Elsbcrry.- W.iA. Fountain. Jr.. S. E. Gore. Charles W. Greene. Jesse H. Hanley. C. L. Harper. L. M. Haywood. X. J. Henry. Jr., R. A. Johnson, W. C. Kelley. A. B. McCoy. J. H-. ;McGrew. E. M. Martin. L. D. Milton. W. L. Murdaui-h. W. A. Robinson,I Continued nn Pasr S. Col.' 3) i.                 Chest Drive Continued from Pftire 1 J. E. SaJfr, W. A. Scott. W. H. Smith. J. Tliomns. J. P. Whittaker. S. W.- Walker, Mesdames Willie Daniels, Ida F. Henderson. John Hope. Rosa P. King. F. A. Toomer. C. C. WimBish. Dr. GoorKia Dnelle. Misses Hattie E. Fegcr. C. B. Finlcy, Mi- C. Hawcs. Reverends J. R.' Henderson. D. R. Stanton and Dr. H. E. Nash. Publicity Committee: J. Thomas, chairman; Miss Myrtle Estes. Co-chairman, E. X. Davis, co-chair-! man. I House to Douse Committee for Different Sections of the City                 Fourth War.1. Mr. L. J. Harper, chairman. Mrs. J. L. Wh/oler, Coclwirman. Members: Misses Morene Ferrell. Alice B. Guyton. Aurelia Williams. Mesdames Frances S. Bclclicr. Lucia C. Bishop. Otele Brown. Virginia Canary. Lillian Cooper. Eleanor GoodMt. Catherme Graves, J. B. Greenwood L G. Harris. Rosa Hanlcy H M Holmes. Mamie Holmes. Sudie m" Howard. Annie Jones. Irene Jones', Rosa M. Kinff. N. A. Lamar Christine Lloyd. James H. McGi-w L. D. Milton, Fmnk Rai.'ord Edi'h Reiil. M. B. Smith. Marie Tavior E. A. Thomas. Stella Thomas." G. Walker, and A. D. Williams North Side District Mrs. G. W. Owens, chairman, members: Misses Ethel M. Cliristlcr Martha Davis. Cora Grisson Mildred Turk. Helen Williams. Mesdames Sam        , Mattie Calloway. Mnry Elligan. Fulton. Xancy Lattimore. Fnnnie Morris. Bertha Pierce. Will Taylor. Turk. M Welch and Katie Williams. Pittsburc Division Mrs. S. M. Cunningham chairman. Mcmbe-s: Mesdumes Emma Alston. J. T. Brooks. Millie C;frol). Maggie Carter. Eloisc Cunninsh::m. Kuth Cunningham. Moil'ie Davenport. J. H. Drake. J. H. Hattoti. Eva Parks and Willie Hoijrts. South Atlanta District Mrs. E. Luther Brooks, chairman Members: Misses Grace Arnold Thelma Barnes. E. Dickerson Mesdames Grant Adam?. Florence Arnold. Dorsey. M. Holloway Rosa Jolins"n. E. H. Martin. Iola Mo*sc B. Parker. Abgul Robb. D. H.' Stanton. M. B. White, Maurisc Woodward. Messrs. E Luther Brooks, w. L. Howe and R- v. J. I A. GBcen. Summerhill District Mr. W. J. Arnold, chairman. Members: Miss Annie Hill. Mus-' James Lillian Anthony. EugeneAnderson. Bryant, Willie Daniels M. M. Don-dell. C. J. Gideons. J. i C. Johnson, Jennie Roberts Russell. W. H. Scott G. Taylor, Wm.i J. Truitt and S. W. Walk' r. I West Side District i Mrs. H. S. Murphy, chairman, i Members: Mestfame.s G. T. Alex1 an.ler. P. A. Allen. Ludie Andrews. Odessa Anthony S. H. Archer. Ma Brittain. W. S. Cannon. Fannic Carmichael. R. H. Carter. H. B. Cocliran. C. H. Coniially. Ella Cook, Brady Cooper. R. l! Craddock. Clura Davis. Minnie Dubose. Echols, C. M. Edwards. R. c. Fryer, Henrietta Gan-in. Sybil Garvin. M. L. Hamilton. Mary Hemphill. T. J. Henry. Jr., T.'j. Henry. Si-., J. B. Hill. Mnuile Hili.. John Hope. C. H. Holland. C. D. Hubert. G. J. Hubert. T. C. Jones.' I. H. King. J. N. Lattimcr. S. M. Lewis. M. P. McAllister. Anrile M.1 Mattison. Carrie Mitchell. J. L. i Nelson. Olla Norris. E. L. Parks.! Ora, Pitts. C. W. Powell. Clio Powletlge. Amanda Richardson. Iola Rodgers, L. D. Shiv ry. 7' )ry: Shorter. I. J. Tatnall. R." E. I.:"-! mas. M. R. Tolli\-cr. F. A. Toomer, M. M. Towns. Perdita DeTuff. A. I T. Walden, Ida B. Warner. D. B. Whittaker. A. C. Williams. JulU1 Wilson. Viola Wilson. J. H. Will-' iams, H. H. StronR, Freddie Stc-I       . Misses Amy Chadwick. E. E. McGhcc, Dr. R. H. Carter Messrs. Charles W, Grcne. J. P. Whlttakcc. and Mr:. Sallie Jones.</t>
  </si>
  <si>
    <t>                                           Exactly 1,342 Atlanta Negroes pledged $5,649,46 to the 1932 Atlanta Community Chest Fund according to figures released today by officials of the colored division, of the drive this year. This sum which also overshot the goal set for this campaign by some $600 is...</t>
  </si>
  <si>
    <t>                                           In Your City CTk1 (,.r Ifc.' 1'ublic MADAM Bg2  WHARTON point  Striding for Whitr and Colored SPECIAL READINGS- 50c. i:n H. Mill Uiiad. A'.Innta. G*. -x Hftwcll MiJl Car S-cond House from ^ri!~uard Stop 8 GEORGIA 9 OPEN 11 A.M. 15c S u Kn'Ji CIi;iHt rl(in In S K "THE RICH ARE ALWAYS S WITH US" fi</t>
  </si>
  <si>
    <t>                                           Having spent my two hours in a Bootleg 'Joint of the "upper crust" or at least where the 'higher ups" frequent, I decided in justice to all classes. I would prolong my nocturnal visit and go where it was rough and tough so I chose to visit un area that was situated like an...</t>
  </si>
  <si>
    <t>                                           (Funeral Notices]                 THORNTON- The friends ar.i iv-  of Mr. Cleophus Thorn- i ton ot 26 Boulevard. N. E.. who passed away in Kansas City. Mo.: Rev J W. Thornton, of Gainesville Ga.: Mrs. M. L. Thornton  and Mr. G. W. WashjnjBJu are  t" aiton.i ihc VuocraJ !.:;-. of Mr. C.c-.-phys i Thornton today at 3 p. m. Gainesville, Ga. Hanlcy Co. PATTERSON- Mrs. Charlotte A. Patterson, mother of Rev. and Mrs. W. Q. Rogers, passed November 12. 1932.  t a local -  .Remains will be carried j "Wednesday. November 16. via Scabcnrd to Portsmouth. Va.. for funeral and interment. Ivcy Bros, morticians. STARKS- The funeral of little James Starks- was held Monday .'. November 14. at 11 o clock at Warcn Memorial . The Peoples' Funeral Home. SCOTT- The funeral of Miss Etta S-ott will be  today Monday; at 2 o clock at Mt Calvary Baptist church. Rockdulc. Rev. J. M Gates officiating. Interment. Chestnut Hill. Dunn's Funeral Home.</t>
  </si>
  <si>
    <t>                                           it*    WBmtSufitf^ ONLY McvRO D!AI I-T NEWSPAPER IN THE WORLD  VdEOWfE; 5, NUMBER 204 ATLANTA. GA., THURSDAY.  8, J932 PRICE, THREE CENTS r-:</t>
  </si>
  <si>
    <t>                                           Sunday was a beautiful day for all church goers. Sunday school was largely attended at Cedar Grove church. Mr. W. M. Wallace taught the lesson. Much inspiration was gotten out of the lesson. Miss Eliott Abrans suggested that the Sunday school will have a...</t>
  </si>
  <si>
    <t>                                           The Moonbeam Serenade held its weekly meeting at the home of Mr. D. Norris Cooper, 1025 Quarry street, S. W., with Miss Willie Robinson presiding. The party to be given Friday was discussed and will be presented at the above mentioned address. Messrs. John...</t>
  </si>
  <si>
    <t>                                           it1  BUCK i "22fS" JONES in Monday and Tuesday FTTsr- "Hello  Trouble" I THEATRE i p Also-r Only Buck Jones can do Chapter No. 7 of- --Buck Jones Stunts! THE LAST FRONTIER' j</t>
  </si>
  <si>
    <t>                                           ~(led ro mo "^^^wr^^^Ef  Dolores Del Rio I and Joel McCrea 2 More Days at the [FOX Adults 15c Children 10c</t>
  </si>
  <si>
    <t>                                           HONOR thy father and thy mother that thy days may be long ... the land which the Lord thy God, giveth thee." Such is the intent and general inference of a very well known biblical axiom. To this boy, Ralph Metcalfe, who has become something of an international celebrity, It must have a two fold, important because he certainly adheres strictly to it.</t>
  </si>
  <si>
    <t>                                           He opened the door, and bowed low and stiffly with all the eclat of a Brooklyn doorman.</t>
  </si>
  <si>
    <t>                                           Tomorrow afternoon on the old Morris Brown athletic field the big prep classic of the year will become a reality. The youthful timber of Leslie Baker will match wits against the hustling youngsters of Bacharach Smith, Washington High versus David T. Howard! The...</t>
  </si>
  <si>
    <t>                                           President Willis J. King of Gammon Theological Seminary has accepted thy invitation to give a series of addresses at the Sixteenth Annual Convention of the School of Religion of Howard University. Washington. D. C., November 15--17. This invitation has come through...</t>
  </si>
  <si>
    <t>                                           MONROE, La.,--The Negro World Series between the Pittsburgh Crawfords of Pittsburgh, Pa. champions of the East and the Monroe Monarchs, of Monroe. La., Champions of the South will get under way September 3 at Pittsburgh, with the first three games at...</t>
  </si>
  <si>
    <t>                                           The Bible Institute held its last meeting in Canton, with the Zinn Baptist church. Rev. Me Cloud. pastor. This institution held at Tate at Mt. Calvary church. Rev Farrell, pastor., The object of this meeting was to bring about A greater interest in the studying of the Bible This meeting is always held the...</t>
  </si>
  <si>
    <t>                                           Down at the Log, Cabin Center in Hancock County Georgia a man of wide educational training and distinction is actively at work on a rural program for farmers and home makers. It would perhaps be-difficult to find a man better fitted for this type of...</t>
  </si>
  <si>
    <t>                                           LOS ANGELES, Calif., Sept. 6 (ANP)--As the A. K. A. closed its boule here this week and moved on to northern California where social sessions were held in Berkeley and San Francisco, the sorors were singing the praise of Ida L. Jackson western regional director of the...</t>
  </si>
  <si>
    <t>                                           A MAMMOTH CROWD will witness that sizzling revusical of African jazz in the Friday night Stage Show, entitled, AFRICANA, at Bailey's 81 Theatre, Graham W. Jackson's original compositions will be featured It is an event that Atlanta's theatre-goers are looking...</t>
  </si>
  <si>
    <t>                                           Flashing a stiff, bruising southpaw brand of tennis in the crucial moments of their heated finals engagement in the veterans' flight of the men's singles, ExCoach B. T. Harvey ousted Dr. R. B. Jackson, well known Atlanta medic. 6-8. 7-5. 6-4. It was...</t>
  </si>
  <si>
    <t>                                           "Praying for the Holy Spirit," will be the subject of the sermon of Rev. W. J. Faulkner, pastor at 11 o'clock Sunday morning at the First Congregational church. In tribute to the commencement of Negro History Week, the opening session of which will be held at the...</t>
  </si>
  <si>
    <t>                                           ii -'~  ";" ..-/{V "~~'~!:"''''"-r'---'-:-V"'^.-.'~^^S  OCT /^^AJ only negro daily h4^spA^R m the world l5M. V6LUME^S,^UMBER 203 ATLANTA, GA., WEDNESDAyTsei^EMBER 7. 1932</t>
  </si>
  <si>
    <t>                                           BE YOUR OWN BEAUTY DOCTOR Anyone can be more beautiful at very little cost. A good start is to use Exelento Quinine^ Pomade on your hair to make it soft, , and easy to dress in the new styles. Fpr your skin, i.se Exelento, Bleach Cream, a new cream  does three things at the S^JJP, time: first, lightens the  ond, removes pimples'; third, mates the skin src:~oth and soft. All Exelento beauty helps will please you. Try Exelento Beauty Aids the next time you -want a fine face powder, vanishing cream, skin soap, or other aids. to beauty. CDCC ~'r l~-      Cla'MC.. Cain.   -MEDICINE CO.! Atlanln. Ga.. tor her   of Kxelcnto Vwuuty , and her Lcsuty Secrets Uouk. 13 ty v/tU im sent you, FREE. Help Weak Glands With a New Gland Tonic Mmc* ba* torn  w of  Ukl   *r i/ /,  and .           /rM /.      meter fmr thta Mif try Jt 20 Days-FREE        to  of RRi-. WAlc man anf . it  ( da the     for      NO LKTTCIt           . Juit m-imI     id        *     und 10c for  and r***Iilng             .            :o.DeeU CN-74 I XoUieycI^. I H. PLANTEN SON, INC.</t>
  </si>
  <si>
    <t>                                           The Low I grade is very happy to have Dorothy E. Terrell enter the class this week.</t>
  </si>
  <si>
    <t>                                           ?$    . Younrv's HERB MEDICINE: FbT^. ^1*r?tl' ni:r;ns, nor-.;, ranks and iir.oon tonics J OR. T. x. . "y THE ORIENTAL HEItn CO. W cn M:si; [If:i;bs and nr. compound 22 Yrs in Atl-inLa A Cure for Every DiM-a.^ of thr Ihimp-n Uodr I"                - 7 A. M. to 10 r. U. 2    -       132 Ed: Ave. WA. 218D Atlanta, Ga. Z      .i.iii..i. ..~iin..i....u.ni..i...t.ii;</t>
  </si>
  <si>
    <t>                                           The question of making a living, is by no means a trifling question. It involves certain... attitudes toward God, and things spiritual and eternal as well as certain...</t>
  </si>
  <si>
    <t>                                           Why the very sound of it has a fighting ... and it is the name of a fighting man--a swaggering, pulverizing young heavyweight who has the fistic bigwigs of New York shouting--"another Dempsey!"</t>
  </si>
  <si>
    <t>                                           An inter-racial group of boy scout readers held what they termed one of the best "get-together" meetings they have ever held last Sunday afternoon at Church Park auditorium. Several officials from Chickasaw Council were present...</t>
  </si>
  <si>
    <t>                                           V\/ UfcTUfcR you would be S\ trim and tailored or dressy and debonair, there'* *r beautiful Enna Jetticlt ^ model to fit you exactly. y^^^y^^ No shoe is beautiful tides* y it^itj perfectly. insist on Enna Jetticks and be fitted expertly in the size and width ^~^^iKv you require- 1 to 12, widths ^fcg*^ Ml AAAA to EEE. Take W^~)  of the new low ^gs=gg=\' -^^Bllv ENNA  SJ.40 $500 a^^^\ and W Jo! -V "Yon need no longer b* V^l JoW f/~   ^ou have an s*^ y' U expensive, foot." J 13-~ PEACHTREE ARCADE % When in Need a... Notary Public 1 COME TO THEV-: "y';^WM Atlanta Daily World Of       210 'auburn ave#n;-e. I  i^^k^M^^m</t>
  </si>
  <si>
    <t>                                           'Sun Up' to Open Dramatic Season                 The University Players will m.ikc their b W to the publi t^r the 1932-33 season  when they present "Sun .Up." Lulu Voltmci'r. Pulitzer 1932 prize winning play for the best .urrent  of American life. The curtain will rise at  o clock at Howe Hall.                 Spelm.in . for this initial prc- j . Centered around the f"lk life of the North Oirolinu backwoods. ;i  picture of this  moun* i tain people is . Tlic three j acts illustrate the chance ot heart of the "Wlilow Cade." payed by Miss Sammyc Fuller "f Spclman j . when she learns that her son "Rule Cade." John Younc of Mcrchouse college, is killed in the war. At first, she is highly       bitter  the law anil I the government, but later, after some thought prompted by her love for her b"~\ she comes to realize that the old mountain  "f ' is caused only by hate and that it Is "love folks  in their hearts anil not so much I of that thins called law."                 This play, which is very popular with Little Thcntre  Ihp-ugh out the .ountry. will  these y.      a chance to .Iay Ihcir actual talents. Farmed year ayo by Miss Anne Ccvki: of the English department of Spclman . this .- ^roup affords an opportunity to the students to present some  r the "Utstamlinc plays to their fellow  and. at the same time, de- j vcU P Itrcir flair tor costume and, [scenery -.        and I acting. I The organization is open to  ot      "usc ""'I ISpclmjiti . with the pn:r'. that    i scholastic standings, and            students of Atlanta university. i The members make their own costumes,~r borrow then, and paint ami design, and  hitt their own scenery. The cast for "Sun Up" incudes: Willie CoRlc Sammyc Fuller I Emmy Todd Florence Warwick I (Continued on Tagc 3. Col. C)                 'Suk Up' I (Continued from pago I) Rufe Cagle John Young Pap Todd Richard Brown Budd Todd Gcorfie Smith Preacher Edward Rodriqucz Sheriff Laurence Hall Bob Theodore Niusli Stranger Raphicl Melvcr The public is cordially invited to I attend  presentation which pp.m- i iscs I- be one of the best ever staged by this croup. Final rehearsals have been hc!d and from all . -he )) promises to be one that will receive the plaudits of all present.</t>
  </si>
  <si>
    <t>                                           The University Players will make their bow to the public for the 1932-33 season tonight when they present "Sun Up." Lula Voltmer's Pulitzer 1932 prize winning play for the best current drama of American life. The curtain will rise at eight o'clock at Howe Hall...</t>
  </si>
  <si>
    <t>                                           When in West  Bench, Fla. Slop at Seminole Hotel 317 N. Sapodlll* Ave. *  Day. Week or Sruon Robert Horne, Prop., Phone 9220 KIDNEY AND BLADDER fas*/**) TR0 \tr*.Kr r-/ no  from ~^^*v  uid       )~r v / 9}'       ijet up      ,  bult, ^.S^^K    \ P'l". dek ^^~^w , (Ml  ^~~V all over! Try Or; II DiJum't CoaifMrf, JH B   H  hy  . Don't deity act at once. Fur .tale at all fool  , or vr!   to Or. Okkitn UWfatorha, Int., Chkai., IH.</t>
  </si>
  <si>
    <t>                                           DIES OF INFECTION                 CHICAGO. Xov. 13 (ANP)- Wilminjrton Campbell. 209 fc. 44th street, died in Provident hospital Wednesday from an Infection that developed after he had been injured in a packing company plant</t>
  </si>
  <si>
    <t>                                           READERS: Frankly speaking if some people of that egotistic and conceited class here in Greenville desiring to have their names and accounts of their activities in print most of the time, could assume the role of a mind reader and know just what the vast number of...</t>
  </si>
  <si>
    <t>                                           COLUMBUS, Ca., Sept. 28--The Spencer High School "Green Wave" is lashing into a fury for the coming football season and the "Suicide Schedule" that has been prepared by Coach B. T. Fowlkes is announce for the present football season.</t>
  </si>
  <si>
    <t>                                           TUSKECEE AND CLARK football players will be honor guests tonight as the Atlanta School of Social Work Alumni Association takes the social sunlight at Sunset Casino. so-called "idiot" of At... Tanta recreation halls. The affair tonight is invitational, being absolutely restrictive to those who _ do not have invitaticns, except in the case of local business and professional men and women. local I public school teachers, students of the local schcols.</t>
  </si>
  <si>
    <t>                                           CLEVELAND, Sept. 7.--(CNS)--Of interest to over 3,000 prisoners in the State of Ohio. but more particularly of interest to a neatly clad blue-denimed figure of a once highly influential politician of this city, was the unique hearing held here...</t>
  </si>
  <si>
    <t>                                           I" wkY "but  We Can Make Your Old Ones Look Like New!. L DRY CLEANING REPAIRING r PRESSING SFE5S REPAIRING HALF SOLES HEELS  M I BEST MATERIAL, Complete PARK S CLEANING SHOE REPAIRING I WE CALL FOR AND DELIVER I 903 Hunter Street Phone Ma. 4632 j</t>
  </si>
  <si>
    <t>                                           FORDS FORDS FORDS FORDS FORDS FORDS, g Bursting    Through the Clouds jl Of Depression Jj 7"Ae pa*t twelve months have recorded the fail- 2 ure of countless business enterprises, bat have 5 S; witnessed the birth of bat few. .si W 7*Ae outstanding exception to this rule is the  1 g JOHN S.FLORENCE MOTOR COMPANY, locat. 2 ecf  f/ie canvas canopy at 230 Whitehall w Street.  ci Launched at an hour when the economic clouds S j were darkest, in six months the JOHN S. FLOR'   f?~. ENCE MOTOR COMPANY has become one of 5 tAe Zeading ~/    CAR DEALERS IN ATLANTA. J6 2 3"Ae phenomenal success of this firm is dam to .;'2, U one thing: the satisfactory dealings which they W render and the unprecedented values which they ^^'.~y '4 w of/er in highest-type late-model light cars. ""'QJ*^ "A LOT OF VALUES"     UNDER TEffi CANVAS CANOPY :~$$(~ OS TERMS TRADES .V-;a^ g John S. Florence Motor Co.#~l 230 -wkit.il ji st,s. w. 'v --^Miti^Miajl^l FORDS  FORDS ,F0    5 '''/KP^S^^Hra</t>
  </si>
  <si>
    <t>                                           [FunewHfeticesJ                 RENDER- Mrs. Annie Mae Kcniler, the daughter  f Mis. Annie Avery, c.f 328 Fruser street, pussed away at Jusr n , Aug. 2. Funeral announced later. C. B. Momgoinery.                 FOBBS- Funeral of Mr. Jim Fobbs will be held  (Wednesday) at 2 o clock at Antioch E:ist Baptist church. Hev. Charlie Patterson will officiate. Interment Washington Park cemetery. Haugabrooks and Co, JONES The funeral of Mr. Jasper Jones. 009 Delbridge, will be conducted Wednesday. August 3, from  chapel. 208 Auburn avenue, at 2:30 o clock p. in Intor.^ Chestnut Hill cemetery. Cox CTBrOs. SMITH- The remains of Mrs. Cassle Smith, or the rear 52 Daniel Si, S. E., will bi taken by motor this (Wednesday) 4o Stephen1*, Ga., for funeral and interment. The cortege will leave from our chapel at 6:30 a. m. Hnnley Co. - The friends and relatives of Mrs Susie Dunn, of Stone Mountain, Go., are Invited to attend her funeral today (Wednesday) at 1 p. m. from Be"'* Rnntict church. Interment Stone Mountain  tery. Hanley Co. MORF S- The friends und relatives of Master -Melvin Morris, 1012 Hcrndon street, are Invited to attend his funeral this (Wednesday) afternoon at 2 o clock from bur . Interment Lincoln Memortal Park. Sellers Bros. - The friends and relatives of 1 Mr Clifford Hulei, Mr. and Mrs. T W Hulol. Mrs; Nellie Cousin, iMr and Mrs. Oscar Huiel. Mr. and Mrs. Jessie -Pitts, MIbs Lucilo. and Sam Hulel and Mrs.' Jessie Kellv an- invited to attend the -funeral of Mr. Clifford Huiel this f- (Wedmsuay) afternoon at 1:30 o clock Dt the residence, .1170 Osborn street. Rev. C. H. Bonds officiating. IritermjiU in Gilbert Cfmetery Dunn's Funeral Home.</t>
  </si>
  <si>
    <t>                                           RENDER--Mrs. Annie Mae Render, the daughter of Mrs. Annie Avery, of 328 Fraser street, passed away at. her Aug. 2. Funeral announced later. C. B. Montgomery.</t>
  </si>
  <si>
    <t>                                           NEW YORK, Sept. 2.--(ANP)--Completely befuddled is the colored Democrat of Harlem. Here September is at hand and nothing has come out of the headquarters where the Chairman Mr. Farley is holding court. During the early days of the organization or the...</t>
  </si>
  <si>
    <t>                                           In Your City to     GnoA for  Public MADAM WgSj WHARTON BaSjgS f'"Irni't nnd Clairrorant SkM ('MR to wm in lore,      **i,  ^' aU ai/^Jrs of PJ-^-^B  MAO.Ut         Nv^"B "re C*'1**1- Oac* vis'* jfi^ y\  will r*T*T 70a   li*- for ymir many                 (n. Itfndin?* for White  CoJorM SI  READINGS- 50c. I'll  M.ll     , Atlanta. Ca Marirtta MnwHI Mill Car^-3              from S^ Stop</t>
  </si>
  <si>
    <t>                                           I GEORGIA^ OPEN 11 A.M. 15c K Lionel Atwill, Lec Tracy ff and Fay Wray in ft "DOCTOR X1' B j</t>
  </si>
  <si>
    <t>                                           They stood there looking downhearted, despondent and disappointed, did that little group of former habitues of College Inn. No wonder they stood there and looked the way they did and felt the way they did--College Inn had closed! This rendezvous of the college set...</t>
  </si>
  <si>
    <t>                                           TOGGLE HELD  for MURDER                 Second Indictment Says He Assaulted Woman with Knife                 STILL IN GRADYl                 Two  against Bud TuK(jlc, one for  and the  - /'or assault with intent to murder w re  ned Tuesday by ihe Fulton county grand jury.                 Tugfilc. who himself was shot in the right hip by police when he attempted to resist arrest, fatally slabbed Jw     Saturday, of cor Hemphili attempted to halt a fight between Tuggle ami a woman named Mary Mupp. A second bill against Tuggle  out 'of Ills stabbing of Mrs. I Mapp. Tugglr is still in GraJy hospital under guard. When told tli.it tie had been indicted for killing Hemphili. he offered no comments. Doctors say thai he will be able to b. transfer!     to the Fulton county jail by tlie latter pan of the week. An indictment charging assault will) intent to murder was n turned against Lloyd Rice, who on July 25 shot Tom Rush, of U4 Butler street. A misd' meanor charge of carrying concealed weapons was also returned in a second bill of indictment against Rice. Grand jury returned true bills for burglary against Ed Williams. James Poore and James Holt in its Tuesday session. Poore and Williams :ire said to have       n into D. Busbee's place On Simpson street on July 22. while Holt, the indictment reads, broke In tlio Standard oil company storehouse on July 18. stealing $30 worth of goods.</t>
  </si>
  <si>
    <t>                                           Two indictments against Bud Tuggle, one for murder and the other for assault with intent to murder were returned Tuesday by the Fulton county grand jury.</t>
  </si>
  <si>
    <t>                                           SETS :EM MAD                 """ello!" Yes this Is Joan *. ell and I simply drive James Casney inad In his newest picture i "Blonde Crazy* which opens at the 81 theatre tonight at 12:01. You  come over."</t>
  </si>
  <si>
    <t>                                           Messrs J. W. Parham. Samuel Williams. Randolph Latimore Carthon Williams, Willie Brooks went on a hunting trip Monday, Nov. 7th. They has good luck and much fun.</t>
  </si>
  <si>
    <t>                                           MILLER AND LYLES. veteran = B comedy team whose idiotic "Huw high is up?" and other Jokes have brought laughter to thousands on the , ra*lio and screen.    re split by the grim reaper last we^k. when Aubrey Lylct, (on the left) di' d a.s the result of ;oi operation. Lyits w;w* 49 years old and was ;i native JacXson, Miss.</t>
  </si>
  <si>
    <t>                                           MRS. ROSY SMITH. 624 Misxiuipni Avenue. Memphis, Tenn.</t>
  </si>
  <si>
    <t>                                           IT Since no human is perfect, everybody is certain to at times make W^ f A comparison of this newspaper with any other daily will show w v V m m# fl errors. Since a newspaper is the product of humans, there are ob- B I The World does not have a greater percentage of incorrectness. E I lif W /mil 1h .va.~us y Vmes w^hen  ^flU creep in- ?ut those ^ are re- 1    %AM f% Mistakes are few and the editors take pleasure in rectifying them. I I W%^fcW* I I % m?\ I I         ;        ^     ^ so. infrequently they help emphasize the f I ll"" I 1 1 I So when you see it in The World, you can almost always depend upon III M '1 1 1 II general truth of a publication. W*E%*it to be true. W     A A ^-^'V i :J". K*"</t>
  </si>
  <si>
    <t>                                           LOS ANGELES, Cal., August 3-- (By HarrY Levitte for the Association Negro Press)--Fanfare of hundreds of trumpets, rumbling run of hundreds of drums, the boom of big gun salutes, and nearly 105,000 persons of all nationalities under the sun rise like waves...</t>
  </si>
  <si>
    <t>                                           PV4 CLOUDY, probably local                 Wednesday and TlmrNjiiy. Lowest temperature, past 24 , 72: , 89; average. 80. \V-. ARTH^S H. SCOTT               Weather Bureau.</t>
  </si>
  <si>
    <t>                                           Mr. H. W. Russell of Atlanta, better known as "DAD" Russell dropped in on the boys of the Savannah District this week. Everybody knows "DAD." A campaign is being waged by the Republicans and Democrats. The Republican ticket is headed by Mr. Earl A. Parks, the...</t>
  </si>
  <si>
    <t>                                           Miss Hearths Latimore returned home last Sunday afternoon from Hampton, Va. where she attended summer school.</t>
  </si>
  <si>
    <t>                                           w nw . VUU4 CU. All-Cr*   C1D nUL 1UT. -_v.*_      "X /Jbb." v V.^j-'' _M v_^ '^he Atlanta Daily World is miles ahead of all other Negro publications All 1 Each issue contains a host of features found in none but the best metro- A l.-j;:  A I %A/5  ^/Ovno^membersof theS.N.S^   .PubU8           ,-  po itan dailies. Sundays it carries a brown section which is alone in its t\  Wfc4X*%''flm'':Z IXl Iff U ff IJ tion to give its readers news when it happens, as well as convey advertis- ^T.^ field. In fact, everything about The World is unique and a mark at which A1! IllVi'il^ T^^- ^^J ta* messages to the public fresh every day. *  *fi^^J others may, shoot. Supremacy is a taw of The World, i '       '~~ mf   v:;-A--.i';v^i^g^t</t>
  </si>
  <si>
    <t>                                           Birds of a Feathei                 at the :r.   persons in the whole world who nave flown the Atlantic ^ James A. Mollison, British east to west soloist, and Amelia ~?~rt Putnam. America's ace ladybird, are shown as they compared "To", .Atlantic experiences. Captain MoUison wiU  K i^M route over . Putnam flew when  he made her sols Sicb t ^Ireland, when he makes hu return top acros. th. Atlantic.                 abcd</t>
  </si>
  <si>
    <t>                                           XT ^1 Since no human is perfect everybody is certain to at times .make ^V A comparison of this newspaper with anv other  will show WV W^ \f JLmm I c^ors. Since a new- is the product of humans, there are ob- I _w The World does not have a  percentage of incorrectness  T ~'All I Sill     .^~Vm^WHhcnCWre^1"-4?                   - I I Aft ATI rl Mistakes are few and the editors  Vasurf in  S. ~~~%^\1  ll-i 1 UU VClll^^h^^?u^^^^^ help emphasize the JL/ The World, you can almost always depend upon ^0011 ~!~i</t>
  </si>
  <si>
    <t>                                           The members and friends of Zion Baptist Church enjoyed two wonderful sermons Sunday by the pastor, Rev. M. C. McCloud of Atlanta, Ga.</t>
  </si>
  <si>
    <t>                                           Bailey's ROYAL THEATRE FLASH!! Fri. and Sat. Eddie Tolan AND Ralph Metcalfe "World's Fastest Humans" In special M G M newsreel of 100 meter race In Olympics</t>
  </si>
  <si>
    <t>                                           Miss Edna Hill is convalescing at her home, 503 Humphrey street, to the delight of her many friends.</t>
  </si>
  <si>
    <t>                                           The Omega Psi Phi Fraternity in its annual observance of "Negro Achievement Week," this year will sponsor in the exhibition ... of the new Atlanta University Library, a rare, demonstration of paintings by the most famous Negro artists. Works of Harmon prize...</t>
  </si>
  <si>
    <t>                                           Ted Wynne leaves his position in the Bellport steel mills to work his way through Old Dominion college. He is a brilliant student and shows promise in football. Barney Mack, the each,makes Ted a quarterback. Tom Stone, another student, and Ted are rivals for the love of wealthy...</t>
  </si>
  <si>
    <t>                                           1,300 Negro Vets Leave Washington                 WASHINGTON. D. C, All*. 2. (CNS) Thirteen hundred colored veterans have deserted the Bonus Expeditionary Forces after weeks of privation in improvised camps and joined the exodus back home with their expenses paid by funds advanced by the                 ment. Transportation by railroad was furnished to 4, 344 veterans, of which 1,079 were, colored. Provision for return of 939 by means of automobile transportation included 217 colored men. The men were provided subsistence at the rate of 75 tents per day until they reach their destination. The appropriation bill which provided the money for the return of the veterans made no provision for transportation and subsistence for their families. Wives and children of veterans accompanying the r husbands on their futile trip to Washington are beine provided for by the American Red Cross, No colored women and I children have been so taken care Continued on Pane 5, Col. S                 1 ,300 Negroes (Continued from Pngc 1.) of by the Red Cross lo date. It is nuite possible that no colored women  applied for such as1 sistance. as few if any accompanied their soldier husbands and  their children lo live in the hunger and want of  camps. Although the radical element of tho bonus army is making  ate efforts to hold their numb"-.; intact and are in sonic " -s  to iiit  the ex diers. the ranks of the protest --.nts are rapidly  ' 1 as scores of veterans daily d' amp for home. Almost half ft the men have already iron- back home- some cf them  vo\  to protest the reelection of I lie congressmen who refused to vote them their bonus,</t>
  </si>
  <si>
    <t>                                           WASHINGTON, D. C., Aug. 2.-- (CNS)--Thirteen hundred colored veterans have deserted the Bonus Expeditionary Forces after weeks of privation in improvised camps and joined the exodus back home with their expenses paid by funds advanced by the...</t>
  </si>
  <si>
    <t>                                           LOS ANGELES, Nov.14-- Avercious gangsters from eastern citis have entered Los Angesles and have attempted to organize the businesses in order to "shake down" the merchants, cleaners barbars an other members of this class for Small monthly sum. For...</t>
  </si>
  <si>
    <t>                                           CHEST  IS STILL                  Exactly four  days remain -o the 1332 .Irive for funds lor! lh- Atlanta Community Clicst be- 1 comes a matter of history- The'  this year will be more than! health and character making it; AvilL- .making,    _iew col'.lj waves so far have served as warn-'                 ings to Atlantuns that there will -be i much suffering this winter if tlv do not share and !t is sharing alone that will count. If the goal is reach- ctl it only means that those in need may look : with some assur-j ancc thai they will not necessarily; perish. I Workers in the colored division of tin- campaign are still out working hard to go over the top when the final report is made at the wind-up meeting Monday night. Organizations and individuals :irc still keep- ing the phone at the Atlanta Urban league office busy asking that solicitors be sent to cet thur contri-^ buttons to this worthy cause. It is;     too late to Kelp and all citizens! who have been overlooked or  who have been neglected are asked to call Walnut 1231 anil a solicitor will b- sent to their homes. The workers, who are still comb- ing the city in an effort to make the total what it should be. is approx-~ imately $500 short of the desired goal. It is up to every* Atlantan to help and it is believed that if every citizen tics his or her bit that the' drive will go over the top. Contributions may also be left at either of the Yates .-in.l Milton Drug Stores j and Mrs. Pitts,  of the  onj suggests that all clubs an.! lodges. at their meetings this week, make - effort to help boost the total. "Nicklcs an! Dimes will .to the trick." Mrs. Pitts . ":in-l no one would miss that small amount if they really cared to share. I know that the organizations will help us. Monday is the l:ist report night ;md now is the time to       to the rescue" j</t>
  </si>
  <si>
    <t>                                           Exactly four more days remain before the 1932 drive for funds for the Atlanta Community Chest becomes a matter of history. The drive this year will be more than health and character making--it,will be soul making, The few cold waves so far have served as...</t>
  </si>
  <si>
    <t>                                           JUST ARRIVED! MADAM MINGY Tho Woman Who       Palraiit mud  Stmtm. ~^hhk,Tc1   past. DtnMnt mod  in future. Glvm adric* ob BBjJTl "Jl Affair* of    -  Hm1 Lovo. Mmrrlan mad apme. L V^^kV u   f all , kS^"8Jfl l  the war of all        .?S8 hIe " Ton- bow     -* Tell, lucky dayt mnd kHm lucky . Satbfao. tion !. Office : A. M.   - K-lt.CZS McDONOUGH BOAD (Ac?o:~ fmm FWerai Priamfl) . READING-~C Ik-Ii for N.    on Slim-     1</t>
  </si>
  <si>
    <t>                                           The ultimate fate of lilywhitism wil be determined in 1936. If President Hoover is reelected and throws the influence of his administration behind the choice of his successor the lilywhite policy will prevail in all of the Southern states. The Mississippi delegation...</t>
  </si>
  <si>
    <t>                                           Mrs. Juanita Hill, daughter and little sister. Ruth Paradise, are visiting her husband's relatives in Atlanta.</t>
  </si>
  <si>
    <t>                                           Chamber Will Not Hold Meeting This Week                 On account of the inf rest of tlic largo* portion of the members of the Atlanta Negro Chamber ot j Coi"       in the sessions ct the 1 Association (Or the Study of Near.. Life a:id History meeting here Mt w ck. tlie next meeting of the chamber will not be until Wednesd.iy evening November 23, accord- ins to an announcement by J. B. Blayton. president of the organization. At that time, the winner of the Atlanta Life Business Proficicney cup that is to co annually to the store owner  the most during Negro Tnidc week, will be .. A number of interesting plans fur the winter program will also be discussed at this meeting.</t>
  </si>
  <si>
    <t>                                           Burglars and holdup men cotinued their work with apprirem renewed vigor Wednesday night; a number of burglaries, holdup and thefts from automobiles we reported.</t>
  </si>
  <si>
    <t>                                           Met at the home of Mrs. Annie Brantley with the president presiding. A spiritual devotional was led by Brother Mitchell. Scripture, lesson taught by Mrs. Sampler, Mr. S. K. E. Mitchell was hurt by A truck which ran over his foot. All members are urged to visit him...</t>
  </si>
  <si>
    <t>                                           T Hit Oaiiy 1 I FREE 1932 INSIDE IV- u,  HM wUb I B GfMrin;; .   'k*U. \Und*. Electric, m*~ I I Ir.t. N. to,  . ['..lir,     Nuwbcn?? I  225 W. I a: Si New York. I</t>
  </si>
  <si>
    <t>                                           MEMPHIS, Tenn., Oct. 22--The old pig hide game will be great attraction next week around here this town when those Memphis graduates of Tennessee's mate college attempt to elevate the football team of their dear alma matter on a high perch and flood the local...</t>
  </si>
  <si>
    <t>                                           At 10:30 this morning, amid rounds of cheers from the students body and supporters thirtyfive valient Wolverine, reclining in the comfort of a deluxe bus left Atlanta for Columbus, Georgia where they will meet the undefeated Bama State Hornets on...</t>
  </si>
  <si>
    <t>                                           EJill  v  mnM \WEBkmmHEmflrG$ii\ only negro daily newspaper in the world l"""*T1*^^*T!</t>
  </si>
  <si>
    <t>                                           The-Zayai-E3    T Ttheman-'at^he- window- By S AX ROHMER^^                 MRSfMT.TyF, One of Those Convenient Arrangements                  An Angel Without Wings By Lym Young                 " TOMMY"                 $y MULP1M                 BILLY S UNCLE                 THEM. DAYS ARE GONE FOREVER</t>
  </si>
  <si>
    <t>                                           NEWS FROM YOUR -T- HOME TOWN</t>
  </si>
  <si>
    <t>                                           SHOP SATURDAYHigh's Closed Monday, Labor Day HE, in?  L?n.~^oC.d Regulars 7.95 Values Only ~?$  * t Materials Colors Styles K*^Vrfi^A Canton Brown For           Crepes Navy Street 1\ Ww%3    Roush Black Sunday Night  A tS^SW^fc Crepes Beetroot Afternoon ^\    ' Prints Business ^^Sxto Sheers S1 Deposit- ''''^Ei^~fc i w'" '10't' -vour ^ress 'n Lay-Away BMfZ4  i Department or. Use Your ^       , charge account SEASHORE EXCURSION SATURDAY, SEPTEMBER 3RD *r Chtrtoton and Bcnufort :$ 4.00 Good S      Charleston and Beaufort 6.00 Good. 11 Day* Wilmington and Wrightiyille Beach 6.00 Good 6      Wilmington  nd Wrighttville Beach ~.00 Good 11 Daya Fayettnville, N. C 6.00 Cood 6     ' Fayetteville, N. C 8.00  Goo'df 1 1 Day's Norfolk, Va 7.00. Cood 4      Norfolk, Va ll.OO^Go^d- 6 Dajra Norfolk. Va. i 13.00 Good! 1 1 Days RicKmond, Va. i 7.00 Good 4 Days PULLMAN FARES ALSO REDUCED Augusta, Ga. 1. _""3.S0 Good! 'A Dayi WA.2726. GEORGIA R. R. WA: 3666</t>
  </si>
  <si>
    <t>                                           NEW YORK, Nov. 15.--Eight columns of delegates elected by Negro and white jobless will march across the face of the United States to converge in Washington when. Congress opens on December 5. In the name of the fifteen million unemployed workers of America and...</t>
  </si>
  <si>
    <t>                                           Miss Ruby Rooker and her brother Chester Rooker of Walton, Ga., were in the city Sunday visiting friends.</t>
  </si>
  <si>
    <t>                                           Sore' Medic Hits World Cameraman                 An attack was       on an Atl:inta Daily Worl.l editorial staffmember Thurwlay by Dr. Marcellus M. Moore. local physician, who apparently yaw in the attack a  of revenue "ti the reporter for writing a news story,  the facts behind :i i-ate in  Dr.                 Moore's brother. \v:is lined S102 or thirty days in the  lor  white women to ride in an . The true  behind the attack ;ive as follow.*: The staff member, a                 :r anil reporter, had beo^. given : tn take pictures of u  same :jt Ponce de Leon i.nk und ~'~r      purpose had sone tear the sidelines, taking a seat un i . Dr. Moore immediately         unofficial authority to de*  the removal of the photographer back to the  stands. This he photographer refused tn  lo. Af:er listening to .ontinued abuse Tom the physician, the photographer decided      rather than have any further trouble from the vengeful . Just as the World scribe ha.l turned his back to pick up his camera. ;md in front of 5000          . Dr. Moore struck the . who wore eyeglasses, from the back. Ony the hasty intervention of ^-al by.stan.iei-s pi- a combat, the physician  in a manner unbecoming to his-.. Not . police were   ;  made;that u  of - conduct be made against the photographer. This the nft icer.s. wha were acquainted with the facts behind the Dr. Moore case, and knew the photographer s reputation for pear-, refused lo do. The  y regarding Dr. Moore'j' .R found guilty of  white women, was printed ^n spite of the brother  threats  the reporter s life should the (Continue on Pace 4. Coi. 2)                 'Sore' Medic j (Continued from page 1) i story appear in the newspaper. Testimony of four women in the case brought out before Judge A. \V. Callou-ny in "recorder s court. showed that on several occasions Dr. Moore had made : to white women, two of.  white school girls. After having p: the heavy fine. Dr. Moore was placed under S100 1 bond tor currying concealed weap- 1 ons and being in possession of a l. without :i license und bound over t-t the city   court. where ho v.-il! f.ice Judge Jesse M. V'ood. i In  the women told how Dr. M"O!e ha*l  his cur on j Whitehall ; and by  and callins them, .t to make the:n set in his automobile. Frightened, the women ssid. they culled Use police.</t>
  </si>
  <si>
    <t>                                           An attack was made on an Atlanta Daily World editorial staff member Thursday by Dr. Marcellus M. Moore. local physician, who apparently saw in the attack a method of revenge on the reporter for writing a news story, relating the facts behind a rase in which...</t>
  </si>
  <si>
    <t>                                           tin Your City m    l.o*.d fnr ihr I'uMirl { 1 M ADAM  SI WHARTON nHS^93  and CUtrvoyunt KjU^Hkl Advice in bu-~incM-~. low, i H^VjK^fl win in love,            , I life. MADAM ! bun no . fi*w urc I lifted. One visit In a    -tt will  you fur your muny Uiptkppointmrnu, III   ^      for White *nd Colorrd-  j 1AL READINGS- Sic 1S13 IUw*~~ Mill . Atlanta. Ca, I Marietta IUwHI Mill Car-        I How fwm SraborJ Stap</t>
  </si>
  <si>
    <t>                                           $  m QbfktthcTkeJexiuce M f SAME 'RICE ^0 YEARS i k 25 ounces for 25  J</t>
  </si>
  <si>
    <t>                                           The Atlanta Daily World TT1T ONLY NEGRO DAILY IN THE WORLD Classified Advertising Rates I  SUNDAY   - a Unr Kr i line ConMTUtivr- in.Hrrtlnn.n Dully :tnd Sunday: [~rn* tim^ He Uric Ihrrc times Gc line    nr more -5c a line t-' wi.nl. of   length     c-ti  tin*. Tlw minimum ch^ric*        pri*~ of Ilii^. Ails Tj. Ovrr Trlcnhnne sr*- nff#    ; from        Jilted In :hf tf Icphonr   r c Ity dir* on M (V  thr .Ur  inM-. On ~!1  dv^ ^'nt by mail AH iJ.-*  mad* In        at thr WorM of fir* or Ht Uttrr. Trlrphonr     :o[        * ~-T* NOT   :.d. ERRORS If  ti*        in m*ilr. Tlif AtUnU  ru  fl itm^ Th*     **r -*. TU" ***r  notify Hiim^iml'-lr if  nr correction U CLOSING Ad^Ttiwrn^ in Th* AMant* Dallr for ibf Sunday World will be acc*pt*d up until 5 I*. M.         . The          re          xc pt SundMt  9 I". M. for thr  of patrons* ATLANTA DAILY WORLD WORLD WANT HN BRING RESULTS. JUST CALL WALNUT 0913 and n.slc for an Ad Taker</t>
  </si>
  <si>
    <t>                                           MRS JULIA DELANY. wife of Dr. J. L. DeUny, prom;nent society mitron of Rllelgh, N. C. Mr*. Delany, who it instructor In Enfliih at SL Augujtlno College, it      well known an a  render.                 -Photo by Campbell's Art Studio. r.a!~lgh. N C.</t>
  </si>
  <si>
    <t>                                           THE BATTLE OF John Thomas with his wife and numerous in-laws was related to Judge John L. Cone in Recorder's court Wednesday with the result that Mrs. Roberta Thomas, his wife was given a suspended sentence of $12 or twenty days pending good...</t>
  </si>
  <si>
    <t>                                           COLE of At- 1 4 recent graduate                 - Photo by Kelly. I</t>
  </si>
  <si>
    <t>                                           Mrs. T. T. Ball passed away at the home of her parents, Mr. and Mrs. Compton Butts, Friday afternoon, August 26 after an illness of a few months.</t>
  </si>
  <si>
    <t>                                           ABCD</t>
  </si>
  <si>
    <t>                                           FU MANCHU-The Severed Fingers Setting- th e Trap 6y SAX                  MESCAL IKE Oh Well, There's Noth ing Like Being: Prepared by ART HUHTA                 TIM TYLER S LUCK A Short Cut to Freedom by LYM YOUNG                 M TELLING TOMMY" ^aul l*m                 S^*</t>
  </si>
  <si>
    <t>                                           CHICAGO, Sept. 7.--(ANP)-- Information current at the offices a the Republican National Committee. Saturday, was to the effect that plans for the campaign to be waged among Negro voters this fall, would be completed early this week and that announcement of...</t>
  </si>
  <si>
    <t>                                           The Primitive Baptist Association is in session at Mt. Olive Baptist Church on Fletcher street. Many prominent visitors are in the city for this meeting.</t>
  </si>
  <si>
    <t>                                           ^-MW-?*1* ^_D____v Bleach Your Skin To New Beauty No woman can win the complete admiration of men unless her Hkln Is IlKht. clear      soft. Of nil  methods of  the complexion I of ruinous, unnatural Impurltle*. I . pimple*, freckled and m other blotched. .Vndlnoln Cream l.i the Hlmplent. quickest and  Katl. J"~t apply this white   at bedtime- no          . no rub . Nadlnoln quickly  . youthful  to your Bkin:  a  ofl textured, smooth, . -Hs :      larKO.   an. I leaving      skin Ivori'-. lovely. Ijonl rHK your face, neck, arms and  to cheap  .  or lotion.i. but In1 Hure to real N'adlnnlo, Uleachlng Cream with Itn    found In no other product. Get ;v  50c jar of Nndlnoln BlrnchlnK Cream nt any toilet counter:        UMlnK It , and tomorrow you will *ee n hint of the wonderful results to expect. Money-back -antee in every .  BLEACHING CREAM M.,.,i by .   .  .~l Todcl Co Peril. SWELLING REDUCED And Short Breathing relieved wl-.vn caused by unnatural collection of water in abdomen,   rul Ices, and when pressure above ankles leaves a dent. Trial  FREE. COLLUM MEDICINE COMPANY Dent. 580. Atlanta. Ga. FUNERAL 4 PER $1 00 BENEFIT C DAY for full information write SOUTHERN FIDELITY SURETY CO. Durham. North Carolina I</t>
  </si>
  <si>
    <t>                                           Up From Georgia With My Banjo By THOMAS JEFFERSON FLANAGAN FALLING ACORNS In long gone flight they leave the tree. The restless acorn throng. They've heard the thrush in sonnets free That woke the spring with song. In the leafy clusters green They danced the lullabies The silver showers raised between The glad green earth and skies! In saddened sweep now o er the lawn They seek the ravine glade Where they shall lift with springtime s dawn The blushing tents oi shade.</t>
  </si>
  <si>
    <t>                                           Miss Mamie Orange died her residence, 408 East Liberty Lane, Oct. 24th. Funeral Wednesday afternoon, 3 P. M. Bryan Baptist Church. Rev. L. M. Glenn, pastor. Savannah Funeral Directors in charge.</t>
  </si>
  <si>
    <t>                                           HOLLYWOOD, Aug. 30.--After having enjoyed a pre-view of the creations of some 15 American designers, it is a safe prediction to say that milady is going to be enthusiastic over the new clothes for late Fall and early Winter.</t>
  </si>
  <si>
    <t>                                           Finds English Institution Studying African Languages much Lily-whites do in this Country. So much Race hate in London that League for Protection of Colored People has been founded there.</t>
  </si>
  <si>
    <t>                                           The Atlanta Daily World THE ONLY  DAIt^' DT THE WORLD fX Classified Advertising Rates DAILY SUNDAY 9c a line 9c a. line Consecutive Insertions Dally and Sunday: One Time 9c a line Three Times 7c a line Seven Times Cc a line Thirty Times 5c a line      werda af awan Uatfk an  u Urn..      chaw la tka ark* at Ads Taken Over TeleonoiM    mtM lnm mm HatW te U.     *     or cftr ArwUir               . h  fat ihU               4 t. nail U.. a.r follow)- lim Uen. Ofe all  Mat By ajal]  man Knanur Um . All Dbcoatlasaacn MUST b*       la  at     W*rU   r kr not wS!'*1'"* 4 Mmxfmmuu- ERRORS U mn  mr b , TV Allaato Dm, W.rld b * for  U n.           Tlw UrntlMr It  for                 la Tlw AUaata      In tfca SaMar World will to * r. M. far tlw             %. ATLANTA DAILY WORLD WORLD WANT ADS  BK0VLT8. JTIgT , WAInat 1459 14C0  nd MkbrnAd Taker</t>
  </si>
  <si>
    <t>                                           The happy village is making ready for the feast and hunters' ball.</t>
  </si>
  <si>
    <t>                                           Benjamin Simpson, 843 Mildred street, lacerations.</t>
  </si>
  <si>
    <t>                                           Let us get ready for the famous LeMillion Club. It is coming out one hundred percent strong giving an after Halloween dance Nov. 1st. Muhie by Bob Saders Sunset Royal entertainers of West Palm Beach Florida at K. of P. Hall, State St. Plenty of out of town guests will...</t>
  </si>
  <si>
    <t>                                           A reasonably active and productive period for the activities of most people is the astrological forecast for today, according to the positions. of the superior planets. During which those born under Taurus, Cancer, Capricorn and Aquarus will be under slightly...</t>
  </si>
  <si>
    <t>                                           G..C. Spaulding Praises Negro's Business Achievements!                 I: LISTEN TO                  Insurance and Bank President Still -Has Ontimism                 DEMOS MAY HELP                 Bringing along his famous . C. C. Spuulding. President or the -North Carolina Mutual Life Insurance company anil the Farmers and Mechanics -bank, home offices of              at Durham, N. C  town this morning and          the- morning  of                 the History association held at 10:30 1 at Clark university. He was  to Atlanta by John H. Wheeler, remembered by many as an excellent violinist When he         d Morehouse college Xrom which he graduate in 1929. -Mr. Wheeler is now assistant cashier in the Farmers and Mechanics bank, one the largest such institutions owned by' Negroes, which has a branch bank in Ral' isn, If. C. j When Mr. Spaulding was interviewed by The World on the recent election, he stated that the coming democratic administration could benefit the Negro throughout the South1; "But .It is a sure fact that- Mr. Eoos-velt. like Mr. Hoover,  cannot Rive us a nation of people enveloped in the lap of prosperity.'' he said. "We are far more in need j of a courageous and patriotic nation of people than a president Prciich thr gospel of optimism wherever you RO and w-c can rid ourselves of fear. Everyone of us should make a determined fight for the economic security of the nation, regard.ear-./^^^ The insurance '- ,\t he preaches, since the - seems to have meant little to tlie N. C. Mutual. In the midst of hard times, this company has come to   - the largest in the land. Mr. Spauldinc spoke on  Acr j Ncrio Business Men Bus'ness Men" I at the Clark meeting,  - tion to the implication that - 1 ness ability would follow race as(    says the subject might se- m to indicate. Hs speech in full follows: ARE NEGROES NOW IN BUSINESS BUSINESS MEN? The question that this subject asks must be Riven the equivocal answer, j yes' or no." In one sense of the j word, all men who  or conduct business arc business men. I take it. however, that the intended j sense of the question as here  Is this: HavinR In mind the  standard of mud Tn business, do colored men wlio enter this field measure up; do  compare favorably with members of other Rroups who j are likewise engaged: arc they capable; an- they succeeding in this field of endeavor. In business, os In no other profession or occupation, the inevitable measurement of capability is results. Whether or not a business man is J success, does not dep' nd entirely upon his preparation, his education.  ir 'training: it docs not depend upon I his race, his religion, or his social j standing in his community: it Is not I    ;Mtf by the nature -of his business. I  't's a bank, a hot dog stand. Or  grocery store. In the final analysis a man is a  business man when, and only when, he. has nude hts business bo: has j made it pay. I In the unsentimental realm of bus.nons, success means succeeding., nothing more, nothing less. No c- are taken, no explanations con. : a man s failure in business (Continued on Page 3; Col. 5)                 HERE TODAY                 C. C. SPAULDING President of the  anil successful N'orth Carolina Mutual Lire Insurance company :tnd the K: and Mechanics bank, of Durham. N. C. who delivered the  : "f the History association :tt Clark university today, lie is still as optimistic as ever.                 Spaulding Speaks (Continued From Page One) may bo  luc a multiplicity of .se circumstances: insurmountable obstacles may have impede'! his way. unfortunate conditions over whu-h lie had no control may have Lome h.rn to th- ground: attribute his misfortune to what he may. but by the inexorable test of business when he Tails he s a failure. I Tiic answer given to the subject "Arc Negroes now in business busin' ss men would have been the .same had the question been "Are white men now in business businessmen.?*' or "Arc Jews now in 1/ business men?" There arc I thousand of men of all  who for on. reason or another are not making the grade in business. Negroes, uf . furnish a considerable portion 01' these failures, but what I should like, in all earnest- ness to refute is the implication that the color of a man s skin ent' rs into a consideration of his .   for a business career; and. secondly, that Negroes can be grouped and classified as so much dry goods or so many sheep, and their qualities, possibilities, and limitations similarly defined. I am b' ginning more and more to resent such implications. There is some excuse, if not justification, for other groups to treat us as a unit and attribute to us all the frailties and faults of a few. but we, who should know ourselves, ignore undeniable facts when we subscribe to this time-worn fallacy. We must repel, with all oi:rj strength, the growing tendency to1 deny to the Negro individuality: to deny to us the right and privilege of rising, by l orce of charact' r. personality, and intelligent application, above the average of our racial group. They are unobservant, indeed, who have not recognized that any limitations upon the advancement of the Negro in any fi' Id of activity is artificial rather than inherent. I He commits against his race a vile slander who attempts to differentiate between the Inherent ' s of white and black men for verily there arc none. I That Black men are business men in any and every sense of that term has been proven too often and too unmistakably to require more than the assertion of the fact. Successful                 Kcri-o enterprise?, in practically cv- 1 cry field o'.1  business, flourishing in  and towns throughout the .. stand as imperishable monuments to the BUick man s genius in this phase of human activity. Even at this stage of the most ;' d depression the American people- h;ive ever experienced these Necro business enterprises are still standing as conclusive     1' nee of those who :ire managing them: In the  of banking. The Citizens and Southern Banking anil Trust company of Philadelphia. Pa.. under the wise leadership of Major R. R. Wright: :n the field of  an.1  the Madam C J Walker Company, headed by          R. B. Kaiisonw. :md the Foro HairdressinR Company headed by Mrs. Annie E. Malone: m the ,-itv ot New York Mr. William H. Peters ami Mr. Samuel Hamilton are reported to be the largest Negro Taxi cab operators in the United Stat' s: the firm has :i working force uf more than S50 persons and operates around 150     i-ially built taxicabs and .ls of other firms. The Peoples Ice Cream company Pensacola. Florida: The T. J. Elliot Department Store at Muskoliee Oklahoma: The Safety Bus Company of Winston-Sal- m.     * Carolina, under the RUidmR (;onius  if C. T. Woodland: The Bay Shore Hotel Corporation. Buckroe Beach. Virginia a summer resort and bathing beach: The Gate City DruR Store Corporation. Atlanta. Georgia. operated by Messrs. Milton and Yatcs; The Bull City Drue Stor-. Durham. North C:-.rol:n:.: The C. M. A.                 Company, a chain of rr.tr.. I grocery stores, directed by Mr. A. L. Hoi-: soy: in the newspaper held we have The Chicago Defender, Afro-Ameriran. Pittsburgh Couri' r and the Norfolk Journal anil Guide :     the Atlan:a World: in the Insurance field I we have the Atlanta Ufc Insurance Company of Atlanta. Georgia, - 1 ating on n stock basis. and the N'orth Carolina Mutual Life - i cc Company o.f Durham. North Carolina, operating on a mutual l.as- 1 is: Universal Life. Memphis; The Bank' rs Fire Insurance Company of Durham, North Carolina, the ly Negro fire insurance company we j have: the Southern Fidelity and Surety Company or Durham. North Coiolma. the only Negro bonding' ::nd surety company, these only a tew of the outstanding institutions in several fields of bus.n' ss to which the Negro might point with pride. Nevertheless, we rr.u^t  the: fact that Negroes h.v.-e not fully improved their opportunities in    - f field of bus ness. What we have j done in the way of business proves i  doubt that we are capable. } but it proves very little else. Wh' r. j we view what has been done in the light of what might have been ac- complished. we are forced to the j conclusion that the N'gro lias not! comprehended. or at lea^t he has! not seized upon the splendid oppor-  that the business world of- fcrs for economic advancement. i We somehow have not b' en attic to perceive the substantial dignity that exists in the ownership nri I i operation of a business. We have been over impressed with the slam- 1 our of ihv professions. The physi-l cian h:is been encouraged to look down from his lofty  position upon the humble storekeeper. We have understood that a progressive storekeeper. stick:ns tenaciously to his monotonous task n-in-1 vesting his profits, enlarging his: business and creating jobs, is mak-1 Ing just as worthwhile and substantial :t contribution to his group as any doctor or lawyer. There rs no desire to detract one mite from the importance of the professional in the life ami fabric of our group, but I want to insist that we  fully exploited our economic opportunities until we take a higher place in commerce and trade. If we are to make ourselves felt econ.  we must . in a larger scale, upon this field of endeavor. The elements which enter into the  of Negro enterprises will in a. large measure b* found to exist as the cause of failures of white businesses. Tis true that the Negro merchant confronts adverse conditions with which the white merchant docs not haw to contend. In most instances the Negro business man must cater exclusively to his own group. The white business man does not suffer this handicap. With or without reason the colored man beg ns with the presumption guilt hov' ring above him. Without proof his customers will believe him guilty . of discourtesy, of . or depleted stork, of inferior goods, of slightly higher prices than his white competitor. The burden from the outset is upon him to prov his -e. He bears the burden of convincing his prospective customers that his store is sanitary: that lie is courteous, that he is progressive, and that he has a -.tc     -l; at competitive prices. Ine story is told of an old colored woman who refused to trade will, the colored grocer across the street. On one occasion, when .c-1 down for her r . she said that the colored grocer s sugar was not as sweet as that she purchased elsewhere. It is the task of the Negro merchant or business man to convince his fold th.it his sugar com cs out of th- same barrel as that of his white competitor. Thousands of successful Negro merchants have proven that this obstacle is not . Ii is a bit a field from mv subject but I do want to say this": Modern business methods are the result of evolution. They v present the composite and accumulated wisdom of  down through the ages. We have not been privileged to achieve a mastery of this science as other groups about us have don" We should, therefore, have no hesitancy in acknowledging this excellence and cumulating those who a-e more proficient than we. As a group we must  an apprenticeship before we can hope to fully measure                 up in this highly competitive field.'*1 Did I purpose to enter the grocery: business I should seek  in th. best and most successfully operated store in my town. It would matter little what that employment-: was- truck driver, Janitor, or what-' not. The pay would be Immaterial'. I should be there to study and discover what made that store sue-' cessful. The same would be true la-' the case or any other business I proposed to enter. After all. there is nothing mysterious about success or failure. The" history of successful business institutions, when car fully  reveals that the organ!scrs and promoters were willing to work harder, make greater sacri-.. flees and shoulder greater  than the average man. It matt' rs not whether it s the plowman at his plow, the smith at his anvil, the merchant at his counter the banker at his desk, the engineer at his throttle, the miner in his shaft, the seamstress at her needle, the stenographer at her keys, the mother at her cradle, if they are possessed with these v:     s success is</t>
  </si>
  <si>
    <t>                                           Bringing along his famous optimism, C. C. Spaulding, President of the North Carolina Mutual Life Insurance company and the Farmers and Mechanics bank, home offices of ... located at Durham, N. C., arrived ... town this morning and addressed the morning meeting of...</t>
  </si>
  <si>
    <t>                                           Billy Nicks and his Purple Wolverine of Morris Brown College will leave for Tallahassee Florida tonight, where they will meet the Gators of Florida A. and M. College Friday afternoon.</t>
  </si>
  <si>
    <t>                                           NEWS FROM YOUR HOMETOWN                 Fitzgerald, Ga.                 The Twenty Four Daffodil* inrt at the home of Mr. and Mm. E. A. C.     . 815 Eut Jenamlne .treet.          wan briefly - The Mclal that     liven at Graham Auditorium on Monday nig-ht waa enjoyed by everyone. We thank     WMIinic Worker* club for the kind,   hown to ui* with a  of     cream for  the        *l  mount ol money for the   rendered on    ! Wednoulay. which we are  U enjoy Friday afternoon. September 2nd. t the home of .Mr. and Mm.           . The entire club 1  slad to know Mr. C. R. Phillips and Mr. llo.ro Thomaa will return in a few day* from their trip to Atlanta The next meeting will be held at the home of Mr. and Mm- John Flemminint. S1G W. Uragg street.. Mr. A. C_ Shaw. pre.ident. Mr. W. II. Howard , Vn. C. I'- Philip*, reporter.</t>
  </si>
  <si>
    <t>                                           Miss Ella Jeffries who has been visiting her father, Mr. George Jeffries at 428 Planters street left The day night for Newark, N. J., to ... work as nurse in one ... hospitals there, Miss ... pleasant vacation while ... city.</t>
  </si>
  <si>
    <t>                                           I am supposed to be going with a young man. we have been going together since April. I have been ill. During my six weeks of illness he, got another job, and I suppose another girl, because he doesn't come to see me more than once a week. He claims his work is so confining...</t>
  </si>
  <si>
    <t>                                           A judging team from Sumter county won state honors during the 4-H State Club Short Course held at Georgia State Industrial College. Savannah, Ga., August 1-5 Johnie Carter of Shipp community, won the highest honor in judging dairy cows. Sumter...</t>
  </si>
  <si>
    <t>                                           ONLY NEGRO DAILY NEWSPAPER IN THE WORLD ^l^LUl I I WIN 1</t>
  </si>
  <si>
    <t>                                           With more than 250 Negro workers getting ready to take part in the highly necessary and important task of soliciting funds for the 1932-33 Atlanta Community Chest Fund, at least 500 persons are expected to be present at the big Pep Meeting and Ches, Rally of the...</t>
  </si>
  <si>
    <t>                                           H E RE S YOUR CH AN C EP TO GET A BRAND NEW OUTFIT FOR SCHOOL $250 IN CLOTHING $250 NEW SUITS OF CLOTHES! 20 Pairs STRONG SELECT SHOES!      ' 10 NEW HATS To Match Suits!  Hh^^40 NEW SHIRTS! l^^^ln^Mi 40 'NEW SILK NECK TIES' [18611111 WILL BE GIVEN TO OUT- OF-        TOWN ATLANTA DAILY         WORLD CARRIERS         ABSOLUTELY FREE!        * GET THIS CLEAR-THIS IS NOT A CONTEST HERE S ALL YOU HAVE TO DO! "~ft IF YOU WANT A SUIT- Get 100 Subscribers and Pay For gHr+X f" \=~ 7 y Them for Three Straight Weeks. ftv5*i\ s JBi I \\y 1F YOU WANT A HAT TO MATCH- Get 25 Subscribers and      \ nfv^Bim I XJpUr^s Pay for Them for Two Straight Weeks. W%M\l JfjFfS$ ff^- IF YOU WANT A PAIR OF SHOES- Get 30 Subscribers and 1  V-,     '~$   $m J I I Pay for Them for Two Straight Weeks. II I 7M l$SS*~Wr Jj2 IF YOU WANT A SHIRT- Get 12 Subscribers and Pay for fl /MzlWnr^^H jZ%T\' Them Two Straight Weeks.' XilMSsslMt/f fSS^ssC J IF Y0U WANT A SILK NECKTIE- Get 8 Subscribers and Pay      55~]i Jtte- -7$- -ij for Them for Two Stra'Eht Weeks. ^^^^^^f' ^~l^^~ I If You Want to Get a Complete Outfit iBSS^ m^f/W\ ITH Get a Total of 175 Subscribers and Pay For ^^jft WyiJJi 1 Them Three Straight Weeks yS?r jp^^M  ^rTn ^~y Win Given More Than One Suit, One Hat. One Pair J/lm^K^^" I    I IKr'"1 of Shoes, Two Neckties, or Two Shirts! (^    4-n vS^ Write the Office Now Today! and Let Us JfiES^BfV^ =^"ii J^HhuJjIr Know When You Are Going to Start Working         11 B ATLANTA DAILY WORLDpT^ 210 Auburn Ave, N. E. Atlanta. Ga. J$/J^M^B Ever? Boy Has the Same Chance. JEM' Mff?^"'' Every Boy Can Get the Same Prizes. START NOW! f JSSLmIi-- rr   _- Before School opens and get the re- AB^^^Kh' If the Prizes are not Enough, More J t .t  quired number of subscribers, and 9' Win be Bonght j^W them for 2 or 3 weeks!      ''</t>
  </si>
  <si>
    <t>                                           ST. LOUIS, Mo., Aug. 9.--Colored aspirants for political office made a determined bid for recognition in the primary held here Thursday, but with small success.</t>
  </si>
  <si>
    <t>                                           mtk so-good ^^Hjm Hair Grower I^HHadflf Is Here to Stay Sent by Mail Anywhere Send Money Order Growers, Large Boxes 50c StraiKhtesen for Hen and Women. Large Box 50c Cocoanut Oil Soap 15c SO-600D CHEMICAL CO. 75 -Fair Stu-S. R. Atlanta, Ga.</t>
  </si>
  <si>
    <t>                                           1HffTTT*7'                                          r ^q J 'A i*a This institution has practically revolutionized the idea jf% The mass-production idea has sounded everywhere- 17  1 AfrAV of newspaper production among Negroes. Never be- HAllf* a four-year organization has aroused new ideas-has PJH*C:^  fore has such              shown. 1 UU1 employed hundreds and1 sounded some new possibilities. M \*%AM. V j^j</t>
  </si>
  <si>
    <t>                                           IN a sensational, open-field battle of triple-threated quarterbacks here Friday night, under floodlights, Carl Ray, former wingman of the Red and Black cohorts, outshone the gifted Bertram Hubbard, Knoxville's leading backfield ... literally flooding the air with passes, "shooting the weeks" with first and second down punts, and running time and again at strategic moments for a much-needed first down. Clark flashed...</t>
  </si>
  <si>
    <t>                                           (This column is dedicated to those who are weary and discouraged, whose hearts are breaking because of the unkindness, real or fancied of some friend or loved one. If you are in need of a friendly word of disinterested advice, write to Mrs. Beulah M. Hill, care of Southern...</t>
  </si>
  <si>
    <t>                                           Wednesday evening, Sept. 22, Ciach "Duke" Williams assembled all candidates for the 1932 football squad, and as usual declared every position open. The first day's work consisted of lectures on fundamentals and changes in rules for the coming season. No rough work was...</t>
  </si>
  <si>
    <t>                                           v Si;^i*3^ CAUGHT BETWEEN LOVE AND "THE RIGHT THING TO DO!" i m V  would YOU do if you fell in love with another s husband W or wife? Would YOU feel justified in sending the marriage on the rocks to free your sweetheart? Would you just hope and wait? Or would you seek a. new love affair? ,r Read the story of Patricia Braithwait, , blond, eager for love, J who found herself caught in a double triangle caught between opportunity and the conventions and not knowing which way to turn. Read W stirring serial of as romantic a group of people as have ever been pictured in fiction k i by EDWINA MacDONALD begin it sunday in V The Atlanta Daily World v  Mw-</t>
  </si>
  <si>
    <t>                                           MONTGOMERY, Ala., Dec. 23.-- Thirteen college students and twenty high school students made the scholarship honor roll with no mark under B for the Fall Quarter just closed at the Alabama State Teachers College. Five seniors, two juniors, four sophomores and two...</t>
  </si>
  <si>
    <t>                                           That the National Association for the Advancement of Colored People is taking an active interest in the recent slaying of two women at their home on a farm in Coweta County, by a county officer is evidenced by a dispatch just received from Roy E. Wilkins, assistant...</t>
  </si>
  <si>
    <t>                                           SSjb."9! A PAGE FOR WOM    [ /^ReS S       3  MITCHELL HILL, ED 1 TOP. II- l^l-^lr^l-^ j ?jJ</t>
  </si>
  <si>
    <t>                                           Bethel Hustlers club met at the home of Mr. and Mrs. B. M. McCants on 708 N. Marion avenue, November 9, 1932. We had a very successful meeting along all business lines, the rehearsal for the Thanksgiving feast was very interesting. The Jr. Royal Four Singers are...</t>
  </si>
  <si>
    <t>                                           MODERN DENTISTS  Dental Savings FOR TWO WEEKS ONLY I Modern Dentists will reduce their fees to less than cost on each of I he -following dental services: SILVER FILLINGS PORCELAIN FILLINGS ^^^k ^^^i C PLATE REPAIRS ^^^9  L^fl Painless ^^^^^A ^^^1^1 EXTRACTIONS M '^^B S-RAY PICTURES ^^^P ^ft^V Violet Ray TREATMENTS AIX WORK FULLY TEETH CLEANED GUARANTEED! 3Si Wiuieiall St, s.t ?Wzi. W*y WA. 0712</t>
  </si>
  <si>
    <t>                                           Mr. T. R. Gay, principal of the Fairburn High School, was the guest of Miss Mullins at her home in Carrolton, Georgia Sunday, Nov. 8th.</t>
  </si>
  <si>
    <t>                                           r     NORTH CAROLINA MUTUAL LIFE INSURANCE COMPANY has been thinking of you and your child lately. We have thought seriously about your child s future;  whether you. too. would become another "martyr parent" in order that your own child may ma-,  at a college of your choice and become another owner of an. Alma Hater. This is serious business. Only one colored child in fifty enters  not prepare now for your child? Why not lay aside a small sum each week that will insure him his one chance for self betterment by the time he reaches IS. You don't want to be one of those parents who are forced to dispense, with normal living conditions to send your child to college- of course you would-but not if you could help, it jby preparing now. We offer a  industrial endowment policy for your approval-Approach one ;of 'our agents for particulars. NORTH CAROLINA. MUTUAL LIFE INSURANCE COMPANY DURHAM, N. C. Atlanta Office- 250 Auburn Avenue, N. E.- Wa. 4612</t>
  </si>
  <si>
    <t>                                           MT. OLIVE BAPTIST CHURCH is extending a grand welcome and invitation to Atlanta's church-going folk to hear the wonderful evangelist, Dr. T.J. Jenkins, who is conducting a Revival at the church lasting thru,November 3. After the words of the pastor, Rev. J. M. Nabrit: "Come Ye All". Tomorrow, the fifth Sunday, is LOYALTY SUNDAY at the First Congregational Church and the pastor is requesting not only attendance on the part of all members and their friends, but also active interest in the various other...</t>
  </si>
  <si>
    <t>                                           r  S I "MathBmJbdoK A SAME PRict % ^ i k: 25 ounces for 25^; m</t>
  </si>
  <si>
    <t>                                           With a number of divisions not reporting at the initial report meeting Wednesday night, leaders of the colored division of the Community Chest are faced with a gigantic task, to bring the final figures up to the desired amount as the amounts collected and pledged are...</t>
  </si>
  <si>
    <t>                                           (Any subscriber desiring information concerning the preparation or serving of any menu or recipe, may secure same by sending a stamped, self-addressed envelope to Miss Margaret McMahan, 3431 Line Street, Cleveland, Tenn.)</t>
  </si>
  <si>
    <t>                                           BIRMINGHAM, Oct. 19.--Euther Hughley, one of the 55 Negro farmers arrested in July, 1931 following an armed attack by a sheriff-led mob on the meeting of a newly organized share-cropper's union in Camp Hill will go to trial on a charge of carrying concealed weap...</t>
  </si>
  <si>
    <t>                                           Mrs. Mary Rogers Strozier passed away at her home here, 6:45 P. M., Tuesday, Oct. 11th. She was a native of Milledgeville, Ga. She was married to Berry Strozier of Cusseta Alabama. To this union were born ten children eight of whom are living. She...</t>
  </si>
  <si>
    <t>                                           Dope Ring Exposed At Royal Theatre                 A man with the soul "f n fiend exercises his .lity in "Behin'l The Mask," Columbia's horrifying mystery, which !s  to the Roy;tl Theatre on Monday ami Tuesday. Man after man is killed by ;t method, which nas been declared the most inhuman and                 ; means ;.- a person to his death. A legitimate pri-vatc hospital is the  inn-r-en! vi tims of thi*  m e ttheir cruel rates. Guises of  are never investigated: whatever Jict tious reports the hospi-tal submits are always accepted. A victim is strapped to the operating table and the fiendish "peni tion is performed. Only a local                 aesthetic is administered so ] '.he dying man should sec .is well as feel his life  snuffed out. With a scalpel, the doctor (Mrs  layer and layer of tissue, and cuts through The b"dy wall to' teach the phrenic nerve, which is located in the region or the heart, and whir h is of primary -c in respiration. When the  is! cut. strangulation is caused. Thei victim has nn agonizing death: and the interim up to  when the nerve is cut is worse than death. And that is how the demon leader of a notorious 'lope ring sets1 rid of those who "know" too much in "Behind the Mask."' Boris Karloff. who performed so startling as the monster in "Frankenstein." appears prominently in a sinister role in "Behind The Mask." Cther leaders arc played by Jack Holt and Constance Cummings. The ..-; cast includes Claude K nc. Ber'.ha Mann. Edward Van Sloan  nd Wiliani Robertson. It was  by John Francis Dillon.</t>
  </si>
  <si>
    <t>                                           A man with the soul "of a fiend exercises his brutality in "Behind The Mask," Columbia's horrifying mystery, which is coming to the Royal Theatre on Monday and Tuesday. Man after man is killed by at method, which has been declared the most inhuman and...</t>
  </si>
  <si>
    <t>                                           I GEORGIA I W OPEN 11 AM. 15c H M LEWIS STONE 9 1 'NEW MORALS FOR OLD' ff -with Holwr: Your.ir. Myrnu V ^P Loy, Ji-an ^hult V</t>
  </si>
  <si>
    <t>                                           Henry Cooke Hamilton, singles champion of Atlanta, following her first, closed, tennis tournament, and Nick Harper, former co-holder of the southeastern intercollegiate doubles title with William Ross of Prairie View, Texas (then of Fisk) carped the distinction of Atlanta...</t>
  </si>
  <si>
    <t>                                           If ADMINISTRATIVE OFFICERS and teachers of Progres- give Community School conducted at Woodley in Montgom- Jf cry County by Alabama State Teachers College as demon-  2L  in teaching one-teacher rural schools. Front row V) (left to right): Mln Elizabeth Merritt, teacher; Miss Addle \L X\ Butler, Home Economic* teacher; Mlu Eula Gilbert, A. M, /ftA KM college instructor; Miss Cora Howard, supervisor. Back flX^r row: Mr. J. S. Lambert, Director of Negro Education; l.j President H. Council Trenholm: Mr. M. H. Griffin, Rosen- M wald Agent; Mr. E. G. McGhee, State Supervisor. 1-^</t>
  </si>
  <si>
    <t>                                           I  e p i t r i a l "</t>
  </si>
  <si>
    <t>                                           Just in Case, Mr. Advertiser;     Mfssed This Art icle (Reprinted from "Times" Magazine of December 5, 1932) DARK MARKET V Of a large group of Negro housewives canvassed in Birmingham, 74 per cent had never heard of FelsNaphtha soap. Half of those interviewed' in Nashville never heard of Gold Medal flour; half in Atlanta knew nothing about Carter's underwear. Phoenix hosiery was unknown to 61 percent in Richmond. With such statistics W. B. Ziff Co. of Chicago last week told national advertisers that they could not hope to cover the Negro market by blanketing the white Jjr Press. The figures were embodied in an elaborate booklet called The Negro Market issued by Ziff Co. (white),  representatives for the Negro Press. The booklet painstakingly sketches typical modern U.S. Negro life from birth, shows that forces of isolation begin io act in Negro maternity hospitals and Negro kindergartens, carry through to Negro undertakers, Negro cemeteries; shows how naturally the Negro in  and adult life relies on Negro newspapers for his news, whether or not he occasionally scans white 1 newspapers and magazines. Ziff Co. drives home its point by presenting- newspictures of Negro events which the average Negro obviously would .want to see in his paper, and which the Press does not attempt to supply. Samples: "Winning golf team in tournament at Sunset Hills Country Club (Negro), Ghica- J1 go"; "Wodding of couple popular in colored society;     - 'r*% cles of Memphis and Kansas City, culminated a campus romance"; "Mr. Nathaniel Jackson, runner-up in The 1932 National Colored Tennis Tournament." To what extent do Negroes read white magazines? The booklet prints statistics gathered in 1929-30 from d"ark families in Atlanta, Richmond, Nashville, Birmingham. Highest score was Literary Digest's 14 per cent of 275 "business professional? families. McCalVp was runner-up with 9 percent; Ladies' Home Journal third, 7 percent. Among 702 "common and semi-skilled labor" families, True Story topped the list with 4.8 .per cent. Among magazines for which only one subscriber was found: Time, Vogue, Nation, College Humor. Ziff Co. was established twelve years ago by William Bernard Ziff, now 34. Starting with the Chicago    Defender he built up a large clientele of Negro publica- tions whose efforts to solicit national advertising- are hampered1 by "Jim Crow" rules in some Southern office buildings, tacit prejudice elsewhere. Most Negro, newspapers are too indigent to maintain traveling representatives. One of Adman Zif f 's first task.s was to persuade Negro publishers to audit their circulations accurately. In some cases t.e paid for the auditing himself. When. William Ziff first entered the field1: Negro papers carried little national advertising, except  straightener, a few cosmetics,' patent medicines. Now J: the list includes Camel cigarets, Bond Bread;, Rumford Baking Powder, Bayer's Aspirin, Blue Ribbon Malt, Gillette Razors, Lifebuoy Soap. I.. The Atlanta Daily World ii { (Only Paper Completely Covering Atlanta's More Than 90,000 Negroet) T\ i</t>
  </si>
  <si>
    <t>                                           GEORGIA I)   II A. M. 15*. Childnn      W..r. .lt in JD "Six Hours To Live" m with JOHN ItOI.)*^</t>
  </si>
  <si>
    <t>                                           The Memphis and Shelby County Bar Association was victorious in bringing about disbarment action against I. W. Marshall, Negro attorney, when Chancellors DeHaven and Ketchum of the chancery court sustained charges that the defendant was guilty of unethical.</t>
  </si>
  <si>
    <t>                                           STRAIGHTEN YOUR OWN HAIR AT HOME. New discovery straightens the molt stubborn hair quickly and surely. Apply it at home in few second.. Cottn little. Write for free offer. ELITE PRODUCTS CO. 1214 Portage Ave., South Bend, Indiana</t>
  </si>
  <si>
    <t>                                           1932 Cattle] Rustlers Held! in$500Bondsi                 Bringing the .- of the old time. c: rustler of curly frontier ~'ays to . Will Hester, alias John Harris and Tom Shackleford, alias Torn Cailcr were being held under S.100 hond in the city jail Thursday utter .in .ci ss in effort tu put  brand on a cow stolen from the pasture of J. 13. Steward, white, at GI Eernoy  . The two alleged rustlers were  by Detectives MuGill and Cransh.uv when Uici- came trotting up to the local stockyards with the hi'-lcii animal and  to dispose of li.'m for SS. Tin: cow was valued ai S50 according to its owner. At first the pair declared the animal      Seen them by Hester's . whom he said was a farmer near Stone Mountain.</t>
  </si>
  <si>
    <t>                                           Nutter V/ins Point in Mob Death Case                 ..CHARLESTON. W. V;i.. CM.. 28- Attorney T. Gillis Nutlcr won another signal  in the Green- i brier County lynching case lnst I week. It will be  Hint   "iP j months nco :i mob took two  men, accused of murder, from thc i Grccnb.-ier Cotinly jaii :in.i .1 I                 . The anli-lyn.-hinfi i;.\v or Wcsl Virginia provides that any county in which a prisoner is lynched  p:iy lo the relatives of Uic victim 1R5 sum $5,000. re-   by    lion in any court in the state. Suit w:is instituted in K.' County court Dy Thelma Mullens. administratrix of the estate J of George Hanks, one of the mob . .- Grccnhrier County. Tlic c" ruled against itic estate on the grounds nr lack of . hoi. line tli.it  should be brought in the county in which the I crime was perpetrated. I Upon :        lo the State Su-I  O'liri. ihe decision was re-! versed. Ihc higher court sust.-.; the   of Allornry .Vuttcr that action may be  in anv court of jiii i.-!inn in the state. .IihIkc 1-.H7. iii        (he opinion of the Supreme Cout ,-      th;il: "Am .-.  a county      ?r Cliapler (it :: T. si-ction 12 Co.lc. to recover tiie forfeiture of any person  v.iil, .. who has been taken fro,,, a state.' county or municipal officer of said comity ami put to .. may be brought in any state court having jurisdiction or the .-t matter. Now it is  that the  will recover the R^ .-fn,i Attorney Niitter is  tiR conj; ffom si of ir:cn.~s.                 $5,000 CLOSER                 ATTY. T. G.</t>
  </si>
  <si>
    <t>                                           CHARLESTON, W. Va. Oct. 28-- Attorney T. Gillis Nutter won another signal victory in the Greenbrier County lynching case last week. It will be recalled that some months ago a mob took two colored men, accused of murder, from the Greenbrier County jail and lynched...</t>
  </si>
  <si>
    <t>                                           Up From Georgia With My Banjo By THOMAS JEFFERSON FLANAGAN SIX FOOT- NINE 01' panic beat me with a hickory stick Along depression s line. But I'm still drawin' a hundred en fifty six En I'm standin' six foot nine En while folks whinin' out swing Eny things that make them blue You'll hear me strum the banjo string En see me singin' thru. 01' worl' ain't so bad after all. The ' thorns may shoot. But there against the  wall Ain't the roses cute! En while ol" hardtimes snorts en kicks You'll never hear me whine With that hundred en fifty six En that' proud six foot nine.</t>
  </si>
  <si>
    <t>                                           HERE S YOUR CHANCE!TO GET A BRAND NEW OUTFIT FOR SCHOOL 10 NEW SUITS OF CLOTHES! j^^^^J 20 Pairs STRONG SELECT SHOES! H^^ll 10 NEW HATS To Match Suits! 40 NEW SHIRTS!   ^^3 40 NEW SILK NECK TIES  ' WILL BE GIVEN TO OUT-OF- ^^^^M TOWN A TLANTA BAIL Y 4~~^S WORLD CARRIERS *^4^^m ABSOLUTELY FREE!  j GET THIS CLEAR-THIS IS NOT A CONTEST HERE S ALL YOU HAVE TO DO! h IF YOU AY ANT A SUIT- Get 100 Subscribers and Pay For / y^hk    \57   . Them for Three Straight Weeks. Mr^l\ JSK I W/ 'I-L^. IF YOU WANT A HAT TO MATCH- Get 25 Subscribers and BBff'-TlA jJb^Bfll 1 j \Jjn. W j Pay for Them for Two StraiRht Weeks. mSl i^/^SSSwSaa 1 ^-j) P^- IF YOU WANT A PAIR OF SHOES- Ci-t :i0 Subscribers and ItV, tyM */^^^H J Pay for Them for Two StraiRht Weeks. Ill /M'ns^      ^k J3-^- IF YOU WANT A SHIRT- Get 12 Subscribers and Uay for  1 /~^\W[f-^ I Jf^--~^\\~~~^ IF YOU WANT A SILK NECKTIE Get S Subscribers and Pay  ll^^P:^^r for Them for Two StraiRht Weeks. ^^~^S ^^^^~mi 1 If You Want t0 Get a Complete Outfit SBnSr /hk. ^FiW? I X i fi H ^et a ^otal 1 7^ Subscribers and Pay For (IIIiP^Vx/^Jh TfirtTt li '^ No Boy Wi" Rc f;iven      Than  nc Suil- One Ilut-  nc     'rj    /^KKBb 111! Ill I^H^y of        Two Neckties, or Two Shirts! j IWG^W I SUJzi'B'^ Write the Office Now- Today!- and Let Us; m^*M{ b "T Ol^iTik Know When You Are Going to Start Working j. JmjmM}   n ATLANTA DAILY WORLDggr^ 210 Auburn Ave, N. E. Atlanta, Ga. iSH Ever? Boy Has the Same Chance. I '    {EfUft^ Every Boy Can Get the Same Prizes. Rf START NOW! MsMll Before School opens and Ret the re- JMt^K\^m\\ If the Prizes arc not Enough, More JSW^^Rf quired number of subscribers, and ^BSQ^Hv' Will be BouRht. hold them for 2 or 3 weeks! ^^    ^</t>
  </si>
  <si>
    <t>                                           Mrs. Floyd Keen of 705 Tilt street, who spent several months Maple Wood, N. J., also visited New York, has arrived in the city. She sports a pleasant trip and her many friends are glad to see her back in the city again.</t>
  </si>
  <si>
    <t>                                           WASHINGTON, D. C., Sept. 28--Bill Bell, former Ohio State tackle, has joined the Howard University coaching staff, as assistant to Verdell. Bell plans to major in physical education and later study medicine during which time he will obtain as much employment as...</t>
  </si>
  <si>
    <t>                                           Quite a few insurance inspectors are on the Front today. It seems at though the local district managers are unable to keep the company's business straight.</t>
  </si>
  <si>
    <t>                                           Lt. Lawrence A. Oxley of Raleigh, N. C., one of the leaders of the colored people in N. C., in charge of relief work spoke to a large crowd by interested and influential citizens at the Price Elementary School auditorium Wednesday night. A committee...</t>
  </si>
  <si>
    <t>                                           Card of Thanks                 To our many friends we wish to thank them for the beautiful florals, the use of their cars and for the kindness shown us in the death and funeral of Mrs. Hattle Brown, directed by Murdaugh Brothers. Siicned Mr. and Mrs. Elliott Brown 380 Old Wheat St.</t>
  </si>
  <si>
    <t>                                           Dial twisting                 'There* melody in rhythm-"'                 A voice, a- piano, u gce-tar       the Three Keys: I                 Bon Boil, the singer of songs that are bluer than blue Bob. whose nervous fingers cause the piano to dance with melody Slim, whose* / shivers v.'ith crazy minors arc  around the microphone a; the N BC studios in New York. "It's Three Keys time asain." says Alois Havrilla. who matches ihc temps of the music with, appropriate descriptions of this sensational /trio of the .air. 'Time for sweet melody. Blue harmony time, and rhythm that makes you laugh and play song and romance. that s the mood tonight says Havrilla. The. .music rises pulsates 'burns to a white heat Six feet beat ir. unison Sicekhaired' Bob mot ons with his  as his fingers fly taster than le: before the autumn w.nd Ben Bon. 'hatless. shirt open at iht neck. 'slaps his knees and weaves in time as he leans over the piano s I edge "Beep-a-. deep, deep: Skiddadle-de-deep -deep the Harlenisque words. run on Slim, tends ever his guitar He sits, hat-on-head, like a dark question mark, en a high stool at the end of the piano keyboard his Ie_ft arm stretched out along the neck of his  see- **Wang-e-wang Wang-e-wang: "i I complains in steely tones.'. Then, softly it sobs "Wang! ....Wang: Wang- and the s:ng is c.iucd. "Bliier than blue."  Kavrllla. -Three Keys! You'll hear . again tomorrow night.'." Did you hear Cab Callowuy when he came through WSB Wednesday nisht at 11 o clock..'. .Don't blame The Wcrld if ;i program docs nol come through as scheduled in this newspaper, for the same is '.rue of all newspapers since a chance is made too late to be printed Jules BIcilsoc sings occasionally nnd the .^"all-Johnson Choir -; Tliursday night :it cich; o clock through WSB on the Maxwell Show Boat hour.. And  you ve heard the Harmonica Rascals Sunday nisht over the same station, starring 3 Negro. Many of the compositions played by Don Redman in his V.'GST broadcasts arc written by him. including "I Heard." "How'm I DoIn';" and others Noble Sissle's ability to play hot  dates from  return to those shores a '.o of years ago. When he had h.s band in Paris thev di.l little else except play -.he sweet brand. Have you heart! him get off or. "Tiger Bag?" Radio station KSL. Salt Lake City. "Utah, was on all last night dedicat ing its new 50.000 wait transmitter. Which one n:" you w;l; be tlie first 10 tell you tun:d it in?</t>
  </si>
  <si>
    <t>                                           A voice, a piano, a gee-tar... that's the Three Keys!</t>
  </si>
  <si>
    <t>                                           CHICAGO, Aug. 10.--(ANP)--A month ago, with all the stuff being served up in the daily newspapers about Wykoff, Kiesel, Simpson and the rest of the Nordic speedsters, the say nothing of the Toppino and Metcalfe rooters, only the veteran sports...</t>
  </si>
  <si>
    <t>                                           Heart Interest In Royal Theatre Film                 Two "wise eggs" who were tco wise. That in brief, is the story of "Lady and Gent," George Bancroft's latest starring picture, which plays Monday and Tuesday at the .Royal Theater. Petite Wynne Gibson, latest Hollywood- "find," who is soaring to stardom in her own right, plays opposite .the virile Mr. Bancroft, and Charles Starrett, James G leason, John' Wayne and" Joyce Compton ha\-c  leading roles.           and Miss Gibson arc  couple of self-styled "big timers" who dwell on the                 shady side of Broadway, battling I merrily with each other and with I any one else who crosses their I path. The unc\-on tenor of their lives becomes even more uneven when Bancroft's best friends suddenly dies; leaving a 12--old son alone in the world. Just what their responsibilities to the lad arc they sit down to consider.' And they reach a conclusion that produces results as whimsical as they arc  "Lady and Gent" was written especially for Bancroft by Grover Jones and William Slavens McXutt. Stephen Roberts directed.  Morgan Wallace. James Crane, William Halligan, Billy Butts, Frank McGlynn. Sr., Charles Grapewin and Frederick Wallace appear in minor .</t>
  </si>
  <si>
    <t>                                           THEY GET THE LAST WORD                 Why shouldn't both of the two women pictured above gel the la*l word with their husbands? They're both able to take, care of. things rather well, as this photo taken in New- York at a woman s  contest recently will       .</t>
  </si>
  <si>
    <t>                                           Fandom in general has never properly assessed Morehouse's 0-0 tie with David Gunn's Benedict Deacons last Saturday afternoon. Few grid followers in this conference know the real strength of the South Atlanta team. In their own ranks, however. Benedict has come...</t>
  </si>
  <si>
    <t>                                           It tomorrow a book were to appear--under the imprint of a reistable publishing house--well documented, supported by fact, figures and photographs. disclosing the tematia use of furred Libor the Congo or Liberia, but in ... free America: if this book...</t>
  </si>
  <si>
    <t>                                           The Twenty-Four Daffodils assembled at the house of Mr. and Mrs. Otis Myers on their regular meeting night at the usual hour with the president presiding Business was briefly carried out by the President. Afterwards the club was entertained with games.</t>
  </si>
  <si>
    <t>                                           Celebrate Halloween at the G. H. S. Monday night. October 31st. Misses Marie Slade and Muttle Walker of Station WJTL will present a concert of popular music. Can they sing and play? Yeah man.</t>
  </si>
  <si>
    <t>                                           Stimson Chides Liberia in Letter Sent to A. ML Secy                 WASHINGTON. Sept. 18- A public rebuke to the government of Liberia, the African Negro republic, was delivered by Henry L. Stlmson. Secretary of State. in a letter nude public today addressed to E. H. Colt, chairman, of the Foreign Missionary Board of the                 merican Metnoaist Episcopal Church. Tlie IJberlon administration. Mr. Stlmson said, had "obstructed" and "delayed" the adoption of a  program for the rehabilitation of the country. At the same time the State Department published a memorandum which it  sent to the International Committee on Liberia, rejecting a LlberUn, proposal providing for a' very moderate form of International aid In. the correction of local conditions. Tlie Liberian proposal, the memorandum said, would "still' further nod- very materially weaken", a plan tentatively .formulated by' .the International Committee, '.which- _,had beep                 considered by this government as Insufficient In that It did not con' template the delegation of adequate authority to proposed foreign, advisers for Liberia. The State Department branded thg situation In the Negro republic as "deplorable." Originnlly created under American sponsorship as a self-governing land of liberty for Negroes. Liberia has been found in recent international investigations to be permitting slavery and oppression of other, kinds. It also was pictured as in a severe economic plight. These conditions led to the formation of the International Committee on Liberia under rthc auspices of the League of Nations. Represented on the committee, the United States, it was disclosed today, has been, dissatisfied with the committee s proposal for foreign ad visers to Liberia  with  partment has suggested an  authority. The State Dc* pensive international control  one executive with wide powers.                 In his letter. Secretary Stimson emphasized that until' the question of adequate authority is settled, this government will approve no plan for Ltberian redemption. "The achievement of tangible results will depend almost entirely upon the attitude of Liberia," Mr. Stimson said. The memorandum just sent to the International Committee reasserts a reservation to the committee s  proposal, and again advances the' idea of delegation of adequate authority by Liberia to a. single intenational -official. Another American memorandum dated May 18, now. made public, stated that Liberia administration has become "so demoralized that it Is doubtful whether an effective - exist*. It proposed that a .subcommittee of; the International Committee formulate a "workable plan" for Liberia during the summer, otherwise the United i States would reserve lull liberty of action. The American suggestion was -not followed.</t>
  </si>
  <si>
    <t>                                           WASHINGTON, Sept. 18--A public rebuke to the government of Liberia, the African Negro republic, was delivered by Henry L. Stimson, Secretary of State, in a letter made public today addressed to E. H. Colt, chairman of the Foreign Missionary Board of the...</t>
  </si>
  <si>
    <t>                                           THE CARNATION ART AND SOCIAL CLUB met with Miss Evelyn Burris at her home on Little Street. The president presided throughout the meeting. One hour was spent in doing needle work. Mrs. Benjamin Coffee is extending to all members of the club a cordial...</t>
  </si>
  <si>
    <t>                                           A I^ArO^TOStmSercKL^^^ ^^ Each issue contains a host of features found m none bm the best metro- A V 1V'^ Aiwaysgjggsaasss?518-1^^ Miles ^^- Aheadi</t>
  </si>
  <si>
    <t>                                           God delivers. How? Varied are human attempts to enlist divine aid in struggles for freedom. Most of these attempts fall of fruition cause we do not understand God. We vainly imagine that God can...</t>
  </si>
  <si>
    <t>                                           J.W. Cranson, president of the 24th Infantry Tennis Club and Sergeant Jesse Warfield of Company "C" at the Fort, were in the city the last day of the Georgia Open meet last week end. According to Sergeant Warfield, the annual 24th Infantry Open Tennis Tournament...</t>
  </si>
  <si>
    <t>                                           Chief Aiken wore what might be termed an "expressionless" face along with a brown suit yesterday afternoon as he strutted about the athletic home lot of the red and black. A gray top coat was held in his left hand but he stood around and said nothing at all.</t>
  </si>
  <si>
    <t>                                           Beach Prejudice Is Charged in New York                 NEW YORK. August 5- Discrimination against    Rroes is charged Bgainst the Long Island State Park Commission by ministers who have been refused permits to take picnics to the beaches in tho parks system. It has been explained by the official?, however, that permits have been required of all picnickers white and colored alike, and the  for this was disorderly conduct which had boen traced to the larger crowds on the beach. The new ruling Is to keep larger crowds from congregating- on the       as a unit. Individual Necroes anil small private parties have hail no trouble gaining access to the beach. NAB HOLD-UP IN CELLAR NEW YORK. August 5- Clarence Smith. 18, and Henry Hicks. 18. wire nabbed in the coal bin of the cellar of the store which they hnd robbed Wednesday afternoon when police answered the call for help so rapidly that ihe boys dirt not have time to escape. The boys look $53 a I the point of a gun from the proprietor of the store at 2790 Seventh avenue.</t>
  </si>
  <si>
    <t>                                           HOME- FOR KENT OR SaI.E j FOP. KENT OR SALE H.-;,-k . No. :~0 Aniti.-r Avnui'. N. F^ Inciui.-o I HAAS It .      Kirrt National I Uank Uuildinir. N'o         * Convtr- i</t>
  </si>
  <si>
    <t>                                           POLITICAL ringmasters throughout the nation today are cracking their whips in the circus of a presidential campaign. Some Negroes, for certain considerations, have been "inspired" to go forth and battle to retain Herbert Clarke Hoover as President: others after having bargained to their satisfaction would hare the Aframerican believe that his salvation lies only in the placing of Franklin Delano Roosevelt in the position of Chief Executive...</t>
  </si>
  <si>
    <t>                                           EXCURSION TO NEW ORLEANS and GULF COAST SATURDAY. SEPT. 3RD Ticket* Limited Ten DaysMobile $ 8.00 Pensacola 8.00 Biloxi 10.75 Gulfport 11.50 Pass Christian 12.00 Montgomery. $3.50, Good 3 Days Pullman Faro Alto Reduced THE WEST POINT ROUTE WA. 2726 WA. 3666 New Orleans 12.50</t>
  </si>
  <si>
    <t>                                           IMSEro^GJIAli I Open 11 A. M. lie. Children IOcV "The All- American" I L With Richard Arlen and W The 1931 All-Ancricu 1 Footbmll Team</t>
  </si>
  <si>
    <t>                                           Ask Coal Peddlers To Be at Meeting Monday Night                 Coal, charcoal, and wood P'  will meet Non'lay night at the But- lcr St. Y at eight o clock according to :in announcement of leaders who were instrumental in setting the men together in their recent sue- c ssf ul fight against the enforce- ment of an ordinance that t-!ei*. their selling hours and made it both difficult to earn a living and serve; their customers. i The men are anxious to perfect an organization that will lie - nen: as they b Hcve that it will be! possible to do n. large number things ior the benefit not only oil themselves, but of their customers. it they get  an.l discuss their problems. An understanding i  thr- peddlers, it is thought.! will eliminate much of the cutthroat competition, and at the same time. I  upon the members the value of S'vinp their customers1 honest weight and careful, - service. All co;il. wood, anil charcoal: peddlers, interested in  their business conditions :ire urged, 10 be present at the meeting Monday night. i</t>
  </si>
  <si>
    <t>                                           W* ^^HMM ^^^te. ^M                 SOLICITOR ED STEPHENS TAKES RAP AT LIGHT MURDER SENTENCES                 Declares Law Should Be Enforced With Equal Strictness, Rigidity on Offenders of Race                 WOMAN SLAYER GIVEN 12 MONTHS                 Bv CLIFF McKAY                 An eloquent plea to Fulton county jurors to look on the murders of Negroes in Atlanta by other Negroes with more seriousness than has been done in the past was made by Solicitor Ed Stephens in his closing argument to the jury in the Lawrence Thomas murder case tried Tuesday before Judge C. J. Perryman of Lincolnton, Ga., sitting in a  criminal division of Fulton  court.                 "Law For AIT The time has come." Solicitor Stephens declared, "when our juries most look on the criminal acts of other races on members of their oven race wttb mere seriousness as the just protection of the more, peace- fully inclined members of that race. The law Is made by whites :ind governed by whites bat is for the protection of all citizens and should be enforced with equal strictness and  whether the offender or the victim be black or white" After deliberating {or more than four, hours the jury unable to agree with three voting for aquittal and nine for conviction, a mistrial was declared. Reached at his home late last night. Attorney Joe Ewing who defended Thomas indicated that he might have his client enter a plea of voluntary manslaughter Wednesday and be sentenced by Judje Perryman. Thomas, a shoemaker, was charged with having stabbed his wit': Mrs. Ruby Thomas, to death on April 28. 1931. He was indicted by the grand jury last June 1932, after he had been surrendered by his attorney Joe Ewing. Officers said that he had escaped after the killing. No Cause For Killing No cause was given for the killing, according to neighbors and Miss Bell Kieth. an eyewitness oC the stabbing. According to the testimony of Miss Kieth, who was sitting on th- porch of the Thomas residence on McDaniel street with Mrs. Thomas. Thomas came up reproached his wife on the night the killing for not having supper ready. He pulled a knife, she said and tc-gan cutting his wife, who ran in the house and fell on the bed. Thomas followed her in the house. Miss Kieth testified, and then later came out and going to the home of risked Russell to call on ambulance. Thomas then left and never returned. Counsel for defense sought to prove that the dead woman was in. u room with another man, whil* Miss Kieth was watching out for Thomas' approach, but was supported only by Thomas' own statement. Admits Slayine Admitting in his statement .-that he had stabbed his -wife, Thomas declared: "I pushed past Bell Kieth and ran in the house. The door to th* (Continued on      5, Col. 6)                 Solicitor i (Continued from  1) bedroom was fastened and I knock- I ed. My wife came to the  loor naked ami s:ii.l 'I didn't know  was you. honey.' I saw a man run out ol" t!:e ba.-k . The bed sprc:id was .Iis..gci1.. I rushed in th- room. Then 1 heard my wife fall and S'-ream that she Had been cut. I got a flashlight and went ml the back to find the nun. He I must have escaped. I came back J :md wen; next door to get Russell to call an ambulance. I didn't know that I had cut her." j Thomas' two small children sat. beside him throughout the trial. I Both girls, one age .'our and tl:e other six. The defendant appeared in court i nattily dressed in a dark blue suit, shirt and blue silk tire chci-k' d J with red. His face was clean shaven and he appeared ''aim and . He talked freely with Mrs. Tobie Grant who '-~l in the courtroom 'hroughout the trial anil until *.he O'tirt had adjourned for the day after six o clock. Slayer Gets 12 Months While Solicitor Stephens was delivering his closing argument  jurors to be more strict in their punishment             for killing other Negroes, a jury in Superior Judge John D. Humphries court returned a verdict of voluntary manslaughter in the case of Euia Hunter, '-barged with the murder of And- r-!~on "Lit" Shaw, following a  over :i whiskey deb:. She was sentenced to serve months on the st.ile farm. Shaw was stabbed to death last Angus'-, with a butcher knife, when h- sought to remonstrate with tile Hunter woman over a short halt  nf whiskey which  had suid mi and some change  a S10 I'ill whi.-h he had given ucr. 1 Assisting in the prosecution was Attorney V,'. Paul Carpenter. Wipe. I Blood Off Knife Will Lnljor. chi- 1' witness for the stv.e whu was ill the Hunter woman s l.' at the time of the fatal ,-; told he he saw Miss Hunti-r wipe the blood or the butcher knife, which she had used tu                 .l Slww in l!ic civ c k. The two h a il been - violently^ shortly before the  Labor  iid. The woni:m . her statement to the jury, ;hut she h:nl slabbed Shaw i.nly  he li:~l maila motion 10 reach in his Lack pocket as il to Kel a nun. aiM  she became          .l. D;ive Chi-. alias ~'Spo1. with whom Hie Hunter wum:.n live.l. :     who was  in. f..r Hi- same murder was free.! by the jury which tried the cases . Witnesses .l lh:ii Christopher came to the scene the ; : it       .</t>
  </si>
  <si>
    <t>                                           An eloquent plea to Fulton county jurors to look on the murders of Negroes in Atlanta by other Negroes with more seriousness than has been done in the past was made by Solicitor Ed Stephens in his closing argument to the jury in the Lawrence Thomas murder case tried Tuesday before Judge C. J. Perryman of Lincolnton, Ga., sitting in a special criminal division of Fulton superior court.</t>
  </si>
  <si>
    <t>                                           u^^^H^Hrlvt 9^B^^0vBB^^B fi^^^^^^^HP^^^k iP^^^^^^H^bI^HEbf j^jiB sa^ ^^^^^T^^^Ef^S^sS-^ ^^^^^^^^BS^8?^    "THURSDAY. SEPTEMBER 2!~, 1932 THE ATLANTA dTu . ATLANTA, Ga! PAgFfIVE</t>
  </si>
  <si>
    <t>                                           Mrs. Henrietta Evans and Mr. Bitt Evans were married Friday afternoon.</t>
  </si>
  <si>
    <t>                                           IOIUi</t>
  </si>
  <si>
    <t>                                           3ETS 10 YEARS FOR KILLING WIFE                 LOS . Cal.. Oct. W.~ )- Followinu testimony of his employers that they had  the  quarreling in their qu:i-ters over the t^rage. Gus Fains, butler, wns sentenced from one w ten  for manslaughter of hi* common-law wife. Phyllis Jcnwn, before Judge W. Fricke. Tlic woman was found shot and dying on the lawn of the Hollywood home where both were employed, she ; housemaid.</t>
  </si>
  <si>
    <t>                                           Florence, S. C.                 The Ustv r Board oC Cumberland M. E. Church met at the home of Mrs. Dave Wlliams on Darlington street, Tuesday afternoon, Oct. 11th at 5 o clock. Twelve members were present. Alter the  session we were entertained with a musical selection from Ruth Waxhington anJ Willlum Jones. We also had with us Amanda Hanna of Klnstree. S. C. We trust  will soon become a member of the Board while in school here. She is a member of the l!th grade. The Ushers will give s party on Halloween night which Is the 28th. The hostess wus MlssHozcl Williams. The next meeting will be with Mrs. Robinson'* house on Darling- 1 ton St. Mis Juanlta Gilbert, ^Uss Sallle Lawrence, presi-l Ay- Coach Miller of Wilson High School is planning for a big. fight against Avery Institute Saturday. October 22nd.-The King Highway gave an entertainment In Hartersville Monday night. Oct. 17th. and was very successful financially and a good crowd was pn*cnL Mr. Fred Rogers is a rew subscriber for the Atlanta Daily World also Mins Addle Williams. Won't you subscribe to the Only Negro Daily. Henry- Donnelly, agent</t>
  </si>
  <si>
    <t>                                           1 Cent A Mile Excursions Account THANKSGIVING DAY Between ALL POINTS OS CENTRAL OF GEORGIA RAILWAY Also to practically all points' In the Sontheast November 22. 23 and" for  trains Jiovejnbcr 24. Return limit leave destination not later than mUni;lit November 28. 1032. Stoprovers Permitted."      ;e Checked. Reduced Round Trip- Pullman  atcs-     .-Foe. complete, information. consult an)-' Ticket Accat, CENTRAL GEORGIA RAILWAY</t>
  </si>
  <si>
    <t>                                           "Despite the complexity of modern day life. Agriculture and Industrial occupations remain the foundation stones of American life: and commerce is the instrument of transfering the to benefits a these to the meeting of human needs said James A. Jackson. Business Specialist...</t>
  </si>
  <si>
    <t>                                           Misses Minnie Murray and Rosa McCloud from Cordele, Ga., spent the week-end in the city visiting Misses Lizzie and Gertrude Edwards at 419 Planters St.</t>
  </si>
  <si>
    <t>                                           Sunset Royal entertainers played to a packed house on Sunday nights. The audience was filled with new faces. The program was one of the best rendered since their opening. They are promising even yet a more wonderful program. The public is greater in their praise and appreciation than any other orchestra's...</t>
  </si>
  <si>
    <t>                                           MOST for your MONEY in a good laxative TheCord's BLACK-DRAUGHT has been highly regarded for a long, long time, but it is better appreciated now than ever before. People are buying everything more  today. They count every penny of the cost In buying Black-Draught, they get the most for their money, in a good, effective, easy-to- laxative, made of approved medicinal plants, dependable for the relief of ordinary constipation troubles. 25 or more doses of Ihedford's Black-Draught In a 25-cent package  Children, get pleO3ant-t*   0 ZYItUP. of TheAford'3 Block-Dr**</t>
  </si>
  <si>
    <t>                                           On the second Sunday morning in November, 1931, Rev. J. A. Barnett took as his text, "The Blind Man by the Wayside." We sometimes sit at home on Sunday morning and tune in on the radio. We comment on what we hear, especially on the sermons and...</t>
  </si>
  <si>
    <t>                                           (LITTLE)  F. Fielder Watchmaker 570 Peters Street, S. W. 1 for. McDaniel St. KIDNEY AND BLADDER  CSyS=) TROUBLE! \9*ckfr-J Do you suffer from ~~^^gf\ kidney and bladder / symptoms get op V^ ,  back, ;p St^^m m^ , sick ^Bw aches, feel miserable BDV all over! Try Dr. Bf^tt Dickion't Compound, JH n 3 remarkable  n tion by a famous ph}1*ician. Don't  act at once. For sal? at all ;ood dru{ stores, or v.-rito to Dr. Dukaon Uborttoriei, Int, Oucato. IIU^</t>
  </si>
  <si>
    <t>                                           SKINS your jiin is sensitive, . mild, -x- black and W kite Sk:n If'hilcner is the product you have been looking jor. It lightens the skin quickly, easily, r. it s a real pleasure use and its' results are a joy to see. Large ear. of C-r.sir.e Black j ^ni Whilr Stin IP hit tact. only 2$c, at your favorite     I store or.  goods counter. i BLACK^WHITE SKIN</t>
  </si>
  <si>
    <t>                                           THATCHER COLT had arranged a singular and discordant convocation. In the living-room of the penthouse "were gathered all those persons most concerned in the final solution of the two, murder case's.</t>
  </si>
  <si>
    <t>                                           S. S. Association Will Hear Well Known Speakers                 Among the special features of the fifth Sunday programs of Hie Allan:a Sunday School Association in corporation "with the Georgia SunJay School Association will be the music      by Mr. W. H. Inman. ably assisted by talent of Centenary Memorial Church on Simpson St.. I                 near Ashby where the meeting is to be hi M. There will I.e on the program spirituals and Cospel songs interspersed with very interesting addresses by leading local talent. J. C. Johnson. Supt. or AlWn Temple Sunday School and Assistant manager the Pilgrim Health :ind Life Insurance Company, will tell how he has secured and maintained one ot the largest. Sunday Schools in Atlanta. Rev. E. R. Carter, who writes the editorials of the Teachers' Quarterly of ;!:e National Baptist Convention and a member of the National Committee on Religious Education, will tell howto focus the lesson on the subject assigned. We will find that a number of our lessons arc using the same scriptures year after year with varied subjects wl-.i.h are to be  and t; :ts a lesson to those who attend Suniay School. Rev. D. C. Stai-ncs. assistant pastor of Trinity M. E. Church (south) who has taken an active part in the work of the Georgia Sunday School Association will make a .special feature  on this occasion. All people interested in Sunday School work or religious teachings are urged to be present at Centen:iry Memorial Church on Simpson St. near Ashby that they may  this interesting- program.</t>
  </si>
  <si>
    <t>                                           Among the special features of the fifth Sunday programs of the Atlanta Sunday School Association in so cooperation with the Georgia Sunday School Association wilt be the music led by Mr. W. H. inman. ably assisted by talent of Centenary Memorial Church on Simpson St.,</t>
  </si>
  <si>
    <t>                                           BBS III   WASHING POLISHING  GAS OIL ^fc: ^^~1^^' ^^^F'Jr Southside Service Station5             !    IJbMi,</t>
  </si>
  <si>
    <t>                                           j^^BP^^TcELLOPHANE</t>
  </si>
  <si>
    <t>                                           MARIETTA, Ga., Nov. 7.--The old North Georgia Conference of the A. M. E. Church came to a close here Sunday. Dr. C. A. Wingfield, state superintendent of the Sunday school department, conducted a large Sunday school Sunday morning with many in attendance.</t>
  </si>
  <si>
    <t>                                           Though battling for the mythical champion. hip of the  the winner, of the New Yenr'j Rame in the Rose Bowl nt Pnsatlunn, Calif can well lay claim to the actual . Undcfeatud und  Southern C      -11VSta 'k      "iJ leu~' U"~U!-'1' IV'ice          . ..f the Uaivwtar of l . Both hold victoria, over Notre Dum. which i.                 enough to make any cloven championship contender. The Trojai.i.  by Raymond (Tay) Brown are favored to beat their Eastera rival, dc.pile tl,, remarkable perform.nce. of Pitf. great pair of b.ckT Heller and Retder. A capac.ty crowd of 85,000 i. expected to crowd     Bowl for Ih.i end  of Paiadena*. ..l Roi. Carnival.</t>
  </si>
  <si>
    <t>                                           Hold Two As Suspects in Man's Death                 "Ted" Simmons. 570 Cunnally street, and Robert Cook. 2GI Gr;int street, were  by Ofliccrs Nix :ind Muulilin on charges "f suspicion c.- this : in  with the killins .,r Joseph Sheiks. 27. (!74 Teriy street, about two o clock Sun/lay m... Cook.                 ;  - to poli. c reports, is supposed to h;ive been present when the murder  pbec  Simmons ~;s  to have  the fatal shot. Investigating officers were told1 by Mrs. Lizzie Brooks. 567 Connally street, in front or whose home                 the . toi.k place, that she was  e- bout two o clock Sunday moraine by the  of cursing and  n r. followed                  wards by several shots. She soys  she couldn't identify any ot the men. James Swift. 3 Delia Court, another resident or that section to be .u- l by the noise, sawl that he ran out ..n the street after' hearing the shots and 1h;it the mem who were involved in the- affair, ran avny. leaving their victim lying in the street. it was Mr. Swift who called 'he policemen who sent, the wounded man lo the Grady hospital in a P" ami -k . There it was found that the man. shot  the heart by one nf the bullets, was dead. His body was turned over to Pollar.l ami Hancock where funeral arrangements. were made. An inquest will pro- 1 bably be hel.l into this slaying according t.. word from Coroner Onnchoo's . The dead man. who is single, is survived by his mother who. lives at the Terry street address.</t>
  </si>
  <si>
    <t>                                           "Ted' Simmons, 570 Connally street, and Robert Cook 263 Grant street, were arrested by Officers Nix and Mauldin on charges of suspicion carly this morning in connection with the killing of Joseph Sheiks, 27, 674 Terry street, about two o'clock Sunday morning. Cook...</t>
  </si>
  <si>
    <t>                                           CHICAGO, Nov. 7.--Back from Oklahoma where he was taken after 23 years absence from prison, George Johnson, 42 years old, went about his regular affairs this week relieved of the fear that every policeman he met was on his trail. Years ago when Oklahoma...</t>
  </si>
  <si>
    <t>                                           Health program of the Northeast Georgia Medical, Dental, Pharmaceutial and Nursing Association to be held at St. Mary C. L. Church, Elberton, Ga. on Friday evening, Oct. 28, 1932 at 8:15 P. M.</t>
  </si>
  <si>
    <t>                                           CHICAGO. OCT. 20--Gone are the days of posing leadership at the general headquarters of the Republican party where a small army of staff specialists is busy re-electing the President of the United States. Gone are the days of Big Name men, of loud-mouth malcon tents...</t>
  </si>
  <si>
    <t>                                           [Funeral Notices^                 HUBBARD- Tnc  of Mr. L ai Hubburd will be announced later. Daviii T. Howard and Co.                 JACKSON- The funeral of Mis.  Juckson will be announced i^~tcr. Murdaugh Bros. - Mr. Splvcy. of 508 Will j , N. W.,        :ty ;~fter- noon. Funeral will be announced later. Diiviil T. Howard ami Co. DOZIER- The remains of Mr. I Charlie D"zier of Collcce Park. Ga.. arc held for the location of relatives. David T. Howanl and Co. BASS- Joseph Buss, of rear 674 Terry street, paused away very  October 23. 1932. Funeral announced later. Pollard ami Hancock. WINFREY- Mr. Bonnie Winfrey, of 95S Palmetto avenue. S. W. pas- 1 scd away at n. local sanitarium. October 23. 1932. Funcnil announ-i cements later. Munlauch Bros. I JONES The funeral of Mrs. Fnnnie Jones will be held In Fayctteville Continued- on. page 3. Col. ft                 Funeral Notices 'Continued From Pace Onei this (       ) morning at U '~lock, mto- in Fayettcvillc. Murrlaugii Bros. COLE Fricnils on.! relatives of Mr an.l Mrs. Joseph F. Cole. Mr Wil.v w Cole Mr. Douglass Cole Mr. Edwin Cole :,n.l Miss Harriet' Cole are invite.i to attend the -al of Mr. Joiopi, F. Colo Tucsdav. October 25. at 2 n. m. f'-nni the rp.=Mence. Rev. J, K. W'SSins . -^nont Li""o!n Memorial. Tvev Bros, morticians.</t>
  </si>
  <si>
    <t>                                           HUBBARD--The funeral of Mr. Latt Hubbard will be announced later, David T. Howard and Co.</t>
  </si>
  <si>
    <t>                                           NUCP WIHS HARD CASE III MICH.                 One of State's Most Sensational Death Trials is Won                 TROUBLE BREWED                 DETROIT. Mich.. Dec. 27.- CAN P)- The Detroit Branch of the N. A. A. C. P. :Kjc!cd another  victory to its Michican Chapter in the general ficht of the National Association for justice for the Ncsro -e the Courts. One of the h  foucht cases of the                 Association ~- last  in the Washtcnaw County Court, at Ann Arbor. Michigan, with a verdict of not guilty alter a twentyfour deliberation     the Jury in the cases of Cary Baylis. accused of participating with Thomas Britton. confessed murderer, in the slaying of Cup DeathcraRC. white World War Veteran at Ypsilanti. Michigan. Harold E. Bledsoe. of the firm ot Bledsoe and Dent, of Detroit, defended Baylis. The killing of Dcatheragc climaxed a day und night of ~- in an old dance hall which had been converted Into living quarters. Those who participated in the  orgy were: Helen Harvey, white, housekeeper for Frank Powell, Negro. Cap Deatheracc. Carey -Bayli^^    ^-33*Brijtonr^who)*~~  3   . killing "DeathoraRO. Riving as a motive the fact that Deatherage had called him a "dam. dirty nigger." In his confession he told in gruesome detail how on the night of the murder he beat Deatherage senseless with a club and then castrated him He told several conflicting stories among them that Carey Baylis instigated and participated in the murder with the motive of robbery. Carey Baylis denied any knowledge of the crime. The interracial feeling was very intense because in this same community a little more than a year ago. Blackston.e a Negro, was convicted of participation with two white men in the brutal killing and burning of two young white women and their escorts. In fact it developed later that one of the women was actually burned alive. Into this hot bed of race hatred went Atto'rncy Bledsoe. veteran lawyer of many a hard fought legal battle at the insistence of the Executive Committee of the local branch of the N.A.A.C.P. of which. M. L. Walker President and L. C. Blount is Secretary. When the N.A.A.C.P. went into the case !l:c defendant. Carcv Baylis. had. teen  on the warrant  Sir-i; him with murder, and the examination  without the right! of .-cii.rcl. In addition  an! :       :.i on had been filed by the K* s--..-:ot and the case ~-l :'or i.~ mediate hearing. Ull v V.iia the space of an hour after tlv;  - is=;.eil. The case wi* tn icr lri.-ji en the following ~-\j. a'.th JUs.h at tin1 ''me Raylis had not  the benefit of counsel. The   50c1nt'0n s* i!~ and through ~.   :'fc-. HarcM E. Ble.!soe, dem-.r :iie right to further examination in  mat ihf ,- ~~.-lit pro-1 pared himself to meet the charges Continued on Pag* 5, Col. 7                 NAACP Wins (Continued From Pane O:ic) in. :ii tlie information T...s r  v.ns  "d by Jfdi- I'rfror^c v.1. S^.ii.Ic. Circuit    4;: of W:.~,'-~..r County. Tl CojV Iwv.woi-. - 'v.'o da\ ij 'ur iment to :.:iow counsel to *:-..trt fov l:~v l:i.M which began or. Monday. Dcecrvier 12. and   Fi;'':-.y. December 16. at .; Hn-e the voi di.'t of "not '...' v.-ss returned Perhaps the most sen''. .-il moment the trial earn- wtv.*n Uvi private ^r; of Pi- Albert .1. Rapp was .ailed to the st:iml by defense counsel. Without the knowledge of the Prosecutor, his stenographer. Virginia Mvdcan. was served with a sui.poena .luces    -um, commanding her to  in the original stenographic notes ot the confession t:iken from Thomas Brittor.. the confessed murderer DeathciviRC. Before the Prosecutor had opportunity to conCer with her at all concerning her ~.:-c in court, she was for.-cd by Attorney Bledsoc to read from the witness stand this confession taken by the Prosecutor from Thomas Brittor in -h he denied to the Prosecutor th.it Carey Bnylls had  to do with the murder Beathcrasc and saying :      other things, that he had called him a -d.mi. dirty nigger.'" The Prosecutor h:~l conveniently      'ttcn to produce      .-om ession and his  who took it. Sheriff Andres wh" was mIso present at the taking of this  took the witness stand and denied that sich :i stateI  had been made by Brilton. j This  forgotten confession." knowledge of which was gained from a secret source by .. was the deciding factor in the net guilty . Atnom; other things Attorney Blcs'loe stressed in  clo:;ina : to the jury that the rights and liberties of no citizen were secure in any .immunity  the law enforcing agencies in attempting '.r. inert  ;i.lcd too  an-' where I he public Prosecutor by I".-conduct sought to keep rrom the jury evidence which, if pro'.ltK""" w- .dear the -c-d (,t tl.c offense charged.</t>
  </si>
  <si>
    <t>                                           DETROIT, Mich., Dec. 27.--(ANP)--The Detroit Branch of the N. A. A. C. P. another significant victory to its Michigan Chapter in the general fight of the National Assocviation for justice for the Negro before the Courts. One of the hardest fought cases of the...</t>
  </si>
  <si>
    <t>                                           Mrn. ... K.: You state that since the ... illness two weeks ago your two year-old child has begun to stutter in her speech. She also twitches her eyes. It is quite possible that the nervous upset occasioned by her recent illness brought on this condition. However, in...</t>
  </si>
  <si>
    <t>                                           CLOSED DOOR When in the valley or on the mount We to prayer should give strict account There in calmness of silence anil ease We c:m U-ll Cod upon our knees. When the Savior was here  set in your closet and close the door Not as a heathen or hypocrite want to be heard For vain multiplication ot words. Get in your closet, close the door Tell the Savior what you want him to know Bow your heart in humble submission to God We know the path each foot must trod. Get in your' closet, close the door Tell the Sovious what you want him to know And when the end is nigh Without a single sigh. Our spirit will soar Where there is no closed door We will enter the door that stands ajar Forever to live -where God and angels are. -Ella Hubert.</t>
  </si>
  <si>
    <t>                                           The Red Headed Stepchild, a play, was presented at Olivet Baptist church, July 25th, by the Wide Awake Circle and the affair was very largely attended with everyone well pleased with the performance. Much credit is due Mrs. Georgia Wilson and Miss Younk who helped to make it a success.</t>
  </si>
  <si>
    <t>                                           THIS LOVELY LASSIE is Hiss Alma Prmtle of New Orleans, La.</t>
  </si>
  <si>
    <t>                                           Set Bond for Farmer Who Got Vet's Check                 ENTERS PLEA AT FRIDAY HIKE                 Wife Earned Dollar a Month and Paid That for Rent!                 HE SPENT $778.50                 "I was out of work, I was hungry, my wife and I were naked, I saw a chance to Ret money." with these words, Charlie Brooks, 40. Roanoke. Alabama farmer, told whv he  his name to the adjusted compensation check worth $779.50 issued to Charlie                 Brooks, deceased West Point, Ga. war veteran, August 14, 1931. Brooks was arrested at Roanoke Thursday by Secret Service Operative H. L. Tyson and  a  in the United States Commissioner's office Friday morning at which time his bond was set at $1,000. Unable to  :t, he was transferred to the Fulton county jail to await Federal Grand  action. A  tale of how he had been unable to find work and   the opportunity offered him when Postmaster Cox of West Point, which is near Roanoke. advertised that the check for Charlie Brooks was there, was unfolded by the prisoner. Brooks claimed that he had been unable to  a success as a fanner and had tried -to use his money wisely, giving some of it to his father. At that however, tho money  t last him until Chnstma3. anil he has had   a :'~1  every now and then at  cents a day. Worked For Nothing Still more heart rending la the story of how his wife is working hard every day in the month for Die meaner wages of a dollar a month for some people about three miles from Koanoke. For this small sum, Mrs. Brooks gets up at s:x o clock in the morning, cooks all of the meals, does the washing, ironing, housework, and performs other duties. Then, at the end of the month, this same dollar that she has more than earned, must be paid back for house rent'- How she gets her clothing depends upon mere providence. These facts were confirmed by Mr. Tyson who interviewed the wife and others in the community during his investiga: tion. Brooks, a typical Son of the. Soil, changed his statement made to a World reporter whom he told Thursday night that he found, the check ;n his box. According to the evidence, which he admitted was true, Postmaster J. II. Cox of West Point advertised the presence of the certificate at that post office. Brooks then went to the West Point Poat office claiming that ha had served in the war and that the "cate was for him. The valuable document was turned over to "Farmer" Brooks by the postmaster who executed a veterans note before Mr. Cox on August 12. By this action. Brooks impersonated the true and lawful owner of the certificate. The certificate was then sent, to Atlanta to tho U. S. Veterans Bureau with the result that a U. S. Treasury check, 124,829 over 99,102 totalling $778.60. dated August 14, 1931, was sent to him. The former obtained, the money from the Citizen's Trust Bank of West Point. Nevrr In Army Upon his . Brooks admitted that he had never served In Continued on Page 4, CoL 8                 1 Vet's Check 1 (Continued from Page One) the army, that he was fully aware that the discharge certificate was not meant for him. -and that he was not ent tled to it. Mr. Brooks the war veteran, died September 1. 11)26. The same-year, his wife, Mrs. Georgia Brooks, received a cheek for $57.50 from the government as a regular payment. The loan negotiated by the farmer was a 50 per cent loan on the dead man s certificate. It is believed that Mre. Brooks, widow of the ex-soldier, who was depr ved of the money, through the actions of a man  the same name as her husband, is still some where in .Georgia. Brooks' case will probably go to the Federal errand jury within a few wei-ks although there will be no trials unt l October. He mav plead  at that time and it is highly possible that he will iret a five' year term.</t>
  </si>
  <si>
    <t>                                           "I was out of work, I was hungry, my wife and I were naked, I saw a chance to get money." with these words, Charlie Brooks, 40. Roanoke, Alabama farmer, told why he signed his name to the adjusted compensation check worth $779.50 issued to Charlie...</t>
  </si>
  <si>
    <t>                                           The Get Together club had a party Monday. November 7, at the home of Mr. and Mrs. Theodore Tibbs for the benefit of ... Baptist church. More than thirty children were present and four games were played. The little boys played football and other games.</t>
  </si>
  <si>
    <t>                                           I GEORGIA 4 II A. M. 15c. Children VxQ NANCY CARROLL J "HotSatorday^j</t>
  </si>
  <si>
    <t>                                           VETS AUXILIARY MEETS                  Members of the Indies auxiliary or Post Number one. Colored Veterans of American Wars association are requested to bi-i present at a meeting of that organization Thursday afternoon at lour o clock at the headquarters. Room 300. Herndon building. All of the members are especially urged to be on time as final plans will be made for the big Armistice Day celebration that will be held Friday night ot the Flipper Temple A. M. E. Church, West Fair street, in honor ot the Gold Star Mothers. The women were also  permission to sell tags on the street by the city council in its meeting th.'s week. The proceeds from the sales of these tags will go towards the welfare work-* that this organization is carrying on among the families of needy cx-.</t>
  </si>
  <si>
    <t>                                           Mystery Man Shooting and Stabs Youth                 Mystery surrounds the shooting i and subbing of Joe Hood. 18. 853 % McDani. 1 street, about 10:30. The i incident, according to tht young j man. took  on McDaniel street between Crumbley and Glenn i streets. Young Hood was shot in the chin, the bullet fracturing his jaw. In addition, he had a number of lac- rations anil cuts about the face and a knife wound in his  shoulder. Picked up by a passing motorist. the lad was rushed to the Grady where he was admitted after an x-ray examination was nude. Ke     ! Officer Harper that h. was walking along the street on his way home when he was shot. Although he was cut. he claims that .he didn't see a soul. Police are investigating this case further. His condition is not  as serious although he was admitted to the hospital. Hood says that he has worked for the Union Bottle and Manufacturing company for the past three years and cannot explain the attack.</t>
  </si>
  <si>
    <t>                                           In a few hours the whistle will blow to sound the start of one of the most fiercely fought battles that this season will witness in the Gate City. Saturday is the big day when two ancient rivals of the gridiron, Morehouse Maroon Tigers and the Big Purple of...</t>
  </si>
  <si>
    <t>                                           NEW ORLEANS, La., Oct. 20.--A 6-6 tie game opened the schedule of the newly organized Independent Grid League Sunday afternoon when the North Side Brutes end the South Side Lions broke even in Crescent City Park.</t>
  </si>
  <si>
    <t>                                           ME. JULIAN . the only Negro batcher In St. touts. Be Is  at HilTi Market.</t>
  </si>
  <si>
    <t>                                           ONLY  DAILY NEWSPAPER IN THE  SOUTHERN NEWSPAPER SYNDICATE. INC. PUBLISHERS W. A. SCOTT. Founder ...Frank Manhall Davb Manacinr Editor T MEMBER OP THE ASSOCIATED  PRESS THE WORLD * no rr*~            for   Kilt into the offer. SUBSCRIPTION  Out    , $?wO C Month*. tt.Zi i Month*. S2JS 1 Month. Me Wmtlr. 20*        Only. I2.SU  DAILY AT 210  AVE.. N. E. TELEPHONES: WAInut 14S9 snd I4CU Cntvrn) ^s Meond^law*  at the po*t office mt Atlanta, Ca.. under     act of March 3. 1573 ADVERTISING REPRESENTATIVE W.- B.  C0_ 5  Walton IKdir.. AtUirta. Chicaco.     York. ~-rw Orloami</t>
  </si>
  <si>
    <t>                                           US5! JWW^^ Ilia m J 1 s ONLY NEGRO DAILY NEWSPAPER IN THE WOpTlD E L, 1/111 V^ M$ I VdtPME-5-270 ATLANTaTGA., SUNDAY. NOVEMBER 13. 1932     /^,ll</t>
  </si>
  <si>
    <t>                                           The Atlanta Daily World THE ONLY  DAILY IN THK. WORLD Classified AdvertisingrRates DAILY  9c a line ,9c.a- Consecutive Insertions .Daily Jnil Sunday: ST xTe .....V9c .VJIne Three Times 7c a         "Smes 6c line Thrt,- Times 5o a line t*?'     "'~"" A*~ **en Orer Teleobon*. tke t-I.pho.. ,r dry.  -    "~i.   (lDM ch.r,^ J. , -t to r^lr i.y follow)., u2  "in ?in Oi.'~ri)jT.. All       .       ^ KC8TU      ta pm. .to,. WmH #nU4 w NOT wS. . u* ERRORS oX-SoSrv- no Incormt Inwrtloa    ' "~        for  lnt. Afortliwmnt. I.     Atlnta Doib          SoM.j- WorM win ko P        P. M. 8     . T1~^   .  ro   ne.pt Bandar o.tll t P. M. for th*  of Mtrou, ATLANTA DAILY WORLD WORLD WANT ASS  7LT8.  CATJLi WAlnut 1459 1460 -nod aik for mn Ad Taken</t>
  </si>
  <si>
    <t>                                           It might seem as quite a coincidence that the above quotation should be used as a theme just at the same time a new editor, Louis Kish, 29895, taken over the helm of SCHOOL NEWS? This article is intended to be inspirational and we are sure Kish needs...</t>
  </si>
  <si>
    <t>                                           Due to illness of Joe Ewing. at torney for Home company operatives. the lottery cases which went to have been heard before Superior Judge C. C...of Carters vile in a special criminal division of court Wednesday. were continurd until Thursday...</t>
  </si>
  <si>
    <t>                                           HHiERNili ONLY NEGRO DAILY NEWSPAPER IN THE WORLD  TfMfe fc. NnMBERTTO ATLANTA. GA^SATURDAY, AUGUSTS. 1932</t>
  </si>
  <si>
    <t>                                           News from Your Home Town                 Griffin, Ga.                 We wj.tli t ro rrec t a n error wh \ch was  in Sunday's -r  Hi-.* d.-ath of Mrs. I'aru Tiller. Ittttleail it wui tin- d  uT lur . Mr. Mntiucl (irit-r,  rort   in Hir* .                 Mr*. Raymond Head entertained with u dfh Khtfiil birthday  on Friday afternoon honoring her little iton, Phil- lip Hi-nd, on hi* eighth birthday. Mrs*. Henry Trier- of l itt*bun.\ Pa., was tlie         of Mr.-*. W. W. Sumnit- on 'HH-ulay at her home  m SitutU Ninth street Itt-v. K. D. I. and }lev. Reid of Atlanta were tlie dinner  of Mr.-*, Ituby Summcrliu on Wvdnesdny. Mr. Nr. l.vv White has returned to hii home in Atlanta after u    *k* visit t"      North  hid *'i*Ut, Mrs. M. K White.    , Mattie (.'         Davi* ol At , wu.t the Iiousl- Kitt-st of Mrs. M K White un Sunday. Mrs. Klla I'hillit's wa.~ called out the city on Sundiiy to the  of ht-r nUtt-r in Chaitanoot'^. Tenn. Miss I net Hcnltr      returned to her home after nj : a  in the city us the KUfsU of Mins Kunice Touchstone M!sd Naumi It. Grunt of Churledton. S C., rn- spent a few day* in thu city ns the home ^at of Mm. It. G. Murphy at her home on Eaxt Solomon street, Mr. Kdirnr Turner has  Ui the city nft.'r ^; a fuw weeks In Chicago victim: hut . Mr. Julius Mathis has returned to the city lifter spending three mot th* in Florida. Mr. .Inhnnic I .re Thomas left the city on Sunday nior. ftir en mi* at Jackson vilk- at Colombia. S. C. whi-ro lie will spi-ri I tv.o        stay. Mr. Henry Kuin of Dnlton, spent Sunday in the city n* the  of Air. ml Mrs. A S. Scott. He was accompanied to the city by little C II. June*. who will *pi-nd u few day* with Mr. und Mr*. A. S. Scott. The Voutit: Meti'A Ituildirtit Itilde  will mfi-t nt the home of Mrs. Julia Lewis on South Collins St.. Wednesday . Atmudt a. All members an-  skt-d   *      iit. Mr. Mnurtce Murphy.</t>
  </si>
  <si>
    <t>                                           We wish to correct an error which was made in Sunday's paper about the death of Mrs. Para Tiller, Instead it was the death of her brother. Mr. Manuel Grier, whit recently passed in Birmingham.</t>
  </si>
  <si>
    <t>                                           Several burglaries and holdups which have featured week ends in Atlanta for several weeks, continued to keep local officers on the alert Saturday night.</t>
  </si>
  <si>
    <t>                                           cloudiness and rain throughout the day..        will be IHllB'  in temperature.     OhttUhoochee river, which started   ,fo  Thursday afternoon will  tart; to rise again.</t>
  </si>
  <si>
    <t>                                           8 THe ^Mb^-H^ PARTLY CLOUDY with local showers and thunderstorms Saturday  possibly Sunday, not   In temperature. Lowe1* temperature,  24 hours, 71; , 88; average, 80. ARTHUR II. SCOTT, Meteorologist, Weather Bureau.</t>
  </si>
  <si>
    <t>                                           NAACP HITS I. HUE Jl GROW I                 All But 4 Bar Negro Nurses; Foreign Whites 0. K.                 DEMAND CHANGEi                 NEW YORK. Nov. 10.- Dr. J. G. I William Grccff.       $i'~ncr of Hospitals of New York City, is receiving :l vigorous protest on the t discrimination practise*! against col* I  nurses in the city s public institutions.                 The letter, sent him by Wiillerj While. Secretary or the National Association for the Advancement of p Colored People, specifically :      that the Commissioner see to it that  be no discrimination in I the propose.; schools or nursing t" j be established. The leuer continues: } "We. ask this., especially in th.itj it Is 'how the' apparent practice of I the Department oC Hospitals to  against colored nurses as is sh"\vn by the fact th:it colored nurses arc today admitted to only * city hospitals, to the -best of cur knowledge, namely: Lincoln. Harlem. Sea View and Riverside. Dis'-; at other hospitals has  t" tlic extent, we arc informed, that last winter when the Work Relief Bureau sent 3 colored nurses to Bcllcvue hospital  hospital promptly sent them toi Harlem hospital." J The letter further slates th:.t no colored nurses arc employed at Bellevue. according to information Riven the N.A.A.C.P.. ami that none are in training there or in any o'.hor city hosptal except for those mentioned above. Furthermore, the discrimination in the hospitals department Is sa d extend to the' j non-.cnt of Negro orderlies, elevator and telephone operators, and other positions. "Colored nurses." the letter con-! . "who live in Kings county, i can neither be  in the Kincsl County Hospital nor be appointed to pay positions there after train- j ing although they may be citizens] of Klnts County an.l taxpayers in; the borough of Brooklyn. This condition obtains not only in the ber-~ ough of Brouklyn, but in Queens] and the Bronx as well, despite the fact that these institutions arc t.~x j supported. j "The unfairness of this discrimi-! nation aganst Negro citizens is all j the more glaringly evident in that we learned on reliable authority' that at least 30 per cent of the registered nurses who have pay po-:  in 30 municipal hospitals of New York City and not : (Continued on Pace 6, Col. 41                 NAACP HITS (Continued from page 1) citizens of the United States. We do not object to these persons holding positions because of their bein^ of foreign birth. We do  - 1  contend, however, that these i persons who h:ivc not taken tha ti- or  it desirable So become citizens of she United States should not be given -  treatment over Amcri-an citizens who happen tu be .. "We urge prompt and  i action to correct these unjust con- ditions. We urge also serious con- sideration of the feasibility i.f - 1 intr all pay positions or nurses in municipal hospitals under Civil Service regulation. In the Health Depavtrr.ent where nurse.- are Civil Servue appointees and must tike examination, i- nurses not only have made excellent records but  numbers of them have been employed and thus have been [reed from discriminatory practices which have characterized the administration of the nurses division of the Department of Hospitals of the City of New York during your term of office." The Commissioner is also invited to look into the racial attitude of many of his subordinates who arc responsible for the  riled.</t>
  </si>
  <si>
    <t>                                           NEW YORK, Nov. 10.--Dr. J. G. William Greeff, Commissioner of Hospitals of New York City, is receiving a vigorous protest on the discrimination practised against colored nurses in the city's public institutions.</t>
  </si>
  <si>
    <t>                                           Brother Defends Sister Accused of Stabbing                 "Mrs Kugcniii Bris-oc  be j the last mother In the world to cut her own daughter." a brother ol Mrs. Briscne told a Worlil report- i er in  upon a story r:u*-  in the Saturday  5  edition of the Atlanta World sUtI inj; that Mrs. Bi'iscoc had cu; her                 own daughter. Mrs.         . 75 Fitzgerald street, at a party Riven la*t Thursday night at 434; Irwin street. He :  i i Mrs. Annie Cly.le Brooks, a cousin of the  woman, of any blame I In '.ion with the cutting. I i  that two msn were - i I  for the incident and that charges .l be preferred  I them. They both arc working wo- men. j "Mrs. Briscoe. who was charm*! ingly attired in a black evening j dress, was a guest ll-.pt night      I not hostess at this affair. whic'.i j was  by a number of ] known social lichts." the man on- 1 . "Both         and my guests' were greatly upset over the hip- j  of t'.ic . 1" some un- 1 known manner, some members or the 'underworld crowd' slipped im     the party  it is on? oi Ihcr.cl 'hat I blame Sor  cy . n:cci ts .-.'. '' ^r.d i:::-, CoaUnqtfi on rx^c $, C9I. R                 Brother Defends Continued  Paee 1  j. "She came early in l.'ie  :ind stayed over, although him name was nut on the invited list,  her  aware of her whereabouts until the text morn* inic. No one thought ol her  , on that account, as  was a member of ihu family. As the party went on. she began to act as though she was crazy, and. while I went across tlie street to escort a guest home, the two men attempted to take  out of the house as she was disturbing the-'party. ."When I returned, tile house was iri an uproar and I saw one of the men knock my niece on the ground while another cut her. Anotner person, who was without authority to do so. culled the policemen       he Is probably the one who gave them the wrong information concerning the affair from which i they made their report. I don't j know why my niece would say that tier mother and cousin cut her unless it was bcause she was doped and didn't know what she was dune ana saying. i "I believe  it is. orii) r;ght that my many friends wl-.o were at the party and know the truth. i as wci] as myself, should let the i public know that the mother and cousin did not commit this crime. Both we and our friends are intel  and respectable people and 1 am very, very sorry thai me part} w:is spoiled. The house whs beau  decorated and everything was in good order until this unfortunate trouble started. I do wish to-_ tell my friends that I will give  party very soon and thai from now on I am determined that the "underworld element" will be eliminated from our society if we arc to make it wh:it it should be. fit imd iiL cep uii.Ic l.or respectable people."                 John Biiscoo</t>
  </si>
  <si>
    <t>                                           "Mrs Eugenia Briscoe woud be the last mother in the world to cut her own daughter," a brother of Mrs. Briscoe told a World reporter in commenting upon a story carried in the Saturday (November 5) edition of the Atlanta World stating that Mrs. Briscoe had cut her...</t>
  </si>
  <si>
    <t>                                           Honor Pastors of AME s Announced                 By Rev. C. A. Wingrietil (Special Writer)                 The Atlanta conference in session at Cosmopolitan A. M. E. Church. Bishop \V*. A. Fountain, presiding, is rushing business to a '. The fact  ninny or thp Atlunta pastors made 100 per cent  t.i has paused much speculation  the ministers ;is to the                 Atlanta pulpits. Dr. J. A. Martin. E.'itor S. S. i Literature,' C. M. E. church, ad-, dressed the conference ; Rev. \V. B. Wood. Dist Supt.. Griffin' Dist. M. E. church. Pressing EM- crs wint into executive sessions       to arrange the  nn-i appointment:: for pastors for another year s work. The fo  visitors were introduced. Dr. J. A. Martin. W. F. Slaufihtcr. .f. R. Wilchcr. W. B. Wood.B. K. Moses. Horace Williams, J. W. W. Moons. T. K. Reid. R. T.- Jones. Bro'li'-- Zrb Show, p D. W. B Wsodr J. L. SaH'r. E. S..S2r.JC-r:.- i Tht  c: 5.:v V.' 5. VcM and B. F. M^jts. ot Alobsma, W.                 F. Slaughter were -announced. The: Bishop presents.! Rev. M. C. Da- j vis ;intl his newly wedded wfe. for-  Miss Lucille TValk'r. Rrand  of Bishop J. S. Flipper. The conference a. resolutions endorsing Bishop Fountain's  ami ! that the next General Conference me t here in Atlanta in 1936. The Missionary ; preached by Dr. Charles Summer Williams, pastor of. Bis Bethel was one of the hich light* of. . He  that tf the worl l is  it will be saved thru the efforts of the missionaries. He also stated that . scientists :     philosophers all have their places but it is left to he missionary to save the v.orld. Doctors D. R. Forbs. S. A. Lalng. E. C. Mitchell and Professor S. L. Lcc. slate agriculturists, addressed the conferenc on Home Building;: i President W. A. Fountain. Doctwrs w. Hirr-5.- Dtan S. C. I r.Jj'.shr.!! ^r.i ; 'w^ll ;ccaS: at Continued on     .:~^Col. 6                 Honor Pastors (Communed from Page One) the E'lucationol Mass Mectins here tonight. The city pulpits will be fill ed by visiting -s to the conference. Minist'rs who were given 100 per, cent rating include: South Atlanta District. Rev. J. H. McFarlnne. presiding elder, and Revs. D. T. Babcock. J. F. Moses, and H. E. Brown. Atlanta district. Dr. W. Boytl Lawrence, presiding elder. Drs. W. S. Kellv. W. R. Wilkcs. R. L. Smith. L. JW. Lane. D. IV. Wiggs. J. W. O'Neal. W. C. Davis. H. I. Bcardcn. E. C. Mitch' 11. A. L. Clark. William Myrick. R. T. Madux. A. J. Edwards Monticcllo district: Dr. B. B. Thornton, presiding elder. West Atlant* district: Revs. G. B. Hannan, E.'Waricy. C. H. I3      , H. E. Brown. J. P. Woodiuil, A. W. Lowe. H. M. Parker.</t>
  </si>
  <si>
    <t>                                           The Atlanta conference in session at Cosmopolitan A. M. E. Church. Bishop W. A. Fountain, presiding, is rushing business to a close. The fact that many of the Atlanta pastors made 100 per cent reports has caused much speculation among the ministers as to the...</t>
  </si>
  <si>
    <t>                                           i Great Savings Kfl STORK H CCO W. Fair SI., la. 7121 19 DRESSED FAT 4 M HENS, LI. 3" IIS FANCY WESTERN H VEAL OR BEEF Qjl  j Steak.Lb. **2" M COUNTRY STYLE I gg PURE PORK 4~\. g SAUSAGE^.b^j^ ffl Fresh MULLETS I or Croakers. Hi- H fresh dressed 4 AM FRYERS, Lb 1   0ItK 1 1 C i M CHOPS. Lb 'J_J H MILK. 2 cans uto j P SUGAR, 5 Lbs. 23C j flH Wr  3 Colored        anil 3 Bj ColorcJ Urlixry      to Sirvc Vuu</t>
  </si>
  <si>
    <t>                                           R^fKE 1933 BRING YOU "j will help  u  doc ^^       cu,, j,^5TJfcV J Madam Parma (PALMIST READER) Truthfully  and advise* on all affairs or Ufa. She not only lulls on (if your (roubles bat points the way out. LUCKY N'UMKKItS TO ALL. SATISF A C T1ON GUARANTEED. C"          - , 50c. Perma'li-ntly located in private home at 026 N. Alain Street, corner Mcni-r Ave., College Park, Gs. }- welcome. Madam Lucile PALMIST Lucky Numbers Truthfully Helps und AdvlMf Yuu on All AffnlrM ii    . Tulls You Wlmt You Want to Know nml Answers All Questions When Others Full, Consult   - Satisfaction Guaranteed or Nu Chai'Uo Lucky Numbers          4 COMI  $2  BOc-FOR 1 WEEK OHtX.: EVERYBODY ' AH Rcaillngs ConndMttaU'f Located In Tent, look' foX ihl) ij name Mndain Luclls on1 I  K Four blocks , ' V Yiu-dn Cur Uno. on ~'UmKw I Marietta Rood, *t Hity;</t>
  </si>
  <si>
    <t>                                           :l. I Atlanta Has Xever Seen Such ^u^SS^ LOW DENTAL COST! Wi?  ' SPECIAL! ~*?^Mrf-f-jfc UNTIL DECEMBER 1ST ONLY!  f^S^ Bigh-Gmde Featlier-Weight 3      COLD DUST ^^=- PLATES This Special Offer Extractions! LOWER V^H ^H V ify,u^            , (That Fitix - Work- now i. the time to Pl.tet that on be ^^^^L *ct. and help your.elf to BIC worn with .t  ^^^^^1 !^X!o?^" mA comfort.      ^t_ ^^F HOURS: 8 A. M. to 6 P. M. work of Dent.I Art. ^BMB Sunifayj JO to 5   ' MODERN  3^/2 Whitehall St., at Plaza Way on Viaduct WA. 0712</t>
  </si>
  <si>
    <t>                                           HOME- FOR RENT OR SALS FOR RENT OH SALE Hrick Buoicftluw. No Xlil Aoirl*r Avenue. N. E. Inqulrt HAAS HAAS. 11U9 Firat Nutional  DuilUtmc. No Telfphone Cunvvi</t>
  </si>
  <si>
    <t>                                           TRADE                 Nesn. Trade Week," an insti- tuli Mi new in the annals business in Atlanta, is scheduled 10 get underway bright and ear!~' Montlio . October SI.    .-0 to leaders of the Atlanta Negro Chamber of Commerce, the - iz..lion which, with the assistance                 of :t large number of l"ca( firms, is sponsoring this bin city w;de annual event, the public will be urt ed throughout the week 10 patronize raci:il and neighborhood business houses. Among the many features of The week, in addition to a large number of  at the v; stores and the presentation of many \* and worthwhile prizes I" 'he customers, will be three  conducted between the incv hants themselves, with a l;n-uc grand prize      the business  garr.; the  number 'if points in each class. It is to :hc winner of the grand prize that the Atlanta Life Silver Loving tup wMl be awarded- j This cup. which is     be pur chased iind  by the .I. L. Holloway jewelry store, v.ill bci on display a! tbc chamber head-! quarters. 3 Ashby street,  Necn. Trade Week." Tl:e Allaiiti Life Insurance         h:is  it to the Ncfiro Chamber of Commerce ami it will be llic property of the winning merchant m:til the next annual "Ncco Tr.idc Week." The  divi.s.dns in which maj'~r awards will be of- i  the merchants ami which w:ll  towards the grand r*'!zc :u-c: to thestore having the bost display I and condition of * to j the store with the best m. j and .dls 115  is:    * t" the store with the best record  methods and best set of        . The churches to", will be  l in -the bic "Nckio Trale Week" drive and each pastor is ^ asked to  the members     his  10 hade with Negro merchants and business mcr.. in I his sermons this Sunday. Placards j will be placed ai  points I and in the  of the  . handbills distributed, and advertisements carried in the newspaper giving details of the various food anil cooking demonstrations and ; contests. Lccal  arc c- practically one hundred per icnt i;i this great drive while  whole- 1 salers arc      make this selling event one that will bo  I . I</t>
  </si>
  <si>
    <t>                                           "Negro Trade Week," an institution new in the annals or business in Atlanta, is scheduled to get underway bright and early Monday morning, October $1. According to leaders of the Atlanta Negro Chamber of Commerce, the organization which, with the assistance...</t>
  </si>
  <si>
    <t>                                           Rev. T. B. Miles, one of our leading ministers has returned from Vicksburg where he attended his regular service. He reports no services on account of rain. Rev. Cochran of 517 Roosevelt Street cannot respond to the many Calls from the various churches wanting his...</t>
  </si>
  <si>
    <t>                                           KNOXVILLE, Teen., Oct. 20--There is danger that Knoxville College will have her carefully planned homecoming spoiled when the Bulldogs take the field against the Kentucky State Thoroughbreds in their annual grid classic.</t>
  </si>
  <si>
    <t>                                           Sharing Alone To Hi f*\ j_ T\.                 By MISS FLORENCE M. READ           Spclman Ccllero                 Another winter to be faced by countless numbers who have had no .steady  for one, two or three year: is a challenge to every one who has anything to share it. The .-'-s in the Commim- ity Chest have the training and machinery for effective relief. T.i                 cive through the Chest seems to me the surest way of serving those whose  i.s greatest. '"Jf you have a j jb. you can help." By H. S. MURPHY, Printer I am fcr the preservation of the Community Chest because I believe in organized giving for the effect that it has on Vioth the benefactor and the beneficiary. Large number? of us will not be able to give this year, and especially in amounts that would bo most effective, but this fact, it seems to me,  the need of that sort of gi nn;; that makes                 men ffi.I that ;h, :[,-c yet ih.-ir brother s bvp.-is; ih.,i ..-s tin.- iK  s knu'.v ; the divine; i.i licit ~!fsii;Mci! n dr.-trov character r,r ~.;f :ii".\ Kut H  to  :i man t (.f the (,'-r i i- ko'-p him i,iit nf .          "   !v t'!ai-L- i.y : him to hc!~)  f. flu! v o:'_-;.i:iv:cd Kivins i-;::i  '. By DR. CHAS. H. JOHNSON V.'i'.h the approach of '.v:::. carrying with ii manv U'lil'.-d no. Cfs.- in necessary to c partially /iv existence. ~.-.~t.v individual wlio can, should cci:!si'!er i_t a Gcd  privilege to saci-. if : he. to make a mn*t liberal contribution in or'!':r  the unfortunate ^    mi^ht not suffer: and. in mv ^fusion. there is no agency more capable cr hotter fitted to  and distribute these contributions than "ur own Atlanta Community Chest- Lets r.li .</t>
  </si>
  <si>
    <t>                                           Another winter to be faced by countless numbers who have had no steady income for one, two or three years is a challenge to every one who has anything to share it. The agencies in the Community Chest have the training and machinery for effective relief. To...</t>
  </si>
  <si>
    <t>                                           News dispatches in lurid headlines carry a story of a "Negro Uprising" in Tallapoosa county, Alabama. The story has the usual sensational earmarks when such things are first reported. Wild charges are made about these Negroes being Communist, wanting social equality, large qaunities of Communist literature and etc., but if you will read between the lines, you will question the correctness of the story. You who know the lot and condition of the...</t>
  </si>
  <si>
    <t>                                           HIGH S BARGAIN BASEMENT THE J. M. HIGH CO. WISHES TO CONGRATULATE THE ATLANTA DAILY WORLD ON ITS FOURTH ANNIVERSARY. MAY IT ENJOY EVEN GREATER  Clearance!   Reduced Below Wholesale Cost! Formerly Much More Than Only 100! ALL SILKS! _^H 4% 4fe Many beautifully WASH- BjB EMS Hj %W ABLE CREPES included. Hj %fl  C Adorable , worth much ^^f BH M^ ^^V more  thic low price. $jfi S'u.ei 14 to 44. HM WortA DOUBLE Saturday's Price Sale limited to 75 Dresses! J^l^ ^^^^ 4^ All silk material);. Print cMf- ^Jj" ^TiBl HJ B B fons. Solid and printed     ^B ^^H ^^B . Mnny versatile jacket ^^F JB[ m f^V . Never greater bar- /4r cains. Sizes 14 to 44. ^M</t>
  </si>
  <si>
    <t>                                           Several gunshot and knife victims were treated at Grady hospital Monday night as the result of holiday festivities, one woman, a Porto Rican, admitted in a serious condition.</t>
  </si>
  <si>
    <t>                                           TIM TYLERS LUCK n*  woma,, By LYM                  MESCAL IKE To,,^ Troui.ie By Huntley                 FELIX, THE CAT By SULLIVAN                 ByCYHUNGERFORD                 RABID REVERIES                 TUBBY -^mm/ms***-^**'-- A Fair Judge of Speed</t>
  </si>
  <si>
    <t>                                           BROOKLYN, N. Y. Nov. 9.-- Despite the difficulties of the present depression, the Brooklyn branch of the Notional Association for the Advancement of Colored People has triumphantly gone over the top in its drive for $600. under the leadership or Mrs. Daisy E. Lampkin...</t>
  </si>
  <si>
    <t>                                           Macs Beat Eureka 26-6, Scrubs Take Bogaiusans, 15-2                 Locals Run Wild Over Visitors                 NEW ORLEANS, La.. Oct. 20- In contest that rc*~  n !  more than gridiron competition, the well-couched  warriors of McDonoiih 35 Hi School  the Eureka Institute football eleven last Saturday . The final  was 20 to 0. Playing at Lincoln Park after :i succession of early morning showers, which were preceded by :i:i all-night downpour, the gridiron was a  quagmire, a sea of mud.  water, and slop. The condition the fi- 1 I slowed lip play to a walk, bul notwithstanding that the game w.is by no means void of thrills. It was :i bruising combat from ; to em', but from the very  it was apparent that Eureka never ha.I a chance. Less than one minu'.c and a  after Thirty-five kicked off to Eureka. "Chippy" Kolilbatz got hold of the ball and ran roughshod over a flock of would-be  for the first  of the day.</t>
  </si>
  <si>
    <t>                                           The Cretarian Club is planning on a happy Christmas. This club is the strongest young men's club in the city. It met last Wednesday, December 14th, at the home of Miss Blanche Alfred, 507 Thomas Street. They reported a lovely meeting. They meet Wednesday night of...</t>
  </si>
  <si>
    <t>                                           HOW WOULD YOU LIKE To] Have Lots of "It" AND BE STRONG, ROBUST. HEALTHY } How would you like to be popular, and Hrcngth, to  vitality to tave  eye.  your every youthful vigor, to male, you  ind        ? If you warn plenty healthy wfth not car, in STSrti V^- loo of. that physical charm,  4 Attracts everyone Kart improving your       TOU Or Money-Back ^^nts^-ss-s ^^ r t^ B y- If  ma'~ you eat '.SFoc^t-JoMph.     . help, to ban- better, Jeep better, and make  ou feel    common stronger .and more  in everv!!lT!?f?'..hr!f!*. .'!.b?!l?_1"* .f.*?^ 5^ "funded^</t>
  </si>
  <si>
    <t>                                           ^^B ^^V ^^h ^^^^^^^r ^^1 ^^h ^^^^^^^^r ^^l^^^^l ^^1 ^^K ^^^^^^^^r ^^3 ^^^^^^^^^h ^^H ^^h ^^^^1 ^^B ^^^H ^^^^^^^^f ^^^^^^^tr yn^^^Bt ^^b ^^^^h ^Bi ^^^b ^^^V ^bO^^^B khi ^es ^^b I^ in *^bBI fl^^B^^^^S ^^1                 Atlanta Officer Held for Murder After Killing 2; 3 Negroes Slain by Miss. Folieemen                 . Ga.. Oct. 10- How a 52-year-old mother, and her 23 year old daughter were killed outright, and a son. 20. so badly wounded he may die was revealed today to a reporter for Tile Atlanta Dailv World.                 The double minder took place near Moreland early Monday morning.    * slayer was an officer. Bailiff Sam Thompson, who had gone there in hope of arresting one                 ol the children. The dead mother i.~ Mrs. DinahStrickland-   2. mother of nine children. Her -r slain at the same time is Miss Onota Strickland, 2Ii. The son who is lying today seriously wounded is Onelius Strickland, 20. The trouble which ended in ihe tragedy occurred          nigh: when a car driven by M. C. StricK!and. 19, son for whom the bailiff was looking, hit a wagon owned by Lin Cnrmicjjael. white, and driven by another white man by the name of Walden. Thompson, the bailiff, at the time tul j Strickland he would have to pay S3. which the father promised to pay Saturday. However, the father saw the i owner of the wagon and agreed to repair any  done. This j was accomplished Friday and Mv. Carmichael said he was absolutely satisfied. Saturday came and Bailiff Thompson approached Strickland again for the S3. The man told him he was not willing to pay the sum since the owner of the wagon was satisfied and the officer had no warrant. The bailiff then threatened to prosecute the man. Nothing more was said or done until Monday  about eight o clock when the bailiff, in  with Hunter and                 Donald, two white men. r.ne to the Strickland home and ?: J they hail a warrant for the  of M. C. There were just Jour home at the time the mother, the son ami daughter who were later wounded or slain, and another son, Buffu.?, II. who witnessed the murder 01 his kin in cold Wood. The father. Eetor, was asked fur by the bailiff, but he was away at the time. They w^-c also told M. C. was not present. Xot  either of the women or the :*ons, who came to the front perch, Thompson went into the house and searched everywhere. In one room, he found an unloaded pistil which the officer put into hid . The father had removed the bullets and v.as carrying them in his pocket, according to his statement. Coining back to the front porch, the bailiff began cursing, the boy says, and threatened to lock up the  haired mother. She told the officer she was going nowhere.' Then he vented his wrath on the sister and threatened her. She also said she vas not going to jail. The boy. when treated likewise, made the same kind of reply. All three then arose and went into the house while Buffus remained on the front porch. The (Continued on pase 5. Col. 7)                 2 Women Slain (Continued from Page Ons) officer ami the other two white men followed the trio, cursing and swearing, and when the Stricklands refused to say anything else, Thompson opened fire. i The mother was the first to fall. A   her breast and neck and she fell dead to the floor. Immediately he turned his blazing sun upon Oneta and Or.elius, who were too amazed to dash for safety after their mother fell. Then the bailiff and his two friends started away, with one of the white men taking along an axe standing beside the front dcor. Contrary to reports carried in a local white daily and made to superior officers, the women made no  at all to resist the men and never once did they touch the axe. The only gun in the house had been removed by the bailiff so it was impossible for any of the Stricklands to open fire." Buffus swears this to be the truth, and nobody who :-:ees the tragic figure of this 14 year old hoy and hears the child tell a  forward story can doubt him. S!2 H" Sheriff Banks of this county says the three white men stick to their statement of boing attacked and shooting in self defense, while the bailiff wears a bandage over his head which may be thero purely for effect. William V. Atkinson, county prosecutor, says tho atrocity will be investigated by "some official body." Funeral services for the two women will be held Wednesday morning. Judging by the condition of the Strickland homo, the  either fairly well fixed now oV has been at one time.</t>
  </si>
  <si>
    <t>                                           NEWNAN, Ga., Oct. 19--How a 52-year-old mother, and her 23 year old daughter were killed outright, and a son, 20, so badly wounded he may die was revealed today to a reporter for The Atlanta Daily World.</t>
  </si>
  <si>
    <t>                                           I saw Blackie Whitman ten minutes after he was shot. He lay in a little warm lump upon the ground, fast fading past the brink of eternity. He was smiling and perhaps the tears in my own eyes blurred the vision of that smile--made it seem larger and more pathetically forgiving than it really was Blackie Whitman, my friend, gone. I could hardly make myself believe it.</t>
  </si>
  <si>
    <t>                                           ^UF M b^^^^^^^ ^h^l ^Hflk f fl^QH ^va S^^Ba^^^L i^S^Pj iv ^w^S. ^f ^h^^BB^B* ^^H^i  s3  j^*^C^b 4E^^f^^^~ ^B^s^^v^r ^^^^^Si ^^B^B^   ^^r ^b ^B^B^B^B 1ST FLOOR SPECIALS Full Fashioned 3RD  SPECIALS LADIES7 WASH FROCKS 48 Cau-gc Crystal 200*SAMPLE SWEATERS pHn-r^rr^rs. SS c^r CHIFFON ln TVoyf and ml*cs' 50r H to 46. Values 88c. THURS- J^i  S*~~ *?il sis-??. S1.00 values      DAY fc^   *?  BOYS' KNICKERS AND LADIES' BROADCLOTH   f ~%~ SHORTS SLIPS C Arf* W'e'-e $J-39 ^    . o"c !f- -1     = woolens suit- CHf Bias-cut in Flesh. Tcarose 3 J*#  ( ab!c r=r Jchral wc2r- Go'Jtl ****%~ and White. All sizes I for SPECIAL (^7^807 ran;c or sizes Aires'BiVAv AZZCoJors BOYS' AND GIRLS' L1.A1J.Uba  sen ic;-v.ci;hts Included. YTSBTrkW         UNDERWEAR ah E1? S22** CA^ SS^..^'1.1:..506...^ ^c^-Zar 25c VcZuc MEN'SHAli HOSE glows' fabric Golf MUSE ^.^.^.^g; 50c       styles Hi black, black-      n BOYS' WORK SHIRTS End-white, brown-and-. Jy^ 1 nur. Only 4mm /  4. Heavy chambray. ideal lor m Ucgular 73c value SPECIAL 13 91 B school wear. All . 50c ^  4* EXTRA SIZE RAYON     M% JlII^   MEN S UNION SUITS Bloomers, vests and panties PA. J JL IjJIi'L J J  Heavy-weight and lull-cut. CAtf* in^lace- or tailored     ^ ^6 I^ft *X" RT.^ j All . S1.00 value ~)UC IcVccT'iipo            " pai- "**^TT^~ MEN S AND BOYS' CHN KRINKLE BEDSPREADS AJTaWK ^0o" 50C Size 80x99 spreads in Rose. g^ Bffl Bras nl e m f i-~      -     Blue and Green. Regular TDc     ^~Tl 1 [fl SEAMLESS SHEETS  w*' ll@ 1 s     81x3~" Rcsular sl0  CArf* LADIES' VESTS OR X^ Jk.      *1UW PANTS    ^mF COTTON BLANKETS All sizes, ladies1 ribbed vests   14*         ^           7r!3^W I" fancy plaids, full size, 70x JJAor pants. Regular 50c value.  J?     1la!~L1^_^S^ S0- Valuc 89c JlJVf CHIlDREirS DEPT. I "'^SeSSEs"6"  S DEPT. KniiicJ Lcggins on- and Cfl W^01 Sweaters Skirts on Body Waist   4 fcC "~l"s- stes t0, JS- J. jMf Jjfcif* "si e0"^!^'5' v'*2 Trs. Rayon Bloomers ^~wJh Children's COATS  TwW Rayon and Broadclotli 2 Rubens' Shirts Rcy. ^7.95 Votucs i  Babies' Woolen Blaii- T $y^50 2 Print Jpresscs, ,~W kcts. 36x^0. .,,~vS^s..o,.. Tots' Suits, sizes 2 lo 6 J Croup 208 Ladies' 1 Croup 273 Ladies' Ladies' 2-Pe. Fur-Trimmed SILK DRESSES SILK DRESSES coat suits A complete assortment Sunday nisht and street 3U1AO .^~~CA 01 styles for every occa- K A C(~ styles. The  colors, ffi A C.   All the newest colors. 3^ Jy sion. Every wanted color ^cB.^" Including black and browns. Sf   JV suitable for -'round included. Regular $7.93 Sizrs 12 to 48. $3.95 Jtt . Sizes 14 to 20.. $9.95 values. values. values. I LADIES' COATS I i^J yA M"TS" 5^J LADIES' COATS I Styles "f        All silk-lined, umi trimmed with Black. Browns. N;vy and Greens. O1.O3 Wi*          C# S W Mnnrt     -  H 4t-  12jSS Sizes 11 to 48. $7.95 values. y*-"i WasKCnrtM 3  ) 9  TT. . 1 x 1 h</t>
  </si>
  <si>
    <t>                                           The, members of the Eliza Turner., Auxiliary will be entertainelley Mrs. Georgia WashBurn, Johnson Ave., N. E., Monday, October 31. at 6:00 o'clock p. m. All members are urged to be present.</t>
  </si>
  <si>
    <t>                                           ATAUGOotj^^  1    *er. M.Ui tMn Blood Kkk jod HtM,. BuJd, Slltnjll, ..d V^k Al..vl ER,-ti,e Wli, S-   ,?</t>
  </si>
  <si>
    <t>                                           (1ST FLOOR SPECIALS f Fashioned 3RD FLOOR SPECIALS LADIES' WASH FROCKS 48       Crystal 200  SWEATERS In newest patterns and m r^1T     ! ti P.     -- -.nH miw;' ^A prints. All fast colors. Slz-s CAa CItH H 1  SKftslTO m *%Hlf* 14 to 46. Values 88c. THURS-      *rfS"     - *Wi^ saw- 51-00 values J W DAY W*%ei?   f BOYS' KNICKERS AND LADIES* BROADCLOTH  3.09 Jb  W      SHORTS     Color. BOYS' AND GIRLS' UNDERWEAR AU si,cs ia OT1,.cr. !    * Bloomers, shorties and pan- C.rt,*~ unio;1  u ls- Regular 50c val- *9 VW tics with fancy lace trims and *     Boys Z,^-Lcngth ucs for .qU.CS:. R.CSUlar..50.CI^; 25c Va/ue MEN S HALF HOSE LADIES' FABRIC GOLF HOSE ^.^.'"ff.f^i^OC GLOVES 4^ww Nc-.vest style in UUcfc. black-     BOYS' WORK SHIRTS ?nd-. .-anU-. ~\f\* i nur. Unty  SB     ^ Heavy . ideal for A Kegular 79c valus . H hH school wear. All sizes. 50c *%~~O  BB OB  p value 2 for  Tm?E       V men-s  sum B'.. vests and pnr.iies f A^% 1                Heavy-weight and full-cut.     in lace-trimmed or tailored ^" L^    "3 A J"BT.Wdl A1! s'^-s- Sl-00 value  patterns. Also extra size tal- S "g ~^Mft 1 Jl P g  slips in tailored pal-     **"^ MEWS AND BOYS' CHN ^^^l^^^^8SBs^ la tweeds or solid colors. C ^% KRINKLE BEDSPREADS J SW A vA $1    *HJC Size 80x90 spreads in Rose. SB ^Si f ia*i  CurrTC Blue and Green. Regular 70= *$    H ^n^f M I ri ii.AML.E5S SHEETS LADIES' VESTS OR \3JL^r COTTON BLaWtV PANTS ^BpbbbPwmmi^   All sizes, ladies' ribbed vests ^^~tf^ ^n^'?^^ lK Ia"cy plaids' fuI1 sl2c. 70:c CAm 9 or pants. Regular 50c value. *2 W W    n S GB^  f Vni SO. Value 89c jUL ^H for Hu  L^m^  fl^LUL^^ M*^^B I CHILDREN S DEPT. "'"''^3' CHI1 DEPT. 1 KniucJ Lcggins 0  and -2 m^ Cfl Infants' Wool Sweaters H 2 1'ij. Rayon Bloomers  JS     Children's COATS       Rayon and Broadcloth' B 2 Rubens' Shirts Rcy. ^7.S5 Va/   . I Babies' Woolen Blan- Z?J?~  $A.SQ 2 S^^' 5" D kci?, 36x50. s-.7  . S!=:S tc h. T? Tols, Sui(Si ;2 tQ fi H J Group 208 Ladies' 1 Group 273 Ladies' Ladies' 2-Pc. Fur.Trimmed SILK DRESSES SILK DRESSES COAT Sji^ A i-  m^ Sunday nisht and street tUAl SUilB of styles for every occa- (L A CA styles. The newest colors. fi,*b Z.f% All the newest colors. 9U H fion Even- wanted color *      Including black and browns. SB B V suitable lor -'round M H included. Regular $7.95 Ty Sizes 12 to 43. S3.05 iH wear. Sizes 14 to 20. $9.35 H values. values. values. 1 I LADIES' COATS! fo W^JW^ 56^ I-' COATS I I    ^j-$45o ^ Wa %T^"$gso S Styles Style* AU s'.lk-. ! trimmed with Block. Browns. Navy and Greens. O1 -O3 Whitpfiall Ct S W  furs. Sizes H to $UJ)5  I Sizes 14 to 48. $7.95 values. y*"7i  values.</t>
  </si>
  <si>
    <t>                                           WHAT S OH j                 GEORGIA- "I Am a Fugitive From a Chaingang" with Paul Muni in its world premier ;. Dramatic .1 of Gecrgia  methods. No advance in prices.  "Doctor X" co-starring Lee Tracy and Fay Wray. The secret story of a fiend who lulls by the light of the moon screened in . Beginning the "Shadow of the Eagle," -ONE- "Blonde Crazy" with James Cagney and Joan B'ondciJ. A red-headed  ....a blonde chambermaid to. burn him. ...a wisecrack 1 A kits! A slap! And the fun begins. Also third chapter of *'Thc Last cf the Mohicans.** DIXIE "The Big House" with Wallace Beery as "Machine Gun Butch" and Chester Morris as "Morgan." A prison riot that will raise hair rn bald-head* SUNSET .CASINO Alabnma State Collegians* south'* hottest dance band in their final Atlanta engagement of the year en Monday night, November 14. ELK S REST Eddie Heywood another one of those popular Monday night dances, with the usual Heywood swinging</t>
  </si>
  <si>
    <t>                                           SEEK THREE OFFICERS EOR RAPE                 Chief, Two Patrolmen Accused by Girls j in Chicago                 issue warrants!                 CHICAGO. Nov. 7 - Warrants 4    'nC malfeasance were Issued  against Chief of Police Charles Novetn yana Lieut. Alfred Younc nf Stickney and against Policeman Auuust J. Werni**k. of tne  suburb, accusing  of  criminal assault.                 Ttie warrants were issued by Justice of the Peace Martin C.McCrath of Oak Park at the  of Assistant State's Attorneys Euclid Taylor and Edward         . Mr. Taylor is the habeas corpus expert in the stale s  s office and recently was entrusted with devising a means ~.f returning Samuel Insull to the United States. He is a vice presdent of the National Bar Asso.-". Ho and Mr. Markham also obtained ti warrant charging criminal assault against Paul Fayette, white, of this city. *i hc  involve two colored girls, Lena. Darty, 14, and her sister. Juanita, 16. These girls  Mr. Taylor that they had been seized by Fayette and two other white men. not yet identified. and carried into the forest preserve near Stlekncy where they were attacked. They said the policemen came by shortly afterwards and instead of arresting the white men.' ^Jocked -the *-'up in the Stickneyl V'j^, I  T^le they were behind the bars.  . the white policeman tried to attack them. This case has excited considerable comment because of the reported attitude of the state s attorney s office during the last four years toward attacks on colored women. It has been charged by local newspapers that in several cases where colored women have complained to the police against attacks by white men. the state s attorney has allowed the police to whitewash the guilty white men     making the charge that the women involved were prostitutes. On the other hand, criticism has been directed at the state s attorney s office because of what has been described as vengeful attempts to "set" NcBroes who be- ~-ome involved, innocently or other- j wise, in cases involving white j women. One case which is pointed I to Is that of Carl De Vol. white broker of Evanston. After Inducing i a young white girl to accompany j him to a looming * in  colored district. De Vol. .l the girl. He then told her if she would submit to perverted intimacies from a .l man In the house, she would  no serious consequences. When the crime was discovered, a state s attorney allowed De Voi to escape after putting up a $1,000 c:ish . The Negroes were left j JioldiMUhe bag. The woman whn  house anil the man were sentenced to 30 years each.</t>
  </si>
  <si>
    <t>                                           CHICAGO, Nov. 7 (ANP)--Warrants ... malfeasance were issued wednesday against Chief of Police Charles Novetn yand Lieut. Alfred Young of Stickney and against Policeman August J. Wernick of the same suburb accusing him of attempted criminal assault.</t>
  </si>
  <si>
    <t>                                           Finder Takes $1,000 Bill to Be Label                 , Mil., August 2- I (CNS Jumes Allen, , last week found u $1000 bill liut until informed by u friend of its value mistook' it far u label from u beer ki K. At the in. of a friend In; was persuaded Lo deposit the bulk of h/.s Tind in the bunk. The bill Wits lost by William Oelc- who wus on his  to attend to several business transactions. He  th loss to the . Later it tame to Hie  of the ( that Allen had  $R00 n u bunk. At the time of       he had but $4.75 in his  Allen explained his disposal of most of the rest of the money. Oelerich failed to prosecute.</t>
  </si>
  <si>
    <t>                                           Mr. T. R. Gay, principal of the Fairburn High School, was the guest of Miss Mullins at her home in Carrolton, Georgia Sunday, Nov. 6th.</t>
  </si>
  <si>
    <t>                                           Talladega caught Coach Frank Forbes' Morehouse yearlings both physically and mentally "off" here yesterday afternoon and, surged on by a chilling November wind, caught those same Maroon Tigers off guard with three minutes of play showing on Timekeeper Cotton's dial late in the final period to change an imminent 0-0 tie into a sweet, well-earned 7-0 victory. The score came when.</t>
  </si>
  <si>
    <t>                                           The funeral of Mrs. Callie Atkinson was attended at Pleasant Grove Baptist church. Wednesday at 2 o'clock. Dr. J. T. Thomas, pastor, of fielated. Program: procession, first hymn, lined by Dr. G. W. Roberts: scripture reading. Dr. J. H. Harold; prayer. Dr. H. Huggins: selection...</t>
  </si>
  <si>
    <t>                                           'ANGELS' GROW UP                 MRS. JOSEPHINE BYRD The "Far Angel" in "The Green t*       ," holding one of the ''Little Angels." News from Los Angeles, where the thow patted its one thousandth performance, said some of the "little" angels that started with the show had "grown up" and new "little angels'* had to be hired. Another tale that came back to Broadway suid the depression had caused the edict to go out that since the show would apparently go on for some time yet, the "big" angels would be expected to "raise their own" little angels.</t>
  </si>
  <si>
    <t>                                           The Atlanta Daily World TirE ONLY NEGRO DAILY IN THE WORLD Classified Advertising1 Rates i DAILY SUNDAY I4c a line 14c a lint Consecutive Insertions Daily and Sunday: Three time* lie a line Seven limes 10c u line Thirty timed or more 8c u  Five  uf  length  r* counted ait a line. The minimum  If the   l two linen. Ads Taken Over Tclejiuiiiie: are accepted from  lifted itA I th. .no 4, '  o/i V memorandum  In -'return Ttr*m Mil*  Die,      to       the (lay  -' tion. On all . tent by   muat accompany     Older. All  MUflT he wade in person at the World office or by letter. TelepRon*  ar* NOT Talld. ERRORS It any error It made, Tlie Atlanta [lully World la  for  ono ItK- Inirrtlnn.      adT*       U * tmr mu\**tf\ Imtti^; . Tint    I Ini media My If *nr - U . closing: AdienUeiiienlt lit The Atlanta  fnr til* Sunday World i**lll he  up until 1'. M. H..r. are open dally         HunJar  P. M. for the  ot patron*. ATLANTA DAILY WORLD MOULD WANT ADS BltlNO 1.TS. JUST CA1X  '1450  :i.sk fur un Atl Taker</t>
  </si>
  <si>
    <t>                                           THE majority opinion of the United States Supreme Court which granted new trials to the seven young Negro boys convicted and sentenced to die almost two years ago for an alleged attack on two white girls of questionable character represents one of the few times when Dixes's darker citizens have ever seen justice at a court of law. I is a distinct triumph for right, yet it must not be taken as a complete victory.</t>
  </si>
  <si>
    <t>                                           1^5 STATE NEWS                 Columbus,. Ga.                 iThe executive  of The Trl City Usher's Association will rr.?e: tfiis"" afternoon at 3 o clock sharp at     Ward's Chapel AME church. Plans will be forme.] for thv annual JCmas Tree for The  people. :AH members or the Board ar' asked to be' present. Mr. J;is. M.                 C. Carter, president: Mr. Webster; WjUiams, .treasurer- and -Mr. Muriel Hood; 'secretary. I -Eeon J. Torbcrl of Now York is:*pending several days in the city . While here he is the i Suet of Mrs. W. K. Spencer ar.il family. '.:The, funeral of Mr. Jesse -Williams i ! from the Mt. Gik-art i AME church Sunday with the      TJndcruikioR 'Company in1 .""charge. . J; M. C Carter will  tlie- Live Wire S'^ club ami the T-oung Men's Violet Social  and! few friends on Tuesday night at his home at :i Halloween party -8 to 12. midnight. All are .! to wear costumes. A l"t fun is in stoic for all. j 'T (;.Mrs. 'Laura Zackery  and; was  from- the Lous? J Hill Baptist church on last. Sun-1 day with the International Under-                 .ak^ng omp.ir.y id . Ti:c- Live Wire Sec a; club me; or. Tnsfd:y !:   ; at '.he hi^e uf Ms. Isaac Edmonds a: his home in South Gii-nrd. Afcbarmi. The club was ^-! to order by :iic president. Mu-i1. business w.is :r.i::sa-'.oi by the c!ub. Mr. Ecimonds and Mr. "Wright were .cd .L'.-.j :rii:i!: :ne club. After all bus r.oss c.irr.c the soc-ial h-ur. Mrs. Eiirr.onds  ihf  in ;!ic dining room and there they \vc?2 met by M.ss Farnie Edrrjonds v.-l'... .'. each  r.c to their . Tho cente:- Hecoration for ti:e :::ble v."J's silver dishes holding choice . A t-.-miv'-ins: menu was served. The members present were Misses Mattic Cheney. Osie Lee Dixcn. Alice Rogi-:s. Lucinda Walker. Mmi.'.s. Verne! Moss. H:atie M.!~?;-, A. L. Dcneal. A. \Vilkers..n. i Msud Whallcy. A. B.   _-ffe.-S":i. j Cirrie Ellis. Mamie BurUc-s. Messrs. J. \V. Wlute. .las. M. C. Carter. Geo. i Lowe. Edwaru Hu.. t.I. Wri;;ht. j Henry         . Isaa S- and E. L. Riihmona of the Yoim^ Mtn-s Vi'.:e; S"Cial club. V.vs. J. W. Crim. Miss Juli:i Torbcrt .ind Dr. John C Torberi Au^u^ta. .ire spending a few il.-iys in the city on business. The funeral of Mr. Euscnc Thon'.is was conducted fi"m the Liberty                 H!ll Baptist church last Mondav. Tin- International Undertakim; Co hart charge. Everybody is Invited to the -' ular S-JnOay  services al :he Bcthsilem Prebyterian church ,1 -t:3. The- pastor. Rev B. F. I.. will preach. *t. Mark's. A. M. E. Church At ^:4t,a- m- Church school with Mr. T. T. Alexander,  in chaise. We have graded1' classes with competent teachers. At 11-30 a. nv we have preaching At -i:30 p. m. the missionary meeting will be held at the parsonage 'today -Ul '.aTcs. Jlrc re"       to be present. b:30 .-Ulon Christian Endeavo-  meets with Miss Mabe; Minter prL-si,k-!it. in charge. Come out and encourage the young folks. Al 7:30 preaching. We regret very much that our pastor. Rev. R. Harvey Porter, has been transferred He was very loyal and efficient. He .lid a t-reat work for us. Mrs. Lilla Fulcr. reporter. S^:. Charles Brooks was hosi to ths Choi-al club in its weekly meei:n^ en lost Tuesday evening at his lesi. on Third avenue The vening was veo1 pleasantly spent by all present. Tne Jovinlistic club- met in its  meeting at the residence Mrs. Oliver on upper Seventh Ave.. last Wednesday evening. The club is very happy to note the recovery or M: s. George Fuller, one of its members, from her recent illness. In the rei-ent contest staged at the Si-cmw High . Miss Viola  was the winner of the title. M:j's Green Wave.' Tlie W..rld .on-,  Miss Hill upon receiving (nis . i Chaplain L .A. Carter entertain- i cd al bridge at his residence. G33 1                 3rd avenue, on hist Friday evening with :i Trench Supper. A       number of invited guests were present to share ihc chaplain s hospitality and a  time was .l by all present. Among tlu Ss who attended the Southwest Georgia AME conference here recently were Mrs. M. B. Me Dcnala.  iiss E. G. Riser. Miss I. L. Mcbonald anil Rev. J. D. Counts oJ Bueiw Vista; Rev. M. A. FounMin nf Macon: Rev. S. M. Clark. of Cuthbcrt. ;ind Rev. W. P. j Sherman of Savannah. I R';v. ami Mrs. S. A. Bustic of Birmingham, spent several  in the city last week visiting relatives .-K-.d friends.</t>
  </si>
  <si>
    <t>                                           The executive board of the Tri City Usher's Association will meet this afternoon at 3 o'clock sharp at the Ward's Chapel AME church. Plans will be formed for the annual Xmas Tree for the aged people. All members of the Board are asked to be present.</t>
  </si>
  <si>
    <t>                                           On Friday night, July 29, the A. F. Bible class of Big Bethel met at their regular weekly meeting at the home of Mr. Samuel Scott, 343 Samuel Scott. The president. Dr. Anderson, was unusually good in his discussion. Others joining in the discussion...</t>
  </si>
  <si>
    <t>                                           A surve" of the conditions of the upstate unemployed Negroes made this week by a special investigator of the Federation of Civic Leagues, revealed that in Pontchatoula a large number of colored people have been given work as often as three days a week.</t>
  </si>
  <si>
    <t>                                           I GREATER ATLANTA WEEK I DRY CLEANING SPECIALS Eveninp Clothes and Fur Goats Not Included H' HOWARD S I "America". Largo.t      and Carry Clranert" I</t>
  </si>
  <si>
    <t>                                           It is the year 1690. The "Centaur" sailing from the West Indies for England is captured by the cutthroat Tom Leach, who, on board his vessel, "The Black Swan," has long terrorized ships on the Spanish Main. Passengers aboard the "Centaur" are Priscilla Harradine...</t>
  </si>
  <si>
    <t>                                           The Aumni Association sponsored a Halloween party last week at the home of Mr. and Mrs. Herman Brown. Quite a number or guests were present. The house was decorated with cut flowers and decorations for the occasion. After whist and different games, refreshments...</t>
  </si>
  <si>
    <t>                                           FU MANCHU-The Fighting Missionary                 What Fate Threatens Eltham?                 by SAX ROHMER                 MESCAL IKE                 Alienation of Affections                 hy ART HUHTA                 TIM TYLER S LUCK                 In So Many Words                 by LYM YOUNG                 SILLY S UNCLE                 "TELLING TOMMY"                 'By Path Pn/r                 IN OUR OFFICE</t>
  </si>
  <si>
    <t>                                           Nab Thirty-Three in Loca! Dragnet                 Thirty-three persons, both + and . were beins held in city jail Tuesday after the detective department in an effort to curb the many robberies, holdups and burc-  which have  the city in recent weeks, made use of the J .  all suspicious- j Wuking persons. Fifteen were nabbed over the week end. while  were ar- 1 rested Monday nicht. fourteen of them Neerocs. All fourteen were i arrested, in iv raid "n ii  supper, where detectives said they found bc-Idc the "chitlins" three quarts of whiskey. Four of those arrested were women. Detectives McGill. Crankshaw. ScroRRlns. Gildwcll. Simmons. Taylor. Martin and Barrett, wlm have been conducting the . stated that several of these arrested Monday night have been Identified as being participants in a number of crimes, and holdup and burglary victims were expected to continue the identification in the lineup on Tuesday. Two. of those arrested Monday night, detectives say, have been identified as the bandits who held up and robbed a furniture collector last week while a number of whites                 in the dragnet h:ivc been  v.-i:h seven1 1 .</t>
  </si>
  <si>
    <t>                                           In order to obtain more and better ideas as to what the public is demanding of race merchants, the Atlanta Negro Chamber of Commerce is asking every professional man as well as school teacher, to be present at the next meeting of that organization...</t>
  </si>
  <si>
    <t>                                           Sunday, November 6th was a very high day at Bethel. Our Sunday school is stall growing by leaps and bounds with Mr. Henry Jackson, Supt. Mr. Jackson, is doing a good work that will not be forgotten. Every officer of the church is attending the Sunday school every...</t>
  </si>
  <si>
    <t>                                           JOSHUA JONES                 By L P. Sejnwlda                 Bro. Bell said "TROUBLE MAK- ES A MAN"- Deacon. Jones tays j that may be true but the next, trouble Bro. Bell hart with him It", would mako "Bro.1 Bell u.' DEAD'-, man.</t>
  </si>
  <si>
    <t>                                           Met at the home of Mrs. Mary Thompson, Sunday. Devotional service is the life of our club. We are yet to have our anniversary. We had greeting from the National president. We are planning to entertain the new field secretary that will come to the south to work in the...</t>
  </si>
  <si>
    <t>                                           The Charity football game in Ponce de Leon park, Monday afternoon at 1 o'clock between the All-Stars, former All-American football players and the Collegians, a select group of pigskin warriors from the three Atlanta Colleges who finish their college careers this coming spring, will in all probability surpass in brilliance or rival any game played here this season.</t>
  </si>
  <si>
    <t>                                           PINE BLUFF, Arkansas, Oct. 28 --A colorful crowd witnessed the scoreless tic game fought between Arkansas State and Prairie. View Saturday on Kavanaugh field in Little Rock, Arkansas. Led by the running of "Punkie Smith and the short swift pass," of Claiborne the...</t>
  </si>
  <si>
    <t>                                           Dr. J. G. Kyles of Macon and niece Hattie attended the funeral Sunday of Mr E. M. Mann.</t>
  </si>
  <si>
    <t>                                           THE CONSTANT WORKERS. met with Miss Nellie Kelly, 244 Larushe Street. The meeting opened with Miss Solomoh acting as president. The lesson Was taught by Miss Mayo and enjoyed by all. We were glad to have Miss Uiltoe and Mr...us. Next meeting will...</t>
  </si>
  <si>
    <t>                                           A near riot was narrowly averted Monday when a huge crowd of whites incensed over the running down of an eight-year-old white girl, by a whiskey car, surged in an effort to do violence to the driver of the car, who gave his name at police headquarters as...</t>
  </si>
  <si>
    <t>                                           There is no doubt that the Purple Wolverine outfit angered the Tigers from Morehouse two Saturdays ago in their decisive defeat of the Forbesmen which knocked them out of the undefeated columa and made the go much harder for the Tigers to get...</t>
  </si>
  <si>
    <t>                                           NEWS FROM YOUR fc HOME TOWN</t>
  </si>
  <si>
    <t>                                           InTimi E P I T OR I A L LtUULg 1</t>
  </si>
  <si>
    <t>                                           9:30 a.m. Sunday School. Despite the inclement weather we had a large group at Sunday School. Dr. King, president of Gammon was present and presented all of the boys with comes of the Gospel of St. Luke, praying God's blessings, on them. The boys were greatly...</t>
  </si>
  <si>
    <t>                                           SCREAMNIG ON the streets Sunday night cost Misses Odessa Bank Willa Mac Johnson and Jee Graves ST or ten days in the stockaed when the trio appeared before Judge duty to answer charges of disorderly conduct.</t>
  </si>
  <si>
    <t>                                           TUESDAY, OCTOBER 25, 1932 THE ATL^En7AlJby WUKU,, A-~ZZZZZ ^KgeJiVE</t>
  </si>
  <si>
    <t>                                           L^ffff\ SATURDAY ENDS flp^W I mmMmm our greatest 4g^?5* l^f ITlfff Your Last Chance to JTaJEiJ^I Sai/e in a Big Way! Save while you can! for Saturday night brings to a close fC""/-~\  -Super-Sale of the greatest values you ve ever had the  cha:ic? to Iniy! The Surer-Sale was extended so the i::anv ^^^y^ t!;         who came and could not get waited on will not ~"^L* l'e i!          -.l. .      them hers tomorrow ! lw^J^?~^ With 2 Prs.  imm f^ ,/f%^^ nil JL C9 nr ^y^ uw j j i W- ,.i popular browns, blues and j;    .  3SS /^V- ..y Regular $1230 ami $17.50 Values iV  V^arm/ Stylish/ All-Wool! L- ^^B 0'?OATS$        Warmly lined, all-wool overcoats     (Sf^ in blues, browns and grays. J8*  TW Regular $17.50 Values Nr I ra*e Elevator I M "H" T    ^il^ V7"t Sau"'- to Men's /^m J U A FQ the Store of a and Boys' A. -^fc. W_^    ^ Thou$and OePf- 91-93. WKITEftALL ST. *</t>
  </si>
  <si>
    <t>                                           HOLLYWOOD, Cal., Nov. 9-- Hereafter, keep an eye on Eric Linden, young R-K-O player who went over to Warners on loan and made such a hit in "Life Begins."</t>
  </si>
  <si>
    <t>                                           St. John A. B. Church Nov. 6th at 11 A. M. and 7:30 P. M. Preaching by Dr. H. Huggins pastor. At P. M. S. S. Bro. Branch, Supt.</t>
  </si>
  <si>
    <t>                                           NOTICE FOR REPORTERS Schools mailing in their Ports stories for publication or. these pages mutt TYPE all matter. Manuscript copies  f tame report* are forbidden because in practically every instance the typed story is given preference even though the band-writing be legible. Save tine and  your self that the  -will be published by using the typewriter. WORLD SPORTS DPT.</t>
  </si>
  <si>
    <t>                                           FU MANCHU-Call of Siva End of Dr. Petrie's Dream By SAX        \                 MESCAL IKE Do Our Eyes Deceive Us? ARJ.                 TYM TYLER S LUCK Primitive Instincts by LYM YOUNG                 IN OUR OFFICE                 THE  By ALBERTINE RANDALL                 THE   RANMtt</t>
  </si>
  <si>
    <t>                                           SensationalNewDiscovery  InThree Quick St*$   JSpK. Or No Cost "^ESSrSB? M -           (w "    ""              Ujat          tually will . hair YwSPw/ ' t cOtt     a p*~   NjvvSy  y! Mr. J h n n't * Hair Gr*    # *3t 2*1400 me wilt i"K  ii   ^SxSh!M i;K T. .  ba tr r X^iJ/r .    rUk,    ^ fc^JC,-.*^, ito-t do Aembt. Mr. John4HQ 9Td9e Hair Grower mii*t ^^^^ '     wort, .10 your    - ^K^^T^k I'lCbt or It  n^* ^^~^k S^ml                fur l^*.-^* Make This      Convincing   .t m^A \v;  mall tin*          b^iow AlU^IH rl*-M    . \VhcB 70 r BA^      r*    - "f Mr. J^dmw'*  I-1^~r HrllUnnlln* Hair- r,      HwF^ .  l*   4t with     . UtV a nm* t"itn     1^ ''I(~N \LV "W       *~. 0    a.  l*r f*r V ~*rrn           a        .it S^JI Ca^Xa Mr- Jotirumu** Hair (~fov*r 3tU     .vour V QriKorttiia am)    -n It 3011 nri* Tint         ( with haw loot, ri.u- thick, liow               how ^   u c^;- if v.-ii il-.n't   at to c^t     ami  o for     -     to   jour Orpnitlt, if *  1           *~. If you  ' . Unthlrntr of Uchlnc t.    . u-t Mr. J-~lm*~rt n ItrllllBntlnc Hair 4;     . Mntl            .r. It .Totir          *~h-~rt      ^ ~).- full to mute jm r i^*t ml I'onpon. \Vtiy wall? Mall ~*            *o      tt*T* l^ naii   you      *.     . TflftlL 13 TOOHY W. Johntof* Conwany. OtpL T-24 400 W. Erie St., Ohlesgo, lit. 1 I       in*  l ot\   (lu" p*    * of Mr. JoHt^nttS UrilliAtitinv H*ir flr.-wrf. I             1 "fcal only SI, HUT^.        D. *^.  tli* -^Hf I  that 1      th"        Jlilr*^^ f.'. fur L."7 , )n wv^n  Jajt and 1 you will cm back my 0      ,  qura- 1 t on- \y"~    1rtw (or P. not) j I     .fiUt* J</t>
  </si>
  <si>
    <t>                                           1 ,11 DO YOU KNOW: Dr. Young's HERB MEDICINE fl^ ^V . KOOTS.  aND BLOOD TONICS J^/^j A MESSAGE TO THE SUFFERER I u r T^q n+f\ not   - di*rnu rutted about your  CL**r 1 -i up! Tbrrr    help for    . Thin Ij. the old reliable CHImm* !yT*sj-V                  with hla   nd      * ^X?ClV *nrt    "   . 10I  r# highly              for  oy  of J.' \LM Mir     *^n.  uch of tb*       .         . H^jt,   *~r, C \JWl  V Udot-yi", BUiod P'if-on. Kh**     *ra Caurrb, WrakovM, Vf          %~.        Tr.*ubl^. Constipation. Appmdfcltte, 9k In       ,                  AH Troublw. 4V ^ tAo*~  it     *. c*U at ooc*. Doo't  rt*~    Ob boD* 1/           .      la  to sit  kt \r. tv - T**2 ORIENTAL HERB CO. Dr.T.Y. \         kxrk^ and   r.~*~ U#r*. A ur  dimm  f     Hum   *7 8    _t A U. to )l T. at.     la Atlmf lg              . WA. C1XJ AttmU. Q*.</t>
  </si>
  <si>
    <t>                                           The Atlanta Fellowship Club was recently organized at the home of Mr. Sylvania Smith, 6519 Langley Ave., and the following officers were elected: Mrs. Julia King, President, Mr. Samuel Ware, Sr., Vice President. Mrs. Mattie Norris, Secretary, Mrs...</t>
  </si>
  <si>
    <t>                                           HOLLYWOOD, Cal., Oct. 27.-- Suddenly awakened to the drama or recent financial upheavals. Hollywood movie plants are turning out a cycle of pictures along this line. Metro Goldwyn-Mayer joins the parade with "The Money King," a story now in preparation for Lionel...</t>
  </si>
  <si>
    <t>                                           Out of a clear blue sky comes "Georgia Nigger". No, it is not a man you met in Savannah; it is a book. A treatise on prison camp conditions was the original intention of the author, but before he had finished his volume he had Written an epic of man's...</t>
  </si>
  <si>
    <t>                                           \(   1. DO YOU KNOW: '.VT?^2JjSj?:-?*l$ DK- YOUNG S HERB MEDICINE "JPP"P8hL-';*"!"'  is!!'"S. :      . i:auks and iii.ood tonics J -^~tSak' A -TO THE  $T%*i?iii!iT^rS You ll^'c'1 no: Jbcouriutfd about your  I ***k"~~~       'V^ Chwr up: Tluiv t*. help for jom.      ta th# old I "TV'yVV^^S^SII^^t - Chinnw UrrbM Sp* with hln Iimhi ~'~M'-*      2fei**W*'V''i at)u .lf*^        and . ami     / ^-^-v^yr^^T^  ftir any trouble of the RyNtrm.  uch        1 T^^'^* Luiiko, Stumucli. Il.-ort. Livrr.       ,  Vo]Mn. '#K--jSM*8,Kf -"A!          .m.        . Wmkiini, Nrmu.MM, UladtiifA^wSaW- i-" 4^ Truul.l.-. C..n-        . Aflxodlcltla. Skla Ubwaaw. ^amOL ^^^5kl*V f*110*!** Trouble  All Troublm.  Tl^aV:-:*i"'*^      *~' To  whom it may . rail at oor#. Don't *'!^aH ""ll I*1-1"*' I *^^ff^ 'P^WI  . HERB CO.     t v vm.~r CHINESE  AND HiaUIAl. COalrOUNO Faiiou.      Cure f.r Kwry Slrni. .f Uw H.ma. BHr Sp^ A. M. I. P.M. Zi Yw. in Allanla 13::.Ed,~~oW    . WA.: 21   '     4~..j)'</t>
  </si>
  <si>
    <t>                                           With a burst of Speed and a deluge of shot from all over the court. Booker T Washington Warriors initiated their first game of the season by literally smothering the Montgomery high school of Lexington, Tenn. 30-14.</t>
  </si>
  <si>
    <t>                                           The Kennesaw Baptist Association convened with Mt. Calvary Baptist Church of Tate 12th, 13th and 14th of this month. It was the most successful session of this year in Tate. Several visitors were present and were made welcome by the people of Tate. The first night of the...</t>
  </si>
  <si>
    <t>                                           "Passport To Hell" Now At Georgia Is Unusual                 The Dlot of "A Passport To Hell" the Fox  now  through Tuesday at the Gcoreia theater at which colored  are welcome ut all times, unfolds an unusual and  romance Ret in the wields of Africa.                 It tells the story of a woman embittered by hate, who marries a youthful army officer to save herself from imprisonment in a detention camp. It tells how. after he has left her in the solitude of a -I:ke insect-infested home on the  of the . she finds real loyo for the first time in her life with :i fellow-officer of her husband. Elissa Landi  the  rok* and cives the best performance of her screen career. She has a part that is perfectly fitted to her splendid emotional abilit:es. Paul I,ukas cives a sincere  of the other man. Warner Oland. known for his oriental roles is also in the picture and (rives a splendid performance. 1 In addition to the treat feature, thf Georeia : offers many added attractions on the  that are sure to please and entertain. Prices for colored patrons remain the same, loc for                 adults all day and children 10c. Thy Georeia theater is now  : a larce colored patronage daily, and is Atlanta's only downtown de luxe theater, to which colored  are admitted.</t>
  </si>
  <si>
    <t>                                           The plot of "A Passport To Hell" the Fox picture now playing through Tuesday at the Georgia, theater at which colored patrons are welcome at all times, unfolds an unusual and thrilling romance set in the wields of Africa.</t>
  </si>
  <si>
    <t>                                           SMCP TELLS IF BELIEF Jiraw                 Bulletin to All Red Cross Chapters is Asked as Remedy                 LABOR IS FOUGHT                 NEW YORK. Oct. 26- A widespread move thruout the South to discriminate against Netrrves in the distribution of free government flour to the needy is reported in a letter sent to the American Red Cross in Washington by the National Association for                 the Advancement of Colored People-. The N. A. A. C. P. asks that a national bulletin be sent to all Red Cross chapters "specifically instructing them against discrimination on account of race or color and against requiring any labor a.- pay for the flour." In sending the letter the N. A. A. C. P. encloses a new complaint  from a memher in Dallas County. Arkansas, who harges that colored people before    ? given*tne' free government flour are being obliged to work a day for the county, and m p "insulted, threatened and otherwise mistreated before being served." Complaints of similar discrimination are reported by the X. A. A. C. P. as having come from Florida. Georjria, Mississippi and Louisiana. The X. A. A. C. P. letter, signed by Roy Wilkins, assistant          \ states: "It is not apparent, now that the coming winter will be any less distressing than last winter. It would ho a cruel travesty upon humanity if our Government, in tho guise of providing relief for the distressed, should permit any agency to trade upon so m^an a thing as prejudice in t ho distribution of such. relief."</t>
  </si>
  <si>
    <t>                                           NEW YORK, Oct. 26--A widespread move thruout the South to distribution against Negroes in the distribution of free government flour to the needy is reported in a letter sent to the American Red Cross in Washington by the National Association for...</t>
  </si>
  <si>
    <t>                                           Buy gloves with what H la t    i7 f fj S0  -r ami  rt   *r    ^MUrie*. LljMiaa TMi TaM, a^n       a^as ,~                   w. it   j-            lay      M-ai tWl -lm j -~wl7         l*Mbmlt%*t.:</t>
  </si>
  <si>
    <t>                                           "I never saw so many adults studying in my life." President John Hope, head of Atlanta university told more than 200 school teachers, educators, and others interested in adult education at the initial winter meeting of the Atlanta Association for the Study...</t>
  </si>
  <si>
    <t>                                           The conference leading Alabama State Teachers college team will be here Tuesday night for a game with the Clark University basketeers. This will be the first appearance in the city for the 'Bama Staters and a large crowd is expected to witness this thrilling spectacle. The two teams have met once before with the Bama Staters emerging victorious in a game which required a five minutes extra period. In Carlos Parker the Atlanta basketball...</t>
  </si>
  <si>
    <t>                                           Ted Wynne aspires to the higher things in life so he leaves his position in a steel mill and works his way through Old Dominion College. He succeeds creditably. Under coach Barney Mack, Ted becomes quarterback on the Blue Comets, osing only one game during the...</t>
  </si>
  <si>
    <t>                                           Where the drug store in the horse and buggy days used to be a place to buy medicine and medicine only, it gradually changed from year to year until today it has largely ... the functions of the almost vanished general store.</t>
  </si>
  <si>
    <t>                                           John Whitaker and Buddies in Concert                 John Whitakcr and his Singing Buddies will appear In concert at Warren M. E. Church" Sunday, Si- 18. at 7:45 P. M: The Buddies will be assisted by the charming Miss Estella Ivey, versatile dramatic reader. The program will consist of the Old English Air, "Drink to me Only with Thine Eyes," Speak's "Morning." and "Sylvia," and other songs of interest. Mr. Norton Evans, tenor, will be heard in the lovely. "Ah So Pure," from the     ra, "Martha/' Mr. Eugene Dlxon. tenor, will sing the Gounod "Ave Marie, while Mr. Perry Moore will render Youmnn's "Without a Song." Mr. Whltnker will give a group of organ sel Ctions.  of Hnndel's "LarKO." Sullivans. "Lost Chord." and "The Rosay," which he , ns well as one of his own compositions. "Dreaming." Miss Ivey. who is a popular favorite, will give as one of her readings. "Sioux Chiefs D.." from the One Hundred Selections. "Scandalize my Name." and "Somebody's Knocking at your Door." will be some of. the spirituals rendered.</t>
  </si>
  <si>
    <t>                                           The Eddy High School Tigers defeated the Milledgeville Red Devils twelve to six Thursday, October 21, in very close and exciting game.</t>
  </si>
  <si>
    <t>                                           Oneness of purpose reigned over the Maroon stronghold yesterday and Monday afternoons. Morehouse coaches, players, students, alumni, and all, are eyeing this week end clash with the great 1932 Talladega eleven...</t>
  </si>
  <si>
    <t>                                           IE GdiHEMTIOHi TO MEET HERE                 Extensive preparations  boon;  by Rev. Allen R. Cooper, pastor of the Cosmopolitan A. M. E. church, corner Vine an.l Foundry, and the members cf  .-i  for the entertainment of the Atlanta. Georgia Annual Conference of the A. M. E. Church, the                 annual session ot' which will I so opened with an elaborate public I program Tuesday night. A  number of delegates will         , from the mure than 120 churches] in the radius cf 1-0 miles of At-; lanta that are included in this tcr-1 . Bishop W. A. Fountain, head of the Sixth Episcnp.il district, is I to preside over the meeting which i will be in session from Tuenlay night until Sunday night. j While not the oldest conference in the state, the Atlanta Georgia; conference is recognized as the] mos*   most economi-l Ktlly located or any in Georgia. One of the topics of importance to j be considered :it the approaching. meeting will be :i  sur- vey with a view towards the cr-i  of some overlapping  that exist between the North GeorRla an,l Atlanta Ceorcia conferences as       t.f the chafes of both  may be better administered by ; transferred from one to another. Presiding ciders who play prominent roles at thU conference are Revs. W. B. Lawrence, Atlanta district: J. H. Me Farlanj. South Atlanta district: B. V. Thornton. M.. district: W. P. . Crlffin district: and S. D. Dinkins. West Atlanta district. A number cf interesting programs have been prepared for the daily and  sessions and the public is invited to attend all of these meetings.</t>
  </si>
  <si>
    <t>                                           Extensive preparations have been completed by Rev. Allen R. Cooper, pastor of the Cosmopolitan A. M. E. church, corner Vine and Foundry, and the members of that congregation for the entertainment of the Atlanta. Georgia Annual Conference of the A. M. E. Church the...</t>
  </si>
  <si>
    <t>                                           r----y^mm. '--. ATNiNl^^^^^^PFh Ismail- i I ONLY NEGRO DAILY NEWSPAPER IN THE WORLD ^~~j Ll/I I lv-/M PL ME 5, NUMBER 249 ATLANTA, C;A., 1, OCTOBER 25, 1932 TtlHHH</t>
  </si>
  <si>
    <t>                                           Mrs. E. D.; You state that your 15-year-old son has a "slight" heart murmur. The important question is not the fact that your doctor has found a heart murmur, but rather what sort of a murmur, the condition of the heart itself. how long he...</t>
  </si>
  <si>
    <t>                                           In Yoar City    du C. fnr the Public M ADAM Bfg WHARTON ^^^^K^^VH I'ftlmiht anH CluirMtvunt              "li-^lM'.'.-. Itfadinc far White and Colored- SPfXJAL 1NGS 2 c 1213 Ilnwrll Mill Rnad. AtUnU T.~. MarintK ) Mill Car- Sfcnnd Hmt*r tnm Seaboard</t>
  </si>
  <si>
    <t>                                           WASHINGTON, Dec. 29. -- Senator Robert F. Wagner of New York, in a lengthy interview here in Washington last night. assured Waiter White. Secretary of the National Association for the Advancement of Colored People, who had come from New York to confer...</t>
  </si>
  <si>
    <t>                                           ^^^?   showers  . Low  sl "            ,~   5UZ4 .      . eg; highest, 88: . 71C- '"ARTnrat h: ,- Meteorologist, Weather Bureau.</t>
  </si>
  <si>
    <t>                                           NEW YORK--Unless the Gulf Refining Co. apologizes in its weekly nationwide broadcast tonight for the reputed use of the objectionable epithet, 'nigger," by Will Hogers, star of the program, a nationwide boyeatt of all products sold by the Gulf dealers may be...</t>
  </si>
  <si>
    <t>                                           Stars in Show                 NEW YORK- . -"Black-, birds' -d and shut on Bro;,d- i way all in two weeks, then reopen- I ed with a revised . is the i newest record for on.* of Lew LosHe's nil colored show*. Bu; there is a lot of Hood in      produc- tion. notably the . "I jus; I                 Couldr't Take I: Baby.- ,-ind -Your Mother's Son In Law." Then there i.- a notable male chorus one of  best seen or heard in those parts. Lew misses some of the better stars hQ h.-.a had in th- past the lyric sopranos are weak, but I Edith Wilson. i;ood o!ri Edith  the  as far as the .si- i cal end is -rl. as tht- musical cud is conc.TiK.-d. Tli.-    .~v Mill Rddi..       -r ai il 'ilin   , Sll, ..x-,. n Maw 111 iiu- leads .- Hut If. f.. Inn tt,.-iv is n.i  a.s l,, j 1 1 1 1 -.KC-.-ll 1,, wU,.,,i . is a .in. TIil- nu- nf - n. -w sh iw will l.ve hmg.  tin- show  vn with Hi- revisions ran-t I,,,,.,. u.                 Dr. Robinson Found Guilty in Hollywood U3S A.VGEUSs  WS' Dr John =. .d of Theresa Haris. newest film vns.it ion. who has iad such wood parts in the films  the last year, was  . of receiving stolen  ho Superior Court here last Thurslay. jr.- ii:.d Ij.-t-ii -d will,    .-  or -n j; :,nd - ,,f  but tin.-  i--^L- was dropped wht.-u h.raced trial. Dr. Robinsn:'. who was at , the husband of Fay M. J.    0n. noted newspaper woman, on the Pacific I'oa.t is the only N,iro serve hi^  at the county Imspital. C)"e ul the strange quirks about her  to the convict.'il doe!or was thai she was introduced 1o him by his former wife and later "a:ned as the real rt- for th.~ Jivorc*?.                 Elder Micneaux Victor in Song Row With Cantor WASHINGTON'-  i XS)_~.;~.   -r l.isl.tf.,,,! .Mi.-li.-anx      l.r,.:,,!.^^ ,,v,.,. W.ISV     ,n-~y ami who KMim-tim.'* lisu-   in "ill. r i-aili.i v.-li-briti.- pull.. I  j"kt-r ,,n E.l.li,. Cani..ti r.~    inly :,n.l whil,. K:c!,-j- Mis-ii-aux is still     :ns " An, l-:'l''i- n,:,k..~ ...v, a, I,,,,, U!,    .- "'I'Ih- C.-i..ii.-l in, n, K..M!n.-l:.v" ,,ii ih,. r.~,,.~;Tin- Mi.-li..a,ix         i.:;,,,. t"i- ^l-.j-y runs f..n..ws: i-M.ij.. Ciini..r iii'.r.'~lu.-i-.l a ih-w yim^. "III.- Cul.in.'l  K.-niu, ,,n iha: M'.A K.-nm.-kv    .,.k-I r.-:    :isL  .hiIi.' II,. i-(.-~K.iii. "I i: ..ii     ^...flV..  ir..^r:,,,, :i ~-.    ,. -vc-eks itj;.,. Kl-l.-i- .Mi.-h-aux li-a-m it .,mv :""l t!n nKt\ the- -s ,,f hi.s Hi.mi. s..i.ir. "Happy ,\'hi i." rn-ot.st was  with ilu.-"I'yi- .ts. Thi-y a.,:! Hi- - simil. b--n 'hi. hymn anil the n,.~- - -cl I..  qii,-lt-li it.                 KID TRUMPETER HOLLYWOOD  J. T. CipK"ii_ ki.l 1 i-Li .-t.-t- wlio is . in ilic li...       i.f Luuii; .\,:_    -.,, ..sti-r.nl ,,,1, i,, Hie- Kadiu C:.!,- in l%,nl:,,,,(     :~u. su ii u;,r. K.:.r.u-.l l:,:.i \ I Ins k tin.- ; i,, Hu- in nli." irn i-i:v iii:n i,.,s  u,   R;,^- j-i-,,.^ Tiddy.- rc-u-r., :,    host of  HoI1.va-i.,,   mi,:I,i  h:1Vu bccn  for !lsc  six .-c</t>
  </si>
  <si>
    <t>                                           '''-~~$~, James Gantt Wounded at Elk Dance by Ousted Youth!</t>
  </si>
  <si>
    <t>                                           In these days when the curriculum of most schools is already more or less overcrowded, one hesitates to add even the slightest burden to the lot of the School Teacher. However the Matter of health is so important that no far seeing, clear thinking teacher can possibly miss...</t>
  </si>
  <si>
    <t>                                           During my days at Kilby Sunday Were supposed to come to see their was the only day that visitors relatives In prison. Of course like everything else there were many exceptions to this rule. At that, Sunday was generally known as visiting day...</t>
  </si>
  <si>
    <t>                                           J -*   3!E Ml LMI rW*PrwRLl/ ^FnmriKi'^ BliR 5 ONLY NEGRO DAILY NEWSPAPER IN THE WORLD  I</t>
  </si>
  <si>
    <t>                                           Richard Nathan Archer, 23 year old white man, employee of a local cleaning plan, was found by two officers, about 10:30 Saturday night, suffering from stab wounds. He had lost much blood and was suffering from exposure when found by the officers...</t>
  </si>
  <si>
    <t>                                           Charged with stabbing Will "Snag" Ross, alleged police informer, whom detectives testified had aided them in capturing, many holdup men in Atlanta. Cleve Jackson, was held to the city court under $300 bonds by Judge John L. Cone in recorder's court Thursday.</t>
  </si>
  <si>
    <t>                                           ?4THEg fS AND CONTINUED COOL I n jM, with possibly light frost: "~i!"v fair, with maximum tempera f- near 62 decrees Lowest tem-future, put 2 4. 44; , "2; ~"Ttce. 58. ^'~, Atl. Weather .Bureau.</t>
  </si>
  <si>
    <t>                                           Someone pushed Patricia before a microphone. She muttered something -- what, she never knew -- and stood aside for Julian. Was he nervous? His voice sounded queer. He said something about his unseen audience, said it several times. He must be nervous too.</t>
  </si>
  <si>
    <t>                                           Several weeks ago our government appointed a committee to investigate charges lodged against the men in authority in the camps along the Mississippi River where the Flood-Control project is under way. The accusations alleged that conditions of virtual slavery...</t>
  </si>
  <si>
    <t>                                           2 injured Monday by Motor Drivers                 Two persons were victims of+ Atlanta  Monday, according to police reports.                 ^  Mcncnry, jsu,  Fort street, was found to  a fractured leg: when brought to Grady hospital shortly after 7 o clock Monday night, after having been struck by an auto when he attempted to cross the intersection of Fort and Harris streets. McHenry, veteran postoffice , wan brought to the hospital in a Haugabrooks . He wag struck by an auto driven by D. H. Hardges, white. of 2133 Cascade road, who said lie wm       west qa Harris i                 street, when McHonry stepped off the curbstone, the front right fender knocking the aged man down. McHenry requested that no case be made against Hardges. J. Armore, of 359 Haghland avenue, was the only known witness to the accident. Struck by a Now Method laundry company truck, operated by G. J. England, white, of 583 Washington street, S. E., Garland, of 715 Elm street, was found to be only slightly injured by doctors at Grady hospital. The accident occurred at McCall's rowing, according to police (Continued on Pare 5; eoL 2)                 Two Injured (Continued from Porc One) I reports, when Garland stepped in front of the oncoming truck. He was permitted to return home after  treated. An auto accident in which no persons were injured was reported to police Monday and cases of reckless driving made against both drivers. An auto driven by Henry Sutton, of 30 Little street, was travelling south on Martin street and a Lee Bakinir company truck operated by M. E. Williams, white, of 1099 Euclid avenue was enroute east on Richardson street when the two collided at the . Both machines were slightly damaged. Radio Call Officers W. L. Tyson and J. L. Pope, Investigated the collision.</t>
  </si>
  <si>
    <t>                                           Two persons were victims of Atlanta mortorists Monday, according to police reports.</t>
  </si>
  <si>
    <t>                                           COLUMBUS, Ga., Nov. 9-- Interstate interest and enthusiasm of football followers will be concentrate upon the gridiron of Memorial Station Friday afternoon, November, 11th, when the "Hornets" of the Alabama State Teachers College of Montgomery engage...</t>
  </si>
  <si>
    <t>                                           IN 10 HELPED LAUNCH  RIOT DIES 1                 CINCINNATI. Nov. 5.- Death c:imc Uisi week to Siimuel Edward: "whiti;i. 72 year* old. nn.1 removed :i sliEma from him that dates back t" 1844. Edwards was the last survivor of a jury that by Its          p!unt;e.l Cincinnati inU. riot nnd .1 in March. 1884. The man  lied alone after years  in a rh.-.nty at Minmltown. Ohio, shunned by former friends an.l  by an ill fortune that  ly .l those who sat with him at the trial. Fifty persons l'~st their lives in the rioting thut followed 'he trial. Shops were looted :md the  waa  as armed mobs roved the streets. A N'esro. Joseph Palmer, had been  to  t or  his cmp  to death. The jury convicted William Berner. a white man. only of manslaughter in     same case. Indignation an to the justice of the rase broke its bounds,  Cincinnati into a reign ot terror. The jurors fled into hiding. The passing cr E.lw:      marks the l.vst ..ne.</t>
  </si>
  <si>
    <t>                                           I NOTICE!! I All club and social news sent to these columns through the mail must be signed with the name, address and telephone number (if there is a phone) of I the person sending in the news, in order that we may I get in touch with the sender should it prove necessary for any reason, before publishing the article. j The Atlanta Daily World</t>
  </si>
  <si>
    <t>                                           GARY, Ind., Jan. 28.--()-- Possibly one of the greatest undertakings this city has ever been engaged in the National Intepsycholastic basketball tournament to be held here March 29, 30 and 31 has created a ... interest among the basketball winded ... ...</t>
  </si>
  <si>
    <t>                                           Results of the outcome of the first annual Negro Trade Week will be made known at the regular weekly meeting of the Atlanta Negro Chamber of Commerce which will be held Wednesday night at the Chamber headquarters, 9 Ashby street, at that time, the judges...</t>
  </si>
  <si>
    <t>                                           NEW YORK, Oct. 15 -- Donald Heywood camp to Broadway Monday night with a brand new picture of the devil, conceived in-the brain of a "Negro mammy." His, animated tableau of celestial ups and downs, was disclosed for the first time at the Forrest theatre.</t>
  </si>
  <si>
    <t>                                           Many Must Face Trial for Digits                 Forty-four persons indicted  the maintenance Or operation of various lotteries better known as "numbers" will face trial this      before Judge Earl R. Camp of Dublin in a special criminal division of Fulton superior court, according to a calendar posted in Solicitor                 General John E. Boykin's  Saturday. Wednesday and Thursday have been set aside as special       ry days in the extra session of criminal court, the clerk ot the criminal divisions explained. Many or those who will face trial this week were indicted more than a      ago and due to a constant postponement of  had never been brought to trial. According to the calendar among those whose cases will be called Wednesday are W. A. (Bill)                 man. Henry Ruse. A. W. Wilson, R. D. McDuCfc. C. W. TrottT. D. V. Moore. George Anderson. Charles Turner. Wilie Ivery. Willie Frye. Mack Frye. Rosella Lee. HowarO Lindley. Jnmes Butler. James Robinson, Charlie Robinson alias James Robinson. Rori r Ball. Alver Norwood and Will Britten. Slated for Thursday are the cases of Porter Baldwin.- Will Partridce. Ambrose Moses, Mose Charleston, John Samuel. Will Wilson. Sam Tiller, Charles Holliday. Alice Redd, Hattie Timmons, Ed Kendle, Charlotte Williams. William Hawkins, Arthur Guthas. William Thompson. Dan Butterfly. John Green. George Washngton. Rolling. Crogby. Phil, lip Drake, Harvey Stone. M*     Smith, Junior George. Arthur Rlrsch. and Charlie</t>
  </si>
  <si>
    <t>                                           Forty-four persons indicted either for the maintenance or operation of various lotteries better known as "numbers" will face trial this week before Judge Earl R. Camp of Dublin in a special criminal division of Fulton superior court, according to a calendar posted in Solicitor...</t>
  </si>
  <si>
    <t>                                           THE  of Flak University with sew  S2^if(   ?Mnfi 12L5'       dl9ir hJ e0"2S**^    -       *~, with T. TartinB Noble of New York City. Kaert conductor  Fourth Annual Festival of Xmrie and ^f^L^J^rY^^   rin^TighSSter ^w: ^?ttS^^ J*l? S*f** ^~nt -"'J W -by Mm. James A. Myers, third, from right, front row; asisted. Hiss Alice M. Grass at the console, center back row, David ManneTtSilrman Xoric ^^SLS* Jobllee Mtauc. and Paul D. Crarath, Chsnman of Board</t>
  </si>
  <si>
    <t>                                           Tom Leach, pirate terror of the Spanish Main and master of the read 'Black Swan," captures the merchant vessel "The Centaur." bound for England, and kills the captain and crew. Passengers aboard the "Centaur" are Harradine, lovely young daughter...</t>
  </si>
  <si>
    <t>                                           Clark University has the largest student body of all the colleges in Atlanta, (No. Smarty, I don't mean Mac.)</t>
  </si>
  <si>
    <t>                                           SUMTER, S. C., Nov. 8.--Benedct college despite penalties totaling 165 yards, marched over her little brother, Morris college, drawing penalties, with a score of 22 to 0 today. Benedicts' three backfields got a chance to show the stuff they have for the big Armistice day...</t>
  </si>
  <si>
    <t>                                           Patronize Our Advertisers</t>
  </si>
  <si>
    <t>                                           *. Timtnw*. Oft.. K4C Rti*U M.. *. 1~. ."J" --ex r-KOvrv      ~.r-^...-.' 1*11 -.-:tr.r%- -ris.*\ \.-.;i r.:--t      -c-: r-</t>
  </si>
  <si>
    <t>                                           Sunday school opened at 9:30 o'clock with the superintendent Mr. E. S. Jackson, in charge, and the majority of teachers to their respective places. Morning services began at 11 o'clock with the pastor, deacons and members of Macedonia Baptist church of the...</t>
  </si>
  <si>
    <t>                                           The "Heart of Georgia" beats with added impetus as city-wide efforts are being made in answer to the loud cries from the poor and hungry. Every club and organization, both civic and social, have combined and are directing their efforts toward one common aim...</t>
  </si>
  <si>
    <t>                                           1 * that twitching pain.** I 1 "I hope to* I've hardly slept wince I 1 thit last   ,'* I DAMP-DAY PAINS -stiff joints Doo't let       you        IurJog damp weather* 'Warm those   t*ore ^ Sloaa'i- mad  ,             Far Sloan'*  Jfre*h blood to the tore  pot,]dUi iha ,              No robbing 1  needed with Sloan's^ simply ipat it on-CWas the quickest relief ;io the world and       only 35^1 t^</t>
  </si>
  <si>
    <t>                                           Coach Lester Braden's machine from McDonough 35 showed superior skill over Franklinton High school Saturday in the New Lincoln Park. This game marked the opening of the "32 prep school season and how the home boys did get away.</t>
  </si>
  <si>
    <t>                                           IF YOU WANT MONEY ^A-~-  m am  r   4  ISIeroattM ram B</t>
  </si>
  <si>
    <t>                                           THE editor of The Macon Telegraph and that evangelist of human justice. Mr. William T. Anderson, speaks at the First Congregational church today. Mr. Anderson has long been conspicuous in the struggle for fair play for our people. To know The Macon Telegraph is to know Mr. Anderson, for his great soul runs through the veins of that paper and at no times has it spared the rod in lashing those who would rob in any way an underpriviliged...</t>
  </si>
  <si>
    <t>                                           Night and Morning to keep them Clew, Clear and Healthy Write for Free "Eye Core" or "Eye Beauty" Boot Meriat C"-Dcpt.H.S..9 OhioSuCliiufi</t>
  </si>
  <si>
    <t>                                           nOME- FOR RENT OR SAt-K FOR RENT OR SALE trick     .   . No. MO             *. N. E. Inqulw '    HAAS. 1100 Pinit N. Itank Bundlntc. No Trlephoni. Conwr*~liona,</t>
  </si>
  <si>
    <t>                                           Participants Vanish in Mystery Stabbing                 A stabbing c.-ise in which bith the assailant ami victim have mysteriously vanished 'was reported to poli.K: Sunday night. Receivinc a call to co to the rc.ir of 321 Trenholm street ih:.t ;i man known as Ch. had been seriously stabbed. Patrolmen J. B. Pcavy iind T. M. Parker, on     -;  sf-one found - Charlie or  alleged .-. Orby Jones, alias' "Shirt." whose address was Riven as! 24 Lowe's alley. j A check at Grady hospital show- I cl that Ch.- had not conic there for treatment. I</t>
  </si>
  <si>
    <t>                                           g^^l^^^  E</t>
  </si>
  <si>
    <t>                                           DON'T BE 1 FOOLED Regardless of claims,  is positively no a5pirin thai dissolves more quickly or brings more   relief" from pain ind            ..IowpliGenoinfPute Aspirin. Cellophane Wrapped. World's l-    "t Seller til IQc ASK FOR IT BY NAME Ttinc in VincrTU I.op.-; 'Proi;r3tr. ^NPC -oSv. p.m. CST; TO ^.;n. GST. i BEAUTY BEGINS WITH j I THE HAIR ^^i^ Special 15 Day Offer-'Jdc nrv.      .  r.-i; r.:,K Ui-    *~ r l  SI .11 J TiW iu;t(l thw nil. \Vl.,n vi.;U:~cr *^,   iiv         -oi W ~**-nlM      r.IX UIv\V T- \Tft[:j)"S ~;i.1 K. VorrM At.-..        . .Mich. I</t>
  </si>
  <si>
    <t>                                           Slayer's Wife and Victim Lie Side by Side, Dead                 CHICAGO. Oct. 22 'ANP-TI.. of Mrs. Mamie Cook nn.l nf Mrs. Elti Coif Willi..ms. 7-12 Kast SRth Street, lay side by side   " Thomas Nolan's funeral  658 East 39th S tree I Wednesday afternoon. A iPw days    *orr, Mi- C^ok liad been cruelly ni i^ for pay by Willie Williams, .-ui.l of TVIn-. Ella Cole Williams. Shortly .-liter Mrs. Cook was slain, Mrs. Williams, then in the county hospital suffering from tuberculosis, *     . Thus the corpses were  together. Williams was arrested ami confessed the murder of Mrs. Cook. He is now being held in jail awaiting trial. Although but 29 years old. his life reveals a record of crime covering eighteen years  involving federal and state violations.                 DAlf IIVEi By X P. Reynold* The  brother wax singing loudly an he went  the , "Free At Ijutt" "Why the aong?*' u-;is the question asked by a friend. "The wife M gone on her vacation.".:</t>
  </si>
  <si>
    <t>                                           It might seem as quite a ... that the above quotation should be used as a theme just at the same time a new editor, Louis Kish, 29895, takes over the helm of SCHOOL, NEWS? This article is intended to be inspirational and we are sure that Kish needs...</t>
  </si>
  <si>
    <t>                                           I have been reading your advice to others every day ever since the Atlanta World Daily first started but this is the first time I have ever come to you for advice.</t>
  </si>
  <si>
    <t>                                           Should I live to be so ancient I would need to add a cipher to the right end of my present age in years, I will never be able to understand the logic of many Negroes who always question what other members of this kaleidoscopic race say but accept the words of white men as emanations of truth from divine oracles. I suppose it is another demonstration of how Negroes behave like...</t>
  </si>
  <si>
    <t>                                           In the issue of December 1933 of the American Review of Tuberculosis on "Collapse Therapy of Pulmonary Tuberculosis. In Negroes," two Negro physicians of Detroit. Drs. R. C. L. Markoe and Joseph T. Thomas, together with H. C. Chadwick, white Public...</t>
  </si>
  <si>
    <t>                                           Pipe this one, None other than Angus M. Fraser, pipe major of the Lovat Pipe Band, for many years piper to Sir Harry Lander and last Year pipe-glorifier for the Ziegfeld Follies, has joined protestant, who believe the recent vocal imitation of a bagpipe by Columbia's Three X...</t>
  </si>
  <si>
    <t>                                           BY NEGROES ^m S^g^ ^f T T Ml BBV VBT Published by WEEK ENDING JANUARY 27, 1934</t>
  </si>
  <si>
    <t>                                           IIIT BY CAR                 T.-n year old Don Green. Kear 90 Bell street, was knocked down by an automobile driven by H. C. Strickland. 523 Cherokee. at 4:10 Monday afternoon at thc corner of Edjewood and Bell. He was not seriously injured.</t>
  </si>
  <si>
    <t>                                           UP YOUS* -LIVER BitE- WiTKCOT CALOMEL )~a W Mr   d a*   4      MM 1Mb ink, Ml      m M am -~~~J      .  1,     dy it i ifa. a*        ib-m    aito          ,.  -~~                  i -T^~ HMM for yats  m 1 ml MW bnr      It  Mr  M    Jill Ii      tau joor     .   (Mac  TJj.        4 j     U9 te      Yob      a MUk. iMd  nor  a M,                        .     - ly- J   M  s4  I^i 4 vm      Ct. Tow  Mt y k atai IbM (     I4 --* III i *t bSa CnUt Mr uul m^i. ro.  1 '^9 ^   v^-"    7 ir^n**!- v-^  , cenS* v^~~Ai)    ^(            to   *Jdac Um b2  Cov tr*~*7. Uaca     FSk tta Ml ki-L IUm</t>
  </si>
  <si>
    <t>                                           CHICAGO T SECRETARY                 She Claims Husband Bought One Dress in Six Years                 FED STEW, BEANS                 CHICAGO. Oct. 22.- )- Naming another woman and cat- lone list of abuses ami                of  slic lias been. J56 victim. Mrs. Lillian Crawford, filed a bill for separate maintenance Thursday in the Superior court against her husband. Henry                 R. Crawford, executive secretary of the Wnbash avenue branch or ihc Young Men's Christian Association. The bill was filed by the firm Of Temple and Wimbish. The Crowfonls were married at Ludington. Mich., in 1920. and until October 10 of this year have lived at 6507 St, Lawrence avenue, in a bungalow purchased by the "Y" secretary. They have one daughter. Lit June, 10 years old. Mrs. Crawlord charges that her husband has been steadily  of her, buying her  one dress in six years. . her and h.r daughter to live off soup, stew and beans, and overlooking payment oC gas and e  bills so that she was inconvenienced and . She also alleges ihat he struck  several times, in' the face and shoulders      shoved her around and up against walls. Their period of deep estrangement, is stated to have begun Scp-tember-^WT3.18JicJi!~m.^which. time  the time. October 10, when 'Jfcj/Crawtod claims she was competed to leave, the man and \    lived in the same house without speaking to Ouch other, except in unfriendly terms. The woman mentioned 'In. Mrs, Crawrord's bill is her  beautiful secretary, Mrs. Leona Terry. Mrs. Crawford complains that her husband spent most   [ every (Continued on Page S.CoI. 4)                 Spouse Sues (Continued from Pace One) his car has offen boon seen parked at or near the apartment "f Mrs. Terry. She also states that Mrs. Terry has frequently been seen in her husband s cur. Mrs. Cni- also   the presence in the Imme if an aunt nr Mr. Crawf'"'rt. Mrs. I Minnie Harris. She "'"s (liat  daughter was forced    ^ivc up her room Tcir the .' and that Mrs. Harris ^*.is  to  1- that slic was not a fit person to have around the child. Mr. Crawford lias been employed by the Youiii,' Men's Christian Association for 18 years. Twolvo years of that timo as physical . Four years ago when George Arthur resigned to become a member of the Rosc.nwn.ld Fund. Mr. Crawford succeeded him. Mrs.                 Crawford stales 1 hat. for many years Ills salary luis bwn in excess of $200 a mcr.tli. that he owns the heme ami that his automobile is worth S100O. She  the court 10 require her husband to support her properly.</t>
  </si>
  <si>
    <t>                                           CHICAGO, Oct. 22.--(ANP)--Naming another woman and cataloguing a long list of abuses and ... of which she has been the victim. Mrs. Lillian Crawford, flied a bill for separate maintenance Thursday in the Superior court against her husband. Henry...</t>
  </si>
  <si>
    <t>                                           HAMPTON INSTITUTE, Va., Oct. 26.--A rejuvenated Hampton Institute football team unleashed a superhuman volume of latent gridiron power to renew its application for C. I. A. A. championship laurels by successfully damming, with a spectacular 6-0 victory, a mighty blue wave that swooped down on Armstrong Field from the mountains of West Virginia last Saturday. It was a mighty clash featuring two teams unusually resourceful...</t>
  </si>
  <si>
    <t>                                           HOLLYWOOD, Calli., Oct. 18--Little Dorothy Jean Hamilton, 2 and one-half year-old Los Angel's youngster, is a child born to live dramatically. Only a short white ago she was gassed during the expulsion of the Bonus Army from Washington.</t>
  </si>
  <si>
    <t>                                           HOLLYWOOD, Cal Oct. 22--In the thirty-second year of her acting career. Alison Skipworth is booming along towards cinema stardom.</t>
  </si>
  <si>
    <t>                                           RENT PARTIES IN HARLEM ATTRACT I HIT! PATRONS                 NEW YORK, Oct. 25.- (ANP) It is KOttinir to be quite the thine for the- white ultra-sophisticates to nose in on the famous Harlem rent , according to a commentator in a theatrical weekly. The whites are reported to enjoy chiseling in on these Ptompinjj sessions held ostensibly for the purpose of collecting a kitty to pay off the landlord. The whites have been so liberal in their contributions for the bathtub cin, etc, plus the local color, that it s now bordering on a staged racket, like the "Apaches in Paris."                 BAD IKE Bar X. P. Reynold! Deacon Jones was  as    -jj raised the collection. "My Soul Bo on Thy Guard." When they counted up he should .have been         '".' "My. Hands Be On Thy Guard." v</t>
  </si>
  <si>
    <t>                                           The Matron Missionary Society met this week at the home of Mrs. Willie M. Braswell. A nice time was had by all.</t>
  </si>
  <si>
    <t>                                           Outstanding among the Hallowe'en festivities is the bridge party given on Friday afternoon by Mrs. Horace Thompson at her home on Ashby Circle, in honor of the. Round Dozen Social Club.</t>
  </si>
  <si>
    <t>                                           George Chrite, fullback, is a senior this year and brings to the Bulldogs three years of varsity experience. He has played on such outstanding teams as the Fisk machines of 1929 and 1930 and held the distinction of being one of the few experienced players on last...</t>
  </si>
  <si>
    <t>                                           COOK KILLED BY "UNLOADED" C.                 HOPE. Ark.. Oct. 2C .ANP) Dcvid Scott. 45-year-old ~:ook was shot and  instantly  Mondity by Burl Johnson. Johnson said Ihut he was cleaning his  when Scott entered Hie room. He snapped,. the Rim. at the cook, not JDOwing that" It" was "loaded.        - who served a penitentiary       for killing a member of his race  years ago. has been ar-: . He is a paralytic and uses a wheel chair to CO about the town making a living as a scissor sharpener.</t>
  </si>
  <si>
    <t>                                           WILMINGTON, Dela., Oct, 24--(ANP)--Twelve men were fined four dollars and cost each when arraigned on a charge of playing cards on Sunday. Police staged an early morning, raid, cleaning up the place.</t>
  </si>
  <si>
    <t>                                           Willie Pearl Smith, 30 Piedmont avenue, laceration over right eve.</t>
  </si>
  <si>
    <t>                                           MEMPHIS, Oct. 24--(ANP)-- Indicative of how fond southern white people can become of Negroes when they turn their backs upon the benefits of civilization and devote their lives to the menial service of white people, is the following editorial which was...</t>
  </si>
  <si>
    <t>                                           Miss Taylor, Ware School Principal Passes Monday                 Funeral services for Miss Olive Taylor. 491 Johnson avenue, ] of the E. Asa Ware public school f.-r a number of years, who died at  home ;it four o clock Monday afternoon, will bo held from the residence on J"lins"n .~~venue at one o clock Wedr.OMiay afternoon. The end came alter- a  illness. The well known school teacher is survived by a sister. Mrs. Willie A. Perkins. W:ico, Texas. Funeral : are being completed by David T. Howard.</t>
  </si>
  <si>
    <t>                                           World Wide Briefs                 OKLAHOMA GUARDS MAY HELP FOIL MOBS                 OKLAHOMA CITY, Okla., Jan. 18.- (Special)- What has been regarded as highly significiant is the new orders of Governor W. H. Murray through Adjt. General C. F. Barrett announcing to the sheriffs and other local police officers that they call on their local "national guard units in emergencies and obtain ready assistance. The adjutant general pointed out that the local police officials would have to call the governor, who would notify Iho. adjutant general, who in turn would call out the . In this way trained men will be available in the case of a        ;ned mobbing or bank robbery. FRANCE APPROVES PRESIDENT S PEACE PLANS PARIS, Jan. 18. (Special) Two of the principles of peace advocated by President Roosevelt, no further increase armaments and no territorial aggrandisement were approved by Premier Camille Chautempts, who obtained a vote of confidence from the senate by the outstanding majority of 257 to 3. The premier said in part "France refuses to wage a war of conquest. We will keep precious Mr. Roosevelt's points, but we hope that America understands we cannot stay neutral in the event of any further criminal aggression." 1 CUBA APPEARS" TO BE UNITED ONCE MORE HAVANA, Jan. 18.- Special)^Cheers, shouts, noise, and salutes from army and navy guns marked the inauguration of Carlos Mendieta as the fifth president of Cuba in many          . All Havana appeared to be united solidly behind this veteran leader with seven revolutionary factions supporting him by 10 o clock in the morning. Joy and hilarity reigned on all sides and everybody seemed to be quite happy.</t>
  </si>
  <si>
    <t>                                           judge Wood Fines Many For Lottery                 Judge Wood renewed his drive  lottery operations in Atlanta Tuesday by fining several guilty before him in city criminal j court. The heaviest line Tuesday was,! given Tom Nosh, a pickup man, who was fined $100 and  months, the sentence suspended upon payment of the fine Others who drew fines and sentences suspended on payment of the line included: Janic Young. $50 and four months: Ellic Ekridge. $50 and four months; Lillian Berry, $50 and six months: Lillian Hanv550 and four months. Theodore Parks, $50 and four months;  Stewart. $50 and four month*. Bonds in the canes of AUord Bet  ordered forfeited by tho court,- while eases against WlUi? Reese and Ike Jones were placed nthe dead docket, upon motion of SoIieltor-'McCteUond</t>
  </si>
  <si>
    <t>                                           WASHINGTON, D. C., Oct. 19, 5 P. M.--Howard University rallied in the final period with a dazzling forward pass attack to beat West Virginia State College with a score of 6-0. Sewell received a 27-yard pass on the enemies, 20-yard line, running the remaining distance for a touchdown. Hall's place kick for the extra point was low.</t>
  </si>
  <si>
    <t>                                           SWELEGANTLY GOWNED WOMEN, keenly attired males, jolly good humar--all these--marked a gala affair last Monday afternoon, 77 Ashby street, S. W., at which Messrs. Charles E. Lowe, Jr., and James Deveaux McNair were joint hosts. Bridge was the principal feature. It was contested keenly throughout. At the conclusion of the series, first lady's prize was awarded to Miss Mittie Ware. Mr. James H. Fowler topped male...</t>
  </si>
  <si>
    <t>                                           :-:~:-~-:~x-x-:-:-:-:-h-:-x-   -:. GOOD "USED FURNrrCRE SWAM FURNITURE COMPANY 169 Wlutehail St. "Bargains Erery Bay" Cash or Terms :-x-x-x-x-x-:-x-:~:-:-x-x-:-:-:</t>
  </si>
  <si>
    <t>                                           Jacksonville, Fla., Dec. 27--The ... the most unusual ... witnessed, when the ... or weeks of ... and around of him and the picture of a ... wite and hungry children...</t>
  </si>
  <si>
    <t>                                           JUST ARRIVED J. MADAM MINGiH Jthe woman who knows Palmist and. Life Reader J ~"ells put, present and- - J % Cires advice on all affairs" of   HnH "co "d       *   4  WM      of all fcin^. (V^S9       fail te 4  rifted palmist  PoloU the     of* shews jam how to           enemies, Madaio MiDgj ha*  4 1  and 4n can help.*    * TELLS LUCKY DAYS ANb^2 LUCKY NUMBERS   3 5 Guaranteed JOff ice Hoarsi 9 a.m. to 9 p.m- j  38 McDONOUGH ROAD- 4 J]        from Federal "      ) 2 3 SPECIAL REAOiNCS 00c- 4 Take Federal Prista eat I jnd of Uae. Look for Kaai*. 9 on Sign. Not in Tent. ^AAtttttlAttAlat*!*"^*^</t>
  </si>
  <si>
    <t>                                           Shop Today l t I I T     Big Savings ROGERS! ^1 ;.~  .~tl.~Si TODAY! + + L_.~ + + n Circus Plain or Self-Rising Domino or Dixie Crystals Flour 89C Sugar 5 23C 1O-  . Cloth Bag, 45c Circus Flour i:-ui. bac 49c Ballard's Obelisk it-m. baq. $1.19 Llbby's Vienna Sausage 2 cans 15c Gold Medal Flour :~lb bao $1.19 Llbby's Sliced Dried Beef ju-oz.jab 10c Plllsbury's Bsst Flour   -lb. kao $1.12 Van Camp's Tomato Juice Cocktail cm  Bast Flour ij-lb. **.a' S3c Fresh Vanilla Wafers lb. IOc' Premium Flake Cracker* lb.hko.1Sc Rogers Besr Plain or Self-Rising F_ Old-Fashioned lour 99  Corn Meal 5 1OC Pillsbury's Wheat Bran pko; 10c Gold KSedal Ca!io Hour. p::c. 29c i Sunshine Krispy Crackers.. La. pkg. ISc Dixia Mix Frail Cake Mixture rack 3Sc j Lifebuoy Health Soap 3 cakes 19c While Lily Flour t-u   a 35c. Rinso, for a Cleaner Wash 2 wees 15c White Lily Fiour ii.lb. bao 65c Rogers Toilet Tissue KOll 4c Rogers 2,000 Sheet Toilet Tissue rou. 10c  Vliife Lily- Plain or Self-Rising F_ Springbrook-Pritii __j_oii_r i' Butter 21C Black-Eyed Peas, i-'  PiKts Beans,        (.jkt. Mrt)~ii,n ^./f I 1 U^ 1-.     ,  ,.W. GOLD LABEL 1V0Ry SOAp HOYA^CMOCOUn. Navy Coffee :i FREE! "Tic j Ui:h      :-li:isp or Win, if-jeh Purclia-tr of B3^3 iSC         GeJ^ne lasers Santos lb. 17c g? "S^C -4IP"r Hot-cup lb.      S Cl":" 1 P':aS- 15 Sunsaf Shimon Style i I Select. Guaranteed D=an s Svaporclcd KV.U 3 t.*'!- 17c 1 Sickoiy's Tcir.ato Catsup hoT 15c Chase Sanbo"~'s Dated Coffee, u,. can 29c Cs:i3msy S-.. jar 10c Argo G!oss^:-rch pko. 5c DuKis^ni^ S'. Coccanut. 15c Kellogg's Corn 1 Jakes 2 wcos.. 15c BJua Seal Vasc'ir.a jar IOc Royal Seal Quick or Regular Oats cap.tom 6c Armour's Veribest Tripe. N" ice r CAN wc American Brand Dill Armour s Veribest Pickles 15{ Potted Meat 2- 5C Hainz AssorSed       . ^;:T 15c Wet Pack Shrimp. T isc Tellam's Peanut Butter uj.jk 12e Welch's Grapsiad- jah 17c Camay Toilet Soap 3caki3por14c Franco-AmcWcan Spaghetti can 10c Chlpso j.Ko 6c Jergens Toilet Soaj, Scum 10c Jefferson Island Salt 3 gg 10c Old Virginia Brunswick Stew. no- 12 Vi CAN A Maxwell House Old Virginia Brunswick C flee 25C s t e w 2 lc ^U5cEiA5  SNOWDRIFT I-R. 'M CARTON ^mW 3-I.B. ^ftC C-LB. EQC 2A\~. Carton 13c can Q^ can QjJ Large Fancy Florida         Branded-Western Corn-Fed WELL BLEACHED BEEF ROUND CELERY STEAK %^ J.gHr ":~Sf-.Lettuce n.T.T*^^ gc sirloin Steak ~^3 ~*Ti, 21c i Cauliflower ioc T-Bone Steak 25c i Carrots  Sc Market Sliced Bacon 1 7c I Ga. Yams^-~*^~~to ^5 13c Beef Liver 15^ i Pineapple Oranges 2 25c Beef Chuck Roast 14c I Bananas 3 12c Beef Shoulder Roast ISc</t>
  </si>
  <si>
    <t>                                           PROMINENT CITIZEN DIES                 RALEIGH. X. C.. Oct. 2-I.- (AMP) William Fain, promi* nent local citizen, died here at his homo Wednesday  Funoral services  hold Thursda7 afternoon.</t>
  </si>
  <si>
    <t>                                           Are You 111?- Do You Suffer?- Do You pT5*r^TWant Relief?- READ THIS! i^i-.;i^B^    A MESSAGE TO THE SUFFERED V^A^HLM _"u nc"~              about your . o^HBmi f1"" "p! Th're h*lD you-     JbwJ^   ^^KA Chinese Herb Specialist with his famous and ^^^H^  ^ harmless herbs and roots, trr  which  Ui'fii ^^^BRBf  for , and ore highly  d for ~$^^^^Bm *"v (J of tlio -rn, such nr of ilir Lur,  . ;         ^^^Hi9B Stomach, Heart. Liver, Kidneys Blood Poison. Rheu* fiSB^L^L^Rwt . Catarrh, Wroknr**, *Nervousnr-j:-, Ul.    *r 9 3^H^^^V^^3 Trouble, Constipation, Appendicitis, Skn Di*.-n^c9. 3~*-2H^L^L^LV^  3 Female Trouble and all Troubles. .LCjAjSiSI^               it may concern: Call ut mice. I^^^ES9i^E5.33     't" *Kr up "OM others fall, '[hi- r^ult n pka:    ^iil^^^^H "No Needed Only Nature's Remedy" D*. T. Y; Young Chinese herbs and herbal compound A Cura far      Dlxiwot      Unman BuJr Fmou Uarb  H12.(^)D , ATLANTA. CA. to t F. M., 7 P. M. to 1. P. M. ~?gSS WA  ;::'':</t>
  </si>
  <si>
    <t>                                           NOTICE!! AH club and social news sent to these columns through the mail must be signed with the name, address and telephone number (if there is a phone) of the person sending in the news, in order that we may get in touch with the sender should it prove necessary for any reason, before' publishing the article. I The Atlanta DaOy World I</t>
  </si>
  <si>
    <t>                                           e d i t ri;a;l^;BiB</t>
  </si>
  <si>
    <t>                                           JUST ANOTHER REASON why Atlanta, the "Gate City of the South." it so famous for its                  girls. Miss Grace Butler. Photo by Kelly. Atlanta.</t>
  </si>
  <si>
    <t>                                           What professional football is like will be shown to Atlanta football addicts tonight at the Ponce de Leon lot. Atlanta people are one set who may always be interested in good football and the men who arc staging this show tonight avow that the...</t>
  </si>
  <si>
    <t>                                           PHILA, Jan. 22-- The Commandeurs, husky globe trotters, with their original line-up intact will leave Phila, on Wednesday, February 14, on a county wide basketball tour. The tour will last three weeks.</t>
  </si>
  <si>
    <t>                                           FU MANCHU-Severed Fingers Fate of FirManc-hii? "by SAX ROHMERi,                 MESCAL IKE Rules Are Rules to Pa hy ART HUHTA                 TYM TYLER S LUCK Impending Danger by LYM YOUNG                 "TELLiNG TOMMY" $                 '-UNCLE.                 ffl OUR OFFICE</t>
  </si>
  <si>
    <t>                                           Colored Episcopalians from the entire south have gathered at the Fort Valley School Tuesday, Wednesday, and Thursday of this week.</t>
  </si>
  <si>
    <t>                                           Griffin Church to; Start Novel 7 Day Program j                 . Ga.. Oct. 21. Commencing Monday, -.'.e 1- C. M. E. church w:ii be the seen., of; a series of mass meetings and pro-! gram? for a week centered aroun l the topic "The Church's Opportunity and Duty in Race Building Enterprises." Not only have the local                 churches, civic organizations, {rat-;  bodies, and schools  take part in this significant ob-i servance but groups in surrounding. towns have sent in word  thev1 will be well represented at the meetings. "It is imperative,' leaders of the affair ' ."that "ihe .Churches i take into their program the real things that make up every day life, and help to educate our people a-j long lines that make for earthly  pines* and general -nt,** Monday night will be known as, minister s . at which time  -s will discuss what may be done by the preachers to stimu-i late the general welfare of their I city, community, and congregation.! ^-ation will occupy the spotlight Tuesday night when the relation of the church to education and educational institutions will be talked, ever. Physicians, their relationships to the church, anil the church to them will form the topic for the Wednesday night discussion while the business men will reveal a number of intere.-ting methods by 'which both the c-hurch and secular industries may progress and profit through cooperation. Fraternal night is Friday night, the week coming to a close Sunday when Dr. J. A. Martin. Editor Sunday School literature of the C. M. E. Church, Atlanta, will deliver two sermons, the evening message featuring as its subject, "The Church and the Demands in Racial and Inter Racial Programs."</t>
  </si>
  <si>
    <t>                                           GRIFFIN, Ga., Oct. 21.--Commencing Monday, we Trinity C. M. E. church will be the seen, of a series of mass meetings and programs for a week centered around the topic "The Church's Opportunity and Duty in Race Building Enterprises." Not only have the local...</t>
  </si>
  <si>
    <t>                                           SAN FRANCISCO, Calif., -- A stranger chancing to visit Pine Street in San Francisco, Saturday before Christmas, would have been interested to find the entire twenty hundred block roped off and perhaps surprised to find three or four hundred colored tots romping...</t>
  </si>
  <si>
    <t>                                           JUST  MADAM MINGY TIm Wamin Who Knowi .t  nd ult Ktadtr.  Tellit pait.  and ^H^a^H* future. Givn  on ^~nM oil attain of life-  HPkkH Love. Uarrlase and /VaSFal*       '(~n  ^tC^' H ble and Khowi you hot* B^Kjn to overcome . BBbW^bbI 'I'ells lucKy days aud  lucky numberi.  . Offlt.Ili.or.: t A. M. to F. M. 838 MoDONOUGH  I (Arrou from Frdrral Prl.aat NPliCl.U. ItKADlNO-           tor Nam, an - Ncl In</t>
  </si>
  <si>
    <t>                                           BABY  CONSUELLA , pretty young daughter, (20 months old) of Editor and Mrs. John Benjamin Horton, Jr.. of the Omaha Chronicle. Omaha, Nebraska.</t>
  </si>
  <si>
    <t>                                           nagg E DIT-. BBrnwaT</t>
  </si>
  <si>
    <t>                                           CLASSIFIED ADS The Atlanta Daily World THE ONLY NEGRO DAILY IN THE WOULD Classified Advertising Rate* DAILY SUNDAY^ 8c a line 8c a line Consecutive insertions Dally and Similar! One time 8e a line Three times Co a line Seven times or more 4c a line     -worts of  leasts ara  aa a . The  chart* b the prln af rwo . Ads Taken Over TeleDbone  re accepted from Hnon Ilrtod la the  or city director? on  . la , for Inia  thm BdvortfKer U        td to remit tha dar  . Hon. Oa all  Mat br Ball cash  ? Urn . All DUco. MUST bo ando In penon at tko WorI4        r br letter. Telephaao      NOT . ERRORS If   T error la Bade.     Atlaata Dallr World I.  for  one incorrect InurtloK The   for            . Tho            .  Immaltatelr If Mr  la  ceded. CLOSING Adnirtiirmenta la Tho Atlaata Dallr for tho Sond.r World will be acceptor! op  P. M. 8. Tho  re open     t P. M. for tho  of . ATLANTA DART WORLD If WORLD. WANT AD8  .  CALL WALNUT 8913 -and a*k for an Ad Taker</t>
  </si>
  <si>
    <t>                                           ^g^ mQ^FO:^,,,VVfflMEIV f TT*J</t>
  </si>
  <si>
    <t>                                           I wish to express my sincere thanks and appreciation, for the just way in which you subscribe for The Atlanta World.</t>
  </si>
  <si>
    <t>                                           Your Last Chance To See Hear Irvin C. Miller's Famous "BROWN SKIN MODELS" (On Slaw) 35-PE0PLE-35 HOT JAZZ BAND Singing-Dancing Comedy -On - TOM TYLER "WAlfof THE RANGE" With Uine Chandler Today and Tonight Bailey's 81 Theatre</t>
  </si>
  <si>
    <t>                                           HOLLWOOD, Cal., Oct. 20.--Still following his nose towards Hollywood fame and fortune. Jimmy Durante draws one of him biggest assignments to date in "Pic Boats," story of American submarines and their intrepid crews.</t>
  </si>
  <si>
    <t>                                           Women Start Red Cross Sewing Monday                 Tho convert ion nf clot h      1 by the Unite.! States Government to the Rvrt       . into ^. for th needy was to be st;       Monday ; :it nine o clock :it Ihe Y. W. C. A. branch. 128 PuMniont street, n ci:     i    10 Mrs H M Holmes.  J:rci*tor of t!io                  dilution i-Oftiiiiittcc. who will supervise the work. At that time, ;t number of volunter workers began  anil .sewing Garments that will hitter bo fl:s!.M by the Rod Croxs through its  channels to  who nee- 1 it        A I.' number of           up for this charitable work but more are noo TTio vo^ worf warned. ;it rm initial . by Mrs Rrnjhmin K^'Mham. ^cn* or:   director   T     Hod Crosr Product jon committee,  only lion(Continurfl on l aec 5: Col. 4)                 Women Start (Continued from race One) cst lo goodness . women who were willing to sacrifice to help others and who could  instruction*      come at (lie lime the Many civic ana  organ-' izations have promised to do their1 bi, an.l others ; - in-:  should '-ate witli' Mrs. Holmes. Mrs. .Minnie Kmc Tatnall street, or Miss Williams nt he YWCA. Several more  machines  be            any '  any extra mach-: 'nc or one that she does not need, i who could loan hers for :iny  j f time should get in touch with '.</t>
  </si>
  <si>
    <t>                                           The conversion of cloth donated by the United States Government to the Red Cross into garments for th needy was to be started Monday morning at nine o'clock the Y. W. C. A. branch, 128 Piedmont street, according to Mrs. H. M. Holmes, director of the colored...</t>
  </si>
  <si>
    <t>http://search.proquest.com/docview/490413190/</t>
  </si>
  <si>
    <t>                                           /7//.T EYL Tin:</t>
  </si>
  <si>
    <t>                                           BAD MAN IS SUBDUED                 Luther Stadburn. Moore's Mill Road, one of the so called "bad men" or the Buckhead section, was subdued by county officers and brought to the Grady  for treatment Thursday night after ho had attempted to "raise cain" at a dance in that district Thursday night. H" was  to the Fulton County Tower alter a head wound was treated where he will--    """ charges of disorderly conduct and pistol tating.                 BAD IKE By I. P. Remold* Just because the Paitor naUL^i "Charity BEGINS at Home"  didn't  fur Deacon Joncx to i' BEGIN picking the members</t>
  </si>
  <si>
    <t>                                           Atlantic City LAC Achieves Good Results                 I ATLANTIC CITY, N. J.- (AND I In a  ot U)~ Atlantic City EAC, tbe  **! by the .National. Crhiin.I/ vt: I wh1cn."T)r:' "Alfiert "E.       'Uft' i* j  fnr this city, il wiis announced . It hns   "hl*vcd i   for Nocrn  of                 Alluntu- City. Even in the short       of time In which it has  organized lr. succeeded in  the pay of 24 waiters in one of the hotels raised from si. On in $2.00  flay and hits held numerous  with officials of Hie CWA . Stale Relief Ailmlnislrat ion a-nd other civic authorities. Tn tul  the purpose ..f the I0AC h.is ]H*en  10 s^' %n ' :Hlults In :i series ''f :il mass  Ihul have  h.-ld In this city. A result of these  lias heen tn  ih*1  nf Atlantic Pity tn a realization nf their   mm tn  . a  front fur the Improvement nf  in this city. The activities of the EaO were   in nn  tn nne nf (he Atlanlie Citv tallies. The Atlanlie Pity EVP.NTXf! '. which said 'UnK-sK we ,  good and permanent ou^ht to .'nme out of the scheduled mew in;: Tuesday  of Northsiilc residents nt which the EAC for XefTroes ami Civil Works Administration officials will discuss projects that  to he distinct improvements in a Inns   t and which can come under the approval or the OWA. ".Street rep:iirs and .  the hulk of Xorthside street? and avenues,  slant] out at one* us essential. So does  re.  nf   .~ lon.s In many parts of this section,  (Continued on Pace S)                 Atlantic City' i 'Continued from      1: I ar* :r*:ns           y^k-i 1^2. for n r**6   city. Trv* \-  i U~. r* II          $vA .  ';n O*-.v    Aur '* yarU" ihr'~uci: whl.:* j      i's      ^       has I'i':i        ~.iir inri:inc. i "'   ^ .    *Th*r v^ or-~. i o^r h^'Jtins- i'.. t..  mk1i:</t>
  </si>
  <si>
    <t>                                           ATLANTIC CITY, N. J.--(ANP)--In a report of the Atlantic City EAC, the organization sponsored by the National Urban League of which Dr. Albert E. Forsytbe is chairman for this city, it was announced that it has achieved definite results for Negro citizens of...</t>
  </si>
  <si>
    <t>                                           Youth Rides Bike 284Mi.toM.B.U.                 By Milton L. Randolph                 A 284 mile bike  from Sa- 1 vann;ih. Georghi to the Morris Brown campus in Atlam;i w;is  in exactly 24 hours and 45 minutes last week, by Teddy Greene a freshman at Morris Brown . This plucky luc). 17 years old. left Savannnh Saturday                  at 2 p. m.. E S.T., and at nn  or 12 miles an hour  in Slatesboru. a d stance 52 miles at 6-15 p. m. After n rest period of 45 minutes, lie left Siutcsboro  t 7 p. m. and   than 13 miles Imurly to   n Swainsboro ut 9:45 p. m.. whore he spent the night. His r ! time from Savannah to Swuinsboro. a distance of 80 miles, wan                 seven hours. On Sunday  nt *       f- .-lock. E.S.T.. this adventurous youth left Swuinsboro for Macon, :i jump ot 90      . which Included GO miles of dirt road ami 36       or paved road, anil arrived In Macon ut G p. in. Allowlnu for an hour s Atop In Dublin, li is riding time over that hilly  wag ton hours. A second night 'K stop waJ I  here. After a night of  ,': 1 Mid a  . ho -'i led from Mocon at In.  ." C.S.T.. .'  Forsyth" nt 7:30 a. m.. and  linto       . S5 - trom',,!*^^ (Continued on Pace 3, CoVS)^tM                 Youth Rides i i (Continued from page 1) i ron. al 10:30 m. Left Griffin nt j 11 n. m. nn.l :iver.   .l around 13. miles an hour for tlio  distance,  tlic city limits! of Atlanta, on Stewart avenue, ut 2:15 C.S.T. I Just seven hours and forty-five minutes  time between Ma-~ con anri Atlanta, to       the grand total of 24 hours and 45 minutes, for tho 284 miles covered from Sa- vannah to this city. For the jaunt Green hail his bike ] with a flashlight, - j sary tools, tape, a map. an extra                 sweater, shirt, ir;:r:(~r:; ~:v.i nin-      . which wore ni  p.: iu\i on 1 his t-arner. in preparation for any possible emergency. On arrival here Monday lie showed no fatigue. He stated that he had trained (or this trip .luring his summer vacation, in a real spirit of . Whether the trip can be considered as an  record or not. is not being emphasized by this writer, but the pluck ami spirit "f this  youth should stimulate a spirit of adventure in other youths. i</t>
  </si>
  <si>
    <t>                                           A 284 mile bike ride from Savannah. Georgia to the Morris Brown campus in Atlanta was covered in exactly 24 hours and 45 minutes last week, by Teddy Greene a freshman at Morris Brown college. This plucky lad 17 years old, left Savannah Saturday afternoon...</t>
  </si>
  <si>
    <t>                                           Negro T.io l^. ^osr 6,000                 Negro Trip  hat: boon assigned to the job by the committee, but A. X. Spurlock, inade some extra pood pictures ar.d Hold some of i them to the* delegates. Mr. Benjnniin later  250 to be sor.t to the members of the delegation ad others.</t>
  </si>
  <si>
    <t>                                           To Columbus and Fannie Smith, 456 Rockwell St. S. W., girl, September 25.</t>
  </si>
  <si>
    <t>                                           f:;;~ of CULTURE If^l^^Bffll1 PAGE TWO</t>
  </si>
  <si>
    <t>                                           Chest "Colds "Rub' on Musler'ok. Used j by millions for 25 years. i NOT just a salve, but a "counter-irritant. All druggists.Threc strengths.</t>
  </si>
  <si>
    <t>                                           Emancipation Day ToBeTilTWmeEvent itiN.Y.                 NEW YORK CITY. Dec. 27.(ANP)- On January 2, a city-wide celebration of the anniversary of Emancipation Day will be held under the direction of J. Dalmus Steclc. "Mayor" of Harlem, at the Salem M. E. church of which Revcrend F. A. Cullen is pastor. An elaborate and lengthy program with numerous brief addresses by Harlem's leading citizens is scheduled. Reverend Adam Powell, assistant pastor of Abyssinnian Bap- j tist church, will be the principal speaker Many resolutions touching upon local and national matters which affect the Negro will be read at the meeting. William H. Davis, business manager of the Amsterdam News, is chairman of the Resolutions committee. Serving on his committee are: Messrs. Lamar Perkins. Louis A. Lavelle and Allie N. Jones. Three minute speeches will be given, by Messrs. Watt Terry. Fred R. Moore and Dr. Lorenzo H. King. The Emancipation Proclamation will be read by Mrs. Fcrol V. Smooth and Miss Dorothy Hyght will deliver an oration on the Constitution. Edward W. Simon, prominent Elk. is chairman of the meeting Lee Is Back at Fla.     After Illness TALLAHASSEE. Fla.. Dec. 27.- President J. R. Lee of the Florida A. M.  after a little more than two months confinement in the Strong Memorial hospital of Rochester, N. Y.. under the skillful care of Dr. Scott, specialist, in . who operated upon him. has returned to his desk and is carrying on In his  vigorously style. President Leo met his teachers last Friday in the second general faculty meeting that he has been able to attend this year and thanked and congratulated his staff on the splendid manner in which they "carried on" during his absence. He specially commended Vice President Bragg and Business Manager J. R. E. Lee. Jr., and the Deans of the various divisions for the part that they planned in smoothly operating the school over the two months period</t>
  </si>
  <si>
    <t>                                           it s Dangerous to Let Your Cold Travel Downwards! j ', the Mutton Suet Salve Penetrates 4 Times Deeper to Drive Out Colds Quicker rij The lower your cold "goes the more- ly effective" in breaking up congestion  it becomes. Carelessness or in children ( called croup). delay may allow it to seriously and c- .^.u.  injure your vital organs. , snow-   t ^"SJtKS-EiSTwSS fcr Name-Penetro , the mutton suet salve that Save time, money and health by  four times quicker asking for it by name, Penetro. the .j.- .-i;-,..;  suet salve. 2Sc a jar.        Of CoM Infection economy size 50c. Family size jar Wife This Quickest and SftM^^ffi Deafest PenetmtintSalve ^   ?ct%~      % Beeanse Penetro has a hose of high- cph s Laboratories, Memphis, Tcnn. refined mutton suet it instantly 1  deep within directly to the Enter Ht coM.. Its powerful. V h"d  W- *"~f* Jongestion- medication goes V"  mill Prnttro      and T/  V.. JlKtit    the infected" area lo-do its Draft ( ). Cfntrout ?X; Work. Thai's wto Yenetrj ]} - i  Htlle 25c Large size bottle 50^.</t>
  </si>
  <si>
    <t>                                           r*^_ I ONLY NEGRO DAILY NEWSPAPER IN THE .l_D i L\J\ I IKJlJ</t>
  </si>
  <si>
    <t>                                           JOSHUA JONES                 By I. P.        'Js                 They .aiy.. a   is  than a bad. STAND that Is UiypOv' are a good- HUNKER.</t>
  </si>
  <si>
    <t>                                           Up From Georgia With My Banjo By THOMAS JEFFERSON FLANNAGAN THE FORGOTTEN MAN IN ACTION Oh he s troc a pick and shovel, and he merrily whistles away. He's left his place in the soup line and he s joined the CWA: He got his learning in the country, where he wielded the weapon of the plow. And he s always wanted to earn his living by the sweat ol' his brow. His face glows like the sunshine, in the  of labor he stands. And a new sunrise he faces as his bread he earns with his hands. America shall never receive him and wherever on land and the sea The stars and stripes are flying, men are equal and free. And though he dreV only a pick and shovel, -he merrily whistles away: And he s long gone from the soup-line to the trenches of the CWA; And he ll give a fine accounting of his stewardship as he drives Down "in the lowland trenches till a normal condition arrives.</t>
  </si>
  <si>
    <t>                                           FU MANCHU-Call of Siva Spared- for What? BySAXRQffmX:                 MESCALlKE ThH ^: 1 he Home Influence                 TYM TYLER S LUCK The Enemines Pace to Face hy LYM YOuM                 IN OUR OFF/CZ                 BtLLY'S UNCLE                 Dorothy darni By Charted Mcivfcffl</t>
  </si>
  <si>
    <t>                                           KANSAS CITY, Mo., Oct. 11.-- United States prohibition agents swent. Although the colored section of Kansas City Sunday night and when they left Eighteenth. Twelfth and Vine streets and Independence avenue had been mopped drier than the Sahara desert.</t>
  </si>
  <si>
    <t>                                           I am coming to you for the first time for advice. I am a subscriber for the World and I read your wonderful advice to other girls and boys and you help them so much and I do believe that you will help me.</t>
  </si>
  <si>
    <t>                                           CENTRAL MOTORS SAYS BUSINESS IS VERY GOOD                 All M,:, I :ii;~..    .~li- sln.w :ni- Imsy til,.*,. il:iys m.-ikin:.- ili.:. nby*   r i In' new f ,-jii-k. Mm "~fin r:i I .Mniors. I he "li.tmvn Kuril Il.'nli v" lui-.ini-.-s ni  is 11:1.  liri*ik     - sh.,w i.f th.- i-i-t-\*.s t"     . ilic sri  i iiu-.-r c:ntl :ir Anvrii-M .~i-ui:-(l. Hi,. ,'.-,r  :i       . l-.'i's lm  i-viT ^ i  i:    . 'flic i i P WiU  tn iI.h I; {,, 'i,,.1  1 1 1 fn 1 vhi.w ,n . -- unil pmi-i- tin- -i i-:ir on Hi.' i-l;i-t . (Vninil Miiiui; :il Sjirin^ :mil ll:irri^ si k. r,.. Hurls Im-'-ii Vi-rv .~.ill. T'li- ICv' i.f   1' :ii-,.  i:       :ill i-.    -i-l:. All:iiii:l     on Hi,. lli W l"clnl  ,MI: i-:   iln. livi-ry "f i In- nvw i-:n-  ,1c    . i    . 1K0.I I'llr l"t. ,~ir,.,-lly Oinmsitf Ilic Furil sl,..u r.H.m. is ,~,,in- -i i sr.vi.lv l..,si,K.s-: ihi.ir r liii,.n-~ i iI i':lrs :   - i,~-i,i-il ri-lii :m,~ j si-.' Tnsi. l-i- Jli.   -~ h:i-s n .i,~ :K!,irt ,i of ili,. ~~.st j n.,.nii,~~ii,in,.,~ ,-:irs lli:it v .-:in Imv. Visit r- Mni,,i-S :,n.l fl-- s*n*Of-:. :     v.w. f,,r v..nr.-.~~* why   '--ss is</t>
  </si>
  <si>
    <t>                                           CINCINNATI, Ohio. Oct. 24.-- (ANP)--As Louis Claytor lies in the Hamilton county jail on charges Preferred by 'Ida Medman and Joseph Goodman; white. of this city. rapid strides are being made in the furrtherance of justide.</t>
  </si>
  <si>
    <t>                                           You'll never know how %oo^^^g/ (T\ a cigar can be until     *   %0*ik i.'S</t>
  </si>
  <si>
    <t>                                           CUNNINGHAM--The funeral of Mr. M. C. Cunningham, of 786 Simpson street, N. W. who passed away January 23 will be announced later. Dunn's Funeral Home.</t>
  </si>
  <si>
    <t>                                           CHICHfSTERS PILLS fc A-.   **4 J*UU to Bod -a     (\7/ Jk IT m Uert, Sk/eit.       4~. Bof     t ^^-~-w      by  ETnywieu</t>
  </si>
  <si>
    <t>                                           The Girls 4 H Clubs of Ware County are now electing their new officers and getting ready for another years work. Club girls are showing splendid progress in canning, sewing and their cooking. The Telmore Club had a fine meeting and elected the following...</t>
  </si>
  <si>
    <t>                                           The heroism of Tom Lee, eight years ago, when he rescued a party of 32 white engineers single-handed, was not forgotten Christmas Day by members of the Engineers Club of Memphis. They presented Lee this past Sunday, as they have done every year for eight years...</t>
  </si>
  <si>
    <t>                                           1 DEPICT JE_P 1 TORIA-L' EHPJigi^</t>
  </si>
  <si>
    <t>                                           NOTE: Xour question trill he answered FEEE 5a "    ^    ot this'  .to  ^1 1  yont Fuii, KAME,  , BOtTHDATE Ssl COBESbT -n . For PETv-ATE EEPf.T   cnd a QT7 (250):.: for one of tar NEW  'REAO'lKOS.^aa Itcelw *f      lay  ATr^CE od.THEIE 0H8; Sen* _r  1! letters to-1 Waiia.'e, '.ct The K^tt _J(~          Sj*1-: Ucifci'Slb" Auburn. ATMm-. Atbnli'Cronrti.</t>
  </si>
  <si>
    <t>                                           NUMBERS! CONSULT TOUR LUCK* -GSaM Sttdte*. Bmi         mad SMS. Toor Rot Knks RoroMM Im. Aacro Sanrta*. Bos 40t2. WlMuxnSim. N. 0. k9 so -good ^^H  Irmr "HeSliM Is Here to Stay Sent by Mafl Anywhere Send Money Order Growers, Large Boxes 50c Straixhteners for Hen and Women. Large Box 50c Cocoannt Oil Soap 16c JO- CHEMICAL CO.. 75 Fair St. A R, Atlanta. Ga.</t>
  </si>
  <si>
    <t>                                           After an absence of several weeks because of illness, Miss Maggie Walker was back again in her classroom Monday morning to the delight of her many friends.</t>
  </si>
  <si>
    <t>                                           Christmas in Los Angeles is Very Wet                 LOS ANGELES. Calif.. Dec. 26. (ANP) With its egg-nog bowls in plain view through the windows open to the California sunshine, its wine . brought out of the . and its unlocked iceboxes stoked with high-powered home-brew. Los Angeles is celebrating ine damp est Christmas since 1919 The state prohibition law known os the Wrigh, act -went into the discard last Sunday night at 12 o clock amid the tooting of horns and gene. rr.l celebration. The old Gandier law of many years untested standing  unlicensed persons to serve liquor to e^ests in a cafe or other public place is also dead. There was never an arrest made under i, even in the saloon days. Meanwhile the "Dealers"- they have dropped the name of - are engaged in cut-throat competition and Holiday liquor is cheaper than ever before since the rule of Volstead. Canalian Bourbon is selling about 7 times less than formerly listed at $1.15 a pint in case lots. FINEST NEGRO RESTAURANT CLOSED AGAIN' NEW YORK CITY. Dec. 26.- (AN P)- Probably [or the last time, the Marlhrooke closed it doors Thursday. This frankenstein of a . built by three  colored men. has established an all limp record for opening and closing.  no less than four of each to it s credit, or would you say discredit? Hailed as the final -word in building, the Marlbrooke was a nine davs wonder when it opened to the public in March. It was an overnight sensation, but an accumulation Ot I circumstances, caused its demise. I To set a world record for opening j and closing and to hold u. the gaudy place now has five more times to op en and close (is a cat said to have nine lives?) *nd there will be noth- i ing close to it. FINE SCENARIO WHITER I LOS ANGELES (WS) Mrs. I Beatrice Reeves, popular scenario writer and Democratic politician. was hailed into court here last week on nine counts of traffic violation, pie civic leader had Ignored traffic summonses for some time and was found at her home by a traffic policeman. She was fined $90 for t ie aggregate charges with S66 of the fine suspended.</t>
  </si>
  <si>
    <t>                                           CHICAGO, Dec. 27.--(ANP)--One of the grim tragedies of the gay life in the big cities was revealed here this week in the death of 15-year-old Lena Watkins from premature childbirth, an unmarried mother. Funeral services were held Friday. There were parts of the...</t>
  </si>
  <si>
    <t>                                           Oociety's favorite dessert ^HS^S Jusuin\rr3       \y-tt-t:      .T.X ^M "Philadelphia" Brand Crwun  fi5~'    \^B3BS3L Cheese- serve ii for  with 5~*- /^ jam. crackers and roller I "1'- /^^~~*^\Q^HA "h:a." made hT  errant, is S^ryl^ ~\^VI^H delic.itc!v-ns\'Dnd and Pure. Highly 'S^~r cfi ~^r\^~Hl nutritious,, it. is splendid lor y^^\V^ ~'cS* T^ children. Serve it " v'  cM^r7 -Cvj\^B No Operation i-'^^^ 0NLY NATURE REMEDIES h Tn n,.~-  1...     Miff.^luc      ilir 4 "^^w _--S rn.iU.    ..WH, ii., n 1,;.. 1^.,, i,,l, V'   y ItTj f ,,~. "h, On.-ni-.l ll.rh         m-~n V^      _..if ln thr ivm*. bittU^ n-ul l.~^Nf.l n^M^U^~ ^gt ^h.-'l. III. . tin* I   ir1nl fr..W  U M .I.v.r t.~       .  l.^~ v. ..n.lor Ml r-  .II.-.. nrr4 A .V,' I*TV ^~i M-^ rl,~4.r I.   \ T.-.-m* t.,rl..~l r-n.'^3L iW Ihr.M.iih'.wl n,^ l.ln...,. .t.r.~- f,.r tt..~. i.n.t. .'I       ^SiX ~~~%.  ll-lr ..mil-- ,n. ^   Wl-c 11 nil-'   r tot- ii-,-.          M., *-i Uttmion ..f Klhrr r:*. DOCTOR Ur.'B^n" h"""   ""' ITlllMH^. i,^    .    a. ^nl     -~           T K"~-   .  ,^-. .rnl. t,    -~ V VniinC "ml ''"'   -p),n.lM  T.rrl^. ill y.**_llO L^V*     Ih'lr In  urb c..          FAJylOUS drat"*  4  . ..        -. rm%-~trw*~^. m-. W* UVW, mi-watOn, Inlxixo Mood. jv^ulr^U.  I' SPECIALIST or        tu. clar^l t,  m,.  tf IM p*        - h*     ,    4y       rv haw for M YEARS c"'~~ u*^1- J       DIXAl- CAli AT 0 CE to ATLANTA ^~-iy    -r*.      v. Hr^ T P. M. to JO r. M.</t>
  </si>
  <si>
    <t>                                           Cold weather brought the West Tennessee Conference to a premature close at Brownsville, Tenn., last week. Bishop J. Arthur Hamlett made his appointments Saturday night instead of waiting until Sunday, the scheduled time for the close as inclement weather made...</t>
  </si>
  <si>
    <t>                                           TUESDAY, DECEMBER 27, 1932 THE ATLANTA DAILY WORLD, ATLANTA, GA. PACE FIVE</t>
  </si>
  <si>
    <t>                                           AFTER the victory of President Hoover in 1928, a victory that as contributed to by five of the eleven distinctly southern states, it was announced that there would be a new alignment and new control of the Republican party in Dixieland. Deliberately, ignoring the reason why those five states went Republican. President Hoover set out to make the party he led a white rather than a Negro party south of the Mason and Dixon line.</t>
  </si>
  <si>
    <t>                                           [Look for tlie jr*~BMA.tK Vaseline M be  product, made by  HV^     ^^    Chesebrou^h /Manufacturing  rl^^^M F^li ^ I has so ma oy uses that you  ^^Sgig***^'*-"1^^'^ afford to take chances with in- day emergencies. Insist on the  products. It's the 'Handi- genuine. It is made only by the ..cst-Thtng in the House* for first Chescbrough Mfg.Co.,Cons'U.t  id, colds and dozens of every 17 State Street, T4cw York. r. HO. Ufa. C..C-</t>
  </si>
  <si>
    <t>                                           IF THEY CALL this civilization ...then give me the stone age ...and if they call this culture ...then let me mingle With the so-called uncouth class...and it all happened at the Tuggle Institute gym. The cagers from the St. Marks school made the trip to...</t>
  </si>
  <si>
    <t>                                           ORANGEBURG, Oct. 18--Claflin lost to Florida A. and M. of Tallahassee here Friday at Orangeburg County fair by a score of 20 to 0. A penalty to Claflin for a delay in beginning the game paved the way for the first touch-down which was made on a...</t>
  </si>
  <si>
    <t>                                           Chief Aiken was away up yonder in the Buckeye state yesterday morn. Of course you recognize the fact that Ohio is sometimes called the big Buckeye stage....anyway. Chief Aiken was up there and these matriculants at Clark university who come out for his team, or...</t>
  </si>
  <si>
    <t>                                           SHAW UNIVERSITY FROSH INCREASE                 With the close of the rt!;i,lr.,:;oa period at Shaw University, in Ralegh, N. C.. it was revealed i ti.a:  hc Frc!..,n Clas* is one of the !ar,;ejt that .   come to the 1  in recent veers. St.-. gathered from the office- of the registrar i show tha^tho number of freshman is 107 er'.in in-                 cro.isc of 24 per cent over that of the first semester of last year. Still more interesting is the fact that the men of the freshman clan *,how an .isc of 54 per cent when compared  figures covering a similar period c-f the previous year.</t>
  </si>
  <si>
    <t>                                           JUST THE  ABOUT YOUR SAVINGS? THE NEW YEAR WILL BRING YOU HAP- PINESS AND PROSPERITY IF YOU BEGIN RIGHT. v v.V Do Yourself A Favor By Seeing Us Before JANUARY 10th We Pay 4% On All Deposits GEORGIA SAVINGSSs BANK AND TRUST CO. L.V.  t Atlanta'* Old..t Savina* Bank- MmIw FaWlJ tU*tjf;~-    4</t>
  </si>
  <si>
    <t>                                           ^        -:-;:-. v u --v:^ .^~~^^sv-rz^fCi:--^^ SP ~^^~~~^          ^~~~^~~~^^^~~~~^~~~^~    ^~~~^~~~   '~~~~~^~~~~^~~~~~i^~^~^i^~~~^    ^'~~~~~~~^~^~^^        ^     ^~~1^~~       ^~  1^^^         ^~~~  *^1"^~~~</t>
  </si>
  <si>
    <t>                                           Georgia Coal Co. Quality Full Weight Prompt Sen-ice ONLY THE HIGHEST GRADE Kentucky Red Ash Coal and Genuine Semet Solvay Coke 420 PETERS ST.. S. W. RAymond 2411 We Deliver as Little" as 3 Large Bags for S1.00</t>
  </si>
  <si>
    <t>                                           Don't forget the big contest being staged by this column during the next ten days to determine the biggest liar in the ranks of World readers.</t>
  </si>
  <si>
    <t>                                           GIVEN ONE YEAR                 Abc TcrrMitinc. found  of a  of robbing J. L. DurreU. operator of a West Hunter street car line, was given a year by Judge Thomas Thursday. Richard Matthews, who was  indicted with Terrcntinc pleaded guilty Wednesday and was sentenced to serve from three to five years.</t>
  </si>
  <si>
    <t>                                           Bishop Bum's. Better After An Operation                 Bishop K. H. Burns of 17D Ash- 1 b;~ street, northwest. widely .: pastor of tlie Bctnicliem Church cf God -was resting c.'imv tod'-.y at the1 Douglas infirmary after  a delicate op- ration performed by Dr. K. G. B"\  !cn. his personal! physician, whit was assisted bv Dr.! J. W. Burncy. I The Rev. Mr. Burris was suffer-'] ii)K from :i  ~\   . which cai: him  -. in ; anil cat:ng. The tumor w:ts r-  by the two local physicians. AcconliTis to Dr. Bo-.. barr-j me  .es. the i noted  leader, will be able h" out in a few days. GOVERNOR REVOKES PAROI-E j COLUMBIA. S. C. Oct. 1.').- iAN P'- C":ivic'.ed 01 murder in] U HO nud sentenced to serve n life term in the penitentiary B. Slnrks was  -c co-id behavior in January  year by "Governor Bloekwoccl. Recently, report? reached tha governor ih;u Starkcs was  a .  a'. ;-h'~f parties. ;,nd ip. general n-.ak:n^ a nuisance of hmself. The parole wjis revoked Tuesday by the Kove.- an.l Starkcs will be returned to  to serve the remainder  tci-rn.</t>
  </si>
  <si>
    <t>                                           VtraiEtilrni 4 l^^B   And m*k*~ n tort  od . - a Ml- ^^^J  . K/  ^^^^b^^L      pans* . will -J^^^^^M ncc Ixtrti ir^lp oc turn hair /^^^^^^^^B^9 ml. Jut ooe or two      - /^Ck^^^^tx Bxnti of   1*~Wm Jrl\ Dfrparatlon. and all your \J*^^K   / J  bmcla to ac!rr.lr*)ou M^^^^^LA  od Wte*t j-ou     im- ^T *^a^V In*. ThaX't the  Ho- w iC^^K ^3. rr^n hw crown 10 tlK M r. ^F Mr LARGEST  G J^ppP*1  STRAIGHTENER AND BEAUTIFIER y*~ wtN mt iri   tt ]i- wt it -tr         WE NEED REPRESENTATIVES ilm   **    ~.U4      it Itnnw No  oc monn"           jou now to haiT.       *~~ of jour own. 1Uroue own Hou. 8 xl ar     ^ for Flw XamH" of  citd our gmt           of                     . HmxlnKl* of       irt-       1 tram our proc^.      d*y ibo      ^  ir  I^L Ttw unr ^m ~-~a MiUly la- your*. IX) YOLK  Iff   ad   and *. and jou will m blc        plan.    ; J*urw     - Imi of Id**** and rrw-        CaUlogur. Writ^ . PROVE IT AT OUR EXPENSE A fRCC MB-         tw* taU - JHWBiWW  Mats.  YOU. ^MMBHhflSJ I KEYSTONE LABORATORIES P. 0.     W. MmpM.. Tfti. Be smrt fo   AC-7 This Girl Is Never Lonesome When men s glances linger, then frankly a. what r.- heart doesn't thrill? Know this thrill! You can have alluring beauty Dr Fred P;ilmer s Skin Whitener Olnlment softens and llg- the darkest' skin, cl^irs up pimples, blotches and tan . and doe-s away with that "oily. i-Mny" look. Use this DreparaUon regularly to make your akin     .  and charming. This  Ointment In made in the famous Dr. Fred Palmer's Laboratories where are also made those other beauty aid* you know bo . Frod Palmer's Skin Whltener Soap. Skin  Face Powder. Hair Dresser and Hid Deodorant which may be had at all.  stores for 21 cents each or will be sent postpaid upon rt- of price. Dr. Fred Palmer's Laboratories, Dept C Atlanta. Ga.        4  m  for trial  of Skin Whilencr, Soap and Face Potciirr. DR.FR.ED PALMERlS SfafWfiitener 'MIPS YOUg COMmxiQN YOUTHFUL' ^9 SO -GOOD p^jpi Hair Grower VKJaJJlfl Is Here to Stay Sent by Mail Anjrwhere Send Money Order Growers, Lar;e Boxes 50c Straighteners for Men and Women. Larje Box.._ 50c Cocoanut Oil Soap .15C SO-GOOD CHEMICAL CO. 75 Fair St.. S. E.. Atlanta. Ga.</t>
  </si>
  <si>
    <t>                                           .Goiii^L HOT /    HARLEM! I' i ffi$~ J 35 PEOPLE ON THE STAGE i ^-SL Siiiffinfi Itnneintf  'PW8R0WN 8KIN MODELS M^L 'V/ _~rfi35V- colored)</t>
  </si>
  <si>
    <t>                                           LEE SITS STA'fAll PEOPLE                 Bishop Fountain Is Frank in Warning to Followers                 GRANT IS THERE                 By REV. C. A. W1 (SDcdat Writer)                 COLUMBUS. Ga.. Ot. '3. -The1 Southwes* Geor;;:a Conference 1 opened in St. J;itf.L\~; A.".!l  V.'e ltK S l.iy with Rishnp \V A i T-V,Un:ai:i. A.M.. Ph.D.. pres:d:nir. Love F wns ^l bv Rev. I J. H. Hal:. B. K. J3r;i;'.:o! nr.d "t-i-1. cis. The :Io:~- Cr'mm::::(.~r: w.'i-                 I o- ar.~: '.Kiis'Trd by thu P.;sh-~p. assisted I)-.- Bishop It. JA. Grant, head of the Ninth Episiop;il district which :t. eludes Aalb.-in-a. and he presiding t- J i he South \K'v~\ cor.foren-.-cs, r.;imo-j j !y Dr:;. J. J. Stringer. Columbus: I A. A. Dunc.i.".. Blakoly district: C- C Cruuri. Dor. district: and A. E. Pearon. Arlington distr-i.-t. Revs. V,'. P. Sherman. G. ~:H. Dunn. C. A. W:ns:f J. H. H:id :    ! I'ihers served as associates. The annual sermon was      .hec jby Rl-v. J. C Nl-::.v. Blakely. Ga... i from ;he text. "For I am no: ash- of the Gospel Christ, i:ic." i Hi; ur^cd - ministers to preach ami to live th0 1'. that tlv.-y preach and thus save the work:. In 1m:; .'i!   'd; ess the I5:sh^p  V.-.q imp"rt;',:icc of '.'Very I pastor ^ the buO^oi ond warned them tha* he ! not be ' for them    those in c:     .' "f the lar. - es. He staled th.'i: too rn.ir.y or j I them b-! that boci u-e 11 oy had attended school th:i: they were i entitled it. the larger .i::-.Lints but po;n*?d out that hc was considering the men who  do j :' work ir. spite of odds. The I  bcc; Qi*:'ie righteously :n- i!i^i:a:it when he mer. the fact thru many of the men  j starving in :hc in ids; .~f plenty andl warned them f h;i*, ,:hi.*\- inus: live j I sober lives n.  \ pnv t n.'ii- ^ I l.!    . I 'As far as possible." Bishop P'otm- ::iin advised. "live amon^ you:-     - pie. I:: rr.at.y eases it will strength- j en their   .ee in you as their leader. There :s nothing bP ;ra:     by running out to your charge every Sunday rr..p and running back to the city bei cre r.i^ht. ~"I:i ^. Gcor^i.t needs two str one political parties. It w:l! j cause the Xe^ro to become a ~:-eat- j er factor in civ.c life. I am i.ppos-! O'l to the rcpc:ii "T the ei^htf-enth arr.cn'!:r.ent. It js do;   ^ocd What we nee! is \\\J enforcement all ^.r the laws rati-.cr than ihc appeal I of any of them. i "Morris Br-'.wn college.- the i speaker r'.n'.. "is the pt- adventure in the educational  of thp Xcpro by the i^ccro. r"or fifty years Morris Brown     beon carrying on and it must carry on I by God's help. The m-vms Mi-rris Brown from its old to new site on the old Atlanta urv.vrr- j i The .- opened w:rh tne Inrnes: b"dy of ^ students in its i history I Organization followed with R(*vs. ;R. H. Porter. H. E. Thornto:. and J 1 M. L. Fiern:ncs bein^ elected  rota i' i os in  .and assistants !y Splcr.dl l reports from their ~: were made by Prcsiding Elders Stringer. ber.r.is. Diiucari, P.rown. Parson and Rovs. Towns! ey. Kh^nc. Porter. Gardner. Xeily and Tiiornton Short talks were made by      . Sta- and Rowland. Conference reporters elected were: Dr. J. A. Hadlcy. Atlanta Constitution: W. P. Sherman. Sivanr.ah Mor:iin^ News: and Rev. C. A. \V:ncf:e:d. Atl;inla Daily World, only race (Continacd on      5, Col. 1)                 Bishop Fountain (Continue*!  Ya^c One)  in '-he country. ^r-r.:..p R. A. Gran:. ::K J-SJi^P of the Alabama    :: .'.ee who ir, vi-itin^ the conference ;tnd i who spoke ;it :hc morning services J in a pleasing m. inner, pre;ic:".cd ;    fr.         :iy tn^Iit. The i:ie;;?iir,c was 1 lately ;ir/l well received Thursday night. Hov. S H. Rhone .pastor of St. John, of this city, preaches the Missionary scr-^ mon. An important feature of the j conference is the daily institute be- inp- conducted under the direction! of Revs. R. H, Porter and C. A. "Wingfield with the assistance r.f Drs. R. J. Jefferson. M. A. Foun- j tain. \V. -p. Sherman and o'.hor speakers. Xlicsc instructive periods, urc well attended. A ma.-s                  for C'!~-:r 10:1 v.ili be i'. Ki ;d;iy lu^h*  me ~:'.!C!'Cn c w:;[ c.  .:? Sur.ti.t'-1 \v;:h :';.~l sc:v:Ct.'^ ;ir.d the ;:'.^ of ;::;;s.     :i^ the vis.'.o:^ prc.^e::: ;ivc: Drs. F. M Jc;-.ns..':i. C. S Ho!.t:es. I H:irK:-ovp. C. i! Durin. G. B Lai-.cn.'acr. V.' .I-'tics. V.'.     ! Ur..L-c. F. V. T!io:t.;o:;. T If. Fe.-rc!!. J H. Bryan. H. E. D.ivis. .1. L LSu;:e;\ I H. U;n:;c:-. \V. K. 3u:l:c::. J. T. V.'-on. J R. Lowrv. i re:'. F. P.- Spcr.cc ur.A i!;c j Mesdar.ics .J. '.V. Dcr.n:- V.' A Fo:;i in:-. K:-.:i:hi. C. C C:-iic!i. "vVc^*.. re.'. -ir.d Pcppc:\. j</t>
  </si>
  <si>
    <t>                                           COLUMBUS. Ga.,Oct 13.-- The Southwest Georgia Conference opened in St. James A.M.E. church here Wednesday with Bishop W.A. Fountain. A.M., Ph.D., presiding Love Feast was conducted by Rev. J. H Hall, B. F. Braziel and others. The Holy Communion was...</t>
  </si>
  <si>
    <t>                                           I B33HM EDITORIAL mannas]</t>
  </si>
  <si>
    <t>                                           NOTE: Your question "ill     )  In lbh column ONLY when a dipping of      column Is             N.. YOUK QUESTION. 11DATE and CORKtCT ADDRESS. For PRIVATE  JuM . QUARTER CJo) for one or my NEW ASTROLOGY REjVDINGS  nd  by      my FREE ADVICE on  QUESTIONS. Bend  II letters to  WnlUcr, catc or Tbe Scott Newspaper Srn1     , 219 Asbara Areaas.' VMlaate. Gterrla.</t>
  </si>
  <si>
    <t>                                           ORGANIZER                 .1. CARL MITCHELL Or Virginia L'ninn university.      is M'vUin^ :t n:;il  of .-            to       ;iL Mtiiulmiis -i tins 1 1 N'r"i"rs.    * h;is a call     the VTiiur class pp"-   f -ill ^"c" I,    .</t>
  </si>
  <si>
    <t>                                           Training ardouously out in the Morehouse gym for their game Monday night at 8:00 with the powerful West Virginia State cagers from Institute. Coach Forbes and his Maroon Tiger's are destined to figure in an epochal hardwood encounter. Duck Davis and Elgin Oslin are ... to show real hustle in every workout. Josh Archer is slow regaining his from of old, but Coach Forbes is showing go out ward emotions over his deficit, apparently reasoning that when he does snap out of his...</t>
  </si>
  <si>
    <t>                                           WANTED Newsboys and Agents Everywhere TO REPRESENT THE WORLDS ONLY NEGRO DAILY NEWSPAPER Daily and Semi-Weekly Address Atlanta Daily World 210 Auburn Avc. N. E. Atlanta, Georgia W. C. KELLEY Circulation Manager</t>
  </si>
  <si>
    <t>                                           ajB S E Ml LMI i IM^SVr v/!\LI/ Tnmnis=      ^^ail ONLY NEGRO DAILY NEWSPAPER IN THE WORLD m LL/1 I IVJlr _j VOLUME 5, NUMBER 210 ATllAN'TA. CA.. I^TJUYTOCfOBKR M. l'.*:;"2  ^</t>
  </si>
  <si>
    <t>                                           KEEPS YOUR^^^^TASTE FRESH</t>
  </si>
  <si>
    <t>                                           ABSOLUTELY and positively the largest crowd that ever attended any kind of event. athletic or at Sunset Casino, jammed every available omace of space, last night as the "World Champion Renaissance basketball leant front the heart of Harlem "messed around" mid toyed with an at times brilliant aggregation of Aiken All-Stars. Sunset Casino was "dolled up" to accommodate 1,200 seated spectators and, not only was all sitting room taken, but every iota of standing room as well. The...</t>
  </si>
  <si>
    <t>                                           EDITORIAL ]!</t>
  </si>
  <si>
    <t>                                           Wife Tore His] Shirt Declares Chi Musician!                 CHICAGO. Of.. 15 Anotr.. r part of the ; . '{~ Ersk:ne T.-'o. popular orchestra . we c aired here this wee): wher. Mr. TV.' his wife, "is. Catherine Tate. h;! into court shie.!;- after an ar;tu;;.?r.t about .;; r,::. Mv. T;r.'.\ ifi:-.;:n; to :::0 tc^::ir.ony. w.i.. i;!;to:::nu to the :\'i jir  ~.v;t;; t!~ :n':':c/t po.^: voli.:::ic w!uic :ie cle.ii'.r--! iiis c:i:- t, :'m: . T^c v. :'e. -.'nc"! ;r. :::c ]:~';i.--e by tr.o loj.i tui ri' :t off. air: Mr. T.'itc iv: t- 1 i.:i .j; follo-.vh-.c;. i:ot the frst of I'.c Tales' ClitlCs. Mr. Tatc h.:v;:. 2 ;.,;ei- th' ;i:^' 'or .cn.^ a ;~;st"! at, J- K.!e!:r.rin.      !-.eai,i t;,c iso. advise.! them to appear in a co-jr: c'. Domestic Re:.it:o:i:-. Rudd Slated! For Role in Red' Drama .-. v. s. s r; i. :3 ciat.H r;c=ro ?,-'"m" v.-i-e:- P.mW. -ac-I; .T. ti-.e -~\-:V.-r'.-;;i:i Stl.^C tOr hi., :'k K::-. Jor.cs" ar:.!   B'r.n.:o-.." appears here Mos--'~v in Othello" ;;C will be tiv \-.;-i to take t.tie pa:t s:,- Ai!:*;.i^e nas here in the e:nv -.a t. ti'.e lir.h century. J^u' c:i-:;e :"e w:tl: The cast t: it came to has been post;;o.".M T:.f presentation OfiePo .-i: ^..1.: i. slate,: u- appear Novc-..bcr IS.</t>
  </si>
  <si>
    <t>                                           NOTE: All Scout News Must Be Given to Mr. Brickler at the Carrie Steele Logan Home by 9 o'clock Saturday Mornings.</t>
  </si>
  <si>
    <t>                                           HOLLYWOOD, Cal., Dec. 28.-- One of the little dramas of Hollywood has been the showing made by Kay Francis in her Warner Brothers, pictures.</t>
  </si>
  <si>
    <t>                                           MONTGOMERY, Alabama, Jan. 8.--Completely outplayed in the fist half, the Morehouse Tigers came back strong in the final stanza to show their stuff, but their best was too late and the Hornets chalked up their second straight conference victory by the score of 30 to 27. Beard, a newcomer, and Scrivens dominated the play of the local five, the former high-scorer with eleven points and the latter, ten.</t>
  </si>
  <si>
    <t>                                           What has been regarded by local educators as one of the most auspicious and eventful occasions was the formal opening exercises of Morris Brown College and Turner Theological Seminary. Monday morning, October 10. This was the first public meeting of the college...</t>
  </si>
  <si>
    <t>                                           RESOLUTION                 TJie following resolution, which vas          a meeting of several  organizations Tuesday. ,'roups that embrace tihe majority  f the pastors of the city, is  of the reactions of the leading Vcsroes of Atlanta to  ill rec trr.cn t 01" persons on  or                 six-king relief. j THE RESOLUTION  national unemployment bas brought poverty, want and distress into the hornet* of millions of our fellow citizens I throughout the country: AND WHEREAS tile President i of the United States, under God. is  to relieve  borne of every person in Kant; AN!~ Wl'V. his heart s-.es  Mil In the  and -  ed. as pressed through his administration: I  Iherr i* a- .}'~ tack or ihV carrying out 'sf his s-pirit and purpose in our local community exercised by  of the colored men and women in charge of taking relief to those who are hungry, naked, out doors and sick: AND WHEREAS discourtesy, impoliteness and lack of humanity characterizes  ot  acts: THEREFORE BE IT RESOLVED that those ui charge of the local work lecture from time to time to the colored help charged with the responsibility of  relief to the ; to be more . kind, courteous and polite to those  whom duty brings them in contact: and especially lecture to door-keepers to be more  and humane to too ; out in the weather waiting admission to the inside; as  is jn-eat  and much complaint about the services        rendered among colored, people by colored people.</t>
  </si>
  <si>
    <t>                                           The following resolution, which was passedat a meeting of several ministerial organizations Tuesday, groups that embrace the majority of the pastors of the city, is indicative of the reactions of the leading Negroes of Atlanta to alleged ill treatment of persons on relief or...</t>
  </si>
  <si>
    <t>                                           QUITE A NUMBER of topics greet the ole realm this morning, probably none of which will be received more favorably than the pleasant news that Mr. Osear S. Hall has returned to the service and filling station business at the old site on Auburn Avenue near Bell street, where, sometime ago, he and Mr. Le Roy Earle Carter were business partners operating the CATER AND HALL, SERVICE STATION -- The new place, fulle quipped for first class service, is called HALL'S...</t>
  </si>
  <si>
    <t>                                           STATE ASKS! DEATH FOR                    Memphis 'Negro Did1 It' Slayer Faces j Electrocution j                 TRIED TWO WEEKS                 MEMPHIS, Oct. 10- 'Special) With til* state ; the ~!eath penalty, the trial of Stanley Puryear. 38 year use.) car ile.il- j *t. Saturday was       :T.eil to Mj4    - n/lor two weeks of - rr,35:'anil . i                 - white man is on trial for his charged with the rr. of Will i Jamison, a Xe^ro. William Gerbcr. :'. state s attorney, has prosecuted Puryear. The car dealer shot Jamison to death wh n lie claimed the hitter killed his wife nr.d baby with an axe. Police found Jumix'on on the f street in a dyin^ condition. Even when threatened with death, he s*turk to his st.:t' mcr.t that Pur- j year had hired him to his home on! the pretext of work, and then had suddenly shot him. It iv.ifl his       statement that I convinced officials the white man had used the "%" gro did it" storv to cover up the double murder. Garber told the jury in criminal court Saturday that jealousy over another  drove Puryear to hack h.'s wife .ind daughter to i tl ath ami then kill Jamison. j This other woman l-.a.s been  as ,    - "Sunshine" Walk- er.     'ear has admitted he knew I her well, but she was nv re:y a I "friend of the family." Gerber. however, charged Puryear with being madly in love with    . and' her  affection for another! nan caused hirn J.o net. rid of his .^"~      -would have a'  road kto court her. When he killed Mrs ^!Pi:. the child       so he slew her, too. j The defense, however, insists! that Puryear  Jamison when! lie saw the  running, from i Mrs. Puryear'j room with a bloody axe in h:s hand. i</t>
  </si>
  <si>
    <t>                                           MEMPHIS, Oct. 16--()--With the state demanding the death penalty, the trial of Stanley Puryear, 38 year old used car dealer. Saturday was adjourned to Monday after two weeks of testimony and arguments.</t>
  </si>
  <si>
    <t>                                           Streams in The Desert "I will be as the dew unto Israel." (Hosca H:5) The dew is a source of freshness. Ii is nature s provision for renewing the face of the earth. It falls at night, and without it the vegetation vould die. Just as nature is bathed in dew. so the Lord renews His people. Many Christian -workers do not  tli.' importance of ihe heavenly dew in their lives, and as a result their spirits arc drooping for lack of dew. 2 Ivey Bros., Morticians I The Institution With A Soul" I .-..T^ SERVICE 492 LAi-..-:.". .i". 5. V.\ PHONES^ MA "2567 f ATLANTA, C JA. 8K5</t>
  </si>
  <si>
    <t>                                           rrm-\ scott ATl^l^kr^MfP^^PMRrl^^D^l^lN Church -I- *lg!      ONLY NEGRO DAILY NEWSPAPER IN THE WORLD C Q 111 II VOLUME G. NUMBER 32C ATLANTA. GA.. SATURDAY. JANUARY 13. I J.'.l PRICE FIVE CENTS</t>
  </si>
  <si>
    <t>                                           History Week to  Here                 I'Iuil-. for tin: ol.scr.~incv ..f j N'ati .1 Xc-.to History Week. i-'ul. 11. IX, 1LC.I in Atlanta j arc now ;; inte;:i ule(l thru j    of tin: Atldnla i r  Cuiiiinittvu. whp li is rum- posed .if representative the c-itv i .- .inv. I                 The functions of this  arc In unify Hi c separate efforts of . dy  calendar f events: to si^nsor a Wty-\    - ma-s ;: I" furnish a      ).1  s. ari l      -t the -.il iH-ngi-am. ' with tlic  :i:i. Pnifcsso,- I'. Br,,oks. from Gamm-.n           ''al Seminary and the c-xt.'-.- ~~,-cn:tary. Ue;i K. C. MiU-h'.-II. Murris lir-.wn         . are Mr. V W. Ho-luvs from Ciark university, wlio hc-ail- tli" sul- it time ami plat--.-. Mr. B. U. Brazeal. Mor,.~,,,u-~ 'C". will  a list "f                 uMc I:. K. ri.-l.in ill- \V:, :..i.;:;..u       s. llr.H f:;eu;  . wtl! -r a-Uvi. tic1- ill th'1       !u- rii'.-.U Til" M:    M"'-l"i:- vill' I.- l,,;i on l-'r i lav i-Vdiiim. i"..l i li'.Mi u\ Fiij.- I'. AMK .-l-.iiv.li un-l-r tlm .1 I-..-.-J..I. of Mr. .'.I I.. Mivly ,.r thf Al i:,,i.-i-r i..-. I t.. rj Ili'^'h I. v.-~i. li time Mr. UnifoH l.-.^;in ..I II. Atl:ini;i Univi.- faculty. I-..- tin; s l'.'Xikcr. 'lifts '.in.l -lm:.iiii!s I" 'a.\ss.~(.-iati..n f.ir the- Stmlv nf N" i"" I,-'*.- mi. I '"i-\*. -. m.'.m^'~r^      .-nal ol-  .-i-van.'-. n. -v I".' L-ii-cn 'lir'.-.-tly t.t. tin- tr-j/-: tir ~-r. Mk M. N*. Cui-ia 'if    'iiii:u: '. Pul.r.-il;. will i...- ill rlr. r.,-.- ..f Mr .1. K. I'...vi-..-n. Jr.. ..f I hi; -A. I'll!.K'lu.'            -nt. Aitl'Ui'n Ilraiu-li I';   ..-L'!'! l.       . ami    -mk   r cit^ a.-livi:  -~ arc miu^ti il. s-ii tl:~t  may 1'f     -    '~l in    .- .-alt.-miai-   f events.</t>
  </si>
  <si>
    <t>                                           Plans for the observance of National Negro History Week, February 11. 18, 1934 in Atlanta are now becoming integrated thru the cooperation of the Atlanta Program Committee, which is composed of representative of the city educational institutions.</t>
  </si>
  <si>
    <t>                                           Two hundred and fifty athletes representing twenty-five of the strongest prep cage teams of the Missouri Valley, the middle-West and the Southwest will assemble here March 9-19 to battle in the second annual Middle Wests Inter-Scholastic basketball tournament...</t>
  </si>
  <si>
    <t>                                           Professor A. S. Scott, West Virginia State college, addressed the Kanawha County Teachers of West Virginia, in support of the need for better guidance in Negro schools. He pointed out that, educational and vocational guidance simply means the helping of students and...</t>
  </si>
  <si>
    <t>                                           N. F. A.--I am writing to ask you if I will pull through?</t>
  </si>
  <si>
    <t>                                           The Tri-Hi-Y club of washington High met on the following dates: January 10th, 17th, and 24th at the school. On the 10th discussion was Personal Efficiency." On the 17th plans were made for making in new members. On the 24th, our discussion was...</t>
  </si>
  <si>
    <t>                                           Need Coal? - JA 8777 3 LARGE O4 BAGS $ 1 (DELIVERED) W BUST KENTUCKY RED ASH Wr Handle Iloth Uirsc ;     Small Orilcrs t*~'in; Bros. CoaJ Co.</t>
  </si>
  <si>
    <t>                                           .TWO SISTERS, BUT\)H-</t>
  </si>
  <si>
    <t>                                           HI PROTEST OCT. 18 IS mme                 American Embassies to Be Picketed in Foreign "Nations                 CASK OF 9 B 0 Y S                 Rv I. Milli-r                 MOSCOW U.S 9, R R.-Ai fp. i^n1 v \i-~;\ of p:-i^ ;i^.i ins! i;,- '".lon "f  ^ov n ScoMsboi"n v.vi!'l'! c:\ Or uib'.-r '.0 v.-';.cr. '-ii'1 1 United S'rtlf'S ^? ~-n;;;-f f i::cr ihf* rio\ s* I'a'.o. I v.'.i^ !-v -.ffi.-~-. of r::o ~:    ,                 Jinn.i; Re-: A I-), the wnr],i :- i    - r.;iy I):!1", b^nr. dr:  :i".': n.i'.^fi r:i!;(;!   ;i: S'.-'-Mmjih Pr-.n- I 1 1  i '{', i mo v*"'- k i r*r^~inr.s: 'n!  "i-is i I T"i:i-"po;in. AfH'*rJC"~rr. A ;in'! A.is'.ra!:;i!' lU*'- wi i vrr.i i;w   r ir-o -A-nrl-i tov...r,l ::i:s i ! Tn;. It. if- ^      !*"r' imp w:11 N'   \-.:'i '~h.;u::. I 11... .\-r.i'.-i,-;,,! 1    f-oi:r! I M;.!n !,.;lt -iiv of !:v u-.K I"' I,..- pif-ki-tii::; A:i-~:r:iMii i-mh.iv j sio-: .mri .~;!;1:~". v/ith .!   \lin i,il.'j-s i';i: S:i n tn:r-. ;i;ir; ;il;' i r.iriK pi'-    -!m ;i^:tl' si Uli-   'j:- nii;i\ U_.u i:'i !.m romen that i Sinii'.ir- ri iv.oii s! r;ti!'-~:  : n- '\'}\~ ;.~:i!Ps! M-w- Hm:Ii --onl.'r.r^ pro j :     .-n '['At:: Mrv-n-y h;iri !..--f(;   . ,t-c t.. cf)tr,jT-!!i:f h::- :cr:n :;f.~ s^i-.1 t.co. O'.'l^ will ;ii^o; sen: in:" lir co  v.--'.h v.'i'i: Ion .if-i;*i;ii inns ;\r.-"   -i iht; j 1 i  Aoir-.i:  11. Si.'pc'.'Tu.' C'Hir ~"-i'.' cobles ;iru: 1-tto:'.- from all par:s n: the world ;H'.i!i^c '.heir '.v-'fcJ . Arr.    th"   who will ;~;m '-v. ~~;C.-i: pr^lo^ts will br so:ne :ho bc-t known liberals .-inc: :'ad- :c:tls   . :  - world i In he bo'"c: Union, trie '.i* i  a-:1i  the for^i of "]- '~fj   *.-o*!n^;; in the --lub:-. f^.c ories. ~"-1!-j itv jv {firms. :-y 'c . j'-' i -. r/'fli '"4 n,r--' i a-:1I Cr, on r^r^r l ;i!: Ib-' Ti"% ivi nf n: Scot i "-bo:'n h;r. be- ro-r.r fnm^US In ElITOpC if wh.'i! I ii:.    ; m tny st:.\       t ti i v :i'T .s -my milieu t i"!i Kvcrv wl-.m-t1 1 u^ I ;~m rne^ with thf  n -"'f Wh.i! :s h:ipp^p.jn- :n ilir- ,-;isi- Tl-.*v ;u-;i;v/,ini;^OMrt rif ;s ( -i.'i  c^uom i oners -e*"*1^! well Ci-.- in tho entire iiis nry ^f :1ip c-'i'-p :u:ri in *hc h;::ir:  f N'ecro i-o ;~t::~ insi wlv-.'n i-~ \r.\"n ICia "penn p.- is cnv [Tleie l:**sf ca\ s \-~vit men', io*1 "f  jour v.-hi.'h Mrs V.'r^li! is in.'kinc in tiie interest m' l.~'~- so:: I ;iri(i thp c:^r,' other . j Or  ni: ihis  i^i t- :on the '-n has  io A.xoi icac.      :n,ity;  tali ves and i in  thai    * n y i*      -m ial disp-i'.'-h"s t^ State D^pai tment h:i vp earned mp^ I nf :he .'Iion aroused by l'i^ I proposed wanton kill inc. Lea'irr- i .ch:p .'H I'.ic o.'i^o nr.rt ci-      for the a routed s:.ite of world   pill:"n inns: co io the I i-.frr national I.;ibnr Dcfe;-.sc and the ]r.'..io:iai Roi A1.-'. Tlicy li.ivv used  means :n '.\ir-ir power to make !hc fa is in !he case kr.'-wn and i'i " op . I am tol-.l  n.. s;.:ch effect ivo public opinion has been :-M since the famous Sacco- j Van/.etv' enso. Certainly ;ho .-ause \[\c American Neuro has bt-cn pn*. before world opinion ns never bef"i-c in "Ur history.</t>
  </si>
  <si>
    <t>                                           MOSCOW, U.S.S.R., Oct. 8.--A mighty roar of protest against the execution of the seven Scottsboro boys will go up from all over the world on October 10 when the United States Supreme court sits to consumer the boys' fate, I was told at the offices of the...</t>
  </si>
  <si>
    <t>                                           ONL.Y        . IN       ^~.~_4^ MTaroER or trk associated Mwnn *  ~"KW3 BVXDICATf, INC. PUBUMiKlta A.  ^**  11. DAVIS     )uO0  Editor  JEFFERSON FLANAGAN Amocllto EdltU  KArr.4    4. 1 Iw W.7S. MonUu tr.  .        M^ 1 Moalk W. B. ZIFF CO., Chicago. New York, N. t. V 1J8BKD          : AT     AlOCItS  t V. K. TELEPHONES: VJIul IU9   l HIM        sa  Mood-        (rr st thr D- I -T'lre  t Alliuiu, uto Uu Act of Murrti IMS NATIONAL         .1              T AT1TB</t>
  </si>
  <si>
    <t>                                           Dr. Henry Butler, well-known Atlanta physician who is also noted for his wide cultural interests, was the guest speaker at the first meeting of the fall season of the Fine Arts Study Club of Atlanta, October 11, in the home of Mrs. Charles Johnson, of Boulevard. More than forty members of the club and friends heard Dr. Butler's masterly report of "Canterbury and Other Cathedrals of England and Europe", and it was generally felt that the club must...</t>
  </si>
  <si>
    <t>                                           Streams in The Desert Nothing shall be Impossible onto yon" i Matt. 17:20) It is possible to cast all our cares upon Him daily and to " deep peace in doing it. It is possible to have the thoughts and imaginations -~t our heart.- purified, in the deepest meaning of the word. It is possible to sce     will of God in everything, and to receive it. not with signing, but with singing. Ivey Bros., Morticians "The Institution With A Soul" AMBULANCE SERVICE 492 LARK1N ST, S. W. PHONES: MA 2567 ATLANTA. GA. JA- gg;S</t>
  </si>
  <si>
    <t>                                           1 i, A;.;..,- I r v. 1:. I DR. R.3 H. CaKIER I VI i lt i % i :i i ,i, I ::t: i I'.'" ::i I ri: i..,-, i;.,;-.</t>
  </si>
  <si>
    <t>                                           ^largest U. S. Plane Ready For "Service"                 ft"he  airliner ever built in the United States was recently completely at Bridgeport, Conn, and is nowi  for ita initial tests. The big ship, designed by Igor Sikorsky on specifications laid down by Colunel' .Charles A. Lindbergh, has accommodation for 32 passengers, a crew of five and 1.000 pounds of mail With  a full load, her four motors, developing 3,000 horsepower, will give the big ship a cruising speed of 150 miles' i?I!ii?i?ur!i a.non-     ranK8 of 1,200 miles. With the mail load alone, the ship could fly between 2 500 and .3,000 miles without a stop. Although intended for Pan-American Airways' South American service observers  it possible that $ha S-42and five sister ships now under construction may ultimately co  regular transatlantic service. j                 SlKORSK                 "'S/FIEEt' 4* GrAwrCRArr                 m-r i     - mum; irf*-" .42, I/AR6SST US.Swyr PtANEl</t>
  </si>
  <si>
    <t>                                           All of my life I've wanted to write! When I was a kid living in Edmonton, Alberta. Canada. I was never happier man when I was writing some contributed articles for the papers there. And for the two years (1910-1911) that I contributed the old Indianapolis...</t>
  </si>
  <si>
    <t>                                           ALLEN--Mr. Luther Allen was funeralized Saturday afternoon at 2:00 o'clock from the Second Baptist church. Stone Mountain, Ga. Rev. Caldwell and Rev. Woodson officiating. Interment in City cemetery. Haugabrooks.</t>
  </si>
  <si>
    <t>                                           Sctnc front "Wild Uoys     (he Uyail." Dorothy      . I'rai'K'c .l?    .' :~!i J liddic-Hulips .jrc         ""mi, -i^</t>
  </si>
  <si>
    <t>                                           COLUMBIA, S. C., Oct. 16-- Little did anything or anyone this side of Jerusalem dream that David L. Gunn, that foxy ex-Southern Conference mentor and ex-C. I.A. Conference kicking such a demon crew of grid aces in this South Atlantic port--until, of...</t>
  </si>
  <si>
    <t>                                           At the request of the Child Labor Committee a study in Atlanta of the Negro children who have dropped out of school during the past year for financial reasons is being made by the Research Department of the Atlanta School of Social Work.</t>
  </si>
  <si>
    <t>                                           nAD m                 Wr I. r *                        u-2*   1 r"i.. -i :.'nti Mid- im: V i T-I.V.; ;-:i-^t tuC D r. v.-ru: r.:::i or:-/  tn tb*.'? ::.  J'"-~~,</t>
  </si>
  <si>
    <t>                                           ^^^^^ M B L D</t>
  </si>
  <si>
    <t>                                           The following program will be given todays.</t>
  </si>
  <si>
    <t>                                           MRS. THELMA OGDEN and little .daughter, popular in social circles of Roanoke. Va.</t>
  </si>
  <si>
    <t>                                           PHILADELPHIA. - Because she "feared that the publicity ... in the ... of her ... with the Loew theatrical interests," pretty Valaida Snow-sobbed fitfully in court at ... last Thursday afternoon as ... pleaded with ...</t>
  </si>
  <si>
    <t>                                           The Atlanta Daily World THK ONLY   IN THE WORLD Classified Advertising Rates DAILY  8c line Be line Consecatlve  Dallr ud Bandars One time Bo ft line Thrte Umtm  c a, line Seven times or more 4o line Ph. warda af         an Nantcd aa lla*. Th.        la Om       af rwo . Ads Taken Over Teleobone  a       4 fren H HH                 *t or cl^r 41     7 an        . la  far (hta c"    7 tha a4   )Hr la        4 I. molt tha aar .r . tlon. Oa all ad  arat by mall tank        . All ObcaKtlnawM MUST ka auaa In Pinn at t)i. Wxll aMee ar br       . Tflapkaaa 4     '       ara NOT       ^yh ERRORS^ If     error la alala. "Ma Atlnt* D.ll, WorJJ 1. . f.r   , oaa Incanrct Inurtlu Tfca  h            far Mamu.! ~^~v     . Tlia    .n(    .kauM K. .lmt.lr If mmj          k CLOSING                la Tfca Atlaata Dalir     th. 8Qnd.r WarH will a,  ATLANTA DAILY WORLD WORLD WANT ADS BRING KK8TTC.T8. JUST  WALNUT WU and uk for an A*! Taker</t>
  </si>
  <si>
    <t>                                           TWO DEAD AS  TOLL MOU1TS                 Jail One for Death of Tom Jones; Are Seeking 2 Cars                 HIGHWAY WRECK;                 A: !;in i f:c" ^ Xo- j -i-'K-:; for T f'32 tr.'nji/cr h:^:K':- S:ir- c:vi ;rj*n:v.f:i :-.-"i h.-nts. c.\C(\ r.t Grric:- )v-^l^} :   :ho rcv;l*. nf !:i i:j.-l('-. i  ^-' :iis'.-.* j while seven.!  h:                     r!ny r.-!!-; on ;h^~ :i:^:v.v iv: 5 U"'f!.''~* :i;~;:; Of"1 :,;-i- .v;is m:n":o ~'~r!:i v  t hn r.'hcr f.T^.'i1. P.cc:H*vn' j irm iins :::~'i:voci T-Tn .Tor.es. (10  l street, w r,^ ~^~ n rs-' of in rr-.~! ;:v I ;,;rio'- v.-hiv; ni:iV nr.'i v:;i::- I                 Inn st rcc'.    *- V.' 11 '..iC r. :i ri EwVvnrr:; :v:,-. .;:ruk by an, rrj'.Oinobi:^ :.H'.i:l 73d p.-r i:                 to !;is r-r::-:--.- ;il 1'Vjn S1 v m':r.i": .l..!-,:i C:.'~rki\ v.:,n :c.-\ a* '\\v ^itt.v a-!c:rcs*~ :in-i wi-."~ w:ss i wit!; !i.:n \:i* tirr.e. wris t: i1."!* t.-fi i     tii'.1 Grady for a deep -~:i::v' ful :.-C'jr:i;i.".:i r.f tlv? b::~~; t*.:s .     *sl Martin Acror.!:n^ V poli'-c -r's ti C i tir.ver i-: the e:ir. nf-i-:- :;;m; on*! and le.irr.inc; .:\; n:io -10 me: was  i-.nr'. jut.:xm ::i !.is m:i-~ chin*' ;kk: ri'-^-.r T-:i?  rr.;s" j \k-\v.\v r:u- rr.irlc :i:iri v.'.   :i  I .! i;p 'hr si lcv.-ilk. A chock-Jp f'1 !:co"^e. KiOOl-T-G.'. j revea!''d ii:.: i n ci beer. I 5U':d T\ T. Price. 1100 Siir.p.-Ti j Pet vrs Chester  V,',i*.-r-:-.. ;!-     -vi to r.rt c.isc. in their :i-  in. le.'! fi-t.v. Pr:--e Crcsu-ell ^";ir ir r,:r- W^'born ;:*.ror'.. *.v in rh^.rcc tin* car .'t  ru"^. A'-c-Td:r.^ly. the 'ie'-^-Uvrv \   '. ho "-ja:-t:ri home .'bou I in ock Su:      nii^h', \vh'?rt" *hoy it^ ti ;it they found th(~ ninr. n ;i cr:;:iken condition. Tho "f.'.cfT1- p'-.-icer- i'.in under arrest on ch:~: -sos r-f s*:spic:'~n in conr.ee* io-i v:\V- t no fat;i! r. nr.d *'-! lum hrld further ir.vp-riC i'.in:-: Elderly Man Dios The vie' in. nr ,'in i;ii:or Kr- nnc! pc--i:!:;i:- . .Ii::-. 70. 348   'cir.vod ci/.vc. v.-- w;is struck by two '-oi-' a:i:c:;^h'.:c^ at T o'.-lock S- Niy niu'-.t n"Poni-c do I, en:; a von no oar ir.r       .- I\f.-b::ck Comp;i:v. divd nt :he Gr-'dy iv^piLi: u\ (~:.rii) Sund.iy ni^ht .'S ',\w  ~.f ti:^ iiii.- i--.j;::*:'-ordin^ t'"~ \v\' . t :i,% .'i^-'-i nan. ;i^p;~vo:-.ily bim- b" ra:n. was in.  D:dc;o -~.~cla:\    he was c:'(iS': ni; *:ic strf^! m th'* coul'! :*esci;r. r.;s feel, was knocked t" i iw.-  iMin F i ~= !r^~ wore bi-. wh:l,~ V.f. i;n-,r recr*i ved sever- 1 fi.'. f i ih^ .i riri a deep ci:t - h:s richi eye. Of':errs am tracing c!nwn c!i:c:- ;m .i'.te:r.pt  :!ie i =  t'--   :s wii i cor.'iiv.jiM on :heii w.iy '.'.'I- s:* kins tlio :r.an. T'no /: riai in is sa:~i have !iid a Toxns ;i?*e C;ir in Diirh Mrs. Ai.P.ie Te;*;. IU7 Courtl:.nci street, ! Incera' in:is of the  arm, a bruised abdomen,      injuries to hev li.^ht side, wl'.er. the car -n : she was nc/r.^ with, her husb;i nd. was burn pec: off the   !~' after d-ifk Sunday nicht ;i feu- m:'.    he city I inn s h:j  .Tor.L'sboro vor\c. Tlio Tonl m;i chine slipped down into ~"t deep ditch ar.d Vr. Tea! who received or.\y a few scratches, although, tho car turned   vor in the (Continued on Pace Col. R)                 Two Dead (Continued from      1) nud and he was Morally :! from head to foot with red mud. stated thru it was r^^ tn leave the car in UiciBKch as it was impossible to move it in the darkness. Mrs. Tea] was permitted to return to her home after ; treatment :il Grady. The  made tr-.eir way back to Atlanta on a bo. Five person*,  from a Sunday vis:t relatives :.ear Grccnsvillc. Ga.. escaped serious injury. a!thc-.^h one was admitted the . when their auto- mobile was sideswiped by a hu^c freight, truck about three milos on '.his side of Ncwnan, Ga. Oddly . :i!l came  the  accident without a scratch with the exception of Sam Hodqcs, MTli Lansing '.. S"Ut!i Atlanta, who was driving at Hie time of the c:TiS!i. The truck driver is said to have speeded up and kept on Uoin^. Clues as In his identity arc beii.jj clicked. A Narrow Escape Tho truck, which was      in :hc opposite d.re.tion. ~.r some pro- je.lion on il.  raked \ho left side i.f the HodKes machine, brc.- :ii; the k'!ass in the windows on th.it . '!amat:i':K the top .-im! tf.e fenders, as wolf as bending the running b"ard :.nd ; off the spare tire. The  was never ^i. Little Ruth .Anlhony.^Ky  of Mr. and Mrs. Herf.-y Ar.tho- ny, 107   LansiriK street, whn was .^ in th0 car with, her parents  ir:d Me. and .Mrs. Hodges, is believed to li:ivc ; a sli;;hl amount of the ; Rhiss in he:eye. bi:'. a cl.eck up revealed  or ,i  nature. Mrs. HoiiKes  to Lulhersvillc. the nearest town, where emergency treatment was  by a local doctor, after which Mr. Anthony  the wheel the rest of. the way to Atlanta, as the --ar w.-is able proceed un. !cr its own power. An X-ray examination a; the Grady showed that Mr. Hodsr-s' lef; arm. which was  on the ca;-       at the time of the crash, was broken in four or five place-.. The mar. lost a  amoun:   i b!ood and the fractures are  as "nas'.y ones." Every attempt is be-.nc marie to s.ivc his :-r:n by  d"Cton;. He waa a(!: to Grady. Moss. aOI Griffin, N. V... and K. V.'. Tlnvcatt, 203 Kas; ETnden. -.   early Sunday  when a Spider Wrecker, driven by Howard Caldwell. r-Oinu wes: on Hich.'.m.l avenue, near Parkway drive, skidded on t!io street car . Mr. CMd\wll  t" heve :he machines -(j  to police repo1^j(t</t>
  </si>
  <si>
    <t>                                           Atlanta ... among No sizes for 1932 pouncted higher Sunday ... of week end authoney slents died at Air Grand ... as the remark of manager recorded Saturday night while several others had thrilling escapes from ...</t>
  </si>
  <si>
    <t>                                           CHICAGO, Oct. 9--(ANP) -- An irrepressible colored bleacherite unwittingly brought about the downfall of the Chicago Cubs here Saturday afternoon in their championship encounter with the New York Yankees. The South side fan was pulling for the home team...</t>
  </si>
  <si>
    <t>                                           Busier" Crabbe in "Tartan. The Fearless" 'at the SI.</t>
  </si>
  <si>
    <t>                                           White boy scout leaders co-operated with a group of colored officials last Sunday afternoon at Church Park Auditorium in a noble attempt to sell the boy scout idea to Negro business and professional men. The movement has long been supported by...</t>
  </si>
  <si>
    <t>                                           JohnsHopkins Professor To' Speak Mon.                 l'!\ l:   :t.~    .llr.il. -.'I. ;.r..!0SsOf iu.iiii.-s J"    ]          univ.-r-ily. ):.i]'..:m":v. j;.~.. will   - ih,-~..i i,r !h.- i!ii-i:il i- ..I th,. 7.,-u.l,  , S.Tli'  \      :iy ni^ht ;il     'Vfc :ii ;h,. \Vi-sli.v M-m..ri.t! M. K. .-Imr.-h whi!.- l. :  ...~,n... 'I'll-      :il lli.mii- .~   -rt  ill    Mli on "l"hi. CrisU :iui1 th.. Xi-w At On.- rim- l.r. Mii.h,.~~  on P.ijc Xl                 Johns Hopkins (Continued from race II I ~:is          -ni   r tin; i::       -ri' Ir. Him Imisw l;r:   -ti ami    n. ili-il (Or tijs intri-nu- nt . This is      si"-onil j-i-iir lh;it this lf*-' .' t f six  [~y  AlliiTir:in.M h:is l.pi ii                  th.- Ail:mbi I'iilxi- [.ii- -. :i ^r3     of -   il i--ns 1          I'V IT.   - r.cni-. whiti-. ~,:istu:' "f tho  l reSl.:m . Aitivna I ho c. - or ill,.       :ir(- Mrs. M. l:. 'I'lvvik anil Mis* Mar Il:incs of ilic Ilillva:! "f Ailult I'Miicntion. A n-- tin-si- Ifi-inri".    ili"j :     Of -K.-. th.^. i ; liana i. i.. ,ii i  [ll,.y J...      (. I.I.h-Us ,,;-i ~'it tii-k.-(S ,.;n-h h;nv 1-,-n laki-n I'y Clark and Atlanta ,-r*ii j,.~ I an.l it is    *-.-vd ii,!lt  h,. :,tu.,.  this year will u. laria-.</t>
  </si>
  <si>
    <t>                                           Extra!!                 THREE HURT IN" ALTO WRECK                 Three persons were ^       ;~* injure! a: '.1S5 Tuesday morning when :i Triple A Highway express! company -k. out of the control j of its driver.  on the side-i walk at ;he intersection of Cen;ni:~ avenue and Decatur street. Three: automobiles in the path of the truck were badly . Thoso ir.! included: H. C. Morris, of 518 OiJ Wheat street, who suffered a dislocated hip. W!!! Jones. 437 West Howard street. College Park, fractured lett; (Coutinued Paee 5. Col. 5.)                 Three Hurt j l(':rri; .'rnm l\ir.c 1-1 "~-~yd J\ :'.n".:\ ''~2 r-.T'.irv.'-.- S"-;:i A'.'.ii iT :-ac';;w.: am' s'^i'.'i.'nL i: :.-~i 3j:\:.s!u:: '.:v led lu C:a-.::. :.p;t-.; ACC'Tr.-.:::: Ui ;;..::Ck' H;'11:1':- l"f t:.-:vi.-l' ul l\;f l:UL:n. J:,. O.-bu::V :"on Eui-::::i:-.-.- :.:-.-c.-:. I;'-' incl jii ;   the :l-..:- iT.d on: "r ~-he ;^rooi. .i:-.. ~.s ::!d Autom'ibi'es which \vt_-ri.' ti-pn'.o"i.^:~ c:! by '.hr. :r.ciu;ieci ov.-.'!c! bv S C. Roby. or 1S5 Flat Slioals: E. Giinor.o. of CO Docatur s l:cc': and Henry Tiiorry.on of 95 Jacksor. 'street.</t>
  </si>
  <si>
    <t>                                           HOLLYWOOD, Calif., Oct. 12.--Drawn together by adversity, the producers of Hollywood are becoming just one big family. Like friendly housewives, they borrow each others' stars across the back fence. And there are mighty few reservations.</t>
  </si>
  <si>
    <t>                                           HOLLYWOOD, Cal.--With her blasts against the film capital still a lively memory. Mrs. Patrick Campbell, glamorous footlight queen of two continents now does a right-about and gives the cinema city her official sanction.</t>
  </si>
  <si>
    <t>                                           -TT                                        UTTVtr-l I AT MIDNIGHT TONIGHT 1 [The Lhteoln Theatre I -Will Present- 1 What'SCARFACE meant to gang pictures ^vk 3 r5       --^~l means to  3 HUCHUaLDlOGOSi W 1 RELEASED 3Y UNITED ARTISTS I YOU MUST ai.o- SEE IT-'I x T PlayinK Chn"ler  0- 1 1 Three Days!!' '-The Lust Frontier" x MONDAY- TUESDAY- AND- -w"" l\ 4</t>
  </si>
  <si>
    <t>                                           ONL.Y NEOR.O  NKWSpXpEP. IN THE  SOUTHERN" NRWSIWrER SYNDICATE. INC..  W.. A, SCU1T Founder Kranl; Mamhall D**it ManiTOi Wuor MRMUKlt OP Tin; ASSOCIATED NEGRO PRESS Till; WOK 1. 1)  no   -.;    for      '* **nt imo thf office. 3C11OX  One Ynr 5T.JO 6 Monthj*. 51..V, T. M*~    . ?:^5 1 Month. *0c Vfrid*. 20c Sunday Only. j;.^ci Pl'BLlSHKD DAtLV AT 210 AVllUitS AVR. N.    TKl^a HOS^ WAlnu: 14j? and ]4C0 Entered ~.f*    -cta%~ matie- at ihf p(~"t of lice nt At*~nta. f.a.. under ine  c! of  Urrh 3. 1*7:~      "TIStN(; KKPRKSKNTATiVi; W. B. ZlKK CO., 20-t Wnli..n HMi:.. Allwu,      =o. Now York. Nrw     -a.nw</t>
  </si>
  <si>
    <t>                                           r I p. i i JUlU/ Ji^''  p^- I "SKIN SUCCESS" ^.m,.,,,,/ -'i-V,.. 1 STAGE LIGHTER OVERNIGHT/ I.I'. r:-..:i .,':i,-i I I u. S::i :i'-':~' I': I</t>
  </si>
  <si>
    <t>                                           Keep Young Looking Avoid the beauty-robbing         t.. come at monthly times -when yon are In a rundown condition. Pain steals the bloom of youth and leaves you looking years older. women save ESfiBlfft themselves use-    31 lf less pains at IfiBjffBfl 8 monthly periods l[     I by taking Car-             dul, a "safe, Ri^t     harmless, pure-           ly vegetable  0      Sold at ^</t>
  </si>
  <si>
    <t>                                           WE DELIVER JA 5000 COAL IN BAGS RED STAR COAL Best   .~al      Grate. Stove or Heater Campbell Coal Co.</t>
  </si>
  <si>
    <t>                                           CHURCH TD HAVE UNIQUE 1                 GRIFFIN. Ga.. Oct. 7- An unique five night program Is  planned by the Trinity C. M. E. church here for the week October 24 to 30 ; to an announcement just made by- officials of that church. The   different" program will include a survey of every interest in racial endeavor, including a discussion of such subjects a.-, the church anM its- place in the community, . the ballot, the professions,, business, ! 'ife. :jnd Negro newspapers. "Not only is every  interest touched." Rev. W. A. Kelley. presiding elder the Macon district of the C. M. E. church stated, but we - every institution or profession, unil nearly t very outstanding person connected with the program f "these five nights." 'he scope of the program inates - churchmen in increasing numbers are beginning to see ilie need of tlie Church, as an . going forward arul  -r.;ement to every endeavor that means the uplift of the struggling Negro group.</t>
  </si>
  <si>
    <t>                                           C.E.D.--Will I always suffer and be a great burden on my mother?</t>
  </si>
  <si>
    <t>                                           Dr. James Corry Ex-Army Doctor $ 78 Ivy Street, N. En Rooma 2-1M1 3 Between Houstop and Aubnrm 5 1 fW many colored people  to *paf. These* I Mm free, only charge for medicine. Hotae , $1.00 I Offtc* Hoora: 9 A- M., to 8 P. M. Dally- Snndmya, 102 A. M. to 8 P, M. MA. 6873. Rm. MA. 8087 :r 18;.   4ts Bxpejienoe- in America and Abroad 5</t>
  </si>
  <si>
    <t>                                           C'HiCHESTERS PILLS *"</t>
  </si>
  <si>
    <t>                                           BLOCK AUXILIARY WILL HOLD BIG MASS MEETING                 fTk" K"fk Al"[iliar.v Numbrr O,r of the Citizens Onguiva croup ih.n is located on Annum "  Jarkson and Cou'cvarrt wir Iiold a block       Thurs day . Jnnunry 18. at the Ebc nc*er Baptist church., An effort In b-im;  on     i part of the block -rs to     a record block  Prizeof a v.iii].      wIM be  to 111! first 25 i;r^.nlc of Ui- b n-V vhn romc in before or 'by six clock.</t>
  </si>
  <si>
    <t>                                           y Rer. N. Demy seys: I have  -^' in the past 20 years Ova con take the pJ-ce    . Miles Ami-Pain Pills. They are a sure  jot TTiT/        ." Sufferen from Headache, Neuralgia. Toothache, Backache, Sciolica, Rlieumatism, Lumbago, Neuritis, Muscular Pains, Periodic Pains, write that they have used Dr. Miles Anti-Pain Pills .vith better results than they -r) even hoped for. Countless American housewives wouW no more  of keeping house without Dr. Nilus Anti-Pain Pills than without dour or sug^r. Keep a package in your medicine cabinet and save yourself needless suffering. At Drug Stores- 25c and $1.00 ANTI-PAift PIUS</t>
  </si>
  <si>
    <t>                                           Him of SLAYER JS PUZZLE                 I Coroner's Jury Says j Jossie Murdered dv Persons Unknown                 DIES                 Mystery  ::h.-o::.-]r. l.  r.:i-.! who f.v-"-J^i,:, 2;. S=i-,U," on }-7-T.rv r\   -:' v1.^" -i cc.i-one:-1.; jury, afi.-r {- r-' :ci'::-c .i-.or.y of a ir;- her or v.-itr"sse-- :i:i ;nq::ts: at p,~o;-,!c'.-. F .rr Tvi'slav r:".-r."'.r                 ti:rn- p. ver.;:r*. "    -: i;C-^:. by c::!*'.-.s f:rf(j by a person or pr.T- ~.:r.knr.tt-n. A L. Reese woh )":-.n of th*~ jury. _"'r-';- r.u-n Mac Shopper,:. 37", r.-i non -ibo-:t P:20 '.h;:'' y-icht" bn: mi.: nn .. :n int-Mon: thinking th::t -~~r.i? wr.^v rr.r.r. '\-   . up.:i1 -~..".--a; m:n*.;:~:; later when i:      rome one   cl;._ "Somebody CoTc Here." re- i plating the phrase t*.vc :: ti-ne? louder voice. V."::~-.':i ~=ho \r,r.).:--.] ;h-o-:ch the r os.c of hrr front . ?l:e raw the :r.r.r. fall on his :';ico nn,-'. ther f.vir: ever n:r, back in :':ie Ftreet. "I '; anyo:1.'? ~"   'f s:io i .tro.-. "t!;.?re '.v.-ij: r.;-- in the stm^: b;i: the bo-iy :       nb-.-: -..-n foot rrom the c-ro;r.^ v.'h.lo n chunk of ice. :;b'"~i:t a  Mrr.cV u*--.rt;i. w.t;: on tVn s:.:- v:a!~ f:::y r,~:i(^;;(_. ;:l0 bn.;v. Ye?. T  ?or-.'"-l)O !y r\:r.. b::t tr.;it v.-a.; before T  ninr''i ';^e .-rv." Att^rr-.r)'.': or. ;l:o  of D-"ec- tlv-"1 F;n';^be-t to .Ir.-iw ;            .s v.-omar:. V:r.-jv.-n Ida ?.*;:c. ^ to the r.-1. ;nat they -v;i.:e 5:n*er:ier'..- prc-vir.-y'.y t!".a'. T..err,\Grice. a p."! cf sI.-L;n : the s r.^i r-.e: u-ith no su.-ces^. Grror; -tk.) th-nf he ?ic)iev V ::mt it co;:;,! br possible :or yo::n! Grico .-n thi- ?::r,o;inu' she 'C't the )-.o-'S- sr.^r*:v Jessie's :-ti;re th.i: ni::h: .',n-: ti-.at his wife     ! that he h.'.J a C;m in     pocket. Ke . ::oi.. th.it he know no reason his ^h^O'ir:^ th.c other man *.'r.*-y v.-i-re ; co-l pals :.r.~! hr.c! ;-.:i,i no quarrel that      . rr. Mrs. Crco:: to!.l the jurors that the slain :r.ar. went to the ice liO'.:?o to r^et ?o:re ice for her arH thut J. Grice ~~.ft Dbou: 20 minutes 'inter. S:'.' t.er.ie^ T:;at ti'.c t^vo    ' hrn: rir.y '\-r or trouble at Ctmtinticii nn Tau-c 2. Col. 1                 Identity of Slayer j  from Page      J her house :'.:z: cve.-.:r.^ or .;r.y o:h- ~?r  nor  J:d any ;ea: cx:s;: between them over -Ida Mac" as Jar is si;..- knew. Dr. J. H. Vickers. S54 Xorc:'- ss street, white       .-: whose es:ab-~ Iisnmer.; is :i; the comer of Lee .i.-.;i "West ^716. and for v.-hor.\ yo::n^ Gx:ce v.-orked. -.:eu that he i-.aa l-.'ard of a s!:i;h: anr.ou=t of -.rouble between; tr:e two over tile ^:ri nni.l. that tie slain yoi:::-. cnr::c to :r:ei ti:"jg store three or Tour '.irv.es Fri-' day even:ng :c^k:r.s for h:::i :ir..:~ stating t!:a: he v.^r.:e-J sp ak h:n:      ;(ie. He r.! no:r-.:r.j; en: I the :T. b-^: that ai:o- cr.ej of the cal;.-. his helper c.i:::e jr.. v-. for n re'.v :::u*.u:es. iir.ii j then left. hurry -.g t:-.a: h- j had to run up en r.!iu^;e:i s::eet.j The OrUfcipr. s-.a-.od that he be-: lieve\i th^: tr-.e your.s r..:^r. : pisto: out of :::e drawer in wi:ici; the  were "k- p: r-.-- r.o:~i: tiia: 'J** weapon was ni:ss:r.c ^ev-~  minutes af r     cep- . Tue  a:io stau^: tr:3t Grice  - to wo:!-:           ^nd :hat he ha^r.'t er. ^ince. Dr, Vickers sj:d ti.at :m.-o, y-OutitS w.t?re. very fr:end:y.    "-:e: ~;a\ing  worke J for h:T :r. r.^ p'.uce  while sick. He. further :e^::: :r.a:   ? !uul b.ea forced lo ca'.l young woman down for pr.on::;r, Grice SO Jrequer.^y. Your.g Gricv is -.t^i- ri:.^:r.,; uj*. ii  tii-it. l;e h^! c^:".section whatsoever with tl'.e ns. Fcr.erj: an-ar.KCmon:.- :n^ :ex'. by Peopier. H-- v.s: sho: near :ht- hear:.</t>
  </si>
  <si>
    <t>                                           Mystery still shrouds the identity of the murderer who fatally shot A. J. Jossie. 21. Saturday night on Henry street when a coroner's jury, after listening to the testimony of a number of witnesses at an inquest at the People's Funeral Home Tuesday afternoon...</t>
  </si>
  <si>
    <t>                                           Miss Armalee Lovett was called Griffin, Ga. Friday on account of the death of Mrs. Sadie Harvey, a relative.</t>
  </si>
  <si>
    <t>                                           -r3a _   More than. (~0?r ~.'r'-Q cl;..ice  filler- i-^~i rl..U-c in.. IfV'ffi^V '~'-f^ ~'"3 M-'SKIN M;.. 1/;*^^ value. -335 ^lV1 t 'io  by S?f?Jji "     .k-d Jown to ^.r\^ S--"35K1N 's l crin(f cia-.ii- giving     1Wi x alut *-*-'-*'-Q **or  our cent*. V-'^~ l v rv t. ^~g ruii". B^B^S i Hi 3 SSSS   .Ku M/ji. Cu, ;.    .  .j.'. J</t>
  </si>
  <si>
    <t>                                           What Is Your Favorite Biblical Character and Why Does that Character So Impress you?</t>
  </si>
  <si>
    <t>                                           BISHOP WARREN CANDLER once said that the churches ought In have the same consideration in taxation given jails and court houses. The bishop was right. If any of our lawmakers desire to render a lasting service that will sound his name down the ages he should introduce a bill exempting church parsonages from taxation. The church tills an unique sphere in our civic lives. It is neither in the field of pecuniary gain nor power and prestige. Its mission is the saving of souls...</t>
  </si>
  <si>
    <t>                                           THERE POSITIVELY are not adequate words in the English language to tell the stirring tale of that blood-curdling basket hall fracas between the stalwart Purple and Black cohorts of Morris Brown college and the Red and Black engineers of Clark university last Saturday afternoon in the palatial Sunset Casino...</t>
  </si>
  <si>
    <t>                                           GATE CITIES, and profe-dona: strata, are expcmiitez ..; e:nzy behalf of tlle Community Chest In :v arowol the ,or:,vr. Never be- fore :II the hiry of colored Atlars;a !la- ,0 low+ oiliCiet1 effort been manife,ted. Virtually ,very day, a leading Atlantan carrie an article on the fr,.nt p:n14..., or thi. paper ir erthneetion with :he earapai;..-n. Not a day pone ,.; 'out that the hncal Urban League, the Atlanta School of Social \Yorli, the Family Welfaro Soeletv.</t>
  </si>
  <si>
    <t>                                           HERE IS MONEY For YOU GET CASH ON YOUR CAR No Reference Required SEE A. F. Miller 99 Auburn Ave.</t>
  </si>
  <si>
    <t>                                           Atlanta World to Issue Emancipation Editions                 Historical Data, Messages of Congratulation to be Featured by World                 CONFUSION1 CLARIFIED                 In commemoration of the 10th Anniversary ot Emancipation, the Atlanta Daily World is devoting two editions on February 1 and March 1 dedicated to the Emancipation and history of the NeKM. depicting the progress made by the race during the past 70 years. Each                 issue will carry historical data of interest to both races. Congratulatory  will be carried from both Kcrio and while business "houses and their co- tion will be greatly appreciated The leading colored newspapers v(-.i number -of cities including Birmingham, Nashville. Louisvil'e, Indianapolis and Gary. Indiana ha-Yc recently published Emancipation Anniversary editions with a most splendid co-operation from  of both races. Tn n number ot instances, t.ic leading white newspapers have co-operated, notably in Louisville, where the Courier-Journal inserted a congratulatory message and the Herald-Post devoted considerable space to a writeup on the aims and purpose^  f the Emancipation edition, and in Nashville where the Bonscc, .also--a- message in the columns ot the colored paper. Governors of several slates, such                 as Indiana. Kentucky, and Tennessee, as well as other officials, have also used the Emancipation Editions published in their states as a means or complimenting their colored citizens for progress made in the years  emancipation. Owing to the magnitude of the project. ;i special Emancipation department has been created by The j World for the express  compiling emancipation data    3 securing the interest and co- necessary for the success of the  editions. This special department is wider the management of E. W. Whitney, who Is well versed in that work. some confusion has been manifested by a few Ihos1? : to co-oper:ile. in the distinction between the Emancipation Anniversary Editions and the- Emancipation eci'.   hold here January 1. a notice or news item of which appeared in the  December 30. 1933,  ot The Atlanta World. That issue was not intended nor represented to be ;t special edition, of. any kind whatsoever. There has been no Emancipation edition of The Allanta^World. The 70th Emancipation. Anniversary editions to be published as stated above, will commemorate the year. as did Uis Ceoigia r.i-CctUenniul celebration. Attanlans are urged to remember the Anniversary editions dates --.o cured anl:c- inf**''! -Trj)Tvation for additional copies because of the great amount ot valuable historical data each will contain.</t>
  </si>
  <si>
    <t>                                           In commemoration of the 70th Anniversary of Emancipation, the Atlanta Daily World is devoting two editions on February 1 and March 1 dedicated to the Emancipation and history of the Negro, depicting the progress made by the race during the past 70 years. Each...</t>
  </si>
  <si>
    <t>                                           The World Has the Largest Circulation Among Negroes of Any Paper Printed or Circulated in Atlanta- See Current ABC Statement fo r Proof</t>
  </si>
  <si>
    <t>                                           WORLD W*R VITTS HAVE EVENT                 Tin- Amcrloan World War Vetrrrni- n-ill iv. -1  t 7:30 nn L-- -t Mm-  of r Frn-I'ir S00 F-lton D-Ivo. X.- F.          it"'-n',~'~~        fnr flip bi"~fit     tlip   "temin!t ani           d to    - VitS'tb/   tills' affair a .</t>
  </si>
  <si>
    <t>                                           KANSAS CITY, Mo., Oct. 10.-- About fifty stockholders in the Paseo Development corporation were disappointed Tuesday night when Galtha Page, promoter of the organization, failed to appear at a meeting at the Paseo Y. M. C. A. to explain the...</t>
  </si>
  <si>
    <t>                                           BSflS^^^^^^^9BSK2tfS^^^^^9S^K ^^^ms^ 4 r i- ^Yl V'1 ^^^^^HH^^^^^B^^^H^^^^^^^ ^Lm MBBHHRSaXSHfiBSit r""~ ii  ^^HB^^^^ A -^ m  riff V AfSfflf'vSfMsiiiBB*^  t afl    ' a B^S^BBaBBMBwHBBiBB^ ^~S^ A-B 0VJt ,att ^^aav an _~t ^*vt a   **' m Qg^^. S Avw1 ^.ct l \A\y Vint 8               Il'ir I A I" If Bun Ul II I T-C-5 ^^Hm '"t"J'""- ih"  H8~. D Lhu n AND Wl. H I I t:i ^^SsSsKa    -. BSbi^ fcn W II wl. illi.l-.l*? No matter what  Mylc yi"~     '.       vn Don't let bot irons and  bura end quickly and easily  ymir Itotr in i!t.-u  Korclt your hair make it brittle and off j^^^^^ with Black .mil White ll-"ir . Protect your hair  Black and Whits v^ Drcssini;. T'm .~~f.:i-.'~( Cloutnc. Thii fine product keep* your hair' St J"~r^~2         ; kn-yy v"ir h.iir i'i*t  oft mid glossy, and impart*  fmtr* mat ife '""^Jij? as you      it- jN-.iw   -~!--- ^SS^SwCV   B"u^   '    *1 u.' inR Kutooilt* .. T*v.' i,Nfc^**~~l^~j out America use Blftdc ane) ASSBb             23c. White 30c. 'Vv'US-iS?^/ WhiteGIottioe. Largo  an?3c^t".7 i lt!"1 Vi'hitr Pomade Drcwinjj. No matter how guff and SLICK DOWN TUT    1 y.mr l.ai.  I-. Black  nd White Pomade Drewins  tt      ^~=  f t 1 1    i-~ /-v r-~ m i r-w 'nJ   :-'fv 'i All the      looking  and bobbed haie;i' (5 I STUBBORN HAIR  S-      with  pg. Urn on 25c % TUNE !K' V1NCE.MT 3 rD.'-'C-^ ''~''/. 9 P.M.. CSTl 10 P.Mi BST</t>
  </si>
  <si>
    <t>                                           In the Realm of Music                 MITCHELL HILL                 LYONS, , :.    l.   lovely ami -J - wife, were heard in  :il Morr'* L- folk-.- 0)1 Wednesday . Th,- .-...-e, .yl, .,m:   . u-.l5 .lu-p lv i appreciative 01 the artistry an,] - of il,t- .in.,ir-, ,,,t: i  of a  and delightful program Jir-'- picture of  in a gown of oy.-,ti;r-wl:ii,- lati- , :. i , fave perfect  to the :. i                 Mr. Lyons used    hi, vehicle ,,i exp,  ,u,M !:i I.:- m-i ,p  a group of foreign-language ..oil'.- which v.-nv ,v  with acclaim. The second gn.up counted .,i i,A,r German heder  gave opportunity lor the t. i,, (ii,pi-iv il.,  timbre of his superb organ, v.lmh, ,.:1. v.'iih ;,m authenticity of accent and enunciation, mad,- il,:.- ;-s j- of the musical art. The program became of increasing : ..nd H . 'Die third - of four  .-.n ^n-A-y^^],ed its clima-N in the dramatic "Son- of she Sleiyh." ..jiu-!.  auditors of a more sentimental turn mim] d i-iU!e-". preferred the bev/ VPosscssioii." an old i; tr ,,i !i:writer^. j KIWlfB* \\ater Uoy. "City Called ITeavell." "  .   A\:,lk,.~ "II V Lonesome Valley." and the humorous, "Slioiieiiiir Uivad." .un.  tlie concluding  of spirituals, which evoked a v.-       stprm 01 applause. Upon recall. Mr. Ljvu, .i , Burltiyh'.-, "Hlard TriaU." j^EMl'ER , director of music at Ailaiiu. , ^ and Spelmali colleges, made a   on last bunday afternoon at ihe Y W. C wh.-n I.".talked on Xt-ro J-olk Musk-. Mr. Ilarreld divided' the N^,-. folk  into spiritual-, jubilee.-, . . labor love songs and blues, much to (lie edification of the- ;:siV - The- Murel: quartet vv:;.-. ! in plea-ill" ,-. --. A.\U MKb. 1-UliUEKICK MALL. irt _-p,,,d,u, a   of study in London. England, write ih:": :lli y are malar t  contacts ' the      'an- ul ihe old country/' and feel themselves richly rewarded for their rear uf exile from their beloved Gate Cit'v They -,-nd o.v.li-i I  to their host of friends litre i ^:\ THE SEVERAL MUSICAL EV EXT.-~ wui, , musical Atlanta will celebrate Xatiuiial Mu-ie Wee!, will i  K the third annual recital of Toiiu Wli'taker all;' hi- sin-. in- buddies- The Buddies, an interesting i;roup ,,i - nun . voices blend in sweetest harmony, offer a much  ambitious program this year than in former appearance.-. Tin- :,f I tan- is si.irc to be most enjoyable, if one judges from pa-t per-  of the po))ular Buddies and their - yount; direct.,.. [^ COLLEGE GLKlTcLUU and Oivhe.-.ra appeared at Wheat Street Baptist Cliurch to a di-c  ap  audience oil Tuesday ni-Iit. under th,-  -ii I rof. Kcinjjcr Harreld. Seleciioils nere  bv rlx-  kv "lub,  and i:-.</t>
  </si>
  <si>
    <t>                                           HERBERT LYONS, tenor, and his lovely and talented pianiste-wife, were heard in recital at Morris Brown College on Wednesday night. The audience, although small, was deeply appreciative of the artistry and loveliness of the singer's presentation of a difficult and delightful program. Mrs. Lyons, a picture of charm in a gown of oyster-white lace with green accessories, gave perfect support to the artist.</t>
  </si>
  <si>
    <t>                                           Milts' To Leave Coast</t>
  </si>
  <si>
    <t>                                           "She was gracious in manner. impartial in judgement." have been a few of the statements the Girl Reserves have repeated since their clubs were organized in the fall. A review of what they think of their code will be at the Royal Theatre within the near...</t>
  </si>
  <si>
    <t>                                           THINGS I NEVER KNEW TIL NOW, BUT WHAT'S TILE DIFFERENCE ANYWAY</t>
  </si>
  <si>
    <t>                                           WANTED Newsboys and Agents Everywhere TO REPRESENT THE WORLD S ONLY NEGRO DAILY NEWSPAPER Daily and Semi-Weekly Address Atlanta Daily World 210 Auburn Ave.. N. E. Atlanta, Georgia W. C. KELLEY Circulation Manager</t>
  </si>
  <si>
    <t>                                           JEFFERSON CITY, Missouri, Oct. 13--()-- Coach Eric Epps, dynamic little Lincoln U. mentor drove his squad at a good pace all week in an effort to re-build his squad after the disastrous Kentucky game last week, Passing and running attack was emphasized along...</t>
  </si>
  <si>
    <t>                                           INSANITY WILL BE DEFENSE OF N. Y. BABY STEALER                 NEW YOliK.- (AXD- A r.ton of Insanity will     entered by Mrs. Margaret SlOirkhouso whole wife of Stnckhonse. colored, in tlic ease of       stolen from Mr. and Mrs. Edward- Luciano of Brooklyu.                 The   :il.y. Patricia, was  in the  homo of the Stack- houses by detectives following a lip to police from a woman who:       of the mysterious appearance of the baby in the Staekhouse  ly. The pair,  at 222 Ninth street. Brooklyn, were held lor questioning following Mrs. Stack house s  confession of  the baby. According to Inspector Bishop. Mrs. Stackhouse had insisted that tho baby was hers, even after physicians bad expressed conviction that she bad never bad a child, until Dr. Frank Oelano. in charge of the Kin:;s County hospital labora tory and Dr. John fl. O'Reilly of the District Attorney's office 'had completed blood tests of Mrs. Staekhouse. Mrs. Luciano, ami Patricia. Mrs. Stnckhonse was confronted with the medical opinion that the      . belonged to Mrs. I.. Police, then allege she confessed. She told them she- had  Patricia from n woman known to ber only ns Mrs. .Tackson. who lived some place in Prospect Park." Police said that Mrs. Stackhoiise  having mef Mrs.         on n bench in Prosnect Park anil  confided her I he- infor- matlon she could not hare a . but   like tn have one. Mrs. Jaekson   !iwr to      police I version of the confession, told h*r she would cet her One and sou the child to ber for $1.00. Vo  wore   either' of the Stackhonses immedi. .r   he  .</t>
  </si>
  <si>
    <t>                                           NEW YORK.--(ANP)--A plea of insanity will be entered by Mrs. Margaret Stockhouse, whole wife of Stackhouse, colored, in the case of the baby stolen from Mr. and Mrs. Edward Lucisno of Brooklyn...</t>
  </si>
  <si>
    <t>                                           ORANGEBURG, S. C., October 10.-- Six and one half minutes after the kickoff "Whitehorse" Harry Jackson, recruit half back of Billy Nick's Mortis Brown Wolverine, romped around the famous "Broad river" Dawkins on right end for the first score of the game which ended in a 12-to-6 victory over South Carolina State.</t>
  </si>
  <si>
    <t>                                           (This column is dedicated to those broken-hearted ones whose burdens seem almost too heavy to bear without the help of a sympathetic and comforting word of advice. If you are a subscriber, write to Mrs. Beulah M. Hill, care of the Southern Newspaper Syndicate, 210...</t>
  </si>
  <si>
    <t>                                           ARCADE BILLARD HALL 272 Auburn Avc. i An ideal place for you to I pass away your time. We are ready for- business at all times. Slup in and en- 1 joy yourself. Remember: pool .02 '/j a  each day in the week! j Beer and 'Lunched i John Mano3 and CIarsr.ee Char. I</t>
  </si>
  <si>
    <t>                                           STOCKING TH if F SHOT IN ACT                 VAYETTEVILLr:. N. C Or, S AN?i Ju-t a v.v. of county r':acl-;. V,'i':;e Cobb. kP.T.vn  .-c: ~::;ck :n v- r.- d.- .-'.rti Ti for nr. T'err.tvc: -.i^ry v.' store. "TO J C- co-r.ter of the .^o.-e Cobb v,-;is s^ bv *ri'' :v.Ci" r, bv.: 1 j -v.Wiy and \  ;\ '.i-'cu^':: K:*j door cf iho ^l'.':~c. Mr. Earboui' ~.-:.u;v.:- .^-. Cob'". a threater. :i"..*uc" Hv: ih*j:\ drew h;S  through the U-j;. Cobb wa^ x.i rz^r. to Hi^-::"-,::h  who: h:s '.'~'~-~ur.c. wa:~ dro^C'.i Ke \^ai \~-r.: 1uI-:~.t Ivj jaii. j Journal and Guide j Supports Rooseveltj i NEW V071K. Oci. Q-- P. B-i Vounp. editor of Cr.c Norfolk -Inurr.a1. and GuV..-, *J:e brK'.-.-t N't'cro T);iPL*r in :::e tiii^^'-UT  lt- t'.or:, has        .C".i t r.at. l:c i;. : Covcrj-.n:- Iwu^- for Prfsitif.-:1.* will make i speeches in hU . Senator Swan-i ri ol" V-r^r.ia in ;tir.cr on Mr. Young's .-i:1.*.'1ment said: "1 always .v that, soon as  i;r V*ir^:r.:;i:i N'c^rocs  r u- e ti their  and v.i\::\- V'r''ti.i:ir!''iv they i \vou\d join the :i.~.ie'":itv- r^.r.ks. Our probl^nw av.-      .-arn- in th** st;*.*r  t 1 ..o ini y wo under* -:a:n: * a:ui w^rk *~- for i.heir  :or ^he ?fo;i'.*r both vacs w\V fully i-orne i n  :"Wn/' j   ORSKnVKS F I J I Ysprovn oPF.. .\'-'STi:;. Oi-: ^,-)I i i-t   nl\- ^ 1 ~~''.~.;'1 *.'l-:::'i'' .'.~ wes' of ?-  ;;itc ~'X- 1 n:'-;si'.s '.ol-'bratT.^ its i:-stv-.HK' :i t;. ;v. V.'?(joy . s^.ber ^P. RcpresrrralivvJ "f t-i_"i (if '.ar^c?* "N'ecro churches iv A-Tsnn.   r ;);e .'"Jnior   ' hi::1: nc;-.up;.-.. oi' .Surma?1. Hui.   :i '-it*. "f ihi- S;a'.c Si-bool r-T tii" Dea!". Dii:v.   ;ii;d Phnd. of the I 'VM'.n r.nn c^.V^e t  ;',^r-        :*. of the s  body, and of tlio *   * j i^in '.uvi nf    - L'^lic^c h;id :T?;'rf" op *i-~ nro^rar.!. J</t>
  </si>
  <si>
    <t>                                           Y oung Physician Buried in Tenn.                 :::d: A:\.\-roi as. ir.c Or-.. :\;:.r:;,; f--r Dr. .\   \r. r;;;iy-;;i:^. who d;r.: Tw.u.tiny ur:c !:ckl Thuru.l.iy :u1i?:i nri:vo ~:icer. ::n,j r-:":':    bc;.:^:-- H ^-:-.Vci T ~',-v i-H'Ci"' I 1 iho v.-.' v.;:: .Tv/Sv: r^ r r;:r; :cc i:vv: ::i G:~-i*r.v ("I:;;:: --.mv IV:::: T,:::o i-. ::::.vo:^.'y '. !:c</t>
  </si>
  <si>
    <t>                                           JOSHUA JONES                 By I. I\~      *                 Every tlm, Bro.-BoU-     '  "Slnl Aw1*- tbo;'    *v;i near 'him -. a^^ on'^ their       ^    ^  -~  *^^'</t>
  </si>
  <si>
    <t>                                           DO YOU KNOW:    !l)r. V-mi^-: MMIiiriNK p)\'"-::---Vy. XJ I TIF . 111 cm    -i.   ;- i. l. r. m J" ~~*:'l*J .^ \n  A. I1U AlUr.ti.</t>
  </si>
  <si>
    <t>                                           TARTLY CLOUDY followed by rain Monday night;        Tuexlay.        * past 24 hours, iO: . 72;      , 6C  SCOTT. Meteorolojlst, WwUJier Bureau.</t>
  </si>
  <si>
    <t>                                           Defeat 2nd White Janitor Move                 TO STILL KEEP SCHOOLS                 j Board Tables Motion Dipping Negroes Vrom Payroll                 CHECK TEACHERS                 A second attempt .,n the part of William C. Slate. Councilman f-cm the Second Ward. cas; a number of Negro janitors wh-j have beer. Kivir.ff faithful and efficient se:v- iccr. at white schools for mar.v year-; and replace  with white i  workers, met wi:h ~~.-reat at a i meeting of the Boatvi of Eiiu . Tuesday afternoon v.-ht.-n :h:i: bO ly voted to table his motion. P. was .;: '.he ^.er '.i',.n: ?.Ir. Slnte made     initial proposal and it was creet'.'d '.vi'.li :;i:ci". a fined protest, especially on the pp.rt of rr_Tny .ii:en'. A:lar.:n business men v.-!:o rcr^err.bere i tl-.o Rood ser\n ce         ! by these  workers, ti nor;d mar.y of wi-om  were employed .it the  while. they \ver0 pupils, as w.?ll a? a :vjm- ber or organizations, thai the rr.ut- ter was placed or. the table this time. No dat^ has been announced i for the revival of the discussion. I Another move of importance rr.ade by the school board 'declared t!-.ai in the future, all school tear-hers i '.n the At!a-nTa__Pi:b'.:c school ay-] ~^^s must live" 'within ;"n"e city I J-.~i:s. This action will affect -00 or more -.     to es- tirr.ales made by school authorities, j</t>
  </si>
  <si>
    <t>                                           BXT- '^WOO iSt IE A, LM , MARCH 9, 1034 ATLANTA DAILY WOltU), ATLANTA, CA. PACK THlcTri</t>
  </si>
  <si>
    <t>                                           Education is an upward climb from the first to the twelth grade at Manassas Street School. A Student body of 1600 youngsters taught by forty instructor under the principalship of Professors J. A. Hayes are offered, all the courses in education that the ... of...</t>
  </si>
  <si>
    <t>                                           3MURDERERS TID THIM                 Robinson Gets Life; Estelle Mentor 12 Months                 3RD MAN PLEADS                 Three were tried for murder in the two criminal divisions of Fulton superior  Thursday. On*- wax riven life sentence. Hie second five to ten yr:irs on      ^ort;:, and the third a woman, received a sentence of from one    five years on 1hp stale- farm.                 By CLIFF MACKAY                 :o\\rir.j: :i crair.auc speech ue-1 :^ by C. G. Cul pepper. Fay. :te county Jrijrlilator and nutec South Georgia c:*: lawyer who aiding in The . of "Veynian Rob-1 inson for the murder of Dennis Dor^oy, demanded the lectric , a jury in S'JDerior Jiviire Johr. D.                 Humphries' court returned a ver- 1 die: of guilty w:th a recommendation that mercy bo shown. I Judffc Humphries immediately! sT. Robinson serve the re-j  cf !iis return) life in the penitentiary. Robinson is the second; :m: to he given a life senten- ce in the pa.*;: two week.-; by' Jtiilg" i Humphries. Cieve Lawrence was Kiven a like sentence !    week Tor! the n-.ui-uer of FMcher Rosser. Atty. Cuipeppei* ir. explaining his! position as prosecutor ir. :hc Robin- 1 son r-nsc roid that parent a of Den-j nis Do:s?y were frier.dr; rf hi.? :ir-! h;,.: !:     ;n MaJ:son. Ga.. for some time. Uphol.liu^ the position th- Alar.ta V.'or;,: :i:at Negro i:n;r-.:.s of other XecrOtr? ! b-.; j;:ven the full  c; the law. Atty. Cuipeppei  that "the onlv way to step this hi;;h murder ^ NV^roes punish the  to the f;:ii limits of the 'aw. "It is yO\.:r  as sworn ji:rori\" he sa:-'. "to ba.^e vour verdict  iy cv. the law. The fact that :h:s is ar.cti-.er c.-.sc of a N"ccro kil'.-~ ini; a N'e~;ro should be all th-- more1 reason for yo-j ,*;ive Robinson :il! the p-.er.l f.iit the law affords for ;:;u:\!c:x*rs. It is time that our juries stop the practice of different!      ; between Vh-t" killers and bl.'tck killers and treat all as killers ur. the l;:ws the great state of Georgia. 'Tiia: T!:e fair way ,-ind  is the only we can p ii a  the larKe n;:rr.bcr oi N- j;ro horr.i-i  c:\hqs '.vhich. clutter the calendars of our courts." Rob::i.-=on  n pocket knife ^- stabbed Dorsey to Oeath ir. the front of his  hoe shining stand  t 115 Hayaes street, en Sopt. Efforts .~f the defer.se counsel to plead .-e;l'-i!ef en.se fcr :he:r  were non-plussed by the testimony several witnesses  Joe Jackson, aj;*_\i mar., who saw the .-tabbing, v.-ho that Hobir^on  the argument. Rooinson. 1*. was revealed, came Dorsey'.s s*and to /;et some . Dorsey cot a bottle, according to witnesses ;o:d went to Continued on Page 5 Col. 5                 Murderers I'..- Jxn.i- L.f Ju:-.~-s ir. u. i;... i :- a:M the :i.-~;::.~  .-r.i b*-twv('71 1 *"   Lv.v,   vlt t\ve::ty-rv,.-  .:eb: Sj'.Tiir: :n Try- JoMti" ~.vO(!.;'::V-. i;o-M.\ -UiHOM. t 'j.-.-'k to Dor.sl;ii!i: aii l l: i" v.ait :u: l:::n. '.r.f.%~i:~ sa.'i, :::M :,c ui.p.j.i:wit:; t:if v.-i!:.~':'.'y con'.:::1;*;^, i!ic -:'i;.::;.~.-::t c^i::n;; l:x- .ic.! :::.ifl :,*-v-   'i,ir:~o:i y.L-r. :i :;^c!-:t.p' ',:r.i:':- t.v. Doryuy by     - :-u:;: oi !.:s s:'.:;-'. tx-i;: r. ::;'; :iv: \-:~.ur.i. u: "~.:t^:: ^.~J;,^.~^:ol court ~:U'.Ti::^ p!o;i of ::;::ify to vol- ;;:i:;.ry :::an^U:i:L;!u' Ciror;^ S'1-'- -,y.. v/i.... -ho*. ;i"-T f.;i:;!!y wmr.-;- F';i:t'.*;!L':' .Srr.;i:i v.'cs i'.ivt::] a sl-p.- icr.ri.' r.~.: :c;;s ;n;;n I:v..- yo:ii*ii or:iiu:*'- t'.ar. ;-.-:i years cr. t!~.- cn:-.:"^r.i; jy JiM^f Jo:%ri D. ..'S f r- iiL-21-.::!.; e:: Ci.::.i:"..:".  --b oi' Jt-'iCi-'i1 'I 10:" hi.-: *:*i.':!. ! '''! I-- o:v.t*r p t_-ri of guilty in on!~--:- ~-u  i'- ,:'.lL-r or.'or.cc iO:* :!;s o:     . E:.ici;~: :;'..j:-. v.-lio on Sop*. 1? i:si-'i :i:i  kr.itV 10 1 tsr.il ;r.t- 17-yc.ir oM Elsiu Clark ';o'.:owi:ir, :i u-aU\ in Hawkm'sj ;i n a ^c"tc"co oi r.c; 'h;;:: ere t.-" 'i.an fiV j yt.T.vr- by r: j-i-.-y s:":p.;: ::i .! criminal i-:;v:- :or: oi Fulton i-por- :or cu1::-: p: cs:~:l\I over by JiiJ^e .1. K. H'::c:i j--o:i ui Dou^', G r. ::.\:'.   , Joe iv-':r.s. S'.vco'.;.' art of. ~.he -le^'i ,'. the i:;:ht. be*.-.v?en the; ;wo bep;ir. v.-ho:1. Esioilc .in la j^h; :r.c :w     Clark. The \L\iS\r.-j. start.; ii iie . .:5c :ie l^.ac: ti ld " .'.-eii vo^sn to conic home. ^:;    : in l:q-:O;- ho*isc :r. H;i\v- k:n's a-iov. M:^s Clark, ho ::r.:v.o-j:aio:y became ar.i;ry at t:n.~ ?.Icr.tor v.-c-1 !aua:.ir..:; at. T::e D"-a:ne enr.a^c-: ;r. ::*.ate-! a:^ia:.er.*. accor.iir.^; ~.c Evans. .\i*A t!:e M or woman, :e:t bu*. rct irne-! a si-.cv: while iat-1 er ar:r.O'! w:'h ;i  . Mentor -.! :lie Clavk wurr..-*. -..^:: bre.-st, .-.ri^inj.;      :v. A io:; ::u:r..;er ~-;\~c v:h:ch k:-1 sci*.L"l*~io-! *..avc beer trie! Tr.\:-:~.;:iy - .;;;~i^c Joi:n D. H-.:::i- p!:; :os was cu:V.::v.:  ! 'J::*.:: I-':-:.!..;.' j or. :r.0L:-/n of Sol-.citc:1 E'1 :-*:cp:^-:v.                 t-j p r iv. co;:r: T::i' c.-A-'wos "ha; Ma-.-y Smith.v.l-.u a ;.':io:;;u:'. :er.: ;L ch;.:*fic j buc!:^ t::t-~.":L:'i fne -i *ri Cov.^n. 2^. 0:1 Aug. K. i</t>
  </si>
  <si>
    <t>                                           Following a dramatic speech delivered by C. G. Culpepper, Fayette county legislator and noted South Georgia criminal lawyer who aiding in the prosecution of Weyman Robinson for the murder of Dennis Dorsey, demanded the electric chair, a jury in Superior Judge John D...</t>
  </si>
  <si>
    <t>                                           Free Woman in "Poison" Liquor Case                 The new March term grand Jury no- an Indictment, freeing Margaret Evans of - charges, growing out of a Gllnvr  alleged 'poison' liquor transaction. S. h. Hyron. white, of Hnpovlllc. i charged I ho woman of Iil-  him doped whiskey which  him temporary MinHnrss. Whllo he was blind, he snW. he  a hand  his   $rr i Byron wits  n  $17 j fine In K'cnrdcr'H during iho pro- .v    ( Iho oast,  Judge          had lectured him  lie had no ^s Kolni; In the Ollrai.T -t .</t>
  </si>
  <si>
    <t>                                           v</t>
  </si>
  <si>
    <t>                                           O. W. --Should I go into a little business at home or stay on where I am?</t>
  </si>
  <si>
    <t>                                           Whether it is because I have had more time for reading during the past week, or whether it is that the week was just a 'newsy' one. I cannot, say: but I do know that there wes a lot in the press of the country that is well worth passing along --in my humble belief, anyway.</t>
  </si>
  <si>
    <t>                                           Stanley looked away quickly, her eyes suddenly grave. "It's a queer tangle--everybody wanting something they can't have. There's no beginning to it--no end--and still we go on--" She was not looking at Valerie now. She was not thinking of her. She was thinking of...</t>
  </si>
  <si>
    <t>                                           An ... of Leldoyne college students made things buzz ... they way ... week. The second campus ... fire was ... a movement ... Y.W.C.A. was inaugurated plane a print the ... student paper ... under way and the posibilities of...</t>
  </si>
  <si>
    <t>                                           WX8KR L5ITEtl- F0K ''KlVATE REPLY- SEND A QL'AKiKKlO MnniRN ^~0.^J?EaDING- and Receive  Hmnra  f!Si l^mRf B ADVICE ON THREE  J) QUES-H ~% ?SlC^     ALL LETTERS TO ABBE" WAL-F3</t>
  </si>
  <si>
    <t>                                           RICHMOND. Va., Oct. 1.--Relentlessly bulking, driving and passing with "Little Gut" Williams "Offehord" Yancey and "Cubby" Gill in the Van, Coach Hucles new edition of fighting Panthers launched their 32 C. I. A. A. Grid Crown Conquest...</t>
  </si>
  <si>
    <t>                                           We Hope We Haven't Missed Anybody i I Each Sunday's issue of The Atlanta Daily World is aimed to please every Atlantan. The 12 pages are  with news of general interest catering- to the select and individual tastes of this newspaper s reading clientele. 11: you want sports, you can find what s new and Me, edited and interpreted by Ric Roberts, sports editor. If you want society and club news and features, there s plenty of that, topped off with Lucius Jones' Society Slants Two of Atlanta's foremost ministers contribute sermons, and late news of the churches is I also included. If your interest is in radio and the thej atre, you get plenty of news of this kind. Of interest to i every parent as well as boy and girl of school age is the special school page, with a message by Dr. Willis Sut- j ton, superintendent. On the editorial page is printed i opinion for those who think when they read. There's a page of comics and a complete section of pictures in gravure Then there s the  story, fresh local and national news, horoscope, and many other items of interest As we said before, we hope we haven't missed anybody. We pack into our 12 page Sunday WTorld every feature we believe Atlantans want. If you doubt it. study next Sunday's World. See how complete it is. The Sunday Atlanta World Price, Five Cents t</t>
  </si>
  <si>
    <t>                                           RALEIGH, N. C.--(ANP)--Mr. Henry Clay Bobblt, eighty seven year-old former slave and retired city employee, was married to Mrs. Josephine Alston, widow of the late Samuel Alston at the house of of the brideg, 118 West Lonior street Sunday evenings.</t>
  </si>
  <si>
    <t>                                           This afternoon, at four o'clock. The David T. Howard Junior High School will present its annual musicale at the First Congregational church. The program this year, which will be featured by a number of instrumental selections, promises to be one of the most...</t>
  </si>
  <si>
    <t>                                           Met at the home of Miss Gertrude Guffie, 24 Bell street. Business was transacted briefly. After which a new president was elected. Mr. Tommie Guffie. A delicious menu was served. We were glad to welcome several new members. The club will meet next...</t>
  </si>
  <si>
    <t>                                           3 JUST ARRIVED I MADAM MINGY J THE WOMAN WHO KNOWS PalmUt and Ufa  lelU patt,  and future. Civet  on all affair* of J^^^^ life, Love,           age and SpeeuUt{~iM ion* of all UnJr, 'IVSsM Doo't fail KIM]   i** slated . K^ M poin'~ tbe way of        all  and ^mr/^  yon how to  . Madas Ming;      * and (h* can belp yon. TELLS LUCKY DAYS AND LUCKY NUMBERS Satisfaction Cnaranteed Office Hourai 9 a-m. to 9 p.   63S McDONOUCH ROAD Acrou from Federal Prison) -SPECIAL READINGS 60c J Take Federal Priirm car tap end of Una. Look for Nam* c J oa Sifn. Not in Tent.</t>
  </si>
  <si>
    <t>                                           RICH S BARGAIN BASEMENT THRIFT THURSDAY Brings You Advance Styles in New SPRING DRESSES C^S. yT- ^m HI ^HR9J^!m^H3SBh B^ I Advani'i!        : ~,       ui .- ~,imK ~,-~v     HP^P^^^B^^q smart sty Irs for .ill occasion!)!  wools and ^^^^^^^^^h^B  9      ^Vw crepes, 12 to 'JO, oS tu 11. ^^^VI^I^I^H BBsBRSH^Vy/ w /^^^P^pi  Save at These Greatly Reduced Prices ^^H^^^H ^B Furred Coats ^^H mim fQ.   $91*05 'i^^^ll       ^Hp^iM  [ur- J'llcd  with real fur ^^^^^^^^^^^^K ^^Bg^^g; coats for $0.90! The renson  grand coats are phe- ^^^^B^^^^^^^^KJ i I j I they ve Ijcimi irt.  low priced. For- IBK^^^^HBB^ )\i.{  reduced! Suavely  much , sizes V-M tp^,,f j  for sizes M In .~s. m j0 ,}g.   1     M tl/JTW a H i i</t>
  </si>
  <si>
    <t>                                           KIRE DAMAGES ROOF Fire badly       ;eil the roof of :t  three room  at 95-1 Welch street. S. W. at 5:45 Thurs day . The  were put under control before nearby hous i"s were effected.</t>
  </si>
  <si>
    <t>                                           MOSCOW, U. S. S. R., Oct. 8.--(ANP)--Part of the hopes of the U. S. S. R. to build the most efficient postal system in the world rest in Homer Smith, 32-year-old ex-postal clerk of Minneapolis, who has been engaged as consultant on rationalization by the Soviet...</t>
  </si>
  <si>
    <t>                                           a. scon SHOT III BACK                 World Publisher Wounded By Unknown Man As He Leaves Carajie Tuesday Niclu                 HAD MONEY IN VALISE                 Xukcn to tln.--~WJli;.m      -Mcu morial hospital late Tuesday  after he had been  by an unknown man as he was leaving hi* garage lo enter his residence at I 181 Ashby. N. ,W.. W. A. Scott,  of tlie 'Atlanta Dally World.  to an emergency                 '.ion early this . Mr. Scott entered his -c about 10:30 Tuesday night to put up lu s car. As he backed out of the . which loaned near   steps of his home, the j man fired four shots at him. one taking effect, coins through his  hip and coming out of his body near his navel. AccordinK to th- publisher. 'when the  were Tired, lie whirled around .arid .threw. brief case which' he carried iii  hand, over his face to protect that part of his body from the billets.    ; - is said to have contained a large sum of money. It was not ta.)en.       the shooting the m.-.n" fled down Sciplc street The wounded publisher, after makine his way to the residence of J. A. Brituin. Ho I Ashby street. v.-as taken to the i Harris hospital Tjy Dr. Howell where the  operation was performed bv Drs. G. Pow* j ell and W. T. Hogers. I Ai         *inn was  im- 1 mediately by Detectives Kildebrnnd .~nd Woodruff in r.i effort to solve j the crime. It    found that a 45- 1  weapon had been used in j the shooting.</t>
  </si>
  <si>
    <t>                                           Taken to the William ... Memorial hospital late Tuesday night after he had been wounded by an unknown man as he was leaving his garage to enter his residence at 181 Ashby, N. W. W. A. Scott, publisher of the Atlanta Daily World, submitted to an emergency...</t>
  </si>
  <si>
    <t>                                           Varicose Ulcers I -Old Sores Healed At Hohic No enforced rest No  nor Injections. The simple Emerald Oil home treatment permits you to i!o about your  routine an     ual while those old sores and ulcers quickly  up and your legs become as good as new. Emerald Oil arts  stantly to end Uiitn, rc^     .  rji- circulation. Just follow the easy directions you jiii' sun- to be helped or money back. Yatcs Milton Phurmneies and -H everywhere.</t>
  </si>
  <si>
    <t>                                           HMffi GIVE FULL LIST $mi\ I S La LJ it                 Name Two Georgians: on Executive List for Campaign                 NOT M CCH CASH                 Ni:1.1.' YORK. S.-p: AN P  I r-V nf!':i-.' .Ian:.-. K:irl-y r!:ai:-i:i:n: n.-!n..i-r il;.' N..lr-:.-l :^i C'(i:nm:LU-\ :iii.~ :,.o':ri."i v.ns madu    : K::~:ay {)'.~~  li.tu-: wined  ':m? in chari;:.1 ..'c! - by ilir- Di'innv a: :c j                 party, i The ;i!-!:i!'.!:--:r,i'M'. this yea- I i be '.-talk d  than it i;as bei-p. : the past  cv'-va! campaigns. The   is -u be ~!:v.c:  : into four distri.ts c-nch v.-ili: a vice- j c mirm.'in n: charge These vice-! .ei. a!-.-- be Rober; I. Vanr. of Pir.. wi.o will haw .harr,   of Per.r.- ar..l W-    Vir^ir.Dr V.'m. Thumpkir.s wm. w.il .~.::duc". the offensive ii! Oklahoma Mi-souri. Kansas. Iow:l ar.d N\- bias r-.a: A:lv. Ju'irni Rair.oy. I will have diary.. ..f Now.- Er.^lr.:.d arc'. Di-- Joseph Johnson of Co-. U:mbi;s. Ohio. \vh.~ w:!. :i'-r. ir. \.'r.n slates Oi;io. !r..!:ana av.c j M:chii;:in. j Ccf'r^.ar.s r.arnO l on Iho Domo- i cratic Ro.'^ for Preside-.; ori- I n.if.ee arc Prof W. M Hubbar.!.~ Prvsiden; S'.r.te A;::iu:iil Co!- ]r^e Forsyjh. ser'^Pa] viC'.'-ch.i!^ ii, a:.: A. T Hi.:1:!:. Se  j Xeu- Era Sunday Schooi as^cc;a- T:'.e:'(.' \v:!! be no .n: N'e'^ro bui lau ii; the sense lii.r. ;i:ere has: boer. fi.'i- l:-.e pa-.: Iiv.v ca-vp..s "'!io c;.rr.p.-u;;r. bt: h.ir.ci., b-. '.he ::!l ~:a:e- a'.ci j :h:-ouL;h ;h-r  ,.!-san::-a: :.j:i... T!-..assisi.in* c:1. airmen wil: cc'- v.-i'.ii *;:e sta'.c -. in re- 1 spective sir.:e .v.n'.ions. adv I  ;hem wha:  tei^. i" take to i pni. Ir.e ca:npa:^a ani.~:i^ 11'! people. The' stale** are *-aal have aske.1. Un- no .-.ee.    .in a n.! j se- up. expressing the idea n: some)  s. iha: the rank an. I :ile of! masse- or -ary Nei;r"es. while; the v.-oi kers from a nationa; -e' -ap j .ar.iy  ..f the silk sl.-.-kmi; or :r.te:    :i'.s;a j;roup. v.-hi- h some tirr.^'s d:.i not n-.ix we!! v.-;:li :l:e \v. ird heeler and the p.i:i;h am! tumble bl.ick democrat.'. Tiie an:n.. -A'ould have beer. mai!e sooner exce;'t for the I .i-e of cha!. Jim Karle;' from the city. His brother and1 Charley Kowe. the rij;ht hand man of Governor Roosevelt.  a-. in o-i i the conference heM i-.ere last -.veek by Mes-rs Vann. R-. Triomp- 1 kins an.l Joi-.nson. I No de.:s.on has '.'d us as 10 who will l-.an.Uo New York. Lester "A. Walton will be chief of pu . but Ihe .ul committee is  its hur.ds ofr the local  until Tammany indicates its ivi.-hes. Whether Ferd nnn.l Q I Morton will function is one of the questions which is intri^uin^ political circles ir. Harlem. A re-, sumption of the old .e Morton- j Waltor. coal. lion  be interest- im;. Walton used to be .H W:-. creel-! for many of the          :oii-.jr s (Continued on       5: cut. 4)                 Demos Give (Continurd from p.u c OnH j ;:t r:i to- ii- moves in :j,i- ui- ii.i;. Tilt' ~!cm;:cr.i!s l:kr ;::v :v:v.:b::- c:~r;s this  arr si'.url f-.^d^. The ^er.ilL*:::t.*:: in Ii-.'.:;t!u-'j I'.o'.ul which rx-por'.tvi \n be vv.w cil or; ;i b.isis n-: p;:~::-.er.'. :f ;.-:d j when we *.^c " i:i. u:\~  to  culic:- ~-r.ly $.'i.ri(].(;00 for. Activi:^-- v;; w;:b:  i)'.' j rr.c: i  u:'od by t!ic :'t:ri!~ :n h.Tiii! I</t>
  </si>
  <si>
    <t>                                           NEW YORK, Sept. 30.--(ANP)--From the office of James Farley, chairman of the Democratic National Committee, the announcement was made last Friday of the personnel which would be in charge of the campaign to be waged among colored voters by the Democratic...</t>
  </si>
  <si>
    <t>                                           According to late Associated Press dispatches, a former Mayor, who has served for twelve consecutive years; a former Councilman, and a former City Clerk, all for Florence, Alabama, have been convicted on the charge of embezzling public funds and...</t>
  </si>
  <si>
    <t>                                           "Hurry, John Harmonl There's an omelet. I've learned the trick at last, but do hurry, darling, so we can gobble it up before anything happens to it."</t>
  </si>
  <si>
    <t>                                           -0UR ATL. DAILY WORLD. ATLANTIC A. ^7- ^, JANUARY 4</t>
  </si>
  <si>
    <t>                                           CHICAGO, Oct. 15.--(ANP)--Although Jupiter Pluvius arrived just before game time and spotted his feet with mud, Joe Lillard, playing his first home game with the Chicago Cardinals, professional football team, here Sunday at Wrigley field, was the...</t>
  </si>
  <si>
    <t>                                           $3,000,000 FIRE SWEEPS B'lIAM BUSINESS SECTION BIRMINGHAM. Ala., March 11- Flames swept the downtown business district late last night, causing iui estimated loss of more than $3,000,000. The block bounded by 18th and ISth streets and 2nd and 3rd avenues, received the heaviest damage, several of the large buildings being almost completely demolished. Due to the fact that the  district housed department stores and other business houses which were emptied of their  occupants before the fire started, the loss of life -was small According to late reports several firemen were Injured and a  driver killed.</t>
  </si>
  <si>
    <t>                                           ONLY .O DAILY      ) K. IN iDT WORLD FOUNDED AUGUST 5, 1928, BY W. A. SCOTT MEMBER OF TUE ASSOCIATED NEGRO PRESS SCOTT NEWSPAl'ER SYNDICATE, INC., PUBLISHERS C. A. SCOTT General Manager FRANK MARSHALL DAVIS Managing Editor UfOMAS JEFFERSON FLANAGAN Associate Editor SUBSCRIPTION BATES iSM, 1 Vr- M.75, 6 Mus- $2.5(1, 3 Mos.-aOg, 1 Mo.- Bnnday Only 52 SO NATIONAL   W. a ZIFF CO., Chlraro, III., and    - York, N. Y. Poblislicd Daily and Sunday it 310 Auburn Avc. N. E. Telephones: Walnut M59 aud 1100 Entorcd as  class matu-r at the post office at AUama, Ga., under the Act of Maxell 3. 187!~  AUDIT BUItEAU OF CIRCULATION</t>
  </si>
  <si>
    <t>                                           CLASSIFIED ADS The Atlanta Daily World THE ONLYNlGRO DAILY tV THE WORLD Classified Advertising Rates DAILY SUNDAY 8c a lice 8c a line Consecutive Insertions Daily  Sundaji One time 8c line Hiree times 6c a line Seven times or more 4c a line Fire words of av*   *   *~tk         . Ads Taken Over TeleDboue      from    *oai  la              or city directory va m*          *- la * tor      counter th* *          1*       *4 tu remit the day    **r.  On  U ; Mot bf  ea*h mtm  tiv* order. All             ** ML'iT         In   t     .-WorU  or by Itttrr.      )h(~o  aa ACM u* NOT valid. ERRORS If  ny * I*      .     AtJinU Dftiiv World  for  on*     *                    U       -ibU for *e*     ln**   (ion*. Thv     Imm*^lr If %M7             ts . CLOSING Adv.r\lx-      In            Dkity f..r     Sund.y World will    ic(~~Ud up  'J P. U. S*tard.y.            are  daily  Saad*7  I K M. for ihe              f . ATLANTA DAILY WORLD WORLD WANT AP8 BRING . JUST   9913  a*k (or an Ad TakfC</t>
  </si>
  <si>
    <t>                                           PQjdET BOTH A I L AlTlW^M^c^ tD fi?*^ j- ONLY NEGRO DAILY NEWSPaTeK IN THE WoVTd [ j ON __V0LUME7,NUMBER18 % ATLANTA, GA., SUNDAY, MARO11 U, mi PRICE EIGHT CENTS</t>
  </si>
  <si>
    <t>                                           MRS. LUCY ANN HALE, age 84. one of Columbus' oldest and beloved residents. She lives with her daughter. Mrs. S. E. Cunningham, 748 Kelton avenue.</t>
  </si>
  <si>
    <t>                                           THREE DEAD, TWO SENT TO GUY                 2 Women "Bump Off" Their Mai.*; Mystery Buck Of Woman's Death                 MAN SHOOTS 2 WOMEN I                 Two men and a woman were dead as Atlanta, resumed its murder HtrWe over the weekend and two women were admitted to Grady hospital jn a critical condition I from gunshot wounds.                 The - Kod of jealousy hovered between Idclla West, anil hor common-law husband, Green Ward in their love nest at 115 Bell street, Friday, resulting' in a  battle which  only after Ward was dead from the effects of bullet wound "through the '"outh. Police arrested Miss West on blanket charges of suspicion pending un investigation of the slaying- N'o eye-witnesses to the slaying have been found by detectives. According to Miss West's story of the killing. Green Ward, who also answers to the name of Henry Thomas, had been living with her and had recently left to Stay in the rear of 305 Scuffield ave. lie returned Friday, she said, and began an argument over tlio resumption of their former relations, which led to a fight. Ward was beating her so severely, she sHiO. that she was forced to shoot him in  own defense. The bullet fired from a .32 calibre pistol, entered h's mouth, I knocking out two teeth and lodg- ing In the bock of his brain. j According to pol ce reports, after he was shot Ward ran out of i the house and more than 100 feet! up the street, before he fell. He I was dead on  at Grady bos- j pital. I His body was transferred to tUe Hanley   home, i Police Saturday were holding Mrs. Willie B. Procmnn in Hip murder of her 31 yon r old husband, Tom Freeman, a janitor at 800 Brinrcllflfc. road. Freenmn, who wfts *lead on  ut Grady . was found to have bullet wounds lu bis left chest and arm. Mrs. Freeman told police that her husband wag about to attack her when she shot Uim. The couple had been estranged for sometime. It Is , and had just recently Koiio buck together. Mrs. Freeman after fatally w^*  her spouse, culled Radio t  Sutherland and Matthews, according to their report. The .gun. with Which Freeninn was fatally wounded, was turned In to the lieutenant s office. Freeman's body was removed to (Continued on Pace 8)                 Three Dead (Continued from Page I) the          ;ii Undertaking parlors. Detoetlvos C.Um nnd MeGiirrlty Saturday were pushing an Investigation Into the  of Mrs. Martha Fields. :   . or 78 Kenyon street, who mysteriously dropped dead at her home Saturday . AecordiiiB to Will Harris, who lives at the same address. Mrs. Fields walked from her kitchen to the front room nnd fell, striking her   the stone  and then fell against him. Harris, frightened, called John- nie Cloplon, another" resident of the house, who In turn culled a doctor. The doctor pronounced, the woman dead. It Is . Her body was sent to tho Hanley Company Fuuoral home. Police Saturday were holding: Lewis Ballard, of 436 Eighth street, northeast, after Mrs. Exie Ballard, of the 8th street address, and Mrs. Emma Jordan, or 440 8th street, hod been admitted to Grntly hospital, tnc victims of gunshot wounds. Ballard told detectives that he was shooting at Oak Jordan of an Inmnn Yards address. \, he claimed was advancing on hun with a drawn stick. Just as he started firing, he said, both wounded women, ran directly in front of the gun. Oak Jordan is brother-in-law to one of the wounded women.. He was not hit by Ballard's fire. when Radio Patrolmen Tugglc and Thornburg went to arrest Ballard, they *aid they found him siltIng In a car at Reese and Eighth streets. Two pistols were found in the car the policemen said. Both guns were turned into the lieutenant s office at police  out by Same Moton, of 26 Cravens alley, as one of two men who broke in his house Friday. William Latlmore, of 1 Keystone alley was arrested on blanket charges of suspicion by Radio Patrolmen Jones and Ascadc AcTrding to Molon the burglars' took Paris Newness, of 917 MaysonTurncr reported to police Saturday that two bandits robbed him of J6 while he was on Harwell street</t>
  </si>
  <si>
    <t>                                           Two men mad a woman were dead as Atlanta resumed its murder stride over the week-end and two women were admitted to Grady hospital in a critical condition from gunshot wounds.</t>
  </si>
  <si>
    <t>                                           For the past twently-six years the Prentiss Normal and Industrial Institute, located at Prentiss, Mississippi, for the training of colored young men and women has been answering a call. A cry was heard resounding from the black belt of Jefferson Davis County. The black...</t>
  </si>
  <si>
    <t>                                           PRIMARY ,CLASS of City School at Farm ville N. C. Mrs. c. W. Newell.  left, second row from bottom, is the teacher. Mrs. Nrwell is (be wife of Mr. C. w; Newell. a representative of the Winston Mutual Life Insurance Co. They live in GrevnvOle, N. C</t>
  </si>
  <si>
    <t>                                           BOTTLES ARE USED !  FAIL                 Resourceful Watchman Finds Way to Rout Burglar When Weapons do Not Shoot                 SUSPECTS ARE NABBED j                 If   tho honor of  I ho ln*st  Wittrhinnn for 1!W-I away from Klehnrd Kvnns, 87'* Hnhhnnl stroN.  will ho                 Evans.  to those in the know, will to (town in history as on*? of the most resourceful  watchmen tn ever ho on guard in a local . Aliout :20 Sunday morning, according to information given Officers M. M. Coppengor and P. I!. N'nrris hy Ev.ins. n lone burglar broke out ihe front door glass at the restaurant at .121 West Fair street where the man Is employed as helper In the daytime and watcher at night. Hearing the noise, Evans grabbed u shotgun and          It . It failed to shoot, fte then seized his pistol, pulling the trigger six times In succession. The burglar had entered the building hy that time and sta- to loading up with I several cartons of cigarettes and some cans of snuff.   to make  on his Job, TCrans   nnd then  to work faster when hp spied a number of  nearby. His arm ; rapidly. Evans laid down a  of  S sre successfully that the intruder not only dropped some of tbo loot, ho intended  from the  but left a quantity of canned  and more . evidently taken from some  place In his wake. The remainder of the booty was put in the         lieutenant s office. It Is believed possible that the person who visited the Fair street        may be the same one  of breaking into several other establishments  by early Sunday morning. A. quantity of flour was stolen after the plate class at the  I. rt. Morris             Grocery company. 301 Walker street, S. W., had been shattered while some toilet articles were taken, from the . s  store at 3(55 Peters street, when a glass window there was broken. Several suspects were picked up by police Sunday, among them .lames Daniel. 3.ri. colored, who was arrested about .*!:30. Sunday  by Officers W. M. Richards and H. T. Waters at the corner of Juniper  Poachtree. Daniel told the officers that ho lived at the Hear of OSO West Peaehtree street but when they went there to  up on his story, the people said that they dirt not. know him and that some detectives had Iwn there several times that  looking for a man giving his name. Two men. according to Chief of Detectives A. I.amar Pool were be. Ing hold In Nashville. Tenn.. on charges of suspicion In connection with the taking of 1I.I, Todd. .147 Aucust.i avenue. S. F... on a ride last week, abducting him in front of the Hurt building, downtown In (Continued on page I)                 Bottles Are (' from race I Atliinln. mitl tal.iiu him    Iviu^-j i;. tin. Tin' 1:11: tin Ilif  ii } which I Ivy were ;! was tin'       T111I1I. j Ml.f! Kessle I'arker. Apt. one. j ISl Kills . was Irealeil .11 family early Siiiitluy ; after she li:nl Invli sl:         , :; If tier              In r: .1. It Smllli. In tli,. ln,':i-.l      hip hy . I'linii'l. Ki'J Itiillcvaril. Shi' s: 1 Ikii she  '1 .!  III' Htlelltpleil 1" 1 If In Hit- ri M ih- i f hi- wife. Mrs. 'I'miiiiiii UmIht^uu. l!i':ir Mi1 4 r;i 111 Mnvi. IutIi.' linli i Stiii rnl .mi hi/ I Ii-ui,: :uu 1  hy Alli.rl  f. r.l'.." Ihmii-r  i, s." K. Mrs. Kulviwn  .-~:iht.~.,I In the bui k. Dolll Wfiv lri':n,.,~ Cnnlv. Ai-i ; In i ti         KlVlivrs .1. A. ~--il.'.\ Mini K. II. .-oii. I'rh            '. . Mini iiv.-u illu- 11 '~.:ilU'~.. lie wns lii ); -Mr^. KhKtshu whi ll h;-r   l-~i lli.~~.  uv was :-     I'l-lfi' ivas nrri  later hy Officer* I .1. I!, ll. r :iiu1 f. 15. Allen. Mr--. Maul,. Sirann, Hear I(~L'7 '~ street. u:is ;^t ui j lir.' In nn Iv.'y . iil:iii,~. al- nine e elm-l; Suiulny  allot .she li.nl lu eii  tl ill Ih" I':i.-U. anil, ami elicit hy Mahel TukrIo,  to live    ,.n liere nil l.u^e-l w I . Sh,. ,.ie;   'il. I .M'iiiiI the ~. lime. II. IV "la-mi. Mil Smith I'n.ir .-.li-eel. -;  ever th heinl hy a man "lin *..!     ihe ^ In'aril    - ear a; Kalr :iii,I . I The 1:1:111 ^ fur     li.Vt'V. 1 I'.irx-'i-. ::"l I Hllli:uil "~'U-.M. i-n,.h',mI with  injuries "li.-ii hit hy a ear  i 'y .lames  vy Uraiv. mi;  I si reel. S. V. lie was taken to tlio     '.~iil:ll h.v ~;. Tin'  . l- :il ~-..rl nn.l IMu- al  ..el.iel.. Mark 1'aiti. fairl"iiii. li.i.l hail liu-K. . ~:'in h,. w.i. -1 t-'i.-U In an '. I  Sniiilav ni.-.ht. His 1,,.. I . others  r,-:  ,.,~ :,l (;n,,~v mehl,l,il Mil.--. Cij-Tell I ..-i Arn.,,.,r SMIlnn. ,. L./.iij l:1.,.r.,t.   I at'.ie.' tier Invast :ni.~ i.ii,v iv.a, slH' was ',!  alii! I "ill l.ee. -JS riam stre.i. v\ lie w.u sh.'l ill Ills  lea I j</t>
  </si>
  <si>
    <t>                                           If anyone takes the honor of being the best night watchman for 1934 away from Richard Evans, 873 Habbard street, they will be going some.</t>
  </si>
  <si>
    <t>                                           JOHN , one of Mobile's most prominent barbers. His  is located on Cherry and Davis avenue. He is serving the public as lib lather did. He is also a prominent ligure in' the social dr. cle* in Mobile.</t>
  </si>
  <si>
    <t>                                           The Annual Home Coming of Un-them.</t>
  </si>
  <si>
    <t>                                           Twelve gridiron men of the ... High letters during a banquet reception tendered in thier honor last Thursday evening in the cafeteria of the school Coach W. H. Amos, who is rounding out his first year at...</t>
  </si>
  <si>
    <t>                                           ftf? WE4THER .Rain today with temperature.' extreme!, near 38 and SO decrees. Georsrc W. Minding."  State;: Metcoroloclot</t>
  </si>
  <si>
    <t>                                           ONLY Nt4RO DAILY NliftPAPER IN THE WOB.1-D  NTWHPAPn SYNDICATE. INC. PUMJgEKJU w' A-           _k _aj-l--l    _~ M...-1.- l_lur MEMBER Or TDK ASSOCIATED NEGRO PKI88 TSX    for                      *l Mat UU Utt . 7 8UI3SC1UPT1ON RATES Sa^ Oib\ ~:.5O PUBUSItCD  AT 110 " AVI_ N. K. TELEPHONES: WAIoat H:9    1 Hit bt*  4 u  -~]aM matter at          of2   at Atim*u. Ca^       tW ac: of lurch 3. 19TS ADVERTISING IlEPBrSr^.TATrv'1 w. H. ZITr CO-     VV. Uldj-. AlUaU. Ctlewo.        )c</t>
  </si>
  <si>
    <t>                                           IS YOUR CHURCH ENTERED?!                 IT your church is not entered I in the Atlanta Daily World 1 Church Popularity Contest which is to start Sunday morn- } inc. April 1. be sure that your contestant is registered today with W. 0. KeUey. circulation. manager of the Atlanta Dally World. A splendid chance Ik  offered churche* and  workers to earn money. There will be more than $100 In cash prises and no contestant will work without remuneration. Further detail* may be had by calling Mr. Kellcy at Walnnt 1460.                 By I. P. Bemolds :?{:^-. Brother BeU^       foc3    lawyer- can. Blwayi get" you oub^fc^ ihc jail house,  ^^MVl^ leard of oue      -to.:~n-yo^ )t the  r^w^**f.'^'   ;i-i^^^^^g</t>
  </si>
  <si>
    <t>                                           DR. DURHAM CHRONIC DISEASES' 21 Years' Experience- Satisfied Patients Throughout the Country. CallsMadc- Medicines Furnished. j MA. 5 15- OFFICE HOURS 8 TO 7 ^Sunday 9 to 5. Address 5 Boulevard, S. E. CORNER EDGE WOOD AVE.</t>
  </si>
  <si>
    <t>                                           i1 Now sl o^inc: ~;,-..ro- V..         i llr ( I T;lki- it"  j' ..iy Vanltifs" r: t iicr Stacr W-'iul             '.: CJlrls!: KEN ^ "" " \i,sd- ; i "PERILS 0F_ PAULINE" ANOTHER KIDDIE SHOW TOMORROW STARTS \i 1:15 A. Jl. I'murdln 5 5t JUST A NICKEL 5c ICM1XC  Sl'N. I'MITIiOK " willi l Al l. KOUr-iON</t>
  </si>
  <si>
    <t>                                           IMPROPER TURNS GET TWO IN BUD                 Tv.'o rr.:.;. b;jth of whom are ccc-.^-o.: of r".sl::r.p improper turn* ;aco fever..! charges as the results i.f  poor  Jr:v:r.c or. their part Monday r.. If acd when Geo^-i' Hail,  of a red one :    truck     by officers, ;.s (iue to on trial for a                 ber offence according to a rec;nest made by Officers Pittman and Whale;.- who ask that he be booked for reckless driving making .1- improper turn, turning without making .1 signal with his . :mi! violation or statute 3190. According t} information (riven the otf:    . trio mar. w-as driving :i truck north on P:~~('.!r.or.t about five o clock in ti;~-  when ho started to .' a left turn in to the alley at 63 Piedmont, causing the iron: nart of a car driven by T. .r. Moses.  oir.;r in the same direction and coming behind him to be damaged. The white men cio:ms l:::it ho curse tl ;tr.d          to  hi.^ name. Shortly after eight o clock, Thom.-is Oliver, 157 Houston street, '.vho was .R: we.~t on that street made '.vhat police reports termed "a sudden and improper" left ttm ir.to or towards his driveway. F7is Buiek  Strpet Car N'o. 01S. which was under the control of B. A. Sheppard. 690 Virginia , and east bound at the  i- a .'rit :nt 01" . Officers Manard and Benticv arrested the man or.  of , reckless , and accident. The ca."~" was set for Tuesday afternoon at 2:30.</t>
  </si>
  <si>
    <t>                                           Two motorists, both of whom are accused of making improper turns will face several charges as the results of alleged poor driving on their part Monday night. If and when George Hall, driver of a red one ... truck is located by officers, he is due to go on trial for a...</t>
  </si>
  <si>
    <t>                                           REMEMBERED                 C. M.  Prominent s h rev r port. Jm.. l:tu-\cr uho w;ls ;          Tor the N:;il I^ Convciitiiui, S. A.. Inc..  ili''il I ;ist ". was p.  :it Clcvclaiul           un William II. IluyiM'N. of ChicaK*). w:is  li II Mir v.K-:iiit post.</t>
  </si>
  <si>
    <t>                                           Now! A Quicker Way to Ease Pain j I- N1 I 2. 3O  LATER 4 I I MAKlf TFLfPHO.NE TO JUCK i. c } T*4  BTAuy *nrs . -tonight- l**ou  . i'/r a MO'.TTramBLC headache I -s^ ? I I ^p-~ f OH, MIT$ SHiPirV-\ P?BrECTlY W0N060CUL /'KlK     \ I  A ; 1 THAT MARVELOUS  b If ,~r THY 1  I ASPIRIN ACTUALLY L T J y J A.O'ifllN FIRST- I \   jj DB l./l V I ill 6CT SOIor Mow]/  Will) MiNOTCS.'j \MfW Don'r Format Real Bayur Aspirin Starts "Taking Hold" in Few Minutes Htm i; -r rr- from p:iin I      I f -\t '.:.ti'  f, II is -::    ,   kn.iv.-n. Tins i-. rim- U, :i y.-: ''^frr^v WHY 5AYER sl:irN u,\.mn l...l,l" ,,l [cw .ASPIRIN .-s :,ri.-r Inking. WORKS SO FAST Tin-  ~,f til.- h\    V r/,  1 X,:,Vrr TahW (~.~!~    --,..\ ll:ivr l:.-l Murl-. lo VrT        I* -= nl wi.lfr. .   .nl..~r:,t.!-.,r .~  ;.lv, w,,rk  J?O .r^K  KS - ii^l:. I Ins  k p-l Y.' lu-.   j cf    .-ll.-f   -fr-.nT lc,M  I . r, v Ii-.-iii l.-:..l:..-iw-. n.-. :.!!,!.!. J S v! ifo-^n V^ ^l f i r *i i-*! ill K'-'^* *n i our li' I xii.'.- i-i-lief. lor nc-:!ii- It:.-.i-~- 1; H .  lu A- m,i     - hc:irl. R ll l^. Wli.-ii yi.i buy.  i'- Hi:il v.-.'i vtl i j W -i*RA,--- Hi.- ..'.i-- Iliivi-r Aspirin. Tin- Iii-.sL I !j Ihjjl^r- v.:ivr r fur   the   * :,j J3   11:1111.- Vr.1' i.li Hal. if you 3  '    X:.lv."..i;av"^"  /     -No//7M7/~ir/ -...- w-v -r T v t- y y t.t v. ir-t T. 'i No Operation    ^! i 'fl; 0KLY NATURE REMEDIES fSs' '"9     1~"."" .""""i -ll.. .-n.,u. ,Z f, ""lU l.--. Tl.~ .,,lnl ,, C..'. lhI" '-""l"'"iy l"     .~~.rir.l fr,,m  ~~~-u I/.;1 ''""r Ih-. Tlu-w ni.ii l^ . OW ~'.% '^3   'i        .. .vlu, urr th- ^ [t?V 7 fV. .V 'T""11"  hI.  .       iK-rhol      Ji-ur,. II,.., ,,,,,,~~lr ~,om,n  n,~ mu,~, T I'liln-iw  ,   n pr,i,m,,,           .,ri V VflllnCT  i.U  llm.Dl. I.- . I.IUUIIg '""I f--. .r.     ,l,l  .pl^n.lM -Vc/ f^" br *1"11      'i/~!i'~~    S  lr..~~.y. -. tir,.ri.    . ,~~        -. 1-.M..I   ,,(4nl. Yll.ll. I cr..l..~. I, ~,.,      ,,,11,^.,, Mhliur ^iiM, herb .f ~^rr.rJX r'"^"; laa.~""?  !iE..' AlhaM. M -IM   U . wS '.I 11.^ . h- , ~~,   wa /~f 2.1  in.i. IM1ST I.Kl.^Y VM.l. ,,-r  U;       .~~I ll'.tl.ai 3   . /IIU.U, 0*. in ATI v m I..    f. m. iii n 1 1..\.~ i a H.ul# A I(~ i i" i.~ id r. u. .y</t>
  </si>
  <si>
    <t>                                           Met Friday night, January 19, 1934 at the home of Miss Thelma Perryman, 758 Jones avenue. Business was carried out briefly after which a delicious menu was served. Whist was the main feature of the evening. The next meeting will be Friday, January 26 at the home...</t>
  </si>
  <si>
    <t>                                           CAPITOL HAU/  i II) ISIG 3 ACTS The Capitol's 12 Piece Stupe Band with Orient Express Th.-  Thrill of           Heather Angel CuorSBlto INorman Foster 15c</t>
  </si>
  <si>
    <t>                                           Wrigttt Gets 18-26 Year term for Slaying Alexander                 WRIGHT GETS 18-20 FOR SUM                 Coii.-i-iil Verdict Gives Slayer Lengthy Manslaughter Term on Gang                 JOE LAWRENCE IS FREED                 By CLIFF .MACKAY                 A two-day fight on the part of Attorney R. C. Giles to save his client, Garrett Wright, (from the? electric chair in the brutal murder of James Alexander last December 26, ended Thursday In a' consent verdict giving Young Wright a  manslaughter sentence of 18                 to 20 years on the . Tiio agreement between Solicitor Hudson and. Attorney C.ile*. terminated a bitter light on the part of Mr. Hudson to keep defense counsel fom placing the slain man s character in issue. The defense had placed Patrolmen J. C. Tanner on the stand   , testify to Alexander's  ba.I reputation, but Solicitor Hudson.  to_the testimony. Judfo Pomeroy in whose court the trial was held, had just sustained tho state s objection vhen the consent verdict was announced. Harold Wright, brother of the convicted slayer, who is under I joint indictment for the murder I of Alexander must yet face trial. According to testimony given by state s witnesses in the opening day of the trial Wednesday, Garrett Wright had shot Alexander f" rough the head after a  chase from In front of a Mc''aniel street dance hall, and his brother, Harold, had slashed open the man s right side after he had, fallen wounded Iitom the bullet' I wound. I Alexander had quarrelled with the two brothers a week before he was slain, according to evidence, and at that time was shot in the knee and slashed on the arm by the pair. On the night after Christinas, at the [ime he was slain, witnesses say.Alexander was crippled from the effects of the bullet wound in his knee, and twas carrying bis right arm in a sling. Neither the state or defense, Continued ou Page 3                 Wright Gets M'autifU'.rd t''~m IMRc ll ^it*. -jji :hr ir.ii.v;: :'^:i )L-r, vio liu. :   *t tirr.t.. ,u.ii ;lu:i lat-.-i- him. ai ur '::;; him di V.'u. Mrs. Laura Di.. slate s witness. tu\l thv the -bl(.~.i:.-:~ u: ri I'r.c two brothers      do'.vn ::w::    )[.'lid viv:i!u and kill . "T'lc-ri.^c  lt/ji i kill inc.'  sai;.; -i:l-   \-*.T*;  _:~i-. .Ar.- n:(ir:nir.^ j ;n ai: cxi;av::'.c(l 'one ::s 'nc r;iv.   ;i?t in.-.-  luo:' ai Kockwull Si Shi.' .:aid :-\iv t. heard Car- j n.'ll s Vob.- t tinu !~:s Ijruttitr. ll;ir  tu :;'j; out ::iu ' -'Lut nit !iav.- him." *!~i.' .~aki Ganc; f:iii!. ami Mmilltf his , :-!:u; \k-x-: SItidiT ::i ll;ir lll-iti. 1 IK- Wu^i bt-:   - .in .~:-.. tni:l(i nv-li birr, tu (jr.idy hc^i ital. Jud;;^ I'omi-roy .. a d:rec:- 1 cd  TiiurHt::iv in the- C3?l1! of .u..M.-ph La\(.-      :'Xi wi:h      ki:i[f slaying u: Joseph Henry in front of 9! Lawson street on lasi Dcceink-v 29. G. L. Maridox. state1., witness  that Lawn-nco look a  away truin Henry, viler, tin:  was  to cut iiim and stab bed him in t!ur  vein, kil;iii", l:ii:: ;\l:nost instantly. Accurdiiii; to testimony in the                 eci.~(.- the Ci;'a^   -ii;or.t .vr-1 Henry and Lawrenr-p stalled . '~.i.- two were in tin' hi,:ue of Miis Princess Rov/c :md began ; over v. "the l.'rin. I S'.a:e- was  whole \vor!ci. I! was 1Il-i!;\v whu brought up I he .. Madcio.x said, and v/h.jn I.av.-- disagreed v.-itil !)::'.:.i li'.i.iy .- him what  had ~-: ,i; 'n . i^: rf))!.e.~ Hit- i-L'-:-. j lii adf. according ;u  I' k::ow what you are. you re one thu.^e  th:it no ::d cr.:1. j safes." Henry  Lawrence, w;;. j nesses said. "I '; '.iV.,- ti.at." t-iv.':-oli-:r- .s j  iid to , , "V/iv.-r.  bi.ciy  at that I KeniM-   in-ad.-.    - .e:!' was :ini::ly (ivcr. Madilox  until Tl-.i'.r. f,,!l-.,wcd .I.av.-f..n;cc ~~.:t.;u?L- of thf -;u. As I.a\vre:H-(. was -ppi:):;  ihi; i^. Henry be^^n  i- at him with a knife, the .e-s    -;ii;('ri. Law.'ont e s:;atc!u d th-:ki-.itf tun m' Iknvy.i .'land r.n.1 \vht::i Henry reached -ri ni? hip Ijock.-i a-. -:-,y,, Lj.vi-ence tabbed him in the nei k wit i I :iv. hi-.ifo. L.-iv. ;:i ~,is .-tj;une:i' fir .-d the !o,,e st.-it;''s ks Laurence     represented by A: Jes:;e 11. ..</t>
  </si>
  <si>
    <t>                                           A two-day fight on the part of Attorney R. C. Giles to save his client, Garrett Wright, from the electric chair in the brutal murder of James Alexander last December 28, ended Thursday In a consent verdict giving Young Wright a rules untarf manslaughter sentence of 18...</t>
  </si>
  <si>
    <t>                                           t 1934 Economy in Cooking MgriB^fy *T ^SjJJjETlIi^Mrxr     neW  PPortunitJr yours to change hours l^^^^P^BB^^^^^j^^^^^" cooking cares. Wo longer does any woman need 8^yy.^^wSW^^^^^I(        '*M be satisfied with her second choice of ranges. WfMj^^SB^^SfSBSKT UNIVERSAL^ Whfle this Great Sale goes on, reduced prices ^KaMKljil^H^^^^^P^~UCT'i'C  and special terms make it easy to buy your Elec4*~  Range. And 1934's New Low Electric Rates ~^   ^^^^^i^^^^^^^ have made the Electric Range as cheap to  as a  range I See An Electric Range First ^ith a vT*** ?r H0^^     ? you can "6 cook an enure meal in the oven, unwatched and Before you buy any range, just see an Electric Rang* untended simply by setting a control, -and sec if it isn't exactly the range you ve dreamed of, toe one you ve wanted to own! Models to meet Prices on Electric Ranges are substantially your needs. Join the ranks of over a million kitchen- lower, beginning at $99.50 cash. Trade in  free women-more than 17,000 of them in Georgia! stove for a liberal allowance. Pay but 5 per, cent down, balance in 24 months. Under the New Low Electric Water Heating Eto*ric tbA Free Electricity feature. Belief that E. Water Heating "costs Znuch- J^Jl? SUrPrf5ed t0 has kept some people from enjoying this modern com- your g. fort. But now the New Lew Electric Rates, with their Free Electricity, have removed that obstacle. Boy f IT OT? C^ T A T^ 4rk\~7"17    your Hotpoint Automatic Electric 'Water Heater now -Li ^.-1- -i*- X Vf W MU MX during our sale. Prices and terns you can t afford to   ^  \~* A m.-r-w-r ^r1overlook-. Investigate!  A.JS ::it'</t>
  </si>
  <si>
    <t>                                           The American government runs true to form in its dealings with Haiti and Liberia,--true to its form and formulas for handling Negroes. The "treaty" offered Haiti, as the basis for removing the American Occupation forces by December 31, 1934, is a joke. Every...</t>
  </si>
  <si>
    <t>                                           NEW YORKER GETS                  NEW . (AND- Samuel A. Allen, Industvi.il Secretary nf Hie New York Urban League' ho.s I'ocn released fn tlic Tcmrioi-nry Fmercciicy Relief Administration of tlic State of New York- It is ".ond that Mr. Allen is to  !  to Frcdc rick I. Daniels, executive director of the . Mr. Allen's  i.s regarded as an   In an .' effort to secure   not only on the A'lminlstra  staff, but on various commissions and hoards particular') where their  affect the welfare of NeirrocsJlr. Allen, formerly Incentive Director of the Boston Urlmn 1-cn swe, lias been Industrial Secretary of the Now York Urban Lea (juc for the  four years. I As one of tlic . of lie TERA which controls money loaned to tho New York State kov  by the Federal Governiiiont, his first  inty will he to look Into the allotment of work to Nepro workers .on various projects throughout the State anil in New York City.</t>
  </si>
  <si>
    <t>                                           WANTED i 16,000 Negroes i to Give $1.00 Each Annual- N. A. A. C. P. Drive- Wheat Street Baptist Church Sunday, 3:30 P.M. Rev. J. Raymond Henderson, director, Mrs. H. S. Murphy and Mr. E. M. Martin, captains, say "'Support the N. A. A. C. I', and subscribe to the Atlanta Daily World which so loyally I and without, charge sponsors this great cause. Cutout this. ; pin a one dollar bill to it and turn it in at Wheat Street Sunday." NAME ADDRESS AMOUNT</t>
  </si>
  <si>
    <t>                                           U W^f I j-E U ^k E Pumps,     . SLACK or BROWN  f Sucd-3 S Str.p,  !ord..V ^'Kid,.      ;.: $4"    Arch      Mjrcdilo Fabric Growing Girls* .^^^^^^^^^^^W Pk'IJ Sport Oxfords /^Growing Girls' ^V u- L S and straps X OXFORDS High Shoes and $1 97 /, N- e Roman Sandals /jT :$~39\Qgc A!i sires up to 8. V Crepe or *555 -?irr" 5'= io 3?:s M^^^-^       ^          Leather       Boys' Oxfords ^w Men's Superior 7?/sf Like Dad's ^*^nm__*f^ Quality $4.00 /fcv 5 69 Misses' Children's Fail styles 7^ First Floor, ^% JA I Free Souvenirs Shoe Dept. K\ for Children. 91-93 White" ~^P ^% Ih ^9 Add 15c for hall, S. W. Mai] Orders</t>
  </si>
  <si>
    <t>                                           TIM '5* whi 7 i7^^ "t:"' I" Ey l^M ^OUnI  Walls nave Jbars  t                 MESCAL IKE Migh k. a Novclty al That By- ,                 FELIX, THE CAT By SULLIVAN                 By CY HUNGERFORD                 RABID REVERIES                 TUBBY Runt's is a One-1 landed Movement-^-  i:  ^ftc.</t>
  </si>
  <si>
    <t>                                           (LITTLE) Joseph F. Fielder Watchmaker 370 Petcirs Street, S. W, Cor. McDaniefSt.</t>
  </si>
  <si>
    <t>                                           Ballard Normal school, at the lower end of Forest Avenue, is again about to sponsor a "Miss Ballard Contest," an annual affair, as a means of securing funds to help carry on the athletics of the year. This affair in recent years has met with much success, much money...</t>
  </si>
  <si>
    <t>                                           Mister Hoodoo I There":, a little brown nr.ii) with large gray eyes I hat scintillate aiu! hypnotize Hoodoo Doctor of  race, i With hair of gray and shrivelled face IVayed frock-coal, parson s hat. Blue spectacles, Brown cravat Walking stick and worn-out shoes Carrying a grip filled with hoodoo* Mister Hoodoo is the man Makes you well and says "you can" He's a master of black art I He can poison to the heart Like a witch on Hallowe'en Tie can travel and not be .-.ecu I'eople rally to. his  But one and all they have to fall At his. feet they sing and pray Until Mister Hoodoo turns to  IVitcluiiifl. I</t>
  </si>
  <si>
    <t>                                           We will be glad to help you solve your book problems, plan outlines for courses of study in any desired subject, or give competent direction in the choice of books.</t>
  </si>
  <si>
    <t>                                           CARD 01' THANKS                 T w:~:: to" th:.::'r: ri.-,:iv fri- for 'n*i:r k:n.;r.e.-s. flor-uls.' ] the i:--c  !i.;r:r.? . xr.c\ r!(.T,th of rr.-.  i:qb.i:M. Lee U'atk:r:~;. wi-.o ~!or/ir o'. lb[* life October 2. \:~:c</t>
  </si>
  <si>
    <t>                                           i B*r.LN.DmvMyt: 9~*t 20 years that ess  t!W      erf Dr. MiZo Anti-Paia rSU.               relief for Snftaet* from          Kearalgto, Toothachei BBcfcadMk , Shenmatism, LumbagoNeuritis; Muscular Pfiias, Periodic Pains, write that they haw ased Dr. Mila Anti-Psin pm, with better results than they h*J ?vea hoped fer. Cauatless American ham*, wives would no  think'' rf keeping house without Dt VEJes Anti-Paia Pilh than without  or sugar. Keep a pack130 ir. jt.-jt  cabinet and are yourself  suffering. At  Storea-ZSc aid .</t>
  </si>
  <si>
    <t>                                           Anyone visiting this little town had to admit that Benning, Georgia, was a perfectly modern town. Within its limit one could find a hotel, dance hall, theatre, swimming pool, tennis courts and suitable highway for petting. But in spite of its many places of entertainments. "Nothing ever happens in Benning" had become a common saying among the young folks. And to Nina Harding, it had become a password.</t>
  </si>
  <si>
    <t>                                           ATLANTA MUTUAL DECLARES NEW j DIVIDENDS I                 At a meeting ot the shareholders i i and directors of the Atlanta Mutual Building. Loan and Savings Associ- ation on Thursday evening. Jonu- j ary 26th, a dividend was declared j on all shares in force at December 31. 1933. The usual six per cert I annual basis was used in ;~ j amounts to be paid members. I j \Vhile     association is small it' has never missed paying a -l I since its organization some seven I years ago. The Atlanta Mutual is a I member or the Federal Home Loan I Bank, and as such is entitled to I I credit extensions for Ihe purpose: I of aiding in the  of homes I of distressed persons. The organize- 1 tion is highly conservative in ils investment policy, and has among its _family^persons with expert 'training in TTnance ' I ments. The -ers elected to serve .  :r the year 1334 were as follows: C. j H. Johnson. M. D. President: Prof. I J. P. Whittakcr, Vice President Prof. J, B. Blayton, Secretary. S- S. .\brams. Treasurer: Frank Adai\ j C. P. A., assistant Secretary', ani I Thomas J. Henry, Jr., Attorney. Mr. Adair. the assistant secretary of the' association is the active administrative officer, and like the ether officers and directors serve1" with pay.   'Y- BOARD DENVER (By ANP)._Dr. J. H. P. Westbrooks, pioneer physician here and widely known throughout the country ;n fraternal and professional circles, has been named as  of the board of t}ic Glcnarm YMCA here. The local "V which serves as a community center and local point for most of the civic  in Denver, is under the direction of executive secretary Friu Canslcr. NO ELKS ; Because tonight is the  'Wednesday: night to the month, there will be no meeting of Gate City Lodge No, 54,-1. B. P. E. of TV.  to C. E. Anderson, exalted ruler of. the local lodge The next regular meeting will be held Wednesday night, February 7. at the Elks Rest 73 Fort street. N. E. A number of special- events are being planned for- that meeting.</t>
  </si>
  <si>
    <t>                                           CLARENCE MUSE, famous Hollywood character actor, as he will appear in "Flyta* Down to Rio," when that film is released.- Photo by Carl DeVoy, Hollywood, Culit</t>
  </si>
  <si>
    <t>                                           Sorry to have made the mistake in last Sunday's paper of using the name of 'John' instead of W. L. Lowe but anyhow everybody knows the Lowe I was talking about when I said the 'tailor.'</t>
  </si>
  <si>
    <t>                                           PLAN HOME STEAD! PROJECTS IN VIRGIN ISLES i                 ST. THOMAS. Virgin Islands i 'By Adolph Cereau ror the A^soci- 1 ated Negro Press' The Virgin Is- lands arc to have a Homestead pro- jeet. 600 acres have been purcha*- j cd by the Department of Interior at Lindbergh's nay near here and 01 families have acquired plots -n                 which homes arc being erected. A i modern botanical garden is  j developed on -j2 acres of the plot. and plant life on ihis ami -l boring islands will be studied aid experimented, upon, Already seve- 1 ral specimens from remote parts of the world arc .being  j  by*SlorrirPetil. a local philan . who is giving the govern- i  his services free. A golf course occupies 44 acres and 17 acres have been set aside ax a hotel site. i Recently Governor Paul M. Pcar-j son took newspaper men including! the ANP representative on a tour i of inspection of several of the T3 independent projects  - 1 sent the federal government"* cor.- j tribution for relief and - j tion of the Virgin Islands. An im- 1 portant development Is being carried out by Morrix Nichols, federal agricultural extension agent, who j j has found the source of an inex-", I  supply of water from natural springs on the homestead j I tract which will solve the drought problem for homesteaders there. What Governor Pearson calls the beginning of a system of good  is under way. The completion of this road connects the north and! northwestern sections of the Islanu. and offer transportation facilities to farmers as well as open up the beautiful views of the surrounding country and the hundreds of inlets in the Carribbwm and Atlantic waters. The governor experts this to be a boon to tourists and he has been working on the project for three years. The  s hotel at Bluebeard's castle Is being pushed to completion, and should be ready for occupancy this fall. The various CWA projects have absorbed uli of the skilled labor on the island who -were unemployed and made it necessary to import a large number Irom Puerto Blco,</t>
  </si>
  <si>
    <t>                                           ST. THOMAS, Virgin Islands.--(By for the Associated Negro Press)--The Virgin Islands are to have a Homestead project, 600 acres have been purchased by the Department of Interior at Lindbergh's Bay near here and 61 families have acquired plots...</t>
  </si>
  <si>
    <t>                                           JtM-CROW IS ABSENT ON mm                 Workers Receive Wages As; High As S1.40 Per Hour As 2000 Gel Job*                 GET ALL TYPES OF JOBS                 BI RG. S. C. Jan. !7_ The Civit Works Administration sponsored by the Federal Govern, i merit. Is zivin2 employment 4o moa. than   .000 colored laborers in Spar- j tanbur^.  to reports received from the directors This number represents approximately half of the total  that is working in Spartnuburs county. I About 1.003 men an- employed on C. ^V. A. projects here. I Thr Ne^'m men nrc en-. a; unskilled laborers and as painters. carpenters, bricklayers, plasterers and , TJio C.Wi. project was . in this   five weeks ago i and is expected to last about  months. All of the colored and white laborers for the HFC have been transferred to the CWA, givin? creator assurance to those most iu need of it.</t>
  </si>
  <si>
    <t>                                           MORE BEAUTY] IS POSITIVELY! j YOURS WITH THIS I H M. this Test. Fluff on Black 1 M nnd White Complexion Powder. H Then look into your mirror, Noto j     the silken  of your skin Wm the luscious, pen ch -bloom beauty WS the rose -pct.il freshness. flH Never before his your corn* ^M  been so radiantly \H ful! This is the magic of Btack H and White Complexion Powder H the powder th.it post ti rely H brings to your sl:in more beauty H more charm than any  dcr you ever used before! H Five true*to-]ifc tints: White, H      , Pink, Brunccic and HigK H Brown. Fragrantly perfumed. Tun* In Vincritt     / Prpgntn N7J*: ^*-        9 p^p. CSTi to p.m. EST.</t>
  </si>
  <si>
    <t>                                           So- Georgia AMEs to Get Book Appeal                 c The second       meeting of A. M E. ministers and laymen at which IHq "Dook of A Quarter of A Million Names" will be presented will l)e held today at the A. M. E. '. Quitnvin Ga.. at one o clock I :ud:iv when Bishop W. A. J'ountain iK-ii f   [ the $ix%h  dis- I                 of the A., 31 E. Church will  the proposition to a group of ministers and laymen ot the South Georgia . The proposition was first brought to the attention of Ihc Georgia A. M". ETs Tuesday night, when, in At. lanta. at the tt. Paul E. church during a. largely attended meeting at which '.officers of, the Atlanta A. M. E. Ministers Union and I A. M. E. Ministers Wives Alliance I were installed. This ;c book,  is designed to hold 250,000 names, will be presented to as many persons for their signatures. Each person signing the book will contribute a min-' imum 'if one dollar or as much over that a.- they desire Under this plan, it is hoped that a' fund of $2,".0.000 will be raised all of which will go to help establish an endowment fund and do other things that will guarantee thc permanence of Morris Brown. Although Jhe matter has been presented to the public but a few short hours, so to speak, the idea is rapidly spreading and creating much interest according to Bishop Fountain.</t>
  </si>
  <si>
    <t>                                           The second large meeting of A.M.E. ministers and laymen at which the "Book of A Quarter of A Million Names" will be presented will be held today at the A.M.E. Church. Quitman Ga., at one o'clock today when Bishop W. A. Fountain, head of the sixth expiscopal...</t>
  </si>
  <si>
    <t>                                           1 WATCH OUT FOR S Peroxide Cream ' with an invisible veil t(iat protects if from rKe coarsening, darkening  wind ond weather. It contains just the right /^-j amount of pey^^^M  to keep //I f T^.'jK ^our s c'" ''9''r//i(),\ soft ond smooth. \^PIj^         .lOc. B BLACK AND WHITE ^t\ H CLEANSING CREAM 900 ~~~{ H deep  the pores ^    I B  ^oop anj /Mj8 !~~~V\I B water wan r reach. J n^~^jj^l B Rcmorct oil dirt CftsiissSlf B and grime. Keeps %!S3 5S8~#'~ K skin . * -^rJ fi free. Large con Block and ,-i'- ;\ir:;-J H Wljito Cleansing Cream, ^-'1*3 B 25c. Trial %\ia can only 10c. f':ij4v3  BLACK AND WHITE COLD 1 "fj^~  / wrinkles. ^Bfwj Nourishes tissues, strength- /ffl-j'2     em muscles. Keeps  /J!g C^j-.W\ skin young, solr, .     ^mfM Lorgo jar, 25c. Trio) , 10c. ^ AUTOMOniLH   . s^A^r '~n;j;'a-.. ^'tt       :-b:~r:'!  5  i ''UiiiinSiS1'''--        br m. 0) ^_-  ?V iU co!.i i.l.t  ith ,na,.   l'~i-.i:t(ll.~~.     ,. 1    *'ll^nl "J'';' it nee;           '.u' f, I'-'t ll^hi rar.~c-,\on i. 5AlVt ,.V }',"' ."M ih-. clj ?pw^*^;#  . i.l-J-.'STsinlc    ir.d %r^~ I AinOMUHILK IKP.li \i V I.HV Wl IT Tune in V. low.- l'i..,;l.m. Nile" I ~\.!or.;j.v 0 P n. JST. HI p.m.. !.V)f</t>
  </si>
  <si>
    <t>                                           Relieves Worst Cough In Just 30 Seconds        One ( of -Bronohuline JJISi^p Em ii!*:inn will fix that ^  or two nn hour apart  of yours. Gives =.~*~~~ IN"STANT RELIEF! Another will probably  it for good and all. If you have to            half :i " 10 not rid of it. you c:in have your \v back. Yatos It* Miiton Pharmacio:- and all  *.;     ?     -o ir Contains no  ruid ir. con in ins no dope and won t   Hiomach. Brnnciuiino Emulsion INSTANT RELIEF )V.-,m COUGHS. HOW WOMEN CAN WIN MEN AND MEN WIN The PVvor of Other Men        two  of tile  f.otr d*lly tram your liver Into  , your food      * la your bov.ele.      - whole body.     4  ?nti ait hard *rA ic=*   . You s*t  -~t ,c-7 ir.in. ,      . \~*d :.       *te. gat, ,     *   - Vou ii*Te Mcome so u*ly- , - ^, loo  Icit Tcur         course. ZTsrjtcd?       E*.'.* doa t tc Ke caiti,  ^itit*, citr  . Ic^ c*      cr ct.c:~.Si: ~.':ci c:^ expect thess to *~t Tld cT? tvr; r-~.*T. :tat ce?T"-j   - i rej cia t d; it- icr ice? cslr ~'.c". t-'-r i- J cr.i cf your caw^ii tii .**it .^.*t ul:s '.t. at  r.o;:sR the cti7 U pOllOS- Cii^vti*"* l/O-'t   1P it til.  :f;t Jicsv . favour . Tht tee rail.i vt,ge:~cle ;r.~      -. e;sru free f.nw of jour bile 'Juice ii Carter's J. i_  *i-       i*o           ) In       i. uni? P.  .    T' -j,; Ti-c-.ld  hack yout           t!~. rn   -. r in tr.~-n.  t4kl(   V.~    Lati..~   , *.   ctr.,-dinn clri*ci.ons .     tt crj^ . f    ^ic "        .Icg Jut u (rood", for It r.uy ,  teeth cr  . *jb for       '~ Little       Pllli far tt*ffl# #i4 fr*t wb*t TOO ukl or. O^Bi,C,V.    "mmT* II li l_l" LJ lj"uL*7Zl V-l1 ^J AlfMlu Md Jiat   4 lOe eo'.B ot ^^HP^S^Ub AU11194 to cover shipping ^BPcf^^^^F cMU  . At- "JT^ z^   %' 22, Golden .Brown       Chemical Co," Mem- J*~^</t>
  </si>
  <si>
    <t>                                           I was in Europe in 1907. I see it again in 1932 Comparing the continent of that time with what it is today. I do not see evidence of much real progress. Since 1907, however, princes were dethoned aristocracy has been driven from the seats of the mighty...</t>
  </si>
  <si>
    <t>                                           WASHINGTON, Oct. 5.-(CNS)--The trumpets of Negro Republicanism sounding like those of Joshua around the walls of Jericho ... with telling force here has Saturday night at a banquet for members of the joint Eastern and Western Planning Boards for...</t>
  </si>
  <si>
    <t>                                           Actress Frightened at Own Role in 'White, Zombie/ Fox Feature Film                 V I."":.:"--- A h.-.::i-'- I:*'.::,; ::-:r i_ r -1 i.v.,01!:1 01 II.:.- {~~~ v;.:: j:^ A^.o: 'v p..'tC"-! r. I :;vi;                 to y A:'-:" r.-':.::%: ^'y ;V-v.'.':': ^i'l1 l*~" C:'-1::". J'.iOT..</t>
  </si>
  <si>
    <t>                                           Hollywood has finally produced a character portrayed so infinitely realistic that when it was flashed upon the screen it seared the life out of the actress who portrayed it.</t>
  </si>
  <si>
    <t>                                           The Atlanta Daily World THK    IN THE WORLD Classified Advertising Rates  SUNDAY 8c Hue 8r line Corwctrtlvr Insertions Dally  Sundays i One time 80 ft line  times 6c a. line Seven times or more 4c ft line I     wort* of * l*     1      eh*    fa th*       f I :wo II nr*. Ads Taken Over Teleobone *r* accept M from ^~r*     1  the  ftr city dlr*      *a  ch*nf*. la  for            *ij thf             I*  :t* M to  th^       l***. On all *       1njr wnt br      All nii^*  u7  4  In        at     Work *^/ W l*-ttf-r. T^        Hmeomt*wm%     *rt NOT valid. i ERRORS I I? mnj  ta      .     Atiant*  Wnrld U Pr*~         fnr only      Incorr^l           Th* *At*tU**T I- rr*        for                       . TTh- Brfvrrtfa*r    If       U CLOSING M'. In      AtU.U      for Ih. Sund.r Worli) will            op  P. M.       .T. TK. .      r# npra Hfcilj except Bopdar a*til t P. M. for         -r+ml*mrm mi        . ATLANTA DAILY WORLD WORLD 'WANT ADS BRING 8.  CALL WALffCT 9913 I  nd uk for u Ad Tmkec</t>
  </si>
  <si>
    <t>                                           Yarbrough Motor Go. 560 West Peachh^s   AND I'lKRCE- OKAI.ERS' Reconditioned Used Cars '33 Chev. Drl.uxr 2- a i'.l Slmli' I'ri'S. ~**~m' dr. S.-ihi.. Liki- N'.w  3*~3.s Srdan $195 %~rrM $a95^:*:.... $35a S.'ilan'"11"1"11. $195 1'lt'~0 l Sodaii $695 Slmt,- Cuniiir. Cymnc '3l ". Std. X Kt-uul Si-tUni 3  Stilaii $39S  j t*rr-\. $650 ...:. '-$22s': 211 ChryskT :.  . Cpr e-~~~i '31 Orahain Sport With Runiblv Sim; ^~ZZr3 Coup.' $375" Sludr Diet. e-^jtg, -B Studi- 7 Puss., S S.'ilan 9O45 Sedan $Z25 29 Parkai-d Viet.    me^mt '31 Chpvrolct Viet." $395 ~'~   - .9345. Yarbrotigh Motor Company SCO W. I .E ST.  IlKmlork 5142 i-';.-.~4 ATl-ANTA i 1 h *.V i  t-T:.;:%</t>
  </si>
  <si>
    <t>                                           Sr^v^T    WHITEN SKIN     **^- HEAi- SKIN Y^f- A^^~ BEAUTIFY SKIN }^r .SUN SyCCt51w.,-    .io.1o-,(.. PALMES</t>
  </si>
  <si>
    <t>                                           Paleface Indians Ousted by Navajos                 Ex MAiTOR.TS/AX'KeR.                 CoocAhx                 Wpe VEpe^                 PtCKFoED                 Tom- Kix  W"Towy'                 cTlM- THORPE                 Ryu*ow KTova-rro                 Ka tnn first step in a Now Deal for the American Indian, a solemn tribal council at Gallup, N. M., ! tanned from membership in the Nnvnjo tribe  not a Navajo by birth. The resolution "expels" fron  membership many celebrities crowned with  ir bonnets on ceremonial occasions in the. past.- Amoni mo distinguished  Nuvnjos thus expelled arc former Mayor James J. Walker of New York, i.    Velt-z, Mary Pickford, Jnckio Coagan, Torn Mix and I! ,     N'avarrn, of the movies. Furthermore,' under uit leadership of Jim Thorpe, noted Indian . h ne* code for Indian film  is sought from NRAj Fhorpe objects to his race  .-  n llie  by Mexicans. Chinese, Hawaiians and Ncgrees.  many authentic Indians Hie available und unemployed.                 rr</t>
  </si>
  <si>
    <t>                                           Showing an alacrity for interceding Talladega's passes and blocking their shots, the Clark Panthers returned to form Friday night at Sunset Casino and Saturday afternoon in the Clark gym and downed the conference-leading Talladega quintet twice, 33030 and...</t>
  </si>
  <si>
    <t>                                           Bootlegger Held to Grand Jury                 .Indies N'nrns w:,s boun.i ovc-r tho F-.- j:rnh'! -jury ;:r.   bv Judqe Johr. L. Co:ir :r. Rocrdvi-'s court on char;;os of :i.s.:i;;t v.-;th if.;c:K to .T.. Accordin;; to evidence :p. :he ciis'' JCiin-'s      and  : A 3. Crr.ia. of 31C O:d Whc-a- Mivt: l.'is1. Scpto.- 17. ~.v.h-.-n ::r- ;v.-o bi.--.-imt: crK.ii;e.l in a:i ar"u: a .:~.-y debi. Cm:" v.-i-.o ren-..-.! i:; Cr.idv l:isp::a: fo:' i-cve:-;i! wi-.-ks. was -.vou.- i:. !cr: jaw .,nd ;,b.:..,::i_-:i Stabbed Man In Back; Gets Eight Months Charged w::ii assault wiih  to murder. Joe Harkness was four.J  of  ano'.ii.-:- bv a jury ir. Superior       J C Hu*.Ts court Friday, with a -.end.-ition Ihar his offense be  as a misdemeanor. JhOK'; Hatchcson fined  SIM or e;-;;~.i months or. '.he ei'.. according to ;.cny ir. :i-.c ease, eat Coo'.ev Dm-.i:is r;.:ross his back in a tier.: tl-.e two ha-1 ;n Johnsoton near Fulton avenue. Eleven  were " Vj draw the lorn flesh toucher. Du:nas said. The fight started, it was said, over an a;;:o;nobi!e ;iin; to -.er nair.cd Joe Gibson.</t>
  </si>
  <si>
    <t>                                           Talla degas Prexy Elect Scores Here                 By MRS. L. D. SHIVERY                 Making his first appearanc in Atlanta, President Elect Buell Gallauher of Taliadcga College. Taladega. Ala., created a highly favorable impression upon the residents of the Gate City in an inspiring and thoughtful address at the First CongreRatonal .                 Pointing out tl'.at it might appear thai the shrew'; crafty, self centered :i g"t the larger share of the earth s riches .he asserted "n'.es.NCri are te meek for they shall inherit the earth." "Mealiness." the distinguished young collet president to be continued, "does not mean weakness. It  more courage to_be meek, quiet and unassuming, ll docs not mean losing or lowering one s self . It means that it docs not hold contempt for others. It chastens and intensifies one s strength. "Meakncss humbles and dignifies. There arc those who esteem themselves highly and who have  for the lowliest. The cross is a crowning symbol of a long line of respect. In answering the question. "Will the meek inherit the ?" the speaker, citing examples in school, home, children, business otc. pointed to the fact  in the struggle of nations, refusing to be . the goal is  and that while they fiRlit for the casket that they miss the jewels. "The soul of the man is the earth." Rev. Gallagher went on, "and the earth belongs to him who I can claim the love of man. Love is the key tn the soul of man and they shall inherit the earth but not for themselves. The love of Jesus i did not vaunt itself.  doc? that great love which Mahatma Gandhi bears for his country and fellowmen let itself "be known as selfishness." The new president of Talladego who is to be installed early ir April In his earnest discourse on the real life, won many  in Atlanta, He was accompanied to Atlantr by a number of *the members   is faculty, among them Professor.' Derbifiny. Fletcher. S.. Harri son and others us well as a group of students, members of the TallaHecn choir who presented the following program: Invocation and introductory . Wev. John C. Wright, pastor; t"'o  number-;. Miss Elnora Davis: two selections, vocal ensemble: tvn piano selections. Miss Janicr Mnrpliy:  ot the          . Rev. WV'nht: address. Pres. Rnell C. O^Hache-r; two  written bv Coleridge Taylor, l.fiss Jimml* Burgess; piano solo. Dunran Grevno: and a  of spirituals by the vocal ensemble. This presentation, which was known as "TalladeKn Niuht." was sponsored by the Atlanta Talladega club.</t>
  </si>
  <si>
    <t>                                           Making his first appearanc in Atlanta, President Elect Buell Gallagher of Talladega College. Taladega, Ala., created a highly favorable impression upon the residents of the Gate City in an inspiring and thoughtful address at the First congregatonal church.</t>
  </si>
  <si>
    <t>                                           The Advertisers in These Columns! Want Your Trade I</t>
  </si>
  <si>
    <t>                                           Tomorrow night at 7 o'clock, with free admission prevailing the super basketballers of Clark university will hit the bardwood again playing the Butler Street Y. M. C. A. Big Five.</t>
  </si>
  <si>
    <t>                                           WASHINGTON, D. C. May 20.-- (ANP)--Boxing will make its collegiate new, with sanction, at Howard university on March 26, when the first triangle meet will be held here between Howard. Lincoln and Hampton.</t>
  </si>
  <si>
    <t>                                           COL. JONES SHOOTS A TOUGH ONE AT AUGUSTA                 Bobby .Tones, back in  competition . makes :i difficult shot from (he . near a water hazard on the fifth hole of tin- Augusta National  Thursday as the                 Masters' Toiirn.' got under way, with Ihe  professionals and amateurs pa it ici pat inn. A v. hi ?.,(Jllll followed           Joiu-s.</t>
  </si>
  <si>
    <t>                                           The Booker Washington Warriors, and state champions, under the tutelage of Julian Bell, won from the strong Webb High Wolverines of Mc Kenzie, Tenn., by a 6-0 score Thursday afternoon at Lewis Park. Kermit Cagle coaches the Wolverines.</t>
  </si>
  <si>
    <t>                                           D*IL.r           IN       WORLD  or      3; . ISC,  w. a.  round**  XUtinuU. DAVm  K.Ilior 0            FLA.VAC1A.N        . Bdlto* HunacieiiTio.v it*    *J^ 1     H.:t. MontU* CUV. 1 Muaths W^ 1 KoaU SaadST Onlr. ~^90 W. B. ZIFF CO, CWc^t". and New Vork. N. 1.  B\intT MOItM.NO AT =~   AU5UK.V 1 X. X. X. TUJCTIIUMOl:         I1MI ud       1                         t  h. r--' ""I" AtUata. Ok,           Art  4trh t. 1N7  NATIONAL 11 ItKI- I</t>
  </si>
  <si>
    <t>                                           King football swings into its third week of action in the south with all the leading colleges and university holding their own. Clark University, Morris Brown, ba,a State. Knoxville College, Tuskegee Institute, Morehouse College rank among the leaders in past performance. Nothing much can be said at this writing at the relative strength of the rest of the Southern College former members although South Carolina State...</t>
  </si>
  <si>
    <t>                                           FAR above the fogbelt of party partisanship and without that boat so attendant to seeming success and colorful achievement, the president in his epochal message fired a shot heard 'round the world. Embodying the president's fine personality, plaintive tone and sunny optimism and breathing that courage that has marked his unchartered path, that message goes forth not only to take its place among foremost documents in the archives of state, but as a potent of good cheer and a divinely inspired</t>
  </si>
  <si>
    <t>                                           Grand Chief Banqueted by Samaritans                 Over ir.0  tho Tndc . Onli-r of Hood Samariums :iml     8hu-rs -S .S:ini:iria   :            Hie ~:r:       . J. II. Itrown, Savannah, last niu ht. The ;i!'i"air *as .-. ai Iluck.-r Hall. Many  came in from Ncwnan, I On'ffin and .Marietta id join with                 tilt" Atlanta lodges to  Ihc m:m who has pulled the Samaritan Order off the rock*. Tlit banquet whs sponsored by A. A. MoMi-y. .1 VT. Iteose. Mrs. Carrie J-.m, J. W. Lou and several others. The object of i lie r.r.ind Chief's i visit is to present to t he C,    \:i State Teachers and Educational Sociuty and           of tin* Order in the Atlanta,  his new  program that has been worked out by him. The educational  provides several scholarships for elementary school  nnd  \vho  in the Staten-ide  -lw;s." It .-r pro. v.des  for -throe   %ai; Whose -iis produce thei Oisirict : .       -.~ inn the outlining or n,,;  I program,  Cmiul Chief called the attention of the  to  fact i hat since the first of Sept-m- I'Cr. j?n.~VH,.~K) worth of past due death claims liad l^n satisfied and the -s in endowment nnd membership . to i:*~ p,.r cent Hi.- called tJi,. attention to the         to the fact that the new day  alls for not onny a   -iv .I..;,~ i..ic a new appma.-li and:, new attitude 10  .-- our pcm!e if Hie ,., ,lyin!. is (Continued on Paj,v 5)                 GRAND CHIEF (Conlinurd from fact 1) to Hi." fai-t thai Hi,, frnt.-rna!  :ir.~ not k.';:  wiih the rh:    "ni:e of t he      . Til.- Cranrl Chlof further ...Diptiastzod the                      of our ^le to patronize the       enterprises,  for our people industrial independence -ially the younK men and women Rracluatlnc from the various eol. legos and  of the country He  upon tho audience to  lo two       for t he. salvation ot black folk. First, to support N'egro newspapers aad to .loin all stato      for full citizenship. In  bis . he announced  the Cmnd Lodite will meet Jn Brunswick June 11, and 13 and i hat he t- t be Grand Offliers of this District to  100 percent attendance.</t>
  </si>
  <si>
    <t>                                           Over l50 members of the Independent Order of Good Samariums and Daughters of Samaria banquetted the Grand Chief, J. H. Brown, Savannah, last night. The affair was staged at Rucker Hall. Many members came in from Newnan, Griffin and Marietta to join with...</t>
  </si>
  <si>
    <t>                                           !The Advertisers in These Columns Want Your Trade</t>
  </si>
  <si>
    <t>                                           I have contributed an article to the New York Herald-Tribune for February 25 under the above caption which has evoked considerable comment. The suggestion itself is of such important interest that I feel justified in amplifying it for my wide circle of Afro-American...</t>
  </si>
  <si>
    <t>                                           OMuT   m'  IM TMK WORI.D FOUNDED AUGUST 5, I02S.  W. A. SCOTT MEMUKft 01" THE ) NEC".') I.M:.-..SCOTT NEWSPAPER SVNDK'ATr. INC., I'lilll.ls: !cs C. A. SCOTT (ii  Man:ictr FRANK MARSirAU.    \'IS Manai;     Ililitor THOMAS  I'LANACiAN  Editor SUBSCRIPTION  59.25. 1 Vr.- $4.-5. (i Mos.- (!2.50v S SIos.- . 1 Mo.- Sunday Only, R2.50  AIIVKKTISINfi  W. U. Zirr CO.. III., anil NVw York, N. v. Puhlishrd !)aily and Sunday at '.J10 Auburn Avc, N. I-;. Telephones: WAlnui H5S  14C0 Enlcrcrf nr      !it!.e];iss mal'.or .-(I Ilu1  office m Atl:    , CUi., i untie;- ilit- Aiv     March 3. 107n MF. AI.-HIT Ul'IIKAL' OK CIRCULATIONS I</t>
  </si>
  <si>
    <t>                                           ON Monday morning quite a few coaches were peering upward from among a pile of runs. They had run their charges into superable position and were silently reviewing the debacles in retrospect. Among the men doing this ... were the two Taylors, Brice...</t>
  </si>
  <si>
    <t>                                           Young and beautiful Stanley Paire loses her fortune through market speculation but a harder blow comes when her fiance, the fascinating Irresponsible Drew Armitage tells her it would be marines to marry on his income and leaves town Penniless and...</t>
  </si>
  <si>
    <t>                                           Sam: "If We Don't All Hang</t>
  </si>
  <si>
    <t>                                           Brown Coal Co. 500 Lbs. Red Ash Lump $2.15 500 Llw. Red Ash Ejtr $2.10 H Ton Red Ash Lump $.'(.""~ K Ton Red Ash Ekk $.!.C..r. Red Ash Sl.flO FREE KINDI.rNr. Phone M.i. 5-1111 MASON TURNER AVi:.</t>
  </si>
  <si>
    <t>                                           ,Srta?y Keduced Week-End FaTel THE WEST POINT ROUTE tfA. 272fl JgJ^     ^^^^^^^^,^^^^-^^_^^^_MA. 0800 J Bargain Week-Eitd Excursion Fares H Atlanta to Covlnrton anu return, $L00: Social Circle $1MI; m Mndlton. S1.50: Greensboro. S1.50: Cnlon Point. $2.00- Craw- , E.00; Washingion J2: Thomson, $2;        . C H Tor tr.ln No. 5  Atluu uch 8oi,~Ut  7-15 m. n H  to AtUnU lut       No. 3,  5:20 m C T     ^m Car .    *       BDpIr        '    Atlaxt* I  T GEORGIA RAILROAD WA^</t>
  </si>
  <si>
    <t>                                           Rev. I. N. Demy says: 1 have found nothing in the Vast 20 peers  con take the p/"ce Dr.  Anti-Pain Pills. TKfj r.rc a sure relief lor w/        :hc." % SufTorrrs Crcm' Headache, Ncuralc;;.-., Tonthache, R-, Sciatica, Rliouinnlism, Lumbago, Neuritis, Muscular Pains, Periodic Pains, write that they have used Dr. Miles Anti-Pain PUJa vith  .~s than they 'had even hoped for. Countless American housewives  no r.-.nre think of keeping Itcmnc: without Dr.  Miles Ami-Pain 'Pills than without flour or sugar: Keep a  Iri, your medicine cabinet a.nd save yourself needless suff er^g. AiUriLi Stores- 25c arid $1^00 DR, '</t>
  </si>
  <si>
    <t>                                           Said to have been attacked by a number of white persons and later arrested by Special Officer Ivey James Wilkerson, 54 Piedmont ... is being held at the city jail on charges of disorderly conduct which according to his wife and other eye witnesses to the scene...</t>
  </si>
  <si>
    <t>                                           DAILY WiWSPCTllR IN THE *ORLO ^FOUNDED AUGUST 5, 1928, BY \V. A. SCOTT f MEMBER OF THE                  8COTI NEWSPAPER SYNDICATE, INC., PUBLISHERS C. A. SCOTT ~;       Muus;~r   PAViS    3CiDir Milur  JfUlUSOK FLANAGAN          I'dltnr m BsrruiijoN iw i Kft W.J\ I Yr.~JU.M. fl AIos.-^~i.    . M.  .- 9 lc X  Ofj/ T?..*~ VrvriONAi, ,\:si.S(i i!ia-              TV- ZIFF CO.. Thl.uiu. 111.,  Vnr i..rk. .V. Y.   mil . it ".iO  Arr. N. K. XfJrplwi.. Halnul I H3 and HM Eut'  4 as tiN wild  '   ;:^r ::l Hu- post o(fi,-c ;if .. Ga., under U C Ac. uf M..;y:i 3. 1fl79 ^niU: AI DIT ]:.4iT OK CittUUL.\TlU,S"</t>
  </si>
  <si>
    <t>                                           Headquarters for i Heaters The Largest -Selection in Town I They're Good Looking, Efficient Laboratory Tests Assure Quality All at Prices That Say "BuyNow" Here Are the New Model Circulators: 'Dauntless' Our Finest, I But Its Price Is Low       3^ Heats 5 to 7 rooms. Excel- ffr f^ or /~v       ^E8^MKtSlK !~!iil style i or. those who a;i- Sk M *fl K ^11 lilt^^S^SU ; -it;- ik sign.   /Ji^ [tUU j IhI'  H ner unit of solid cas: "iron. II ^F      ^i^9 I *^^C Dozun and S5 . Inclua- I '~-J- ^SB^iB; B ;ng Small Carrying Charge j' ^EMK^-*''/ll I  M Circulator P^^^54^'^^B THE TR0PIC i:iis         $^-^ m jmj ;i : WM M.~ii  ^^B i ii ijt capacity all in one _J 4 ^i^^iiit^H 'i 'H ut a !~r""'e you       J 5 1'va * I HI res st. All east iron inner #^M" Cash "li S:^5pS!==i== i  U "nit- He;:^'  T:^W^^1 HH "   ' t0 Sl'ak~?- CaSt h'~" ]y Dfhverj This Fin* tt i J.'.. Ay ^^JH I ^^H The LittIe Winter Queen'' H^S^ml WiI1 Heat One Big Room"" I ^     '      (~Bn ^     ^~'ai^" u^d , are (U     *J *r ^^^ chilly aud mid-dayi, warm. Force- N M HVlMpiifii38^^~~~~2t '"''D e: Irom. top and . ^r I    ^ I V ^^^T11 "By 'lull ~"-d vu nut finish. Water p.io W p i W  K^ RJ2 for healthful moisture. You'l! sot J W m Cash i tt. C25  W world s of service from t jla - fric* See the New Oil-Burning Circulators at Sears! V L A L/ V</t>
  </si>
  <si>
    <t>                                           Honesty and dishonesty, as relative terms, are often confusing. There are times when one might discover upon close Examination that he is actually dishoest with himself in being what he would seems that honestly and dishonesty.</t>
  </si>
  <si>
    <t>                                           Scouts Hold Honor Court :This Evening                 Due to a last minute , the Court of Honor for the colored boy scout troops of this city will not be held at the Fulton County cour;house tonight as originally scheduled but will be held at the First Congregational church, corner Courtland and Houston streets, nc   cording to information received from Commissioner Reginald a Johnson, late Monday night. The Court, which wil be Prided over by Assistant Scout Executive Adams will start promptly at 7:30. There will be several candidates for the rank or Ea?'e  highest scouting a\r^rd, an* a. number of candidates At ,me?ji badges as welt as' advancement to second and first class scouts. Tonight's Court is expected tc be one of      best in  of months and a large attendance of parents friends, nnd those in  in scouting is anticipated. All of the eight colored troops will  be represented with a nearly 1(M per cent attendance according to present indications.  .MEET TONIGHT Members of the Atlanta Colorei Brick Masons Social and Industtal club will meet tonight at  o clock this evening in the Urban League Assembly room. Tlhis . which will be featured by the continuation of the recently revived course of instruction, is open tr all colored brick workers in this section. NOT BADLY  Wilson Carter. 226 Butler struct, delivery boy for the-Onkland-.phar.,- escaped serious Injury when the, bicycle that he was  wan hit by an automobile driven by Dttectivc J. C Davis, late Monday afternoon ot the corner of Porsytb and Mit^eH. The youth Is said to have jumped on his wheel and kept (-</t>
  </si>
  <si>
    <t>                                           THE curious phenomenon called football and found irretrievably involved in the accepted expression of higher culture, makes its collegiate bow to the Atlanta public over the week end and spreads its welcome self to the welcome arms of Montgomery...</t>
  </si>
  <si>
    <t>                                           WANTED Newsboys and Agents Everywhere I TO REPRESENT T II K WORLD S ONLY NEGRO DAILY NEWSI'Al'UK Daily and   :mi\{'t:ddy Address Atlanta Daily World 210 Auburn Avc, N. K. Atlanta, Georgia W. C.  Circulation Manager</t>
  </si>
  <si>
    <t>                                           **l Dr. Young's HERB-MEDICUSTir J^=-F "M*iI'~m;^'k?18  A-VD BL00D TONICS I I ME83ACE TO THE  1 -Jf J r 2 MKl,~I'ft, ~"~~~~     about  7our  Cl^er y*^^/ 41.1b.  with' hit lum ,nd     . i /VAJ^^ ion .moU. .~ad w .             fcr.~   * of i .C \~N\..~y       . Blood Pouon.                 . WakHM. XA.V.- S?..?i*""^     -'~ TroobU .ml All TrooblS. ^St V ttM* wt)ota             .-      ooa. Don't     ' 1' u0"*  U" Tb* N*~lt u  1   tv-~^~u Dr. T.Y. Youne ~,,~IHI:  HERB CO. J^3,l3r^ ^.    .   .           ..^.         BMj</t>
  </si>
  <si>
    <t>                                           The TrentavuntHill, Church of God in Christ, 2104 W. Roseaue street, was pleased to cuteriun the District Convocation of that church For the Western District of the State of Texas, from Feb. 12-16, 1934.</t>
  </si>
  <si>
    <t>                                           MEMPHIS. Tenn., Oct. 8-- Fighting behind what, is expected to be a great frontwall, a plucky bunch of ball luggers who at times showed signs of raggedness. Crashed through the Memphis All- Stars tight defense here Saturday afternoon on Lewis Field to...</t>
  </si>
  <si>
    <t>                                           FU MANCHU- Severed Fingers                 Eyes of Horror                 by SAX ROHMER                 MESCAL IKE                 And That Explains hat                 by ART                  7Y7!-/ TYLERS LUCK                 A Woman's Word                 by LYM YOUNG                 Jte_ PAIL PIM                 *m=Y*j- uncle                 IN OUR OFFICE</t>
  </si>
  <si>
    <t>                                           HER SMILE A GIFT                 MISS UEE GENE STUART                 -lovely daughter of the general manager of the Universal Life Insurance Company, .Memphis, who brought back a new kind of smile to her friends and admirers on her recent return from a trip Denver. .Miss Stuart is prominent in social circles of the Muff City.</t>
  </si>
  <si>
    <t>                                           I Dr. James Corry Ex-Army Doctor f 1 75 Ivy Street, N. E, Rooms 2-11-12 Between Houston and Anhnm 0 t I find many colored people unable to pat. Chess g 5 I serve free, only charge for medicine. Home calls,  g Office Hours: 9 A- BL, to 8 P. M. Daily-        , 10 ft { A. M. to 3 P. M MA. GS73. Eea.  LL 3087 16 Years  in America and Abroad' 5    ^^~^.l.\li..^        ^';fr^;;  ^;:^1x^:vl^lr^Kl^il!^v^^l:       4     .'~~</t>
  </si>
  <si>
    <t>                                           ^_.                 tr-:/:':</t>
  </si>
  <si>
    <t>                                           DOROTHY  Charles T^Mw^r,                 TS A* GREAT LIFE IF YOU DONTLWEAKEiV. By Jack      \                 RABID REVERIES                 TUBBY The Saturday Blues.</t>
  </si>
  <si>
    <t>                                           [</t>
  </si>
  <si>
    <t>                                           "ONLY NC4RO DAILY NEWSPAPER. IN THE WORLD .N 8      . INC.  W. A.  COTT  talk Marahall Darii          Idlfr M*J(BEK Or TUC ASSOCIATED NICKO rBX88 TBK WORLD  M . for             bit* ItttllM. BLTSSCKiPTION RATE3 BomiUr Oalr. 1 8HTD DAIL* AT 210  AVt, N. B. 8: WAlnot 145  ul      u iMint   at th* [KMt        at AUaBIa, Ca^. ftWar      of  3. 187  .                 W. B. tirr CO-    w.n-.     . Ciltw, Sw Tnk,     Orkai</t>
  </si>
  <si>
    <t>                                           Politics is a game and politicians are tile players. The personal dramates are entrely different in character arid qualify from the roles which engage to play. I was never more impressed with this thought than while witnessing the performance of the negro auxiliary...</t>
  </si>
  <si>
    <t>                                           Bailey's 81 Theatre - B Tbdai* Tomorrow fr Harry Carey l^f Border Devils" V AUo New Scroll ~'r "Perils of Pauline" M^" Loaded uith Action and 'Jammed  Itirllls!</t>
  </si>
  <si>
    <t>                                           This time of the year always reminds me of cotton ricking time at Kilby. There were two things that I dreaded at Kilby. Until I was definitely assigned to sewing pockets on shirts in Kilby I held the fear and dreaded the though that I might have to go to the...</t>
  </si>
  <si>
    <t>                                           Brilliant Speaker To Be at Spelman Vespers Sunday                 Dr. Willhim Trufant Foster, .'.v.-n let-Surer ;m,i ,- of  jn prc^cnl day i;conomic problem*, will be iho  at Vesper Seoval Spflman college. Sun.lay. November 20. Dr. Foslur is widely known as a    ' '.ra:~r  ind for his  in .(eucation                 in econ"mics. Several recent books by Dr. Foster ami V.'ad  Catchings h:ivc a;- 1 Iracted world wir!e attention. "M^r tcy" raised the question as   -  business depression,      u*as followed by "Profits" in which causes were :iri:        :in.l possible -.~t-onomic change* diS'-. The of- f.;r of prize of S5.000 tor the best adverse criticism 01 I'p'lils"  replies       f-irty-two' i-'.atex. the District of Columbia, an.l I from forty-five  ~::ries. j The author s own .- is t^iven i in "The Roail to Plenty." Dv. Foster holds the  le^Tec "f B. A. an.i M. A. from Harvard: Ph.D. from Columbia'. LL.D.       Colo r.idi-  .ind Western Reserve: university. He wjis            or Recil  in Portlan.l. OregcU. j from I910-I92O and under his le.nl-  new ideas and methods in j educational practice were - cd wl:~-h have since been widely a-  in colleges and universities in the United States. Atlanta :iu-U- en'*c will remember Dr. Foster brilliant  :~t Speliuar. college Commencemnr.t in 1028. Tile Vesper Services will bo heU: i in Sisters ChapeU Spelman c:. at three o clock. The public is C"r i   to the servi.e.</t>
  </si>
  <si>
    <t>                                           Dr. William Trufant Foster, well-known lecturer and author or books on present day economic problems, will be the Speaker at Vesper Service at Spelman college, Sunday, November 20. Dr. Foster is widely known as a college administrator and for his research in deucation...</t>
  </si>
  <si>
    <t>                                           U6 V/F course you want \r^L             *- M^aj have relied on it I LIGHTER SKIN. ^SV JSf r ot     ' to ''Khten j j Every woman does. xB^v^ ^SkSw c ar c' discolored sVin, And it Is to      to ^C pr but also to help heal have, to , you /^^6"W pimples, rashes and  oj well  right i^^#i *'ons, also to  op itching, this minute to      it. 1^.^^ aid eczema, salt rheum ^nd 1l ^k other "parasite" troubles of i "I'k a bleach?" yoa aak. \~L ihe - use Palmer1! "Skin- ^M^. And remember I Success". Thii    how the Mr^fk -J PalmerVSldn-Succeui" I I most beautiful women ov- ^t J*t Is actually STRONGER    -~here Ret that - 'Tm/ than ao-called "Double I ful light tone to their com- ^9\A Strength** preparations. . ^9l *^Ct l^0 *~     Palrncr'  l^*y^r. Skin Success, and take "Skin-Success" is the tried-  T. J no other. Satisfaction is and-true beautifying treat- guaranteed or money me:u. For 92  women 3rd Stag* back- A" dealers, 25c. PALMER S Hb^^Ujp^lHH'-K^lll PALMER S OINTMENT SOAP</t>
  </si>
  <si>
    <t>                                           E.M. Martin is Leading in NAACP Drive                 Keen rivalry between E. M. Martin, well known Atlanta Life insurance  official and -Mrs. Josephine Dibble Murphy, Fopiilar social end : leader, heads of tlie two divisions ot thel J934 membership drive for the' NAACP Is one of the highlights                      I the campaign which, is "scheduled I to dose with a huge muss  Sunday. I'm Kind that I am 'licking her," was the gleeful L- of Mr. Martin when* the reports Monday night showed him to !~e more than $~IO  of his feminine rival, but Mr*. Murphy served notice on him that she intended to come om ahe:id when tlie final reports are read Sunday Oddly enough, two of the largest business organizations in the city arc  with two different divisions according to the assignments of captains, the emr. ot The Atlanta Daily World having been linked with 11 r. .Martin's division while the Hartley company s large staff has been placed in Mrs. Murphy's section. The NAACP drive was discussed by Atlanta World employes ni their meeting Monday night while the Ilanley forces are slated to have a special NAACP meeting Wednesday evening. A special appeal to all of Ihe ministers of the city In  the members of their congregations to give 100 per cent Minnort to the NAACP membership drive will bo made today at the meetings of the three ministerial alliances of the city and advance Indications point to wholehearted cooperation on the part of all of the preachers. In further  to put Hie campaign over, The Atlanta Daily World announces that the names of all joining the association will bo carried in the columns of The World along with the  of the workers engaged In the campaign. Speakers to appear at any club or 'group gathering this week to  in detail the purposes and needs of the National Association for Colored People may be had hv : at Ihe temporary headquarters. Walnut 690  , at the Butler Street YMCA. according to announcements, by Rev. J. Raymond Henderson, general  In  of the drive. He too, is  at the  of the 1034 -.lgn, this first in a number of years to he conducted without the aid of outside . The ne.vt report  is slated for five thirty Wednesday evening at the Butler Street Y. All workers are    ;ed to report their progress a( this lime.</t>
  </si>
  <si>
    <t>                                           Keen rivalry between a M. Martin, well known Atlanta Life insurance company official and Mrs, Josephine Dibble Murphy, Popular social and Ode leader, heads of the two divisions of the 1931 membership drive for the! NAACP is one of the highlights of...</t>
  </si>
  <si>
    <t>                                           John Barrymore's inherent ability to project himself into a dramatic character to let that character to let that character completely transcend his own individuality to interpret it down to the ast fine shade of mood and though and feeling--that ability is...</t>
  </si>
  <si>
    <t>                                           NE\   OF iOV AND  r KiENDS COMES TO VOU IN r-.f v.  r.y 'T: i!- r.  NOT S'jBSf H1HE 1 'Kc )T TODAY?</t>
  </si>
  <si>
    <t>                                           Palm Sunday is one of the imporant festivals of the Christian Church. It is called Palm Sunday in honor of the Sunday before Easter when our blessed Lord rode majestically into His Father's city--Jerusalem-when the people cut clown branches of the palm trees and carried them before and behind Him; and strewed them in His pathway, crying; "Hosanna to the Son of David; Hosanna to the king of Iscael! Blessed is He that cometh in the name of the Lord, ... in the Highest!"</t>
  </si>
  <si>
    <t>                                           JOSHUA JONES i                 By I. P.   7nolda                 Bro. Bell put up a  In tho.^  yard which read "Don't W STEP on the ." Dcucon JononX said that if times were so tight " siRn  rca.l "Don't EAT.': u   \~3 the crass." .'.*'/?~$</t>
  </si>
  <si>
    <t>                                           The Social club of the First Congregational church was entertained by Mrs. Edith Reld at her residence, 219 Randolph Street, N.E. January 9.</t>
  </si>
  <si>
    <t>                                           The student senate is hard at work for the spring term. President Anderson had all of the senators on half duty last week Not a person was seen in the hall.</t>
  </si>
  <si>
    <t>                                           II Greatly Reduced Week-End Fares I   :ma 'J,'1- SI0O: ^G^nce.-JLSftT.Wct Point Siio- I Opellka. S .00: Aobum. $2.00; CJicMw, $2.00; -Mlfate** gob-' I and Montgomery. $2.00 "~u. *-~T. from above mentioned point* la Alliai. _i. %~ *      THE WEST POINT ROUTE L ^^[^L- ll-^- ..MA..woa 1J BargaiaWeek-End: BSairsTon Ogres' AUiota ilo Covlnfton anu , $1.00; Social Circle, SL5U; Madison. $1.50: Greonsboro. $1 JO;  Point. S2.00; Crawforiiville. $2.00; Washington $2, 52; Antunta, $:. .TIckKa on mU -for.~I]                !~!    flop nt7 SUtnniir.  Jfer train No. 1  Atlanla ^~Mh;8uid.r  7:25 a. ot. Good  to AtlanU'lait train -No. 3;  S:20 a m.. C. T.. Moai.7 ^~SaM.-^ apply                      v i     :. ^-GEORGIA IMflOftD</t>
  </si>
  <si>
    <t>                                           HOLLYWOOD, Cal., Oct. 6-- Those rumors about Elissa Land leaving Fox were all wrong. I have it on good authority she'll be back on the lot to do the lead in "Forgotten ..." Once upon a time. this was a Noel Coward play called The Last Trick."</t>
  </si>
  <si>
    <t>                                           The 1 and 2nd grades of the South Atlanta School have made booklets on the First Thanksgiving. The windows tell us the beautiful story in painting.</t>
  </si>
  <si>
    <t>                                           Dr.Thompkins Takes Post at Capitol                 WASHINGTON. (CNS) Dr.' William .1. Tliompkins, editor of i tlic Kmis'is City i Mo.) American' *. vv.'is n   as fti"i-onl.T or Hcul-i or llu- Uktrirt "f Columbia to  cd .Icffersou H. CoaRc. was .sworn In on I'Yiday,                 April 20, surrounded by a group of his many friends. Dr. Thompkins was confirmed by tin, Senate April 10, to be Ihc eleventh incumbent of this office ami the tenth colored appointee to the position. Three colored Democrats and six colored Republicans have preceded hi mas recorder, beginning with            Douglass, appointed in  by President Garfield. Senator Georgn McCill (Democrat), of Wichita, Kansas, and Representative Ralph F. Lbzier, IDemocrat). of Missouri; ns well os Edwin A. Hnlsey, secretary of the Senate wore present ns he took the oath of office. Incidental ceremonies were held nt the recorder s office immediately afterward, where colored Republicans and Democrats joined in welcoming Dr. Thompklns to the Capital. Addresses were delivered by Bishop John A. Gregg. Perry W. Howard, Dr. Emmett Scott Mrs. J. Flnlcy Wilson. Dean Kelly Miller, Dr. Joseph L. Johnson Dr. Marshall Talley, Dr. William T. Thomas, Dr. A. M. Curtis J. A. Lnnkford and Mrs. Reuben S. 'West.</t>
  </si>
  <si>
    <t>                                           WASHINGTON. -- (CNS) -- Dr. William J. Thompkins, editor of the Kansas City (Mo.) American who was recently confirmed as Recorder of Deeds of the District of Columbia to succeed Jefferson S. Coage, was sworn in on Friday...</t>
  </si>
  <si>
    <t>                                           Funeral Notices 1                 BENNETT- The funeral of Mrs. SaIHe Bennett will be hold this  'at 2:00 o clock from the Primitive -Baptist / on Cilunn si met. Elder Griffin will Gft'ii-iMi?. It. C. Tompklns. UUTClirNSON- The  of Mr. Ed Ihnchlnson wlio died at a   February 25th, will be announced later. Dunn's FimTnl Home.</t>
  </si>
  <si>
    <t>                                           Negro medicos of North Carolina appear before the Governor of North Carolina this week to petition him to sppoint Negro doctors of the official personnel of the hospital for the in sane at Goldsboro, N. C., for the Negro men of North Carolina...</t>
  </si>
  <si>
    <t>                                           "        "M V I Mc JU ^JDTlp !!Afi!'l_S X AJLANl'A DAILY WORLD. ATLANTA. OA." "SUNDAY. APRIL 2~).    :M</t>
  </si>
  <si>
    <t>                                           ''   ':^j^' nnk i ,r ~;%;~-. PINT OP V AN ILL A   1 ;1'k i in;,\M and one DK'. STONE S 1 iii T!-,Ii  CAHE 1^^ = Yr;1:?.   Milton ~~. \Vi.-'l-     f.ilu 4111 1 Juir ri4-       j S t Y i i'l.r A Miihocany ~~~^B PIANO I'.-nns If You Like i'(,.vn $1 AWckly   Takrn Aji )":":lit '~1';.=,             CO. M -. StrM-V I ium. ./A. Mil</t>
  </si>
  <si>
    <t>                                           Bits of glass new this way and that as one of a group of three men fired a shotgun at John Rozer, 563 Griensferry avenue as he was standing in the doorway of the "Duck Inn." 469 Greensferry avenue about 10:30 Tuesday night. Call Officers Hutcheson and Roberts...</t>
  </si>
  <si>
    <t>                                           I SATURDAY, MARCH 2-1, 1931 ATLANTA DATl7  \WKlX)r^'7~:A. I'XgK  j</t>
  </si>
  <si>
    <t>                                           3RY CO. FUTURE iS PLANNED                 Statement 1^ issued 1   New-paper^    White Kec;-iM-r                 I K S Sol.                 I -I p. i                 Victory Co. Cuti-u^J :"r..tn p.iRe 1 i- .'::i v cor.f:-1.- I. ^I'i'i- ;.;C..;.-.. :-r,.~ p.:.y -i1 L ;i:: c I -;,;j i f i a;.-:::".;: H'1   \f:".~: y SUWfyy S-tO,i'"?"3  i 't. on OiivtT rcv."j;vt:r ; ;^;:vt.- ;;;a: i;OTi cnn ;-.p.t. S-     'iv; ;i r*:c!uc'.:(jr. j ir.o.T.h. ;;r.-l ;:m: j.-.Ta'.-on. of :i:n</t>
  </si>
  <si>
    <t>                                           H. U. Studes Learn of Porter Fight                 .JTASHECGTfiN' CANP) Soeakins upon, flic -t "Or-  Labor "ami the Pullman i -." Atty. C. Francis Stradfffrd. 'Chioaso.' former jm- of toe Xatiobal .Bar A5 ici:it on. ' to students in ihc Howard  law school Snmlay the I                 Ions  marie by .ii porters th establish hn  not dominated by the Pullman com      . Before the war. according to Mr. Stradfonl. the porters, by ap. Fcais to the Pullman company, hail Ivcii          -tu-o $2.50- raises until their  reached $30 a month. After the   charge, the wage shot up to ?-47.50. AcitatlOn for  became keen daring the war period because of government encouragement and the present Brotherhood of Sleeping Car Porters                 sents th.~ major effort of a inns series on the p:irt of the  to perfect    -n Union. Mr.Strad ford slid. Describing the struggles- of tho Brotherhood. Mr. Stradford point- 1 ort out that it had been opposed I for a lone time by one of the most I important Xesro naper-s (The Cni""nco Pofonder) and that it had I been forced to take retaliatory; measures. A boycott,  i by the Brotherhood. Mr. Stra,({ord said, forced- that paper to  its  and lend encouragement to the Union. 1 He pointed out that tho Pullman company had sought to defeat the porters', efforts by              i a company union.\he members and I leaders of which would be porters. Such a union. Mr. Stradford em(Continued on Pact 5)                 H. U. STUDES i (Cnntinued from Pazr if i . is useless bei-au^o if tli.-: lenders make . ili.-v l..-e f   . He ta},l t-Kii IIH.I..1- ili,. i\h1vi;,i law  h,w President. ,,f    . U,,V,.,~ States is empowered to set     -:il commission to invest ! n-lu-n-l over an  vxi*-ts in transportation. Thi. Irailcrs of  l      ere iie      an  witli tho  of n Ktrik- of the .--. Inn \v.-r0 un-i       to  :       ,,n ilic n-w: of the Chief Executive. Wlu-n the.v  aw that thc          ~:is i ^not  tn net, the  ivr,s .'ailed off.      tin- matter of th.Hjrht of tin- ':~~i-          rop- 1 rerent the -- \v:ty t:iken to iho . f      if.^uc now is in iht1 counts. F. Jiidee  . j Chicago,  the Pnllmnn rnm. jinny'*     the Rroth- 1 i '1 hail no  t.~ represent the        .5, l.iu the i;ni..n has np-j pealed hi* decision. j In this Ions battle. Mr. Stmil- 1       has boon  no of the attorneys '3w the Brotherlino.l. Anoihi-r law. yor who has .-.*      tlio Broterhood  the Unit-"' States Mediation Hoard is IVnal.l J Richtiers. now employed under thi' j National Recovery A'lministr-ition. j A. Phillin Rjindolph was  to     - Brotherhood he- 1 cause tho        ; felt he couM help j 1 them more than payroll lenders.</t>
  </si>
  <si>
    <t>                                           WASHINGTON -- (ANP) -- Speaking upon the subject, "Organized Labor and the Pullman Porter." Atty. C. Franels Stradford, Chicago former president of the National Bar Association, described to students in the Howard university law school Sunday the...</t>
  </si>
  <si>
    <t>                                           TIM TYLER S LUCK   *uly ;md U.e -Boast 4, B*/ $G                 MESCAL IKE speak up, mi*  BY HUNTLEY                 =ELIX. THE CAT By SULLIVAN                 GREAT LIFE JF YOU DONT WEAKEN" ^,;-,u By Jack Rabj^J                 RABID REVERIES                 TUBBY -T^-- ^^a-*!?*?^^ A Lesson in 'Sti^'</t>
  </si>
  <si>
    <t>                                           Under Federal Probe                 Following              of the T*~~ eral Government to conduct an in.  into the crash 01 the gigantic Insull Utilities Corporations, it is reported that the initial Btep will be an attempt by Federal authorities to effect the return to the United St-tcs of Samuel Insull (above), who headed the utilities octopus. Insull is now a pensioner In Paris, while his brother, Martin, is a voluntary exile in Canada,</t>
  </si>
  <si>
    <t>                                           SMS TO PASS LAW                 Jiiti-rr;i.-i;il (:.i.-     "s Women's UivL- 'J'jilk-, Al I Lynrli Mi;;,~                 DISCUSS SI-:i{V.\.\'T COOKS                 Tl.r .li.;.nssi. I. of ~'"IitiiI ;,nli-l.v ii.-l,iii.. nii-~~    . N"KA r..   -~ fop ili. if ~.~i".-:    .".'ion tin. I '1-..ns ..~h,.,opi'-s    -.~ ii... jiii "i" m n       'ii ..r II... I., '.r.rn.'l: r..       ..n In l.ns\                 arv Ml. "at 'In- Aiiiiiinislniii,.Vi l-ijt'_i;ii" tin jj1(. ,.\~     :1 .j.,.. Mtv *. Mr-, .IcKxie IlnnU-l Auirv. hv:nl "C tile U..11101JS . pro*! It'.l ver this -. u-lii-li was ',1  a       .T .if .~    : ill" Ni-i.-1-o  :is vw-ll ;i Kr- ..f [. .SomiIktm  wi...Tlic ,  .lav! iK-fi.ri-. hu.l -il nu-vU ni;   f the Ccnlml C'Mlii.-il ,.f the i Assucialion of S..-rn U'..    . l'~lr thv ITcvuntion of l.vc". 1 , num!ii.'i inc 2^. i Iimh- h Jii. I:'  f Ihu I.'!  . This modi iiu. v. ^ht logi-ther Ivailini: w.. uf 1.0II1 . want mi ri:     .   -i I11K the     .~uti..ii  i:  ^cm1 ask in- I the pn.-xi.lunt an.l  to .-on" 1  effective nut! Ivncliinir    -~ I (Conlinucd on Pace 8) I                 WOMEN WANT (Continued from Pact 1) seriously, n petition that was Inken to WnKhinirton Thursday   Mrs. Awes and two M' i her fellow workers of that srouji. A h!:ht ,,t tin-  meeting us tlie prevalence of "Ptittun and the insistence of I those present th:it tlie  us well  s the federal  pass -Iynch laws. The dele.* (rates tw- that, unless the .states  take an active interest in the wissa^c and enforcement of -h legislation that any federal law will, of. necessity, l.e much weaker inasmuch as the ri^liLs of the states i  be   ~-          t:~m if a measure is tt* lie effect- ive. As ri'-uk     thf     *~ssi"n. Mtr jrr"iii' passed n short         li.'li iiii-iiii; Unit the suites as well as the federal  (-.l to puss effective  h laws. .Miu-h interest was i-en; iir"tii:il propose'! N'Ra lies   .i domestic Wnrker.". This pi-.-Mem u.   n--t '  the ra- j i-ial point of view hut rather -hed front a sex . I. ra?  out   m:,^ of the  duties are pert'.Tine.l by women that it as iij' the women, themselves, to take ui active interest in su- h a .-o.j.- ^ as the supervision j dfh work was under the  J ion, . "f more "fortun :ile women." CunsideraMe time  vas        ill ^ ami di.i-nx-ins various proposed "sei- 1 vants   'dv*~." I Aiib-i^ the Ne^ro \\~*nien at j ti-; this meeting were    . I Mary M.-l. I'..  i'.'     - r.'.' C"o!;man Isistituv. I'layu.na R..ac!i. Fin.: Mrs. Cl.ar j    ,~  l*rown. president l  Menu, rial Institnle. Se.lalia. N C:      Nannie Uurro'i^lu-. U'.i.hi.i^t.'ii. 1". C-: Mrs. M. .1. Merr..rv. Charlotte, N. C..:~ Miss Kaniiie Williams of Vn i Ki-a C .l.-n-s s. ImIoI. New Or I leans. La.: Mrs 11. A. Hunt. Vt. Vall.-y. Ga: Mrs.     ;e \V. Lone, Cher.iA. S"i:'li' (.Isii'-m Si:i Mrs. .Mm Hop.-. St.. Atlanta. .-...I Mrs.  A. \Vi:ii:. V-W.C.A. secretary. New York Ci'-y. and    . W. r. ,l-:      . Kk-!:ti';.:~i:. I</t>
  </si>
  <si>
    <t>                                           The discussion of proposed federal anti-lynching measures. NRA codes for domestic servants education and numerous other topics occupied the attending the Women's Division of the inter-racial. Commission in a busy one day meeting on...</t>
  </si>
  <si>
    <t>                                           Second Attempt to Dynamite Manigadt St. Home Fails                 DHiTE IS MO IN YARD                 Two Sticks of The Explosive Used This Time                 FAIL TO EXPLODE                 For th.  lime in loss than two .-. :i n attempt was  1  4fc" '  *     - of Mr?. Alma HiVR^Rcn Manip. in what !r. be*i*-vt?.i 10 be un  to r*.:n her  iit of "" territory v/hcn tv/n s ick*; of  wore found j in     front yam  9:45 Thurs-,                 ~!ay .i by Mr*--. Hicks. ArrorciinrT to the repor of Offi-~ com H. D. Donohoo rind J. A. Kth- , who made :;n rives'-i^a- j i        ).rom;M 'ho two i:ir;v.' j-ti'-ks of th*~ dar. explosive i to the police  on. it  .'is  one of the fuses ha.! been; li\'!it"~] bif that it wont O:i: -.* I    - flam*; wmc  fn Mi^h c, i;;- 1 :i:*f    * ! -po. It v.-as on The nicht of Aucusi '.P. I !mme.)intc!y after Mrs. Hicks a:iii j hrr f.-. rr.ove.I to the Manicault.  ss. 'h.-it the first nf.empt to cany** the  to leave the neigh-bor-hooi] was made. Oddly enough.' it -'as al^o about the same time of ni^h' when the occupants of the house  wl-.'n they          tho  characteristic of - mite, called police headquarters. The investigating officers "found t\~.'0 sticks of . tied -' "V wi h several yards of fus- s and bundled into some paper, attached to a bush in the front yard while a. third s ick of the explosive was ly- inK by..- .itso!f(1^bouL. eight yards ^ fro-n the "other "two. If was WUf latter single stick that th- or15cers ] in time to keep it i from explo- as the fuse had burned practically down to the de- ^ c.-ip wh- n they reached the" sc no. I Mrs. 7^icks. hnd purchased the! house from a white man about, several weeks prior to the fir?: occurrence. She is  to -mve move.! into h- r new home :Iie day I      , Incident. i Neither 'she. ncr "her daughter. Dorothy. r:tw anyone pl^ce tl'.e dynamite there. altho*jf*h it was     'red that the whit, neighbors v .re displease-! wih her moving in- j to the hc-jse. Mystery still !~ this second attempt. For seme time, several Negro (Continued on p. 5: col. -1)                 Dynamite Is  Cor.;: . P..g-~ O"0'  h:iv-  at f'-il. W5. C'-i?. j :'.P.i! 051 ?.I:i:".iKr:U:r. street. OH f::r west . of Flat        -L- i:~ ir.te:-$e-ts Mar.'.: r.eav the- A i M. anri P. R. R Bel: L:ne. T.-c hour-o purchase'! by ^i-s. ii:    :0CNte'i on oppor"::*: si lc 01" f".a*. Shoaly :     ti'.o ro:::.:::'.::-.^ jo;:-^ on this sI'.m;-* ?". :":om f tjO lOTfi. \vi':-o OCC::p.:O.i  bv -.vU::i-;: ;:r.;:l :hc co::-.::-.:T M:-y. H:ci;~ nearly two :nor.:i:f c^o. He:* ::.ov.r.;:.     -:pi:.-:eil the -.rouble. I The :"r.~: ir.!-.:. co;:p:e.! v.-i:!: j trouble op. .Tcne? ave:v.:c. be- i i:cve.! to have beet-. :.s '~'~c\ basis fo:- :he pa.vs;:j;o .1 ijr'.ai-.tv recently c:oak::-.;t :-i: j e.erK w .tr: t.-.e r. t 0 r t .c-.'a.' .:ts :n pe^;;:'- f:"v: 1 one ."-ec ion uf   i:'.to ;i"o:::~:j ui:e:e f:.ere  n:' -i-.e r- .s u: t!;;r cor-.:inni;tv lav;'.:r.^ to  presence. T:-i--  :e:'i:ya: cou!.! be ::v!-- per::::i:-.-T.t l.y f-Oll:-. r.CliO::. The X A I A. C. P. is ?:;: :.i -a-.,!:-    :-l:.'l' fi^ht a::.-.::l-t tl.is :.iv;:-e- ..'ation v. ..n-i ;t is v: by 1 :ega] authorities tha: :.-.v.- 1::1.- C'insUtuuor.a: and win bo ~!e'-i:    ! ii'.ci;al as i::.ve t!:e  i- -,-u-e. Cl:'.l .::st!-i.~t n:-,: :v.anees ;ja.-:i'.i by 1 ti:n city council. One sor.:; advance,! by p:-.-,)....:.e:.:-: of I trie .ee is :!:ai i! w.'.: 10 I prevent friction ! r...:..-;:.</t>
  </si>
  <si>
    <t>                                           For the second time in less than two months, an attempt was made to ... the home of Mrs. Alma Hicks 960 Manigault in what is believed to be an attempt to run her out of "forbidden" territory when two sticks of dynamite were found in her front yard about 9:45...</t>
  </si>
  <si>
    <t>                                           POST FILLED i                 Formerly ht-:id or the  of music at Bishop College. Marshall. Tex., who roi^sicd  wn*% Micceedeil by .  i- artist, Uelt-n HjI^'hii of Morrisiuwn. N. J.</t>
  </si>
  <si>
    <t>                                           This time of the year always reminds me of cotton picking time at Kilby. There were two things that I dreaded at Kilby. Until I was definitely assigned to sewing pockets on shirts in Kilby I held the fear and dreaded the though that I might have to go to the...</t>
  </si>
  <si>
    <t>                                           alS-' southern A I l^%KI=~+^-^~-^Pfxi^^K?~ r\ ff:;!^117   j ONLY NEGRO DAILY NEWSPAPER IN THE WO P^D ~^E=~ Ll/I 1 I WIT VOLUME 5, NUMBER_j3:{ ATLANTA. CA.. FRII)AVr5       77"i932 PRICE THRE'g CENfST</t>
  </si>
  <si>
    <t>                                           ~~-.,sw- teeny aoM/ ilmi MELBffi f^e CIGAR ^y^A X. Hlrsch Kstatc, AtloaU,   , Distributor" school ^ l-'rld.ij .</t>
  </si>
  <si>
    <t>                                           ON THE WATCHTOWER- Rev. D. Ormand Walker, brilliant, alert and courageous  of St James AME church. Cleveland, Ohio who looms large on the civic and political horizon of the fifth city                 Photo by Cole. Cleveland, Ohio.</t>
  </si>
  <si>
    <t>                                           (i,, a.-:i, n.1,1) I Gold Medoi (ir  L -iJ 11- i =- I Z4-I-D. *}~ raj fl 5-S U B s i Foods BAG      fa (RJlsl.Sj,,;;,.! or) S I Rogers Best Flour-;;'o!; $1.03 Ku" Jb^0 I White Lily Flour SK $1.25 I BEST FOODS SALAD DRESSING s.oz.jap. 9c 1 S Rogers J^ 7 l^^aHa^^^ jjt Corn Flakes 2pk-i3c f-^ Afso Gioss Starch 3 Sic f feL^^S i' ned Sour Pie Cherries 2 25c  5S3 i-* Campbell's Pork and Beans 5c Ji^''"^ ^^!~J I j Coorgin PJmentoas 2 ,%':.', I3c X Clovarb'com ^J V:-~- P:v'-.-?d Golden Bsnr.ir.i F-uii Cream i I Ev;;,-5 Peaches m lOc. 4~^ fi^'f Lovc!y-jc! Ceisii.i Dessori 3 ,,;,:J 13c     " Pinner 2-17c V^^ Comet     .;tc Unconletl Rice 2 13c /A Red Label Brsi- Rabbit Syrup v,\;,'~ 8\c Ams:,C''.n "!f SL:re U Gcod Ceifoe" j CffliPI^^P1 1 1 ^jj*" a B 'Jfrr* * ^      f-i ;: Mor-Jnice Valencia P, \l I          3s I Peaches I RED' VALENTINE KED BLISS .No- i'i ^C J[ j Snap Beans Potatoes \';a" M i^ 3"r^c 1 V-~ Iceberg lettuce he.T 7c          '^i FLOWDi CELERY T.k Sc." ^ium R.d 1    ;nch 6c .1 531111011 POTATOES 5 i-ns. 13c V Tun ^lc M 1 {."an 4^0  SHI i VVif'SSAP APPLES  oz. iOc ^^11</t>
  </si>
  <si>
    <t>                                           Two injured In Thursday Car Crashes                 'i wr, rn.-r:-o:..- '.ee:e i:*ji:r(fl Thurs- ~!ay   -ri'.: u auto a^c:~ien;s occur.::r.i; to Gr:.Uy :.'isf::t.i! anu po- l:co r.-p^r::. Mrs Ar.na .k-tcr. w.:? strv.ek i;u\v:i -y ..n  ':::v\-r. by 3   ' Bakc-r. v. .".;t j. c: l^ili U avor.::e. i Decaf.::'. GC'or^:;i, a lml'.:o^ 10 trie      ;'.al T:ii::^i!ay  lof 0  - i .-c- i i Doclors :r. ot-.'.'..-;.- ^:i:-.:c :o-.  2 ;not i:.c woi:...r!. 'A-ho Sin; \v:i.- 3:u;i^r.\ .-.f :!os;~i'.a: cy 3ak' r '.vl;0 :o'.,i police '.::a: ;hc  vo:r:.ir.  '! :r.ti: *::0 S:iiC ol .".is car near :ho :r.::o." of : :,n,i Utcilu:- Mrs. J' s*or pv L .Ti'.Jre':- '.::lp !.'^s p:tai as  .V.o:i:ly j rect. :Oulh- JrL*r.e Kay. :i^e i j ::(i be m::!^; :r.u: :rj::^ a bru::ei; r:j;::t :c-k by .looo ::-.e e:::orr:cr.cy c!~n:c of Gr.i-iy "..~i;;i;:a      ':::y af'.CiT.oor. alter sn- wa:" and knocks!     .r. an :i.:;or!iOD::fc i!    : O1.- li V.'. ::c!'!. -A.'K'.e.  Jill ii..-j!~va:-.:. Aoconiir.;; ::e::i:u reports,  Miss K:iy u-as ci-ossi.^s :nc street ;n front of 11U Ai.:;-j:-n av.;n-.:e :lM ran in t::e p.it; of t:-.- a.:. ~.i-). ich was CO!".i[ casi AiiOura aver.ue No case v.a^ :::_.:e a^::::L: BGK::elj. Sprains Ankle as He Falls Over Lumber '^r:PPI"S over 3 stu-k and falling :rao a :Mv:r.e n^.'.yoy prc- ~! J M. Henr!erv'\~. ot far SIS Kvjis street Tr.:iy. Her.Jorson -\v:il; treated jr: t:-.e '~~:      :cy  of Gra;:y i:..::p:;;!~ for a  ar. a::.: M'verci bro:~-r. ter.dor..'; :r. 'r:.~ fimi Her-.Uerson  a;ij that :k- v.-:   er. to  w-si-ii :.e te.: Ke u-as' :-~ to the !:nsp:ta; by People's mnT.i! :!a:ice</t>
  </si>
  <si>
    <t>                                           Famous Tenor To Appear In Recital Here                 Herbert Lyons, well known tenor of the u.id- section, will appear in  tnl Wednesday evenin;.- at 8o clwk in the Morris' liron-n college auditorium' This recital, miller the auspices of the West tilde Morris Brown . U one of the seres of programs the schot' is presenting for Founder's Doj celebration. Mr. Lyons will be remembered as the outstanding ten or during his  school days at Morris Itrown, when located on Houlcvard. Besides his  ability as a great tenor, lie l.s a  of renown,  on many  lO  won prizes for his raro :in !. Mr. Lyons romes to Atlanta as (.uest artist of the. school and will render some or the most difficult , for  he has won fame for his ca.se and moat pleasant . He has had n rich experience, having been instructor :if voice at Hampton Institute. Tnlla.iDca  and recently  a studio In Illinois. Ho has also done considerable concert work. HOTEL LICENSE  CHICAGO- (ANP)_Mayor 13. .1. Kelly Wednesday revoked the license of the HoW Spencer,' operated in the colored district, because of charges growing out of the investigation of a vice ring. DEFEAT BEAUTICIANS BILL IN VA. RICHMOND, Vii (ANI'f- The I Beauticians BUI approved by both white and N'cgro Beauticians wus ''"IV. in the House of Delegates Tuesday.</t>
  </si>
  <si>
    <t>                                           Lavely Staley Paige could have married any eligible man in her set -- there was for instance the young lawyer Perry Deverest, loyal and reliable, but she fell in love with dashing irresponsible Brew Armitage. Drew told Dennis St. John, his former sweetheart...</t>
  </si>
  <si>
    <t>                                           FU MANCHU-The Severed Finger A Ghastly Face by SAX ROHMER                 MESCAL IKE Isn't That Just Like Muley? by ART HUHTA                 TYM TYLER S LUCK The Brutal Barkoff by LYM YOUNG                 TELLING TOMMY'' VyPAULPlM                 $BILLY*                 ARE GONE FOREVER !f--^ Belt This on Your Bass-Drum.</t>
  </si>
  <si>
    <t>                                           MISS HATTIE JULIA WRIGHT. popular student at Lincoln University. Mo. the charming daughter of Mr. and Mrs. Georg, H. .Wrishl of Hannibal. Mo.</t>
  </si>
  <si>
    <t>                                           MciBTYRE BROS. Forsyth Strett. Across from An.-Jcv \VA. II357-S- WE DELIVER SPECIALS FOR FRIDAY AND SATURDAY Leg Lamb ..20c Round Steak 25c Rump Roast ...20c Veal Cutlets 30c Pot Roast 15c Pork Chop ISc Kinsran Ham, Whole or Half 13c FULL LINE FRtlTS AND VEGETABLES KOME-DRESSED HENS AND  i PIG GL Y W 1 G 6 L Y SUNSET  BUTTER lb. 19c FRESH EGGS ooz. 25c GRIMES APPLES doz. 5c* GREEN CR8BA6E lb. 1c f SEEDLESS GRAPES lb. 7C LYE HOMINY ea. 7-lc .ES ^n= ea. 10c SOA? or POWDERS 2 for 5c I CAMAY orT^icos SOAP ea. 5c  jj ENGLISH PEAS ea. 10c CUT BEANS or BEETS a. 7ic CRUSHED PINEAPPLE %~~,~ ea. 5c 8ALE PEACHES ?    ea. 12:c PORK and SEA8S 1KLS ea. 5c VEtVO COFFEE lb.1 9c FREE PEANUT BUTTER j^- ea. iqc IN OUR QUALITY MEAT MARKETS SLICED BACON LBTToZPORK HAMS LB 11 Vic SPARE RIBS LBlbel1 PIG LIVER LB 1Ocj HAHS (large) !;l;^(i;f^;;~'^ LB 10c S ?^ LB 6c I MUNICIPAL MARKET Edcrwood Axe., at Butltr Street Ail Under One Kui.f Bfehty-Five Stands nf Gcorcia Prixlncts Rogers- Pijruly Wijjgly-    ' Markets and Stores Open Daily a. M. lo t:SU V. M Saturday 7 A. M. to 11 r. M.  S MARKET Small Suk:it Cured Frrs!, HA.MS. whole or half. II). 12!-c spare ribs. :l. ;0c .RoundorLoiaSTEAK.il). 23c I Pr"'k D Fresh Pan .SAUSAGE. Ih. !2-ic I ^g",1^ 2f Wright Hopkins i"~^gE^T MEAT MARKET ^^^^~    K^ SPARKRjaS. Lit. Oc ROUND MEAT FOK LOAF  TO THE  STEW-mAT. Lb 5C I MARKET: BUY FROM XJ- 4f booths and io 12_OTHS_ ADVERTISED Booth 94--A. M-IhARDEMAjT^ MY  HAMS ; FAT HE^S HOME I BACK BON E 1 AND FRYERS  SPARE RIBS 10C i^-?""  m Fl-~" RAISED SAUSAGE i FRESH TRAPPED PORK Uh'GE RABBITS  Z' 'v''           ?    in- "Alto Country</t>
  </si>
  <si>
    <t>                                           NASHVILLE, Tenn. ()-- With a grand musicale concert given by the concert singers and the choir of A. and I State College and the state-wide basketball tournament final contest, the Second State Wide High School Symposium closed its three-day session at...</t>
  </si>
  <si>
    <t>                                           MRS. JIMM1E CHERRY, popular you or an iron of Memphit, who it  with the 1' Life           Company home force. Mcmpii.                 Phoco By Cotemta. Mctnpht*</t>
  </si>
  <si>
    <t>                                           jkW? luck;. Be l.tkr wUh  an4 1   . tad ~~=~ "*4  M  tho !              -PEP- TABLETS will ImIp to  nor                      ..      from mini   will  700.  AFE. . . (On.CoarwTremtni.nt). Sp^Ul 41    Wnpwd in  pukas*. Send  or money .  T         18. OwWn. OUin. Ml.</t>
  </si>
  <si>
    <t>                                           The wave that a few months ago swept the city of much of its lowly vice and cleaned it of many of its gross evils, returned again to the Hill District, last week (and) Center Avenue Police were kept busy raiding disorderly houses and padlocking "money joints".</t>
  </si>
  <si>
    <t>                                           MADAM MINGY T!   w. n-.-.frJ.    ,i-   II.~in: A. It. to 3 1' w C3S M...H " from l'i.!ml I'rii.-n  - Me I I.o-ik (.,r N,  , Slrn- N.n i:i</t>
  </si>
  <si>
    <t>                                           N**. 2 of a ~:#vtV.- nf miner            tkr, benefits of your nvw electric rates Ki- times as much electricity for twice as much money Mrs. J Mies' ch- bill lias been j^^^^^ /nu, about $2.50 a month. How 8T ^m yi!l the new rates affect her? Listen Jm, 0*% i/i while a power company repre- Kujt /JsT^W  explains    : situation to SI v MRS. JONES- "I'd Uke to ask some V8ri questions about the new electric rates. Mk I'm using only lights and small appli- - ances now, and my bill is usually about 7 $2.50 a month. How much of a reduction do I get?" thought I would need quite a lot more TfK-PRi.^vv  ri\-p ..v j electricity than I have been using if I Rbl RK-,tN 1 A I IV E "Your reduc- sn lhe electric range." Uon amount* to approximately 25 per cent, for the new rate reduces a $2.50 REPRESENTATIVE "You would, monthly bill to $1.S7. But that isn't all ^ou wou^ need about FIVE AND ONEyou get. There is something more, for HALF TIMES as much electricity us in any month when      use more elec- -vou nave *5een usmS but your monthly tricity than you used in the same month i)i11 u O"'d be only slightly more than of 193:3, you ean get four kilowatt hours TWICE as much as it has been. That thrown in FREE at that same lower wo"ld maKe the price of the extra  of $1.87. In other words, you pav u icity for your range figure out only z:~ per cent LESS and get about 1-1 per  two cents a kilowatt hour. (lit MORE electricity whi.-reas you have Wn [laying  .10NES--MORE Kt -       MntS      "       lhC PaSU" 1T.Y FOR LESS MONEY! That is a sav- MltS- JONES -from F. cems ing. Now tell me how much it would in- down l0 'WO cents V Thai certainly crease Tny electric bill if I should get an lj'''~Ss down the price on the extra  . 1'w Ijoen wanting one   .r tricity." :i l0ng time" RErRKSBNT.\TrVB_~  . it does REPRESENTATIVE 'T urn only :uid that s just the idea of the new estimate it, of course, but ; on rates. -Any extra electricity you buy the basis of the average amount of cur- romes to      at re:il BARGAIN r-nt  by         in homes PRICES. The more you use, the cheaper which already have them, 1 woul.l esti- it gets." mate-, Mrs. Jones, that your  bill ,,,,c ,^..,,0 would be about $2.6." a month hi- I JONES- m. certainly glad to than it has been in the past if : k.niw l,hat ^mething is getting cheaper in an electric     -e  ays- ll  to me that now js a. mighty good time to  to Mr. Jones     . JONES "That's considerably about my new electric range. It looks as less than I thought it would be. 1 if I can  it at last." Be Sure to Qet Your FREE ELECTRICITY! you     f/   rates, call nl our - *lure-~ir 'phone. MAIL and a *  call at your hum*. If     . you , simply mail O,e coupon an the right. \^f TODAY! Sftt . Ihit , Advert'isenurnl So. S c^~2" s will show haw thu new rales benefit a customer s ^rS^X^^J: ^Shborhoa C.Btt;a        . PUa,. ,mnJ m*"Mor* Light. War* Electricity Now Costs Less t^ ~*(%^?   .~Z: Than Ever Before Nam. jg AdJrtM. --r-.:-7'y s fi!S i!.,j-v...,,.-i.. m</t>
  </si>
  <si>
    <t>                                           Men Between 40 and 65 Can Still Enjoy Life -yew* p,^, ~~.i,,f_ +n  pM *r.*n w-   -r  C**3  ^'~ wo *nr. urM. rui 13*1.  om r*i't '/O*K AT.~   ia! ;,r.:;wl Ion 'M !.i. t,.- tl,r5G W. 75lli St. Dppt. NT, N. V. C. Good Better Bes* Price Coal Service ~'M.     KOCK  ij Hunter St.. S. E. WAL. 38WS X.11 Lit Slrpct. S. \V. R.V "00 tli;3 UanJchcad. X.W. HE. 3483 1:110 Unuli-vard Dr.. K.E. He. 3700 :\~ik' Fur Our Onc-Uour Quick Service W. D. Hardaway Coal Co. Brown Coal Co. SiMi Lbs. Red Ash Lump $2.15 HP) Lbs. Kcd Ash Egg $-10  i Ton Red Ash Lump $3.75 Ji Ton Red Ash Egg  3.65 Large Ksn Ktd Ash Si.   *KEE          Phone Ma. 5410 ^IASqy__   .</t>
  </si>
  <si>
    <t>                                           Fighting in the city of Miami has been struck a knock out blow by the Miami Police Department, if what happened at the Winston-Bush's fight last Wednesday night at the ... Park Arena is going to be the order of the day for Negro fighters and promoters.</t>
  </si>
  <si>
    <t>                                           BAND LEADER NT BE HEIR TO FORTUNE                 Ji. M. Otuy, Well Known Uri:!n_':~lra Leader. l'"     )i:  in Fortune i                 K AS 'SMOKY JOE'!                 MASH\'(I LZ. Tcnn.   ,i. 11 I                 "Smoky .loo" possible  to ii Mf Hjlf Million dollars revealed through  private .                 Ttamon Mauryce Otey. l-.\*n to I -til the South ;is "Smoky Joe." j popular orchestra  and the  of the kite William Hrowi. .it Paducah. Kentucky, was informo J tod:  - :it the  for a lone private investigation, thai he was the possible heir to land holdings "t the late  Brown, whose death has remained a mystery through the vears. Mr. En.wn. who died in lOU f. left a daughter, Sarah Laura Brown, who   *vr?r came into             of j these holding*. i Upon her death in 1332 her yon. Ramon Maurycc Otcy. would   ' law. become the- . I^ind in Bedford City. Va.. the tf tnl  of which has noi been . Soutlvrn Illinois, and Paducali. Kentucky, the investigation revealed, is assembled in a ncal little fortune. And search for the proper data concerning properly in K- and Illinois is  to be obtained from tho  of Mr. Otey's mother. The firm for  expects 10 complete their investigation, within -the Mioxt six- months. Mr. Otcy  to leave lor the- East immediately, following a tour of West Tennessee and Vestem Kentucky with "The Rhythm Buddlvs." to make claims if his .-.</t>
  </si>
  <si>
    <t>                                           "Smoky Joe" possible heir to near Half dollars revealed through recent private investigation.</t>
  </si>
  <si>
    <t>                                           RL1;. WHITE WILL GET TRIBUTE                 Scores of Ministers to Take Part in. Event in Honor of Divine's Long Service                 SERVED STATE 15 YEARS                 Tril.ulo will bo     'l         . M. W. Vlilio.  lif.ite        Uinnrr of H'" O^ Smtr       ..     71                 by .r.,r.-w of h'~ follow          . not  In the Oronfor Atlnntn       from Hi'tr^h*?** for (in       of t Imnilrwl ".      0~:F .                 . TV when, nt n   "t 7:30   nt      Wlu.nt Strrxr BnnMtr . he will ho -il for     IB yearn of KTvlno n* n . I Tin; Tir'-cmm. which wilt he             lir     Jw, M. T.. Kin*,  of the Ehwiww       )tt .         * of the At!:int.-i 7 ni,     MlnlniiTu TTntnn. will  pen with n none br the  Mi. Vemon BnnMiir   'Unwed Iit  nro  by ri"v. H. M. .  t)~~ nr*~Idi-nt of rhe TTnlon  nd  ot tin- Union Bnpllst .    7er by Rcr. G. TV. TVoodiem. moderator of the Atlantic  will bo followed by the welcome        8 by Rev. .7. Raymond .Hcndenion.  of the Wheat Street chord* .ind       by tbe TVbont Street  choir. Five minute Uilkn will be made by R".r. J. Nobrlt. pan tor of Mt. Ollre BnptUt church and president of the Suite Baptlut convention on "Rev. While An I Know niro": Dr. D. D. Crawford, executive ;try of the Stivtc convention on "It*r. White'    A Worker:" Rot. W. F. Fiisclinl.  Slnnl Baptlrt  and  of the Stitto Ka^.-  on *'Rt*v. White As A Friend": nnd PreBltlcnt S. H. ;   *ln;r of MorchotiHC  i "Itcv. White Am a HtutieDt." A  onc by in... t. Stn^et Baptist j ' li  will end tbl* . A :r of lending ,  workers, ^s and               uii-n will devote  mln* I  to  of tlx- honored dl. I vin.-. Among ;  these   arv. Hev. .1. T. John. ion.  ZIon  Baptlat -.h and  of the    -~ Hoard; Her. C. A. Winiffleld,    :~ elder and state Sunday i':hool mij/Crintendent of the          M'thodlMt Rplncnpal ; i It.-v. ft. Jivll.  Hop*. "'II .\~           und         of tlx '^'.          church: H. W !     -ll. KhHt.  of . Ail. Lift*  company; I \frK. Oi- Ilnucuhrook  J ^ CndertiikinK comI'.: s. W. Walker,  IM1j ^rlm Life Insurance company; Iter. I J. Clow. [Mator Llb. ISapUat -: and   -v. c. n. Holland. i -..utor of too Mt. Mortuh BaptlaC hurch. A "     the Mt. Vernon church  will precede the  which  be -l hy the Her. W. M. Elrlnn.  of the Oremter (Continued on    * 3)                 REV.JWH1TE I (Continued Vrum  I) Ml. V.-ri:"n Ibifilict -h. Rot. .T. M. T:ii.-. r---i-     lh- Thankful I':        i-linn-li. 1 :. 0:i.. is t hr. :ilt..-   .c:ii;or.     - lin:in.-i:il :  .p.-:il will i in:i.ir ly ill.' l:-v. W. .lor l.in.  "f l!if Nt-w II..J.O :i*    'i:    -n     ! r.-ivf^.r of t!    Sf^ Mr. .- i::        i-hnr li f*. S. ~?mx. i.f C,.\ Hp.ih.rx Kiiiit.i1      : It. 0. !!:     . -nn A\*            *l P. -h: IJi-v. .1. T. TKJrscy. pastor Orfatcr Mt. Zii.n P. hnn-Ii: Mow 1;. n. Miller, pastor Mt. ri.-:is:iiu r.:lt li t : Rev. T. II. i'i    n:o.  Antim-Ii r.-t .li: l:."v. 1'. K. Cii-r.  i:iM..r .l.Mi.v K:  .li!=l Hinr.li: : It-v. i{. Barn.-tt. p:,~l.,r Km. 1-r Sir.ei l!:, -fli. Atiotlior - of tho  will lie an  on "R.-\Whit,. a Spwial Frioml to the .'i'-'jns.           " liv Ut-v. j. .in. pastor ,-,f ,h(~ Tnhornncle r..ipt,~t *. Auj:   :tn  rl.v president Of the Stare R Y P 1. .  hy Pe'ln C " of M.~r,~ho,Ke- c,,,lc:.p roll,,,r,,, l.v,h.M.~n,in= words l.v wh-t"'"' "f "- Uov- M- w'</t>
  </si>
  <si>
    <t>                                           Tribute will be paid to the Rev. M. W. White, veteran state missionary of the Georgia State Missionary Baptist convention by scores of his fellow ministers, not only in the Greater Atlanta area but from churches for an area of a hundred miles, Tuesday night.</t>
  </si>
  <si>
    <t>                                           ami M-Mi \i: I; Tt r</t>
  </si>
  <si>
    <t>                                           W. A.S SLAYER MUST BE CAUGHT.1                 INCREASED TO 1660                 Klilfsl Rrolhnr of Murf lured Pnlilislmr Adds SI 00 to Sum: Raps Innrlivity                 AFRO, COURIER, FLAYED!                 The fund tut   In ilw arm* und  or I ho        or I ho talc W. A. Krolt, foun. itar anil  at 11m- SciitL    !~.         Nymllnnto itml Ihn Atlanta Ikillv U'drM       m                 I The  wiih ini n.'iix il             Wliwi A. Scott. IiiNllLliln, j West Vlnrlnln, nml Milrai l. of I I    -  "), :   (IimI $ii*~ to Mm .M . (. hy r.-llow  nf tho Mlnln              mini,     i;~~itwi. MlnjutciM l.hl..n. c. I', , -cr -n. tin; Aiiniiln St-ero  or ('-ni:  of tlic family. : On' T. 1. C. r luh. In "ITnrliiu-       for Inforiiiiiilun li ; to  ', pro.i'.'   i'  tinn  C I In- finny or  S n-Hpriiixllilo for I III' .~~-~th ,,r W. A. Sl'dll,          (r ~' "I nm  thin- for      'Hmpfit of my higher*, my , unit my ' Hlsli'rH. TliO  iy of W. A.'s   my)  HlMi('r.s unit  !  Die       mid I  in give my      to ;  l)   culprit to Jimlloi'." "I   W. A., with  Ii uf           .H of i],  ntM not one I'i'iii In IiIh  nw. I          I . tho )  Unit wi iii  to lie lax In ; this fni ts nl I III.- . Mirny AtlnnliinH, i Hi         v;liii ii ri* r'-llo\     of InU-n  ^pi.rm, will r'.'i nll Hint A. S. nml  4 n I'ttjfc 5                 REWARD Continued from Pair? II V. A. pl.'iyi ij  ihor on the Murrlioiisc .-Kii f,,  :ik )'i-rs cif liu'  ''I'onr                 .? "I df-     ..   "~ fr.im ihp riii:,;li Courier :    Hie i(:il:i men- A:"  .-       -:ili in p:nt ii-uln t- i:'' '~.  f..r  Inv:  ili'.: . h,-. his 'l-"iii i .Minns; him 'mi.l.- ,-);:i ni. icr. Murphy -.'nil Inh:nl  ; \vivi-~ . I w;ii;i. to .nmmi-n.l Hi.' (:lc:m .-hi. ~.~:.nrf lak'.-n  - 1 Atliims. oi ii.ir ~,r i ho  Hcpni-KT. ~,-  : Hi.. Pinsliurqh ''~~-i- I:,,- i, : ! :li- :,tl-,.-i \V. A. S.-.nl  -:ii. i,, rh^ ,.froc, ,h:lI  s"""   :' ''~'~I p ii i hi- Hir-i il.lllL-l,:.m ..r l.ll^~  ".sl :il"~''- "i'l". i... t in-. li,()..pi.~,.l H'-ni." AfKi- iij^-u.^in? iho  jr.-r,.l ..f                thi- 1 l. f ibis cia_viii(j us ]\vi" -p ~,:irK nr hi' . ."~r      Jidmirritl.in ih:,: ^ nf .Nii:r.ii- ii.i.i fur i hi- s-*. "i ml!   Mli7V Hi. I ~,;il,~..r, t Kit imi-n-sl ill I'in.1 l lie sl.'.v.-i ..fi Ml.: man. mi. I )i j it\       ,-i n-.iMii-     I if lliC S.-UII  ill III..- l--iou i. f i)]i. -!:iv^r. :    .-Ui. .1 S'-nrr .-.,j '"J Irani .\t.-n.~ nn In ;.r.-.-sinn ni^,!,,,, ,~1(, !il  hIk, nrf  i:" In    . ...,1, :,i n,iv lir,.si.n\ Th- :.v.-.r:.i.. Nn;:r., ,.     wai.-r nn:il 1I1..   -ll run-. .:ry.   ,,,, N, ,,p,.(~ m..M i- ),.w. m.-i..h..,. r;l,.~.., i-r.,,.,^-.</t>
  </si>
  <si>
    <t>                                           The fund for information leading to the arrest and conviction of the slayer of the late W. A. Scott, founder and owner of the Scott Newspaper Syndicate and the Atlanta Daily World now totals 8000.</t>
  </si>
  <si>
    <t>                                           SWELLING REDUCED And Short Breathing relieved when caused by unnatural collection of -water in the abdomen, feet and legs, and when pressure above ankles leaves a dent. Trial package FREE. COLLUM MEDICINE COMPANY Depfc 580. Atlanta, Ga. Children's Coughs Need Creomolsion Always get the Int. fastest and  treatment for your child s coach or cold. Prudent mothers more and more are turning to Creomulsioa for any cough or cold that starts. Creomulsion emulsifies creosote with six other important medicinal elements which' soothe and heal the   . It is not a cheap remedy, bat contains no narcotics and is certain relief. Get a bottle from your druggist right now and have it ready for        use, (adr.) Working Women KEEP WELL AND HOLD YOUR JOB Do you lose money and    being absent a few day* each month? Don't do it any more Taka  s Tablets. jam, wm ,,;,. um^k i  ana    you Co go home. It* you take them  they  present . Tbcae tablets sn  , easy to swallow,  . You can gat a box from your druggist foe SOfc Let them bdp you. coo. LYD.AE..rS TABLETS A Utefia* Stckthr*</t>
  </si>
  <si>
    <t>                                           CHURCHES CLUBS i SOCIETY</t>
  </si>
  <si>
    <t>                                           TEACHER'S MEET--The Alabama Federation of Teachers in schools is meeting in Birmingham this week. They are to discuss ways out of this present emergency. You will do your self a ... deed by attending the sessions. These folk are helping to...</t>
  </si>
  <si>
    <t>                                           Resist Such Loveliness Charm I? the secret of feminine appeal and a  oft. li*;ht skin is tho secret of charm. Dr. Fred P. n Skin Whltener Ointment no tens :ind  the darkest skin, clears up  s, blotches and tar. marks, and t!ot.-s away with that "oily, shiny" look. Ut*e this preparation anil make your ?kin soft, delicate and charming. This  Ointment Is made in tht.- famous Dr. Fred Palmcr'n Laboratories where are also made tho.se other beauty aids you know .mo well: Dr. Palmer's Skin WhKencr Soap. Skin Whi tenor Face Powder. Hair Dresner and Hid Deodorant which may be had at all             for 2j cents each or will be. m?m postpaid upon receipt ot price. Dr. I-'red Palmer's L.3, DcpL A. Atlanta. Gii, Send 4c in stamps for trial sample of Skin Whitrncr, Scxip and Face Potcdcr. DR.. FRED PALMERlS SfiwFWfiitener ' YOUR COMPLEXION YOUTHFUL*</t>
  </si>
  <si>
    <t>                                           Cov.Talmadge Holds Fate of John Downer                 AfHT h.-n rln- pica \\Vdin-f.day "or  clemency by 1 tarry Slrosicr c.-f Miiomi ;ind Jiidce. Henry C. Hammond of -Sji^n.-l.-i. .attorneys for Julin D'-wnor.  c- Nivro Is s'.'-il t.j die iii       Hinlr nt Milli-- fur an  ntta'*J; up1''! a youn^   iti Mttr. UO1. Governor Kuscno TalniiMlKi-              ibal he will  his division known today.  TrM.*  - said tl^il-ht: delayed his Una I  In the case until lie lias inti i-/d Hip ^  and her lxi.  liu wci\' nut -nt at tin1  yt . It will ri-i -d  t.i " during Hit trial set   i io  was alk Kfdly   Downor in tlio      !iH e of her -and tlic  Ihhum? I tic UKirriti^i1 "f       i-(       -. Su\  ' ~.; A.. Sn-  ; Skvltou  f Ilarlwcll,       Iliu case. Wllcrly -fd     : ^; uf  y  the   lias refused to ri-ci^ i-lemi lu y fur tile .-ii m;iii; wli.) stilt i-n.ilf.st) hi:: -i'.</t>
  </si>
  <si>
    <t>                                           Always Left Out Do you know why she wasn't j welcome? She, herself, didn't. Halitosis (bad breath), the social  no one forgives, was the . Yet no one need have halitosis. Gargling with Usterine   mouth odors and  infection. Use it doily. Recent tests I  that listerine promptly I overcomes odors ordinary antiseptics can t hide in 4 days. Lambert Phormacal Company, SMouis, Mo., U..S. A. LISTERINE promptly ends odors ordinary  can t hide In 4 days</t>
  </si>
  <si>
    <t>                                           "The Seven Last Words of Christ" has been selected for the Annual Palm Sunday Cantata at St., Paul's Episcopal church, corner of Mayson Turner and Ashby street at four o'clock tomorrow afternoon.</t>
  </si>
  <si>
    <t>                                           OPENS DRIVE                 W. H. ANDRES President and general  of the L*dy Andrei Product* Corporation of Washington, D. C, who opened a drive in the New York field for hi* , offering 5925 in  - Hi* company  twenty- beauty aids.</t>
  </si>
  <si>
    <t>                                           When Booker Washington inaugurated Clean-Up Week, he no doubt saw the Negro, and the whole nation for that matter, on the inside as well as out. "Cleanliness is next to godliness" is an old proverb, and from a psychological aspect tends to help a man's unlock as...</t>
  </si>
  <si>
    <t>                                           Baptists to Honor Veteran State Missionary Tuesday                 NBC, Inc. Starts Nationwide Drive                 Tin- N:.in:M  Convention. In'-., (hr-.'ii^li its sjH*r*l:il t.-*. .sion :u SI. l.'     . MNs'iuri. .J;inn:iry nth, - Its  t.,     ; nut. ils  llt. ol li^ to r.' l tin; iu..rtic:iK-.-  ti til.' piil ^ : throu^-li :i    'l Issm.-.                 All "f Hi- !~..fPls amj rm-n-l.*    - **il In this ~*!iui!i;ili:n Jui'l Hi.; Stingy   :   . 1'; h:- r.J is .sjK/nS'~rin^ th*;       '. A    nf l'~i is  ilin-i-t this  uml r"^i';ii;il  will li..~   as fellows: I'.-I.. .hi.-l.-..     .'.        :i April. h;   :is. T^n^.s: May. I*om Aiisi-I.-m. .. ami July. C"l .     ... Tiv..  nr- yi-t tn Ik.   ,.     .(~. .Miniattui' '-   'iiii"ns.        :ili"ll:H. 1 1 r i r r I :m l finan i:il. ^:ilh..riii-.s.       (jii.~ua f..--j .              ,. nomination!!) N'li'l.-rs fr"tii ii'-lt ,,i; f.\.-~ ami '-wls  pl:    -'(. M.'HilhTs i.r tile    ^'ial  Oliiiulu l'~- also : that  It. Y.I', r. "'nuT.'ss will be Imld In            .ii. I). C. and tli- National (.'~~ lu Oklaliaiiia  ity. Oklu It ix  to  Uie entin' }* issue bt arin^ fire per  vnt  nnM .    ! th"; ^azo       sul.s.Tiptions ^itli in thi* "n*s (~        'ti'#y. A"i^~ 10 I.- nl   ?       wlio      -    *(J    - np^'tiii^. tli"         nf I unity.          . i'~           . iun'1 (li lt '^n was n**vCr mure %*!-'                 . ill. any "Hut ii I ins thai ii was :it iM.s    -~- Katharine,   a.-.* .I.-Hn r.-.~ In. ;; il(. I" tli.'lr l-is                . j S":    .*.H I.-*.'. T"W]iscn';, Ensi.      -\ ami Hn-wi an: li-ini. I assisted  rl .' for"- of liii-rs In -.I sowing.     ; j.ub- i ll ily ..f Hi"    - "ii is l-'inx j ]"-      f"r l.y JvJiivr . l(':v. I T.   . Fiiil.r. tli" n-.i.-'l  -h .T ini l        ' iK-.k:.   i Ii i^-'nl      r.-- Townw-mJ.    . J. M. N:,l.rlt.   :ik.t!iI scri.-lary .if Hi..- .-.,u.   .-nli.,n. anil I ir. ~:      . It. I,. K. Williitms, i'.Uiir.mo. is in -L i- "f ih... ~.   : witli Prtslil.tu .. I'r-. .1. I.. W.-I.l,. ami 1-n-sl.l.nt l^  th'.-lr n-   !i-     .-s. MciiiUts "f ih..    --ial .-i: ./.- .)ir-~-lint;  .. a r,/ J. I- CaniplM-ll.   : Hutm. a.! 1.. I'.iH.n.-. T.   . I',.~.nc. .1. II. Bnin- ham. K. Wlllii;.i,,s. A. M. T.. Injisunr. ami .1. M. Nalirit. si-~*n*tarr.      ....-. ..s fi.How. Ihk  fiii- I., all Baptists with In Tin- ~"nv.ni ion: "WV an- jini.vinu for tin.' 1-si y.-ar ami  f.ir .-.. mi.-,\^s Tli.- .~ f will I-.. ,-.,111. ~.~.i.~~ l.y r In- .- ..f ii, r; ,,,.xt in.      . .la nun ry ::n. in Nashrlll.., Ti-. WIm-ii "iir final j.lans .IT- jinn-.-.-.!.  e an- asking thr 1 i-"   .    ..n nf all. Ii.i y..nr part."</t>
  </si>
  <si>
    <t>                                           The National Baptist Convention Inc., through its special commission at St. Louis, Missouri, January 9th, launched its drive to wipe out its current obligations and to refund the mortgage on the publishing house through a bond issue.</t>
  </si>
  <si>
    <t>                                           BEAUTY BEGINS  'I'll I^T 1 j Spoeiri! 15 Day Offer 99c iti:r. di: w .           mh: UKli D)\v I'rnwlnii oil Mhj I1AIU (.HOUnt (Uc  1'tUo  l.rta JUHt mull  ml. When         . tmy  UU          plu^ j UhE HEW LA11O1IA1O1IU5H 61.1 K.  Ave.. Dtlr.IC. Mlcb.</t>
  </si>
  <si>
    <t>                                           JAMES CAGNEY. star of "Footlight Parade," the feature picture now playing at the Itoynl, s posing as a sailor with Kence Whitney, one of the -00 girls in the musical hit!</t>
  </si>
  <si>
    <t>                                           ^"Y /.'V B le  ^BP^gFf ^-~-~^;^1' Cream with the ^B^:^^^^ z ^'      ExclusiveHr^y DOUBLE STRENGTH Fea tu re W^^'M^ Jyfc IV not rale- tu  km*-'   lo  j //'/'~%(*/ coloring. Lij:      , :       r-Uin in Half time;. /ff:'^'''''tfA        up ])~~                 * like  ^jf ^~''i/jA BLACK* BLEACHING CREAM ^^</t>
  </si>
  <si>
    <t>                                           SECOND JANITORS CLASS TO MEET WEDNESDAY                 "Coal and Combustion" will be the topic to be discussed at tin: second meeting of the second an- nun! Janitors Training Coarse in i the Care and Upkeep of Euilri' ings" being conducted under th'" i auspices of the Atlanta. Urban League when that group    ?ts at 7:30 tomorrow night at the Auburr avenue branch of the public libra ry. corner Auburn and Milliard street. This course is open to all jani- tors interested in improving their status and knowledge of their jobs. No tuition foe is charged and all are invited to attend. Registration at tiie Urbnn League offices today or from seven until -thirty Wednesday evening, will enable (hose desiring to take the cours i to still qualify for the certificates being given at tliP completion of this practical course. More than 100 janitors wore present at      first class, last Wednesday night and H is expected thai the 1933 figure of 1S2 pupils will be ox. .  UNION ANNOUNCES MEETING The Atlanta Baptist Ministers" Union will meet  at Mbrchouse college. Sale Hall, at 12 . A systematic Bible study will be conducted bv Dr. C. D. Hubert. The members' arc urged to be present                 Meanest Man Sought For Beating Child T"hc meanest man in Atlanta was still at  Monday ni.eht despite i  of Detectives' Englebert and          to apprehend him. iris name is John Honry Austin md he lives at 304 Orange street,  to police reports. Austin, i/Ticers said, in a ra^e early Mon1ay.  a huge rock and  it at his six-year old daugh:er\s head, fracturing her skull. The child. Dorothy Austin, was brought to Oady hospital by her mother, who refused to let doctors operate on her and later carried her bock home.  to I GRADY FIGURES IN WRECK Hurrying to Gradv hospital with a wounded man. Grady Jones, ll-ll McD. street, according to police reports, collided with an automobile driven by Lon Knight, 580 Central avenue, shortly atter 10 o clock Monday n m-hl at the corner of Central and Mitchell. Cases of  driving were made against the mpn bj.' Officers Ralledge and Prestrfn. Knight's automobile -\va.c said to have been knocked against a machine- b"!         to Frank Williams. 229V; Hilliard. AH three cars were damaged. Curl Cobb. 23 year old cook who resides at 4!   Me Daniel street,, was the passenger in the car. On arrival at the hospital It was found that his arm had been badly spattered bv a hail of buckshot. Docplaced his hand, which wa.j frac* tors, after giving him treatment, lured, in a sling.</t>
  </si>
  <si>
    <t>                                           Baileys STRAND TODAY (Sunday) MONDAY TUESDAY TOM TYLER IX "Deaiiwood Pass" .-TIH KS. c:ko. kai-t- mak west  AFTER NIGHT</t>
  </si>
  <si>
    <t>                                           YodrEyES Nifiht and Morning keep 1 them Clean, Clear and Healthy r Wrire for Free "Eye Cere" or ".Eye       " Book         ,Drpt.iJ.S..'JE.Ofc;iSt..aWi(~. for    /r 0(Next Cake Use, 1 f  S 40 YEARS mi 25 ounces for 25* M</t>
  </si>
  <si>
    <t>                                           ^A4    A.AAAA AjkA.AAA*   *AA MADAM ESTELLE KNOWLEDGE AT PnKSKNT IS POWER IN THE -: This lady will toll you everything you wish lo know  skilly any questions. No nin vr \~-l n nr I what you are or what  hone. I Xoar or trouble 13. ask -:cr -! I She will help you. Give:; advice on bu:ii- ^m^r-ma^ I1 ness , kr. BSV-FflB J dreds. or lost or stol- ^S'~ I "Bjj i discour.ni;ed, in trow- I Mo or in KicJ . ^bj. B will help y."j. Tells how to h;ive siu-     i:i in)iiin\~.-. love, . -r. 1 v. Mi;  . and ^.' of .ill -. Tlic  cIhs* of - cm-nil farr anil l.ikf? lli.ir fi       . She has been consu^i1-! t-; ;i;'.~;.' noted Olid prominent per-'ii^ than) nny other Ach-i.sor. D(i:r; Lm- ilis- .--ii if  have f;.il.-d lo help '. She will  H!Mlively tell you   that :. het wei ii     i and . Tliniiynnds haw      . I lied by         her . All  -  Ah-  privat.-. SATISFACTION GU,\nA,\. Re.,clini.'-- Daily I  Sunday Iron-. ,\.M."tu 9 P.ji. gives r.i; days l')G2 l.aki wood Avenue I\V;t. l.",3!) j   )ci-j;il Number for Saturday * T?             *~T*'</t>
  </si>
  <si>
    <t>                                           JOE WAY i I TO  RNN DVORflK ,f^ EDWABOEyainTaQRTH A Za . s^'UNASHAMED" I -and- 1 "Five Star Final' j ~-st LEE Times Today: TRACY in 'Private Jones' Bailey's 81 Theatre JAMES "TnuKhboy"! .Y in n The Mayor of Hell" Baileys STRAND I I.AST TtMES TODAY.</t>
  </si>
  <si>
    <t>                                           Here's the PROOF/ ^ ,,.    t Testimonial to  '^E^lH^w^ _i^j*lL ERN S Guaranteed *   *t fc ^^S^^ Methods J^L*B *tW 1~"*r DocXon' j I M l^i ro*- tat* ber* that I had n V    at sod  po^ It *v x for lour tlm*. I  your f      *~ .    ilex-tor Iih.I til*                    b*forr 1   *\ :.i.rw Ihry  r*rr oat. How gL*d I }"~ 4^^ *          4 work, X^V t M = O i^^b. MRS. XL L. . We Save You HALF or MORE tor Guaranteed Dentistry s.       "c   "e     ,~%- 22-Kt. Gold and White J FlLUHQ* OUe Porcelain Crowns and Bridges We reconstruct, remake and  7our old plate so that it will fit per- fit Jk ATktfk fectly- for only- *!p ~\r^r    .oo .j.-j: I MODERN DE X TINTS 38\ Whitehall St., at PiazaWay on the .Viaduct WA. 0712</t>
  </si>
  <si>
    <t>                                           Up From Georgia With My Banjo By THOMAS JEFFERSON FLANAGAN to a (;oi.ni:NROn r..^' i'.i^ii i;s yellow . . Above the fence;: wau The ^!"" rod i:: :i!l its ancient :';::nc JIakcs its mon:i!!jr call. K'lckinj: i:i '.hi: ^rc:".'.io AuU::i::i cali'.i A:ui iv. "Jie Uiiiv.y mist. It t- its u.-.sec-!i  in its anr. And prints a 1. kiss. Bccknr.in^ the '.'adn1. loaves .at clin^ II whispers peace a:ui res!. To ;ti! the  travelers of the s;in aK Upoi: the meadow s breast. But '.vhn il 1)0 left ai)ove its  to veep'-' The last lone ? When  the v.-ind blown Kates of sleep Unto the dew and the sod?</t>
  </si>
  <si>
    <t>                                           Warrenton, Ga.                 Miss Sarah Burns and Wlln R. Willlnn^ on iKc sick list. Th'ejBpctlco al P. G. B. church Tuerda , November 15, wax u success. The chairman, Miss MeV-  Culpepper asks every one to1 lie  at the next practice. The Lily of the Valley club will hold its weekly meeting ut the home- of -MJsh  Culpepper. The meeting .last week was postponed. .The ( Friday evening November 710, was a success. Sunday .was high day at .P. G. B. . The.  ,Kev. G. L. Allen, preached two  ful . A cake  was sponsored ut the home of Mrs. Olu Davis. Tues- Ony.  night, Nov. 15. All reported on  time. We arc glad to' welcome Miss Lora 'Robert* back to W. H. S. She Is stripping at the home of Mrs. A. L. Hudion. Friends arc  to welcome Miss Madtc         and Mr. Willie E.  out again after having been '111 for n shoK white The Flying Tigcfg of W.H.S. are  to  Iheii- first gome or : Thunkigivlng day. Conic .^iid yell for our home team. E. K. Culpepper, Jr.. captain. Thore will bo.s  at tho P.O.B. church .Thanksgiving day at 2 o clock. The  is  .</t>
  </si>
  <si>
    <t>                                           FIRE DESTROYS RITZ GRILLE MiAAii. Vi;        Kit-/. Hi-ilk'.  nt ."i-IT N. \V. I7ih " i w:is  1-y I'irc1, wni l \n Ji:ivo oi ] I'i'Mn an explosion of a live e:il!    1:111 or fris- thai was bt ins  to  ;i Ciiilc en a pfis .                 Thi- fire spre:"  ' kly to  ImlliliiiKS ami the best efforts of I I'ireiiiiMi were of no ava'1 until I  \    in ruins.</t>
  </si>
  <si>
    <t>                                           .  S PREACHING PLEASES HARLEMITES                 OECfflNM DDES GOOD IN N. T.                 Thankful Lajjlist Pastor le Well Received by Eastern (Jliurch Coin-; Public                 HOLDS .MONTH REVIVAL                 Ky 11. G.                  NBW YORK. N. Y.. Feb. 23- Special) The eminent, powerful,  and beloved pastor and uv.. the Rev. J. .W. Tato, - of the Tlitinkful Baptist church, Uceatur, Ga.. is now in thu midst of a    at tha New Mt. Ziwi Baulist church. New                 York City. Tiic Now Mt. Zion Baptist church, is one of the leading churches in the Metropolitan oien and the cast and will be the scene of the New EniilaiiU Bopilst Convention thin year. It is pastured by Ihe  and well known Rev. William A. Campbell. Since February 7lh.     date of tin' start of this history making soul saving campaign and revival, hundreds of men. wo. ten and children have gladly       Dr.      i as he expounded the words ~}t t troth with eloquence" and force. Out of this number many have been happily converted, revived, and restored. He will preach  the rent of this month and his coming to Now "Ml. Zion will be reMembered ns one ot the must .spiritual crusades conducted ill this section in a long time. I Xot only is the ever growing popularity of Rev. T;   as a nationally known evangelist and j ClirUlian      ' noted at New .Ml. Zion. where he .is conducting  second meeting in as many I (Contiiiord on Page 3)                 Decatur Man '-il from I'a^u I) y-nrs. but Uuouyhoui tin: city.'1 st Me ,' sir.TOur.i.li!i[; f.l.'ilcs. I Prior to fn.^i year, ho li.-id con- duct'.'c! .'.imilar ith i Iiuks ill Mt.  ;iml U'iilki-r Memorial] I'.: i!n:vc io., f.t ;h-;;, ui'.y. The:  His le.-i-l-rs of this ; with so i:nprc-~ocri ;\h 1i:e ] . v;iiit.ii r.p f:r!:\cti:(l :tl '.he' Finptist Coiiff.-i net? of       -   New York ;i:id Vichr.v. lust yc;ir. !     ho has   to pr c:n:h '"in body before he returns to Gtinrftia. Siniduy, l\-V.ruary 18, ho - L-rt at ihc h;i C'Jirmol Baptist .~.-h, I'hilartelpi-.ia. Pa. Whilt; on the / Sunday of the month :-;:r.:-v 2S. ho to -V. n.-. New .lors-y. Hev. T:i!   li:is ,-ni eni!."t! al the Wniker Memorial Hapth.t t-hin t!) bei i.rc lie  s Now Ytv.'k</t>
  </si>
  <si>
    <t>                                           NEW YORK, N. Y., Feb. 23-- (Special)--The eminent. powerful, competent and beloved pastor and evangelist, the Rev. J. W. Tato, pastor of the Thankful Baptist church. Decatur, Ga., is now in the midst of a gigantic revival at the New Mt. Zion Baptist church. New...</t>
  </si>
  <si>
    <t>                                           FIRST TIME SHOWN RICHARi' 1 "lEir\VIN* MADGE EVANS UNA  CONWAY TEARLE NOW PLAYING! CAPITOL I Buster Crabbe ~'gy Rr D3H6y S I arrow ROYAL</t>
  </si>
  <si>
    <t>                                           In Memoriam                 In lir/ir.^ memory of n:v Mother who deportee: ;h:~ 0,:. r,. Ifi-JT. A happy r.nrr.-.- -a-..- r.r.ce e.". iov.^i !To'.\- swt-pt tile*  ; Kut   .-a:h has left a ion..-iir.v-.= Tr..' u- can never fill. .Siidly n".:.^t'~i bv your  i;:i:~ht'-:\ Mr.-. Morke Lee Daniels iT.'i Ashhy St.. X. V.'. In Memoriam !:  ; or.e year ;n:o . Octo'cx^r 6. 192:. Sleep 'P. ~}f-;ir. Memory is a KoMer.  ha::: .;-.-a:h trie.l bve.ik b-.r u;l i:: vr.ir. To h:ive. l.-.vo. have -n keep and then t0 part .s the s.id.:e-'. .-r o:ie s heart. Ki:~b.:nd. M:-. Robert Aekts.</t>
  </si>
  <si>
    <t>                                           POPULAR ARKANSAN                 MISS FLORA REYNOLDS -4 Newport, Ark, and former student of Philander Smi h college. Little Rock. She is at present living in Hot Springs where she is popular in social and club circles</t>
  </si>
  <si>
    <t>                                           Klienczor Anniversary Event i for tonight Will feature I Rev. J. R. Burnett, Choir                 The Korly Seventh Anniversary celebration of the Kbencwr Baplist  which is .- held nil this week will be featured tonight by a sermon by the Itcv. J. It. Hntnett. pastor oc the Butler street Baptist church. Spi- musk' will lie  hy the Butler Street choir. Tonight n . which Is  by the U'slici's  I'shcrettes, will be  over by Mrs. Mitinle Corley ua mistress of ceremonies. Kev. M. L. Kliic, pastor of the church, Is            the public not to miss this program 1,3 It will be tme of the best of the . The   will come to *l close with  pro* Knnns all  Sunday,</t>
  </si>
  <si>
    <t>                                           Restore Lost Manhood Great      i'~r men and wom^n u-ho suffer gland weakness. For Those  are tired, run down. worn out! VIRILITY is available To all who need it! This remarkable remedy will  you 1he PEP PUNCH. POWER of  so essential to married happiness. Re- 1 suits noticed within 24 hours, and i what results.' You feel eager to do things. Excites muscular activity. Keeps your system tree of poisons that make you       old.  and weak, sexually. Restore your lost ambition and pep. Take "Virility" 3 times a day. ORDER NOW: Send SI for full month s  (C. D. if preferred.* Mat*- Co..      . 1G. Station C. New- York Cily ]5^^^. White Shoes AMOS DRUG STOR13 Ma. 6122 Ala. R12.*?; Saturday Specials VERY CHOICE  FED HENS and FRYERS PLENTY OF REAL FRESH EGGS .BOUGHT EVERY DAY FRESH FISH LARGE SELECT OYSTERS HOOPER S Crystal Market WA. 4691 CaD Uw We Deliver! 206 AUBURN</t>
  </si>
  <si>
    <t>                                           The Sunshine Club met last Thursday night at the home of Mrs Carrie Hill with the president in charge.</t>
  </si>
  <si>
    <t>                                           l Hgem         rial EcnaEE</t>
  </si>
  <si>
    <t>                                           NOTICE THE ORIGINAL USHER ASSOCIATION j THE funeral Service a  f Brother Lee WatUin* will be held tomorrow. October 5  t Mt. Pleasant B^ Church, j South Atlanta. At 2 o clock. The Preiident requests all       , if . lo attend      i . Brother             the Vice Preiident of the Ori- ginal Ushcra       *tion, State of Georgia. He wai a (food man whom we shall mist very much. I 0. L. PEARSON. Preiident</t>
  </si>
  <si>
    <t>                                           FLAGRANT injustices and infringement upon the rights of the defenseless during the year just closed, presented one of the most shameful spectacles in many a decade. Many lives of our people were shuffed out at the point of the policeman's pistol, innicent people in many instances, were forced to plead guilty to crimes of which they had no knowledge, hoping in this way to get off with a lighter penalty, while in numerous other ways our people were...</t>
  </si>
  <si>
    <t>                                           BILLY NICKS and his purple-clad Morris Brown Wolverines go in for more than the usual amount of competition this Wednesday night. January 17, at 8 o'clock on the Sunset Casino hardwood, taking on the powerful Missourians from St. Louis, the most famous basketball ensemble in the Mid-West. The Missourians Were formerly known as the St. Louis Argus Big Five, but, shortly after making their bid as a bona fide professional barnstorming...</t>
  </si>
  <si>
    <t>                                           This afternoon at 3 o'clock on the old Morris Brown athletic field semi-pro baseball thrills will again he yours. The Atlanta Murdocksa and the Flipper Temple White Sox will resume their series. The two teams met Saturday afternoon and the Murdocks won...</t>
  </si>
  <si>
    <t>                                           News from Your i Home Town                 Lumpkin, Ga.                 *T:-5. Sa:;:c Si::~---:-. r .'tnd MYs. ?.T.tu-:o Si- v.-. Ga., arc ;it;cr!.i;-'; illi 'heir mother. Mrs. V..: :m-. .who- has brer. SL:i':'.:r. ".r ..~for. several .ny^.a-rd Wc'.borr. Gc V.:. .Sammie Por:cr v.-'Tc .       C. Brcv.r,. Su. ..~~^iy .11. :s \'c:; .C'l. M.v :,r.c Ai:~-. r*.v.:.': Thursdiiy vp:'- "f Li:.   *h:ch  bot-. f:nv.:i:c:-. v/:1.:-; :::hj! -^;_r^ v.-cro ^   f Mi.^s Aim;, C\;::;-.;s; .-.nn- Tub;. Lcc I-Iiir-fr-n Sur.da.-. .crr.oo-</t>
  </si>
  <si>
    <t>                                           ^isrs Editor Fires Business Manager Who Eyed His Job                 IF WAY                 Crisis Business Mgr. Charged With Trying to Supplant DuBois                 OFF FOR 30 DAYS                 .tNj-.-y.~ABC.WorU Service)                 NEW YORK. Nov. 27 Reputed differences between Dr. W. E. B. . editor of the Crisis MaRajirie,-.and Miss Irene Malvan. . ar- sahi to hive romc to a M^last   Dr.     's4ll^rC'1 her suspended one '^i illi pny  an                 filed against her. Jt 1s rumored that the Crisis   d Miss Maivan of deliberate, attempts 10  nc him Vi'oslttonV In  connection. It is alleged thai DuBofs also charged that Mis* Malvan/haa repeatedly Xorwni-ded to the. Board of Director's statements Without first submitting them to him. For upwards of a year. 'it is said. y[isn Mai van has tried to show that. 'the Crisis was failing b' cause of the antiquated journalistic policy pursued by Dr. Dubois and to  her point had made a complete survey of the activities of the publication ITom 1912 to date in an effort to show that the magazine had steadily declined und r the  s- alleged . 'As :i result of repeated  and reports from Miss Mai van,' it is said, a new policy and make-up form fas decided on by the directors      a press conf*  ~^is-sci up to govern the 7lne. Dr..DuBois, it is learnt, did not take }cindly.to',the new step and repeatedly, -.  of the board to follow out Iiis own ideas. His lat st action in  TWsrfOaiv3::t1ioa5ht. to' be In ! 'for; the innovations which . Important and  developments arc  to follow. Reached at her resident at 400 West 152nd . Ml*s Mai van ilc-  to make any comment at this juncture. I Wien reached at his . Dr. DuBois said that a decision had been made by the board of dii- i to^end Miss 'Malvan on a month s vacation and "it may be necessary to git along without her services." I</t>
  </si>
  <si>
    <t>                                           NEW YORK, Nov. 27. -- Reputed differences between Dr. W. E. B. Dubois editor of the Crisis Magazine, and Miss Irene Malvan, business manager, are said to have come to a ... last week when Dr. DuBois ... her suspended one month with pay pending an...</t>
  </si>
  <si>
    <t>                                           GOOD-LOOKING GLASSES PERFECTLY FITTED $          Eye doctor s examination Included In price of glasses if desired. Only finest material used- frames fitted that reflect your own -. Special careful attention given to colored patient* in their own department.</t>
  </si>
  <si>
    <t>                                           Fair Weather Aid to Sunday Schools                 Fair weather and the approach of Easier Sunday may bn blamed for the lai Ke increase in the attendance at the local Sunday schools of the Greater Atlanta area during the past Sunday if figures released by John C. Coley, chairman of the executive committee of the Atlanta Sunday School Association may be taken as an index.                 At Hie same Um.e. there is a greater interest being manifested in the list of attendances at the Sunday schools as tarried in the Tuesday morning- issue of the Atlanta Daily World each week. Mr. Coley, who is in charge of the task or compiling -he data for this release, is asking that all pastors. Sunday school superintendents, and Sunday school s,:         telephone their attendance figures to him at Main 22SS or communicate with Mrs. Coggins, well known Hooker T. Washington high school teacher, whn is secretary  il' the committee. This information should be    .u in rf.rly Sunday or before Monday afternoon. The attendances for the past two Sundays are as follows. SUNDAY SCHOOL March IS March 11 Alien Temple A.M.E 270 l.   Ebenezoi- Baptist 2tiO in-j Wheat Street Baptist 2o7 Hi! West Hunter Street Baptist 251 no Bethlehem Church of God ',2.Vj 1G0 Mt. Olive Baptist 222 115 Friendship Bapjtist 21  118 Big Bethel A.M.E  112 Cosmopolitan A.M.E  109 Reed Street Baptist 175 ]  0 Mt. Vernon Baptist 15(1 0G j Bethlehem Baptist liV. (Now) First Baptist Rcynoldslown 114 Zion Hill Baptist 12.r, 195 !St- Paul A.M.E n,~ (New) Liberty Baptist U.~ 107 Butler Street Baptist 110 77 First Congregational 105 88 1 (Continued on l agc G)                 Fair Weather Aids S. S. 'Continued From I'ajre 1) St. Paul Episcopal ....105 7.0, Beulah Baptist 00 01 Central M.E GS Travelers Rest Kaptisi 80 -0 Eolith Atlanta M. K 78 (Xo\v) Union Baptist 7:; .11 Tabernado Holiness .-,   '5,3 Salem Baptist .'...1' -(N't v Lindsoy Street r. r,:', \e '1 st. Plumps a. m. e    ' mountain Tcmplfi A..M.K (V.u-l J^l^_Stre.~t C-M.K. ;Z (Xn R.p,,,-!)</t>
  </si>
  <si>
    <t>                                           Fair weather and the approach of Easter Sunday may he blamed (?) for the large increase in the attendance at the local Sunday schools of the Greater Atlanta area during the past Sunday if figures released by John C. Coley, chairman of the executive committee of the Atlanta Sunday School Association may be taken as an index.</t>
  </si>
  <si>
    <t>                                           ^^ w W fCT?n^gB5TS</t>
  </si>
  <si>
    <t>                                           MANY JOBS GIVEN UNDER CWA IN KANSAS CITY                 .KANSAS CITY, Mo.- ( According to  J: Smalls. executive secretary of the Kansas City Urban League 861 Men and 95 women- have  recently 1:111ployed by the CW.V of this city. There Is evidence that  Kausai City authorities, under C. Whk EfeilfAy former!? secretary !of the Community Chest of that city nnd now secretary, of the Jaeksr.n County' EmcnwDcy Relief Cmiimittee. win give the Negroes u! Kansas City a. lair  of the available jobn. JPW^ter uas.     colored people of this city onefifth of all the     * lu Hecorilunec with their proportion to the            . The Urban League office of Kansas City bas been selected a^ the NeRro headquarters of the Unemployment' Bureau, and the Ltaguc's staff Is .leaving do ' unturned 'to secure for Negro uu employed work  all  ofr.thc CWA program. HARLEM FIRE IS : j. y. ~-.I'y-..' JNEWyORK- (ANP)- A . err her , and one other woman. met  early Tuoiday ;. when" they- were trapped tilt their  in a., fire lit 273.X 134th  The.Tictinu were Mrs.' 'Evrlyn         , 55. her T2-yaar-oltl , Evelyn, and Fnranrti TbmaptOD, 19. GerUnne        Km.-  raping froin tL--. He is. in t.   from a  "ankle. 'Police believe tie - vai :  d iya           - stamp, dorthe Christmas party- 'in one of 'the' other"~p*      .i.'.':-.. J--i-:'--:</t>
  </si>
  <si>
    <t>                                           FREE ItB A    YOUR LUCKY NUMBER according to Hie ancient jind              uf Kubnllimi anil Num. ISHMAEL the MIGHTY.' Master oC the Mysteries of the Occult will      your Lucky Number Freatr ^      Htt -^1umb*rs * WHITE TODAY Klvo-ln-One Drenm IJook together with your  1JLL name anil    ]      . Send only one dollar     the  Or If you prefer.  will  the Drekm Hook  nr! your Number CO.D. and on arrival you wilt pay the postman $1.00 plus        ;e. IS1L\LABI*  not want a nickel of   until yoa have received tho  MK8tt:r*Key Book nnd your own Intlividunlly        . ISIUfAKb       this great book with a  Monoy. Gu*. WRITE. XS11 1 EPT. 115-P, Ccn. P.O. Dcpt. 557. N.Y.C WAJtMNGll DONT . YOUR BANKEIl FOR COAL AND WOOD I Call MAIN 1620 I 4 LARGE BAGS $1.00 1 DELIVERED I</t>
  </si>
  <si>
    <t>                                           f STREAMS IN THE DESERT "Why Go I Mourning?" (P.aW 42:9)       thoa  this, believer? Canst thou find Any -Vcifciop why thou are 10 often mourning  of rejoicing? Why yield to gloomy anticipation*? Who told      that thc night would never end in day? Knowcit thou not that day follow* night, that flood come* after ebb, that   and summer succeed winter? Hope thou ever! Cod fail* thec not. IVEY BROTHERS, MORTICIANS "The Institution With a Soul" Ambulance Serrice Phones: Ma. 2567- Ja. 8875 492 Larkin Street, S. W. Atlanta, Ga.</t>
  </si>
  <si>
    <t>                                           Railway Labor Executive Body Backs Porter Fight                 NEW'YoifK- KT^?^ quest from tlie Brotherhood of Sleeping Cur Porters to support the move to amend tlic Kincrgcii'-v Railroad Transortation Act nf I   :i:i in under to brinK the  Company  its jurisdiction ns are  railway '^-jr.'. ^fr f                 A. Phillip Randclph receive! Die following  from Mr. A- F. Whitney, chairman of the Railway Ijbor Executives' A* which 'Includes the twentyone standard railroad . Mr. A. Philio Randolph, Nutinral President, Brotiierlujd of Sleeping Car Porters. 207 W. 140th St.. New York, K.Y. Dear Sir and Brother: Adcaowledjflnp  communi*. i cation of the 29lh instant, this is to advise that at a recent  of the Railwoy Labor Executives' Association It whs definitely decided that we should undertake to have tile EnicrciMicy Railrofil Transiiorlation Act. of 1933 amended to include tlie Pullman and Express- Companies and steps are now being taken witb that In view. I sincerely trust that we in-iy be successful in having this done, which I underlain!  : serve the purpose of your . For your information I  n copy of a report, which we have                 issued in  with oin l general legislative program, asi Je j from the proposal to amend the Emergency Railroad Transportation Aj:t, as above referred to. Fraternally yours, A. F- Wliitncr, Chairman. It is expected that the            of AmendiUR the Emergency Railway Labur Act of 1933, will come up in Consrcsa in the next few weeks, st;iU s Hnmlulpli. j</t>
  </si>
  <si>
    <t>                                           NEW YORK--In reply to a request from the Brotherhood of Sleeping Car Porters to support the move to amend the Emergency Railroad Transortation Act of 1933 in under to bring the Pullman Company under its jurisdiction as are other railway carrier...</t>
  </si>
  <si>
    <t>                                           HOLLYWOOD, Calif., Oct. 5-- With the praise for "Madison Square Garden" still being sounded out here, Charles R. Rogers has stepped out and bought another motion picture story culled Strictly Personal.</t>
  </si>
  <si>
    <t>                                           P^^^ l^^^^ST"7ZWni f"^kf LARGE JARS 1 i FOR SKIN IRRITATIONS. ^M kTJ ft WJ m.4 SJH I ^^Hl e "ViA li I THE HAIR AND MANY ^HJA^       I^^^V 5c AND 1 Oc I' { OTHER HOMEJJSEsJ^JjflJ[       ^^^y[ AI3O  n Tube- jl</t>
  </si>
  <si>
    <t>                                           CHICAGO, Oct. 6--(ANP)-- Charges that the Sovier Union of Socialist Republicans had sidestepped proposed Negro film because of representations from white Americans are denied in the following radiogram from Moscow Russia received by the Associated Negro...</t>
  </si>
  <si>
    <t>                                           BATON ROUGE, La., Oct. 10.--(ANP)--Three weeks ago, Gov. O. K. Allen became perturbed about the large number of inmates in the state penitentiary. He claimed that incarceration imposed too large a board-and-lodging bill on the state as well as the cost of "matriculating" newcomers.</t>
  </si>
  <si>
    <t>                                           FIVE CRIMINAL ASSAULTS                 AROUSE MEMPHIS                 2 TEACHERS ASSAULTED                  Mrinphians Electrocute^ i or Rape; Recent Casus         .Wgro Citizens                 OIK I. RAPED AND' SLAIN.                 MEMPHIS- Five  easts. thro,, of  occurring a   Sunday and Friday night, are throwing the NVgro  of this city into such a state of terror that     - ^ to venture out  or remain' home by Ihcmscu ves al                       Three former Memphis men. Percy Smith. Jasper Crahnm and Frank Smith, were electrocuted at the state prison in  lart Wednesday morning for -r two white women. Only one of me trio, however,  his guilt. thc other two marching to the chair protesting  innocence. Colored Memphis is"  aroused over the five  assaults. The first two took  several weeks ago when two children, Dorothy Townsend and          Childfess, - lured from church by a moron and  attacked. The Townsend girl was found beaten to  and the other  a severe case shock. Rewards of several hundred dollars have ben posted but so far no right has Been shed on. the criminal. A week ago Sunday night Miss Dorothy Wheatley.  young  worker, wlio resides with her grandparents, Mr.- and Mrs. Bcai-y. was" ass.3 l)y an unknown man as she ^as on ntr way home alone from church. Tho victims Friday night wero two county school teachers who wer.. attacked at the 'residence of the R"V. C. n. Hines. LesTcr Carney has been  and  d with thc       . police promising to go to the limit in meting1 out punishment to the rapist. i-arnley. who was arrested short, ly after tho two M'. Sinai County  t-achers, Miss Lan-nsia Brady an.t Miss Enzelia Bailey, hau been attacked according to Shtflliy   admitted 'he crime. I' was        and tea o clock last Friday evening,  the n-v. nines was away .i home, that some one broke into       u ' the well  an, 1  school teachers wj s-'.             to Hie 'young . 'he man. aft^r ransacking Kev. Hinci 'room, entered the room  they w#r,~      .~,Hl ror bed but not asleep. Carrying a pistol in i-ach hand, -ry seemed tu have been the prime motive as iwr took 20 Corns and a wrist  from Miss Brjdy and $1.17 from Miis Bailey's purse.   ,en. aft..r threatening both of his victims with .leath. be Is said to      blown out n^ lights and attacked  of his fortunate victims. Tctlins them that he  to  them until  hpy- went to sleep, ho made Uis getaway. immediately         .s of the incident, upon hi"  homo. R*v. Hines  tho shi.rifTs . It was not Ions af.       deputies Berlsclu and Galloway, who( were dispatched to the       by' Sheriff Bacon, ar,cs!.~~l Carnley. Tlie  rel ,! the s olen watch from Its  place at Arlington, while tin- two-gun .* w."~s taki-n. alone with his weapons, to the county jail. Mis-* Wbeatley, a niece of tnc late Mrs. Annie L. Brown and a wi-li known worker at the Mt. Ot. iv,. C.ME church,' was found unconscious on Bcllcvue street ncar Hip Greenwood CME. church and taken her  in a Hayes ambulance. So far no duos have been obtained as to the identity of .her , According to information . (Continued on   *e 5)                 2 TEACHERS (Continued from l\,Kc j., inn Memphis from  h rham l*er at Nashville, - one ij,i. . j ci-cy smith. admitted b,~fori. dying in the chair W.~du,.i day. smith s;Rn,.J a c.,nfv.s.sio-, s  that Jic ha4 -.i j I  Wirc in Qartlott. . Gra i !iam. M and Frank Mays, ao, bo:n 1 or whom were convicted oi at  a young woman and r"   I bmR anj  her uscm ill Scptumb..!' i.f 1920 in Xnnh JJ,.:)i'.i Phis, .il Mu.ir Built to    . ,.nj Craliam ass-rted thai an -inno.   !it man is ; killed." WliiJ,*. Smi'li (~,~l thot i,e was 'ready to i:~"  D.; hi:: Kiiil1 :inrJ .latini: that he     sor I IL 'I</t>
  </si>
  <si>
    <t>                                           MEMPHIS--Five attack cases, three of them occurring a week ago Sunday and Friday night, are throwing the Negro woman of this city into such a state of terror that few are daring to venture out alone or remain home by themselves at night.</t>
  </si>
  <si>
    <t>                                           YOUR CHILD     IS DEAR W TO YOU % ALL PARENTS adore their children. While they arc "on the job". nothing will 1)C permitted to retard their training or hamper them in building the foundation necessary for a successful career. Most parents want their children to eclipse the mark they themselves made in iife, for after all. in our children lies the hope of tomorrow. But alas! Fate does not always decree that parents should live and sec their children through. A large percentage of parents die and leave children behind underprivileged children who drift aimlessly from hither to yon without the educational background with which to fight the battles of life. Take this tip from us: Educational Endowment I Policies were designed to safeguard the future of children. No surer method has been devised whereby funds for the proper training of - 't dren will lie available when and as needed. j Life Insurance guarantees the absolute safety of funds set aside for educational purposes A guarantee that, will make certain the proper training of YOUR children. NORTH CAROLINA MUTUAL LIFE INSURANCE COMPANY Durham, N. C NO HOME COMPLETE WITHOUT A NORTH CAROLINA MUTUAL POLICY</t>
  </si>
  <si>
    <t>                                           People Town? Coal Co. 4 LARGE BAGS 41.00' DELIVERED  P-*Free Klncjlluc MAin 1620 141  AVE. J. II. Budy, Manager</t>
  </si>
  <si>
    <t>                                           Spelman College opened this week with a good enrollment the registration about ten less then the registration a year ago. Students registered from 18 states and 2 foreign countries including: Alabama, Arkansas, California, Florida, Georgia Illinois Louisiana, Michigan...</t>
  </si>
  <si>
    <t>                                           Lincoln-Douglass Program Over  Has Success                 . Tenn., Feb. 16                 The  J annual radio program volt Station WltKl.'. lws.~cd in Holei I'cotiody. coni ; llie lire of Frederick Douglas.-, thu AboUlioni.st; nn l Abrubmii I., tb.r groat Einaucipator and TJtlj I'rc* of ihv IJuil.-d Siai..--. vua rar. i    .*d out witli yrt-'ut suvi.*vs^ lust I                 Monday afternoon between i:M and 5:00 V. M. S. 13. W'wu.-n.     .' of the  of the KtatMi, expressed ;;reut Mtlsfacilon with tl c vc-li-bration, and  tlic  to present u similar  iru; next year. Four Mjietvhos and four musical number* made up the  which wa.s - by the CenMiry Club, newly   body of Memphis ow which J. A. Beaurbuiup is president. The speakers were Lewis Swlnsler.  president of the Century Club, nnd  of ibe Memphis World: I'r'if. Natl'buk-I \Vllliani4, instructor at Booker T.            nig h .School, and           World cr-!=t I'rof. A. B. BlfiDiI. instructor et Mannssas HlKh School, and adviser                 for tin- Junior Brunch of the '.'I'; und ITof. L. J. SScun-y. i:  :ru- live -ry of tin- Communiij I Welfiirr League. Mudain Fiorevu 'Col.- Tiilhcrt McCIeavf, i,ot.-.l soI . ri-niit ri.*O two solo si lt t-ii.jn*. I n;   :ly "do I'own Muses", ami lln: "NeKro N'aflynul Antbvui." fc lii: v.:i-  !jy Mrs. Florence \Vv\~. st T ICilK-rson. music            i,1 Lo.     ; OjIIpjv. Tlic       ]~;      'ly  i',. composed of Robert Davis. Wlllbm Ramos. .Taints PuijIi. nml I ~:n M I'ush. cave two  rL- . t! was  tho  of Father E. M. M. Wridil. pastor of Einr. )"      )al Church; l.. George W. l.ec, ;i.T Atlauto Life of jbc Mcinplils         -t: ;i"'l I/ Swindler  an      .r  was first sew"! in '     ' tin; Wrtlnlav  irk s "f Lincoln anj Dmujlass. Tliviv nu-n ! 1 lie  for t\-  pr'~. sr.-im In )KZ. un I II    . '   fir::'       idat n   I till: UivJ hud boon  hy Nesroet                 cr one i-f ill'- r.M. iu:ij'~r -::i! i'~il*. only fitl'-i-ii .- v.i-rc .d .u r.tl ;il that tl iit. Th.-.  r-;ir. 1!jv .   .-r, having l*-i-n v.'.-il 1 v.      111.-      ^r:uii :j a [~Tn.iH.-l/ I ,i ;. ir.iii'.r,. i-inr. 1 1 iir.lt i-.~ I In- .r'.il'.i I.. i-.-mrii i,i.', t y.-ir I I! i-. 1, 1. 1-.~ 1 1. .'.I Hi. i.li.i.r-.aui i ov^r v.'lil f win I'uniiiiuo to l/u an .' (. Mr :ir. v II. I ,t j'~  Jr. ' r'. -I '.I.- III- of I. in. ..In    ] 1". (Ji;. l:,i-l In j f..:l..-,-.: \Vi- .i:i[i-l :tt :i;  :iii I'...      j '~.r Al.r:il':nn l.li In  lr.-il.-rU.-k I I '.jui lii^.1!. '.'  ..;-.- .'lj;, -rs:iri.-: -,V(.- .jIt.t-'1'. \V.' ^t.'lii.i. not  l..iv.-v.l In-all--. I. Ml with f.-K-.-s ;l:f:.-~l i p  Hi" lii-aM-n.--. (n.ui iuli'.'n-'i- '..    -I1i tin- soft li-^lit. t(. -vr .    -arts in -'  Iw.i I,.~~..~.J 1 1,,. M-.-cb r,r th.-.. pai Iri'-I- In Lrlllian' I'isut,   I fr.-in Hi- -nt u kiv1m\.v of "ti--!. Th" -s ~.f AbntImm Llnivln un-J ""re'-lorle i:~.i'-~Iarc r.ha!l ^iP.   lu Luinuu hearts.</t>
  </si>
  <si>
    <t>                                           The second annual radio program Goer Station WREC, located In Hotel Peabody. commemorating the life of Frederick Douglass, the Abolitionist; and Abraham Lincoln, the great Emanciptor and 16th President of the United States was carried out with great success last...</t>
  </si>
  <si>
    <t>                                           WORKER                 GULES PROM, EM OF ATLANTA COLLEGES, SLAYS WORKER, SELF                 Parental Objections of Girl's Parent? to AfaFt-li and Jealousy Arc Cause of Double Tragedy at Macon Relief Center; Leaves 3 Notes ."""I                 GIRL A GRADUATE OF FT.  INSTITUTE                 MA CON, Ga. (Special Driven temporarily insane because he feared he would lose the woman "he loved, Charles A. Proctor, case corker in the county relief headquarters, Negro division, shot and killed Miss Betty White,' his sweetheart and also a relief worker, then ended his  life here Monday.                 A double funeral was hold here Tuesday for both                 victims ol" the tragedy.                 Tlic shooting occurred near 11:30 Monday morning at relict head- quarters. a There were  12 . ami clients in the office .vhen Proefor came in and went Jirectly to tlie desk where Miss  Vhite was silting. "Look at me," he said.  When she raised her head, ho  an automatic and shot her nice, both bullets entering her lead. She died instantly. Then the man 'turned the gun an himself. An inquest was held in the girl s death Monday afternoon. While testimony was being taken, a message received at the funeral  where the body of Miss While lay, told of Proctor dying at the hospital.                 Friends of the deceased couple aid thn man and girl had been :eeping company for several  but the affair had mcf with  objections. KTiss- "White's nother and father lind warned Proctor not to come around their, nome. To make matters still worse tor Proctor. Miss White had gone out driving Sunday with  man, it was assorted. Three notes were led by Proctor. One "was addressed to Mrs. McArthur, white, understood to be in charge of the relief center, in which the ! "Pioase pardon this outrage. I promise you It won t happen again." A second note was addressed to ithe parents of Miss White and a third, originally addressed to his victim, had the mime scratched out and bore the  message: "you won t Tead this anyway."                 Miss Whit? was a graduate of the high school department of the Ft. Valley Institute and was well known in the community. Her parents were also highly respected citizens. Proctor was a graduate of       house college in 1031 and he held a master s degree from Atlanta university. He had taught school in Mississippi before coming to Macon. This is tho second shooting in recent months at the  center. Thc Xlrst involved two clients, one a man, who shot and killed a, woman in front of the headquarters.</t>
  </si>
  <si>
    <t>                                           MACON, Ga.--(--Driven temporarily insane because he feared he would lose the woman he loved, Charles A. Proctor, case worker in the county relief headquarters, Negro division, shot and killed Miss Betty White, his sweetheart and also a relief worker, then ended his, down life here Monday.</t>
  </si>
  <si>
    <t>                                           3JE SYNDICATE /"A I LA\M I J^Mw^^^^Vt t^~\ LL/ /^KI 1 I ONL-V NEGRO DAILY NEWSPATeR IN THEWoVlO L---. L Ul 1 I LJN V(~ Ni;.\]{ 2M) ==- J-' ^--^^=--=^-. -^=^'-.^l^)1 -"b'-.L_;'.-._iZ^^.^_. PRICK THREE CENTS</t>
  </si>
  <si>
    <t>                                           HOLLYWOOD, Cal.--Miracle of miracles! Mrs. Patrick Campbell, who once blasted Hollywood with her scorn, has suffered a complete change of mind.</t>
  </si>
  <si>
    <t>                                           HOLLYWOOD, Calif., Oct. 10-- That court decision cost Lita Grey Chaplin her chance to break into the talkies, but here as in the rest of the world, it's an ill wind that blows nobody any good.</t>
  </si>
  <si>
    <t>                                           ^^i Millions Have WH 1TEN ED k?Tn -f^L Pok YOUNGER, MORE BEAUTIFUL, HAVE A  hii.w in the       -       i n . . h.t.'.er ^    /   A X. V.*5*       iS^*^^ be the  of ucw friend cr Skin will malic you men socially and at work I treatment wilt  ikin ?JiiiJtt lighter, . .  of)e r. -J Jf 'fl^X^'l '/oQL "^a^^B^^^^^^^BlBS'l J !TTrMI Tr:^ifl('^Hr^r^^Tr?2WHy^^^WBl nhi,,.     ^r/~ic^rU*     *w!.~    ,w ^^     ^\ A^^Wff^l W^h^l.f  VER NIGH'' lM'"s ANDBLEMtSHE^ol ,m  i,,-.~~-.,-j, or :,.:.iT  i.c  k,n i..R,gn.''.",',l',~,~rt '^ftT W^ Jj Skin Wl. Soap and smooth on ll.c roughness,  and  ..I. vi ii.c is.- ~,a u t,-.T 1,.,-k iu ,ou ni iui: mfe:*  r ft ~-^T K '7caTy Skln Wlit"~" OintCTcnt f.o  quickly under tht Dr.       The Happy M  Who Gratefully Say ^^          Else Is Near y So Good as h Fred Palmers m^^ SfflBiK ff ffta^^^ Ullt thC        f ''al"fu;'J     'C-            written to    from      hearts nnd of their own ~~^'~~~~~~~~~"~~~~~~~~~~~M"       r f 'fiB^MAjigT^T^Mfl acco;d "'"i"'!  how Dr' Fied Pal"~~'s treatment Iuj helped MAKE THIS OVER NIGHT TEST */;'-'-      ^^^i%Mi'i~'MiJ  to new * ana happiness. BE THOROUGHLY CONVINCED !MI"~ ^PS^^'TvSLum "~~-X'pi~?7:: s:\ Z'^KrJr^^z^z^i ^^ciriT.^"^""^ "v yout own !c Try the D'; p-lra"          ^^l^'-'::';~.*'^-           "''''~ii'""i""~~n"",L""""'I'*c"'^J" '""""'""~so- ''"i byU.kS.jr- m'^ " . I'rovr tor ^ll      whit ^^^TMrnB^-y^^* HbBbHI i"' I". ,^"JI'"'"~'1'        ' J"^"""T'? "'""""/'"'~  HI,',' JiVi" ctX-wii'?^ SiiSSwi 'f* tlc1""' ~"~.  youthfully       8t^32LSef*er Results Use Bo*h Dk FRED PALMER S ^^H^^^~~SK!N WHITENER and SKIN WH1TENER SOAP K^' ^Kstl^^^P^^^^r thf Perfect Combination L^- T^^ SBrolk^-^^^f^^aSi^^y ^Q- ^^J^^ VCgClQbIe  iIs-   lhc ointment w applied. Try the ^m.rr ^BA^^^^I^il^^^W^ ^1^ Jlg^ C0 mi . Your monty Uark -if  dow not" beam* MBSBytumM^^^tf^a^^pn^^^. ^^^Tm^^^~- MCM^Mmm^^^^m^^^^fr^-^l  lighter, clearer, brighter, smoother nmi lovelier' HSE  mm^S ^SrP^** B^tP^       Jj ~/~/g kd i ,L;8                ^HB</t>
  </si>
  <si>
    <t>                                           MRS. ALLIE M. SMITH, charming wife of Dr. F. D. Smith of Nashville, Tennessee, was the guest of Dr. and Mrs. C. Waymond Reeves of Fair Street; S. W., yesterday. Drs. Reeves and Smith, teammates on the Atlanta University football team in "the good ole days," stop over with each other every time they happen to be in each other's city ... Dr. Smith, during his Arid days, was known as "Big Man", a...</t>
  </si>
  <si>
    <t>                                           Dr. James Corry Ex-Army Doctor 75 Ivy Street, N.E, Rooms 2-11-12 Between Houston and Auburn 8 I find many colored people unable to pay. These il only  for medicine. Home caBs, $1.00 S Office Hours: 9 A. BI^ to 8 P. M. Dafly- Sundara. 10 H A.  L to 3 P. M. MA. 6873. Rca MAT3087 ..-.i(iZ??5?..?i35E ^America and Abroad 5</t>
  </si>
  <si>
    <t>                                           Many Needy Given Food Thanksgiving                 A new record was set this year by student.-- of Booker T. Washin;;- ton Hish School and Davi.l T. Hov.-.-ird Junior Hiah and Elementary j Schools, who i. on Thanksgiving, nearly 500 baskets of foo.l were i coller-ted by the  Atlantans or.il  to the less -; ati: cit zens of Atlanf.. i In  to the -100 baskets of1 food made possible through tlie  ts of the hi^h school pupils. the se.-ondary school youngsters, ^ t ::. conservatively! estimated at $360 to be  to ttv mre.iy. The'Howiir.lites brought' in re baskets, makins total ol 402 baskets of rood In,, these two: schools. This  Thanksaivine plan. of  to help others ums  a -   and Principal c. L. Harpci- of the: lush school an,i Miss B. E. Usher.! n..,1 an.l Miss Jessie Mac; .lone.--, assistant princip;. 1 or        j T. Kowaril with the help of their! faculties,  so ! this, theory that a  co--:;  is being created  year      more families reached. The pupils were :.l in th- task of distributing these baskets and locating the most needy families by' Ilic Family Welfare Society. The Unemployment Reli' f. Neiaiibot-- hood Union, and executives of the, Conic Stcelc Orphans Home and the Cliadwick School. SLAVE LE/WES  HUNDRED DESCENDANTS WOODLAND. G;i.. Nov. 27- Mrs. Ann Barron. 101 year old cs-. who formerly  to thu i Wood.,11 family here, di- d last  Icavinc more Uian 300   two  who arc. SO  Cars old. At one time 1 were six generation? living. HAiNninnr.E man to imk IN CHAIR . Ca.. Nov. T. Dc. in the cl dri'-  with the Friday before Christmas (lie ' i of execution was the  jury  Friday nisht do- would lit Ihc  "T S^m Jlsilt. nyman,         will) fatally  Dr. I?. H. Hcrron. white, v leri. narian. lici-c on June 1.</t>
  </si>
  <si>
    <t>                                           oi JAHSi    1?' PULCHRITUDE. Here's the exclusive LeBun Club of Cleveland, a social oranization that Is up and doing in every worthwhile effort Left to right, seated: Mrs. Minnie K Thelma BelL Mrs. Ethelyn King. Mrs. Mildred Grate, Mrs Pear) Perry. Second row: Mrs. Mattie Harris, Mrs. Mary B. Harney. Mrs. Doshie Wood*.    . Pauline Scott Mrs. Donna      ^nf.</t>
  </si>
  <si>
    <t>                                           MUNICIPAL MARKET FOOD SPECIALS TODAY AND EVERY DAY AND N0W Am (ell f**1W MAKING USB k) FOOD GIFTS!! ^K i FEATURING FltESH GEORGIA PRODUCTS!! Each Monday, Tuesday And Wednesday Opens Dally: 7:00 A. M. to (ISO P. M. 6 tani4~- 9;St) A. M. to 3M P. M.  At*, ct Butlu Slroal AU Under     Rao!</t>
  </si>
  <si>
    <t>                                           "Music, when soft voices die, vibrates in the memory!"--The last strains of the Omega Psi Phi song, played softly by Jimmie Gunn (himself an Omega man) and his band, still vibrates in the memory for it closed one of the most beautiful dances the eyes of your scribe ever beheld. The setting was ideal, the spacious auditorium in Raleigh with its perfect dance floor, the soft lights, and the burning ... of Omega shedding a...</t>
  </si>
  <si>
    <t>                                           HAMPTON INSTITUTE, Va. -- N. C. Newbold, director of the Division of Negro Education for North Carolina, will serve as chairman of a conference on Rural Education to be held at Hampton Institute all this week. The conference has been arranged by Leo...</t>
  </si>
  <si>
    <t>                                           ONt-Y NEGRO DA. NEWSPAPER IN THE WORLD i SOtTTHKItM  STNDICiTX. INC,  *  Da-rt. Kajtaflai E'iur I I1 OF THE ASSOCIATED  PR1B8     WORLD         .ll))r for !               t UM I DM               10N RATES   M T^r. I7   t HomlbM. IC! 3 Monlh.. i:j:s I KnO, M.     . IK v UchcUj.     . i:.   PCBuanro Duuly at no auburn Avr.. n. k. : VTAInot 14     d nco j Bat*  4 u      4-e]           mt the poat * at Atlaata, Gi..    #ff tk4 ic[ of March 2. 1B7  ADVtKTISn."G REPRlSENTATIVe "W. B.     CO-.. 204* Waltoo UUU-. Atlanta. Chicaiw,     Tarfc.</t>
  </si>
  <si>
    <t>                                           Railcy's STRAND LAST  TODAY JAMES C A G N B Y in "PICTURE SNATCIfErt" ""COMING SUNDAY Lincoln Theatre Today Tomorrow WnOVARRO ^jR B^ i ^1! Also " THE FEARLESS" and Comedies Bailey's ROYAL</t>
  </si>
  <si>
    <t>                                           FEAST OF LIGHTS TO BE OBSERVED SUNDAY NIGHT                 Tntlny. . Six'iii (i'   ,i,,. j h=i"y ill.- day on whi.-h 111.- KpN.-op.il  -s th.Manifestation of Christ to (Jv world lilt-ouch tin-     - Men. Uan'Ovoi*. Im--:ius.- Epiphany falls on Satl  si. r;          .-li Is .^ Us rfU-l. to Sunilav  :it 7:.".u   'i-i.-   ;.      s.'rvi.-.' will  of s.       (\~~     -h is tlie (.v.v nins s.-rvi.-.-. a shorr piiL-ram in .-li i)   .- mon will art      pans of tho *rhr.-.~ Kincs or Wist- Mi-n pri-~oii(  us  sin^ thp    : Kpipliany carol. -\v,Thr.-f KitiL-s." This will     follow.'(1 hy a s.Tinon on thp occasion ini l this  by      light ins of tiip,-rs h.-l.t in      hands of ca.-!i person in the ~-0     2a:irm sym.      ;il nf tho    cavo the world  HlB manifestation to thp C.- .      pnl.li.- is   tr. nn^nd ihis scn-i.^. Othor .'os"'or the if a j- \r,?,~{ he held jit T a.m. and IT n.m.</t>
  </si>
  <si>
    <t>                                           If I NEVER RUN INTO A $3,000 A Year position, I will never-the-less, be hasty in thank God that I was able to get a college education" The speaker was none other than our own Rev. Mr. Howard W. Thurman, caught at leisure in one of his characteristic philosophical moods. The noted public speaker and religious adviser was stressing the power of Intellectual Curiosity, the omnipotence of thought of mental analysis. Like my more celebrated idol, I have been nurtured to think, and in though I find dissatisfaction with...</t>
  </si>
  <si>
    <t>                                           If  1                 HILL- Mrs. Anna Hill passed away Oc:ober 4, 1932. Funeral announc-i ed later. Haugabrooks ana Co. MERKERSON- The muny friends1 ana relatives or Mr. Charles Merkerson. of Vinlngs, Ga., are  to attend his funeral today     . m. from St. John Baptist I church. Interment in churchyard. Hanley Co., of Marietta. i INMAN- Friends and relatives of, Mrs. Susie Inman and family are i asked to attend the funeral of, Mrs. Susie Inman this Wednesday) ternoon at 2 o clock from Mount Zion Baptist church. Rev. J. T. Dorsey . Interment South View, Haugabrooks and Co.  The friends and relatives of Mr. Lee Wntkins. Mrs. Mattle Watklns. Mrs. Jessie Kemp, Mr. Luke Kemp, all of Atlanta: Mr. Ernest Wntkins. Mr. Partic Watkins. of Chicago. 111., nre invited to attend the funeral of Mr. Lee Watldns this          'ny)  at 2 o clock at M'. Pleasant Baptist church.- South ^innU. Rev. R. H. Millner will officiate. Interment, Lincoln cemetery. Murdaugh Bros., -funeral directors.</t>
  </si>
  <si>
    <t>                                           *% INSURED SAFETY \~     ; ^ for your Deposits i Money kept in the house, or in any hiding place is never . Money deposited i11 this bank is completely safe. It has the protection of our own strong assets, our strong vaults, our  management and the further protection of Federal Deposit Insurance. Build up a savings account in this bank. CITIZENS TRUST CO. The Bank On Auburn</t>
  </si>
  <si>
    <t>                                           Transfer Two From Crady To Bastile                 Two prisoners who ha.] Loon r- i (  wounds in (Irail.1 l)          wore  in ihc- ciu- I j:iil Tiiosrlay. I                 rx rny I'llvls, wlm Wns  in Uic ~(.fi 1,%!. t,y 7       Ik- whs sm .-.f in :i t liii-Ucn ya:i:. several      . was  Iwifk in i he , :- Iv  j t liii kou thoft . Huvis, ur-\ online lo         , ( ;j sn,. (~:  fn-  ul;:. as ho     !.     Russell, l."i. li.irf re. i-    -il       -      .v frn;~ h ImiIIv injured left f.nit, ro-c-U-nl in :i lea,,  :i    ;u  r.7n" o'n '    ;ln"rcs-~ 'bi reet. lo     IrilllBfiTri'il hurl; In Iho elly h;i stile ( nn paso j                 Transfer Two j (Continued from pnu c One) I !'. do.?ior.s ck . i Unssell  S :i  of manu- - .  lie was  i-i::h1 hi charge of a still in tlio ...- l)   .-o. .- said. '"li.'- Waitt-r Knight's story :-.ai lie was Mio'. ill :i railroad  r.-.:ir IV-Ua Maw  Wylio ?tr(?ci. ivus. Wooiimi'i and Hildor. 1 .mil].  iij Tn.sdny [lint KniRht . w.-,       in .t i I .-= t c: I li;ri in CoiiyCT-".. Gonr-'irt. ?* 'i-ii.-.W'tl skin ^.. ICniyhT wos !! to itw- i-ily i.-i! cin  ^'1* Sunilay fi i- r'^''- i  for     'i-! :i-':'.ri -. hi !    '. i-ll"~l I i ~;i..-ii,i,-r. ih,. v. ,, \v)i-o ire;iii-il in Ih*; i S':.-.:i. i -i-.tl^KU, -I""'' SlrOnC 1 '~a.-r:,n-.i. ri^lli ,.y*. ,!.n-v UliHi V.i!!i-   . 7! Hali1-l l,.-:l.l     , (V. iii jcr-.     T f;a.- r ^. 1.1 rr:';i"ii ..f Ii.-.nl. .Uuih'S P S\k* Martin! -:iiN t. --. i-'i- ;'  'k -tal- j I w.-imd avi.i  -i. j i:. \v. iiU kov-son.     .hor :    I ris it .</t>
  </si>
  <si>
    <t>                                           Two prisoners who had been recovering from wounds in Grady hospital were transferred to the city jail Tuesday.</t>
  </si>
  <si>
    <t>                                           "To the victor belongs the spoils" is a political slogan that originated during the administration of the gery and militant Andrew Jackson, 7th president of the United States. The practical significance of this slogan has been adopted and executed by every succeeding administration. Of course, there have been a few instances, at times, when the obligations arising under the slogan have been entirely disregarded. The principle involved in the slogan has been so uniformly observed by all administrations.</t>
  </si>
  <si>
    <t>                                           THE FIRST NATION- ^^K^~^MM=MS%-M^gM ^feM^ BaFHEOTE3^ h PICTURES AL ROTOGRAVURE W JkV#-~- "li^gl -^VjR^~fa^ X# NEWS WEEKLY EVER PUB- V. 71% MV 1 I 1% W?~ i^^l  M# IV I W EVENTS LISHED BY NEGROES V^ I \  ^^ P ff Lr^l\lv PuSS^ AN YAv HERE, ^^^^s c xt c? t in, a., inc. WEEK ENDING FEBRUARY 17, 1934</t>
  </si>
  <si>
    <t>                                           MEMBERSHIP CAMPAIGN TO OPEN                  URGE EffiRY CITIZEN TO SIGN UP                 Intensive Drive Will Open Today Following Peppy Mooting on Tuesday                 KEV. HENDERSON LEADS.                 Filler] with pop and   at a     - : at the When Street Baptist church lute T,ie,,iay afternoon, n corpn of workers will  the field  for a   to secure  for the Atlanta  of iho Xntional                 tlon for the -\ ot Colored People. The Iftr: drive which will be d:roi-lod by the P.cv. .1. Raymon.l        .~fin. progressive pastor oC Wheat Street. Kaptist church, will be Unique in th.it it Is the first drive in a  oC years       'h     .ic lender of .il of the national office has no;  '.' into put the effort aero;--?. Rvcry Atlant:in w ll be called oil In  a mcr. of the ."tim and ai.l In Its work. Thu   by   ii  that, i\  history to most Neur-ies. li. is the organization .behind the fiu-ht for the ra-~.'~ of     ; CnHizan-WaKiier Anti Lynching l.il]  is now facing (Continued on Paitn J)                 Urge Every (font inner] from pa-e       hiri-pss and it is known for Us All-.\: stand on problem; national and local importance. Many examples of how Wiling Allantpns rt-^ the NAAC1'  i!i i vi ion.i' at the pro-c.imp. ni.'' T,ic-di.r afternoon. Mr;. I.. 1 1 Shivor.v. head nf tile depart mem nf KiiKiisl, :,i thc Booker T. V.'-ir.n  school for a mini :~er of years stated that her in- I Ui-i^t in the drive was so great I, at -lie walked all the way - } tin1 Atlanta University  i "on I.Hil.; on the West Si'ie to Whom Street in tile Fourth Ward after Aw found that  hnd a I  trr-el car ticket, shortage due tn.l the fact  the  f failure lo I nay the tenr-hor? hart  her live oh a u  reduced -:. H. \v. }'iti.--. Tii years old, ono of AilaidaV.  n..~t. known .~mi r.' M'oerod .:t:-/.oii^. who i i..,-.d,-ni 'ally one of the oMc". .-~mr l.~v-.- 1 "f the Ilrriiilnn I'.arl.or .-h"v 'I woul.I rather eai .Mid i"'.. 'it than fail to support tlie \.V- \CV\ Whil,, I, ..I.  inrr-v ,nl.! 1.-". I he had   th.' XAAi   it., '     nf u-.i i once a.= a  for the :uv( neo U of the race. Tlie principal ?.- of ' ins  hy rir. I. M.':r'.!!!. t"!itor nf       :   r:.-n lii.-i.-ii..-;.. ii-.- (-;,ir: v. !i.- i-.t.;!,:- .1 I., tin' I!, e.'- V.ir.. :;r \l in I', t :t (iii il*    -, '~~:i I'v Cm-: in. ,.r;:Uli7K\if } M" i.o.i.f .1 ;i,.- f:ti-i i.h:,t lie -.vn I ii;U'Vv.--tv,i .n all  Tor the I    ".; and -on.^ni nt 'he Ncl'vo aim  his ;l."i yeni" a., a member nf the NAAOl'. I Oilier  i-e."' were . C. r., u}iu-r  t:ilk relieve j "i:        of the ;. U. I '~y.id.lr.eV. r:i-4ri'!'. l.llV .ll.-i--'i-.pany .'f:'i' i:-.l Mv^'. H. r*. Mur- "hv. one Hi e .~o-ehi irmen nf th :rive. .M. Martin, Ailam- I.i"           .'v .v ofi ici::!, the ot m-r en .~ of ;!n-~ ~~^m;--:i:pr.: H'v. J. t\ Wrsh;. r '~ir n( vhe Vivsi f.-~inr:\ i: ~"; Attorney A. T v. '~re.-i.K-ni of :!    !o.-:t: /.A      .-h: Mis- H. M. 1 - other. i The annual me:m.er?   . lVe 1 oniy one dollar, a . that oven\evro in Ailanta -.nl.i afford ti "ay for the l.  h: himself an. I his  while 1 'In- rate of SJ.SO per year :n.'.-'er. tin1   hs. .-n the I^JX*^ ' publication nf the .. . The initial report : I -lated for five o'.Io.-k 'l  v  venini ar the Eutli'r Street V. V C. A. Ainoiiir thow : th:#;  ye?t onlay wore St Elmo' Heynolds. H. W. Pitt?, Atlomev T- .1. Henry. R. A. .Iohn5on. R. I'" "tiri . Pr-if. t.'. .M^. Ol.n tou. lo^o 0.       . John C. C^lev. .rd-v. .Tacks.-.n Atmor. Kov. R. II. Mitnor. J. .Tenirn^s, It. T.. Crad Hock. Pat Ket'V- Uev- A. S. Haily.      Hnttie Fesor. Mr?. \V. S.'.'tt. Sr.. Mrs. Sadie Mavs. Mr?. Fuffenc Martin. Mrs S. 11. Archer. Mrs. .7. T. Hill.    \ GcorfcUWashburn, Mrs-Hattic Greene,                 Mrs. Katie .lackson, Mrs. I,. D. Shivery, and .Miss R. M. VoKby.</t>
  </si>
  <si>
    <t>                                           Filled with pep and inspiration garnered at a luncheon meeting at the Wheat Street Baptist church late Tuesday afternoon, a corps of workers will take the field today for a short campaign to secure memberships for the Atlanta branch of the National...</t>
  </si>
  <si>
    <t>                                           Advertisers</t>
  </si>
  <si>
    <t>                                           The game of life may he likened unto a football game--we first enter by kicking our way into life. We defend ourselves against intrusions by kicking and crying and when we are held for down, we try to kick out of danger. A baby's tactics used in scoring over mother...</t>
  </si>
  <si>
    <t>                                           Fl\\IA\C!K..-Tk,- S,-i- Ftnscrs In 1 I    ,\;,ir by SAX ROHMER                 /a/: IVsSiill K-Vhi hy ART HUHTA'                 TIM TYLER S LUCK The'lrwel.'il Id,, I A-;im v, f v,f \C                 -'^'k l^i.lJ^PJXl' 7   PAUL riM                 BILLY S" 'UftCLi:'*                 THEM DAYS ARE GONE FOREVER</t>
  </si>
  <si>
    <t>                                           POLICE .MATRON WILL RETURN HOME SOON                 Mrs. M. W. Mariilox,  I day matron at the Atlanta polier station, in expected to return i home   this week or .early next week from Detroit, i Mien., whore she has been for      oast six weeks at the bedside of 1 her sister, Mrs. Mamie Hunter of that city. I Many friends in Atlanta are i  to learn of the death o'f Mrs. Hunter who is. veil known1 in this city as the former Miss I Mamie Ward. The end came for the former Atlantan last Friday.</t>
  </si>
  <si>
    <t>                                           Mr. John Peters and Miss Lula Peters entertained some of their many friends, honoring their mother, Mrs. Lula Peters at a surprise birthday party Monday night March 5, 1934 at their home 299 Ellis street, northeast. The games consisted of whist, a delicious...</t>
  </si>
  <si>
    <t>                                           I-" A M I! V .l() Y I I DA I ~\S RHEtlMATISM HAS I. HIM Win ti h::iii .-.lud with ~-l:i-uu.   ::: num.;: daily '""J  mi'.i-:i!~ finds a swift.   .u-(.::u[ yi i :M\. prescription  .-.-. mil (oil, ;nid .- in 40 .iyi on t-rui - the jubilant n:ip..--s or   R.  family an U.id Lrii!i;s Immc his pay  ro,'u!:ir!y .i^jin. Yiiti's Milio!) Ph;'rin;:- and loading dru(!   !~  call this gland prescription  and think     t-.f its  power to   uric acid frum tl'.c  that they KWiranWi' one ft.) cent but'.lt.' to overcome .atic:  ;ind conquer        d a  and ~*.*V\ lumbago just as this notice  st: or money back- a SJf.. Kquarc  to all  MAX BAER! The New "IT" M.itt Oh The Scram in "The Prize Fighter AMI Till-: LADY" with .lack DcinpsCy I'riinn Curnrra and .Myina Loy Baileys 4'81"  I.TIA ". t  Col. or ft! Ai-lri-^i. -    "Memory of My I-'orRi Ufii Man," in Bailey's Royal ^g08</t>
  </si>
  <si>
    <t>                                           ^KK^KM}~~gay4~^;^^.y...^~                    3igBg" Dr. James Corry Ex-Army Doctor I 75 Ivy Street, N. E., Rooma 2-11-14 3 Between Houston and Aubnra I I find many colored. people, unable to pay. These I serre free, only charge for medicine. Home calls, $1.00 Office Hours: 9 A. VL, to 8 T. BL Dafly- Sundays, 10 r A.M.to3P. M. MA. 6873. Rea. MA. 8087 I 16 Years Bcperience in^Ameriea aad Abroad J</t>
  </si>
  <si>
    <t>                                           LABOR LEADER TO TALK HERE SOON LABOR LEADER TO TALK HERE SOON                 Clarence . -?f or the IJaily Worker, wll speak in Atlanta Tuesday night. May 1. at 8 o clock day light saving time in the Bethlehem Church of God on West Hornier street, net r Ashby. The subject is to be the N. n. A. and labor unions in the South. M  is one of Americas foremost labor loaders, with  ; experience in the labi r movement. Tie is a machinist by trade, a former secretary of the Minnesota StaW Federation of r*~bor, and business agent of the Minneapolis 1-ocal IntornntionaL Machinist Union. He is an excellent speaker and wdl ablc to speak in the subject of the meeting. This meeting is being sponsored by the Atlanta May Day Committee. There w'"     other .; on the program, possibly Howaid         of Nashville whom many Atlantans hav,. heard b efore.        will bc an added feature en I hi; program. Tlic public and members of all organizations aiv invited to . Clarence . -?f or the IJaily Worker, wll speak in Atlanta Tuesday night. May 1. at 8 o clock day light saving time in the Bethlehem Church of God on West Hornier street, net r Ashby. The subject is to be the N. n. A. and labor unions in the South. M  is one of Americas foremost labor loaders, with  ; experience in the labi r movement. Tie is a machinist by trade, a former secretary of the Minnesota StaW Federation of r*~bor, and business agent of the Minneapolis 1-ocal IntornntionaL Machinist Union. He is an excellent speaker and wdl ablc to speak in the subject of the meeting. This meeting is being sponsored by the Atlanta May Day Committee. There w'"     other .; on the program, possibly Howaid         of Nashville whom many Atlantans hav,. heard b efore.        will bc an added feature en I hi; program. Tlic public and members of all organizations aiv invited to .                 DT. ELK RULER IS HERE TO GIVE LECTURES With the arrival Sunday of Mr. Benin V. Kelly of Norfolk. Va the Grand Secretary of the Daughters of the Elks." the members oC date City Temple and Eliza Tun n are all set to attend the lee. lures to be given by this nationally known s  and fraternal worker. T5Trs. "Kelly will begin he: lectures  nt 4 o clock at      homo of . HauRabrooks. prominent undertaker of this city.     resides at 389 Linden . During her  in Atlanta, Mrs. Kcny*"Will be the house guest cf Mrs. G. A. Washburn at 492 Johnson avenue. At today s discussion dispensation and busines train actions for Die Ga. State association meet which will convene i.i Columbus Thurajsy. Other' plans land matters of Tmpofiancc will al\so bc  during these leo DT. ELK RULER IS HERE TO GIVE LECTURES With the arrival Sunday of Mr. Benin V. Kelly of Norfolk. Va the Grand Secretary of the Daughters of the Elks." the members oC date City Temple and Eliza Tun n are all set to attend the lee. lures to be given by this nationally known s  and fraternal worker. T5Trs. "Kelly will begin he: lectures  nt 4 o clock at      homo of . HauRabrooks. prominent undertaker of this city.     resides at 389 Linden . During her  in Atlanta, Mrs. Kcny*"Will be the house guest cf Mrs. G. A. Washburn at 492 Johnson avenue. At today s discussion dispensation and busines train actions for Die Ga. State association meet which will convene i.i Columbus Thurajsy. Other' plans land matters of Tmpofiancc will al\so bc  during these leo</t>
  </si>
  <si>
    <t>                                           AS the states face the crisis of caring for their own unemployed, Mr. Lincoln McConnell, director of the Georgia Re-employment bureau, suggests that the back to the farm movement is the only solution to the troubles of his state.</t>
  </si>
  <si>
    <t>                                           TOGETHER                 .Icilm Wayne and  Western . Cecilia -          in "RlcJnrs of Destiny" at til.</t>
  </si>
  <si>
    <t>                                           SALISBURY, N. C. Oct. 9.--The Blue Bears of Livingstone Colleges meet their first test under their new coach this week when they meet Shaw University at Raleigh. The first of the Season Coach Reid was worried because of the scarcity of...</t>
  </si>
  <si>
    <t>                                           'HIM BIG CHIEF                 Richard Barthclincss, who will be seen at.lUe 81 Theatre today in "Massacre" is a rea) Sioux Chief, having been recently inducted into the tribe as Chief Thunder Horse. He is starred with Ann Dvorak ana Claire Dobb in this 'picture, which tells a thrilling tale of- the modern Indian and the treatment be receives.</t>
  </si>
  <si>
    <t>                                           Lovely Stanley Paige could have married any eligible man in her ... -- there was, for instance, the young lawyer, Perry Beverest, loyal and reliable; but she fell in love with dashing, irresponsible Drew Armitage, Drew told Dennis St. John, his former sweetheart...</t>
  </si>
  <si>
    <t>                                           NEWS OF l OU AND VOCIi  COMES TO YOU IN I r.-r () Ji-     Ki    T" II SCI. Wlfi- NOT SI.'BSCKlltE Fl'~:t IT TODAY? i</t>
  </si>
  <si>
    <t>                                           A period of sinister import and adversity for the more important activities and affairs in general of most people, is the astrological forecast for this day according to the positions of the major planets. During which, those born under Gemini, Cancer, Virgo...</t>
  </si>
  <si>
    <t>                                           CLASSIFIED ADS The Atlanta Daily World THE ONLY NEGRO DAILY IN TIDS  Classified Advertising Rates     /F SUNDAY   * a line 8c a line Consecutive Insertions Daily :itu1 Sund.oj-; One time 8c line Ilirce times 6c a line Seven limes or more 4c a line Five  of *vrr*g* length *r* counted lu.     . The minimum  la the *  f wo !inf*. Ads Taken Over Teleobone itrw accepted from person*  (It^ t*  -phone or city  on  ch%rire. In  for       the ndT^ Ik         to   he day  LnMftJou. On  I1   IvrrtJi.Injr ~*nt br  Shl, cn*h            7     ."/4  All DiKconfmu.ncw MU8T   *       In  *L the World office or br Irttcr. Telephone d neon t' ar* NOT valid. ERRORS IT any error la made. TW . Dmlj World I* . for  on* incorrect              *r in  for       *iit insertion*. The     Motify             if *mj  H . CLOSING Ad^- in The Atlanta DmOy fnr the Sunday World will be accepted up until 0 P. M. Satardaj-.             nre open daily  Sanday  % ATLANTA DAILY WORLD WORLD WANT ADS BRING RESULTS. JUST  WALNUT 9913  ask for  n Ad Taker</t>
  </si>
  <si>
    <t>                                           JOSHUA JONES                 By I. P. RejnokU                 Bro. Bell started to' Sloclnj; ''Whore Is the Key" so  Immediately reached over and hid the key to tbo collection bos, V</t>
  </si>
  <si>
    <t>                                           SEEK MISSING BOY                 . ~-;., I.. ir.n Tinyniniut striM-l. S'.W. - In pn. l:iio Tiioscliiy ; for hi-Ip in liu-Htine    -p 12  old son. Alilcnn. win. run :       :i.v. lie Is said lo 1         brown trousers and n  iai-kot :u Urn time of his        . p^.                 JONEfl Uy l. v.  Rro- Tlcll  thai Wh Men of i monologue is nn   n  nn(i hi* wife.</t>
  </si>
  <si>
    <t>                                           Courteous, Smiling Clerks Serve You-'-When You Shop and j Save With the Crowds  SSS" fi/s/^W^k' ROGERS BEST.- Flour 4 Flour ;-_95c x^'PT $1-03 j BALLARD S ., MS^i^Z^WWr^^. GOLD MEDAL Plain or StV-Rumg       V* -*j/ i$? tH x*"^. Plain or Seif-Rinng Flour^ Flour IS?- i $1.19 'I (~    S- $1.19 Two New x^wa-^-^^t'i^P,^-- I Campbell's Soups- fl^s tata? V Noodles "t,,, Soup gs   a.#. -w- Snowdrift Cream of Mushroom Dommo or Dlxie CYs\sk SllOrtenillfi1Your Choice f^ gl 21 i4 -6-LB. CAN J^^^l 3 25C 25C 49C HB Wesson Oil 17C White Lily I T T *J T *J Whife Lily 'I d Best American Cloverbloom- Full Cream Cheese 17c I Butter 27c Sunshine Krispy Crackers u.. n,. lSc I Sunsweet Prunes j....    .. 14c Dromedary Gingerbread Mix   *. 23c Evap. Apricots   . 15c Van Camp's Tomato Cocktail iOc ScotTlssue 3 2Se I White House Apple Sauce 2 s.. c,,. 19c Plllsbury Cake Flour rwr. 25c Temple Garden Cocoa 2 m, 19c Small     Prunes 3 n,.. 25c Guaranteed- Fresh I Sunset Canned Eggs   z. 17c I Mackerel 3 2Qc i  3r;r s SSSJSJSSiv:.-.? ,,r,.,  E AH 5c N.B.C. Cracker '.3 ii,B, 13c Chocolate Covered Charrle. n., 2Sc Old Va. Brunswick      a, l"c Argo Asparagus Tip. c. IOc Old Va. Brunswick SiZ s, = "I  c Canada Dry Ginger Al 15c       Brand-Condensed Whole Grain- Blue Rose Milk 2 23c I Kgce 5 T 21      ffl Jell-0 All Flavors 2 m* lie iSrr":T,CteanW"2 r" 15C Orape.NutF.ake iOc Wa dorf Toliet Tissue 3    i3c Cocomalt ~.Ib Can 25c Cellophane Bags of Hard Candy u, n,~ 15c    Miracle Whlu in, /y I- ni ki ll)1! ""rune         s ~~,,,,~w s.Ot.     IOC college Iiwj Rice Dinner c, iOc U II . u/hi. Standard, Spinach .vo c.n 10c I MlracIe WhlP T**        17c RosedaJe- Corned Beef I Campbell's- Tomalo Hash 3 25c I Soup 4 25c  fc ^i i-- iti itl r^ i I /;'*'   '~~'- Fruits 6? Vegetables i m^4 C"' Com/J/xion j[' Nationally AJvtrt!,*i Palmolive Nowhieiish j I Candv Soap Potatoes S^ 13c ~"ay 3- Fancy Snowball Cauliflower   . 10c C \KFS 1 i/H I Fancy California Carrots       Dunch 5c ^% M AT1* Tender Oreen Snap Beans Lb 10c ^y FOR J[^C   Fresh Crisp Iceberg Cleanser ~--an Sc ^% Trax   "~'1 "   1-OttUCc HEAD OC Glo-Coat c.n 63c Toilet Soap c.i\r Sc I Vulcan Pcvpcr (h-     ir,~;   ./ No. 1 New Red Bliss Potatoes 3 i.  . 12c SailCe Wile JOc Powders n*. 2c i! Sfol?la Porto Rlcan Yams 5 1Sc *~    /.^,tv,,P I     . State Wlne.ap Apples   . 10c Sauce iwa. 10c Octagon 5 *T" 10c Fancy Golden Ripe* .'    6 cs                   3 lbs 12c Powd*r -~'~oe</t>
  </si>
  <si>
    <t>                                           FU MANCHU-The Green Mist The              ^y ^^Off^</t>
  </si>
  <si>
    <t>                                           BROTHER HERE                 S. SCOTT older brother of the deceased publisher, who* has been in Atlanta for several days assisting the family in their bereavement. Mr. Scott, now a professor at W. Va. state college, is a graduate of Morchouse, 1025, and did advanced work at Ohio State college, 1929, and at Kansas University, 1931. While studying in At. lanta he published a S-I.OCO annual for Morchouse in 1925-26 which was distributed in the libraries of large white universities and a few foreign reading rooms, iro recently attended a conference with .psychology officials :it Ohio State U. on "How to Study College Courses in Ner.vo ." Mr. Scott thinks journalism is "a  game."</t>
  </si>
  <si>
    <t>                                           I  editorial</t>
  </si>
  <si>
    <t>                                           Friday evening at 8 P. M. two plays, were presented by students of the Atlanta School of Social Work at Wheat Street Baptist church to an appreciable audience. The two one-act plays--"Henpeck Holler Gossip" and "Thou Shalt Not Steal" were most...</t>
  </si>
  <si>
    <t>                                           The Southern Negro Football league was organized last Wednesday in Nashville, Tennessee. The following men were elected officers of the new organization. Dr. R. B. Jackson, former Morris Brown university star, president. Mr. Mitchum: Nashville Tennesssee...</t>
  </si>
  <si>
    <t>                                           ENTERING A PLEA of guilty to robbing S. G. Jones, McDaniel street car operator of $14 and a watch on August 19, Superior Judge John D. Humphries sentenced Jim Pope said to be the leader of the gang to serve from six to fifteen wears on the chain...</t>
  </si>
  <si>
    <t>                                           His Bed Quilt</t>
  </si>
  <si>
    <t>                                           SHE HAS BEAUTY PLUS-                 LETHtA HILL who h;is beauty plus talent to lead her to a  place in the Iheairical . She was one of the stars in Ihe late "(Jet Lucky" company and has had Rood spots in many other revues.</t>
  </si>
  <si>
    <t>                                           JO8 JOKES                 By I. P. Bcrnolda                 When Bro. Boll got after thota who didn't  with him In th*  they nil  J, "Fr#t non t Foil Ui," but  to duck the bricks he , no the "~     heads" cot to be renl           .</t>
  </si>
  <si>
    <t>                                           ir lying on Ris Own Power                 Discounting the Icanis myth, Erich Kocher. German aviator, becomes tho first man in the world s history to fly through space  only manpower. ;H.is flying device fees rotors instead of wicks, and propulsion power is I supplied by wind  tho Bier's . He is shown in flight near!</t>
  </si>
  <si>
    <t>                                           HOLLYWOOD--Most of Hollywood thought it was a publicity story when Clark Cable said be wanted to play an extra in "The Merry Widow: To the contrary, the star is so keen that he has just written Metro - Goldwyn - Mayer a letter offering to waive his...</t>
  </si>
  <si>
    <t>                                           SPECIAL! HALF A ^C SOLES *T   CKANaCB Id      IN Si HOURS United Shoe Repiinri 1 09            SL i' I'lM"'--'1'' I'lcdmont IIoM D1, cc,  J-VK 31 / Sii Mj. c.  (h at Mur- H.iut:tt t-' Homo: Hu'fcrvd 'ii;    x.irs, tri.-cl many   McUI  ;incl , hot  .inly Imipiiriiry . I'hrii Iii'.      :ii1a of Htprflrc TJriuiil I'ili- Trisilrnrnt  jM:-nl , A .   SAI'-Kfllt; KMIiHGENCY I.AIiOKATOIUUS        -    St.. N. W.   . USl Wi: Deliver Money For Taxes  REPAIRS Ul Mortgages i Mimlhly Kvjiuyiiwnts. i American Savingt :BanK.::..,,::</t>
  </si>
  <si>
    <t>                                           B^ KELLY S STUDIO Our Annual 2 for 1 prc-     Special comet to you again. We offer to make two Photograph* o{ any price or size, for the coit of one such Photograph.      offer lasts through the fifth of DeCome in and let us serve you. Remember your Photograph is the only gift that only you can give. KELLY S STUDIO 239 Auburn Ave. Phone Ja. 7035 ^SBiPcP DR*         HERB MEDICINE Ils.faSi.^^HSKrePI'' . . hawcs and  tonics               *-*'^ A  TO T1IK CUFFEUEIl  You  not be  about your health. ^^        "   ' Then U  for yoo. This    th* ok)  rrl!~blc Chlnma Hrrh. SpticlslUW with Yii* f.moui t^VfffSfSS^K^Sfa^^ Ani^ *  unil . untl      [^Cl^BflaBpHv?ftl  for any trouble of thr .       the ^Wmri-jj. I^111^* Stomach. Heart. Livrr. Kidnejm. Blood Voiwon, ^K^w^ . Catarrh. .'WvaVnviM.   *         , Iliadml^i^H^Br^Skisfgt dcr Troullltr. Coimtiiation. Appendicitis. Skin         , IflSMK^WagSg.qK K.mal- Truubl* and All TroubWo. Jd^^K2~%~SM^B^^ 1  thoMo  it may concern, call at 1. Don't I^^^^KS^B^^^Bm  up hoi* if        fall. The result     'V^*' TUB .  CO. I   - V V VotlVC CHINESE HER1W AND UKRUAi COMPOUND       *  Cure for Everr DlMasr  f Ik* Iloman Body Yra. In AUanU 111 Etxawjod    _ WA. :il) Atlanta.     I</t>
  </si>
  <si>
    <t>                                           1 t r f y .v r t y V y, f r v y r y w T.^. No Operation tS^ ^l i only nature remedies     4 *3^Z3kT To' itll' . who uri. : from Oil-  j t'. -~'~   Tj-  th  tlio Inimnu'      l^rn" t -for In Ihc t     1 a ,,nd  *. i '"^~W. "'~'h      Im* l.,,~~rlf,l rrom China lk.~n i ^~~"Vipi**W'-:  IM'n  In . Then,,          *ff   *"'--i      " ot ""'.""".'ion , Aho      - C^   T' t.:'1 ' IIik Blnlif .       rfm-"     *V-" JBh ~'~ll" Imvc bi-    In     nu-.rH. fully nna           ] J-'  lli^ f.' Itfpnhllc .fur           ft', ,    tn\      known . .     4   r fne "K*** I**-foro      eh  of other no- UUulUlf  and before Hid evolution of oar' modern phj. '1 BJclnnM. T_- Chln*~*  nre  t and RatbiHctdnr V V All nO* lar   nnd UllriifnU main j  "nil ( alike. Itapld  od   hoyo       br Ihelr u In mii-li  u 4 follow 4 , Iambics, root, , catarrh, 4 FAMOUS , pile., . diarrhoea . IndlcrMlnn. Kiomach , .  tlf.RcmMW, 4          'VTU,'." .  UtorawTWr. HERB             . Impore blood, . 4 % chronic rold. , asthma,  .. QPIiTIAI ICT If ll10       " *~f ^hiu*'  +il 16 yon, yon' 4 DrBUiVUai     only call, hy  nt oar  und        m of thi.           wo        for 4 25 YE'\R9 ol" l. t DELAY-  AT ONCE 13t            Ar*.  IT A loot 21H.1. AtUWta. Oal in ATLANTA Dnlty a. to 10 r. m. Ill      .~lA Sunday       _7 A. M. to p.   . and 4 IP. M. to 10 P. M. ^^^^ ^a^at^.^afc,^a.^     ^LjAM^-^LMA^A^A^    -^r ifc "'i</t>
  </si>
  <si>
    <t>                                           A REWARD OF $660.00 is offered by the family oi the late W. A. Scott, founder and publisher of The Atlanta Daily World and the Scott Newspaper Syndicate, by Daily World Employes Club, the Atlanta Baptist Ministers' Union, the Atlanta Negro Chamber of Commerce, Mr. C. P. Cochran, ihe TIC Club, A. S. Scott, for information leading to the arrest and conviction of the persons responsible for the (slaying.</t>
  </si>
  <si>
    <t>                                           WOMEN FIGHT TO SAVE GIRL                 .1  Mi-~. 'AM" I'f the ath ...  Mr- Auriii- , iT.yvar r-ir  tli.i illi; hrr liu^. ~..i:il .1 .~~~1r--'-i.i. "f Inral whiti* Iwiiiiifii. *fSL*:.!inM  ,:/,(i h;r-  tl ~*    CulllM mi i;i Hit t!n- I'lllllllT. .[....ii.ivx IV Im'l-   .1 .i Ihti,.:. !'n i !)i-- iiin.Mn,: "I Mr- H:ifi ;~i. .in; is i't!]     .tl lo hi\ I .lie; ill.- MlUtf .II 1 1 Jit 1 if till"-' 1 'Vi'c . M't Up -i i UlC Villl'l 1 c;i-~ti lor M.vur.-'iim tin* s**        t.Kllfl     SO I in- L'i iuli Miitt.-(l mi' I wit*,  .~i .if  her hi^ fur iiH-.'iim  with  wu,  ," I'dlin* L-        lh..i whin ili*'y U"k  in  she I old  t;iki- tut- mi I h;ttw: inr. ym :: my  fur ; .i whit,, man   uii rim huri:; inc."                 . JONEN ny I. P. Reynold* lii- Jcmi'a      In bin -iiu i.n hlx t ur ho I he    il him     ho  tu  Ills  to  her tur u   tho         (i . "I wUl U      lat Uu  th?  or!11</t>
  </si>
  <si>
    <t>                                           Turne r Theological Seminars started its 38th annual session Wednesday with what promises to be one of the most successful year's work of its long and glorious history, according to indications as interpreted by Bishop W. A. Fountain. Pitt. D., President of the...</t>
  </si>
  <si>
    <t>                                           BANK CHECKS and Mill Wheels Turn a stream of water from a dam onto a mill wheel and it will grind com. Thebacked up water supplies the power. Do you realize how your checking account is like the stored-up water behind' the mill dam? It creates the power  turns the wheels. of service for you. But if your deposits are a thin .trickle with no reserve force back of them, the checking account machinery cannot -turn unless the bank tu^ns. it for you at its own expense. It is to the advantage of every, checking depositor to maintain a fair' checking "balance. Depositors who do not   ^m^f+ find it convenient to do this,  Tay.       . properly reimburse the bank for hfT 1 A* what it has hadtO spend ^.       * to give them service. .'Vi".^."-^ y CITIZENS TRjJST GO. The Bank- On .Auburn</t>
  </si>
  <si>
    <t>                                           M.R.--With I ever be able to get rid of my nose trouble?</t>
  </si>
  <si>
    <t>                                           TIM TYLER S LUCK Her Convincing Majesty BY LYM YOUNG                 MESCAL IKE And That Proves It BY HUNTLEY                 FEL.X1__ By SULLIVAN                 RABID REVERIES                 TUBBY -And He       it With Kream.                 ITS fA^GREAT LIFE IF, YOU DONT TCAKEiSr Bf      Rabbi'</t>
  </si>
  <si>
    <t>                                           This club was organized by the 7-L-2 girls of the David T. Howard School.</t>
  </si>
  <si>
    <t>                                           NOW SHOWING On Thf Slae*" Franklin Mont rose VAUDEVILLE  K ria The Severn "THE  KEN  IS "KING OF THE ARENA" ALSO LAST CHAPTER "Clancy of the Moanted"</t>
  </si>
  <si>
    <t>                                           TI!K YKAIfS  JfflfoL t xt- n- -t in : lit^^?5wl MAX  '~'~~"~I t^t M .^T, TINA DHtn c, .in, mini MSSk r A I HIMO  3Hfe r^if/*^ (.DS fll.V.       i ''r'S MYRNA LOY and lii 1 Jfy I WALTER HUSTON ~^^^^~f Bailey's "81" Today (Sunday) .</t>
  </si>
  <si>
    <t>                                           Children's deep. colds yield quicker to die deep-penetrating action of "Pehetro, the mutton suet salve that penetrates 4 times deeper and quicker. It's stainless and snowwhite.' Ask for it by namt, Penetro, 25c, 50c and $\ jars.     MUTTON SUIT SiHVl Automobile FREE Evtry Wttk Turn in Vincent      . Plough Program, NBC. Wri. 9 p.p.. CST; 10 p.m.. EST.</t>
  </si>
  <si>
    <t>                                           wH^^mK)!^                 HOLLYWOOD- 'I'liey :ire .; I'idc Arirjn foolhardy, Iml he; c:                ! hw t- la!:" it. i                 ~.L! t V"ILJI,~   HVi wt*  " it.For 10 dny*      "Corni: On Mm 1'incV   tin1  V 1 ^ locution work midst , slush Mini  living coil -i. iU'.lt" "tin.; t^bl contracted i:nld.~. l , l)  *  lo  u( a, pain in bis Hicli; ami  That was  ii .Nji :ii:o. T.asl lii^rhl.  1 on thv scl nnd  l      ' lo .'I'M1 wui  li- was  :is  . nnd now  arc ; a  into hi" s flu. In nil  I ho  lion will  lo     billed oft for  i week. What  it: is 1.1-111 1 Dick anil . had Ihf'r .s :'ll IioiikIH. to sail I" Kllrnpi1 as soon n:i lit* rouM C"    I In- film. Somu of Hit . .~' you . in Hollywood : Ihr HiMTatits "f H U . TIiimi1 i' Iritis, thi!   ol'   1 ! Anus and l'.n I'nl'ot. WIiimi till) li".v ''ail Iiiiuii : fnr h.T  i!\- 'lays. Ailrii-ni'" noM'-ril (lint In1  :i. clii- nnl-se  ti liu  il sii'. Hi" lilts. TIimi six' saw t'1!l1 I'1' worf  H s\iocs. "Kllw," sin; suid. ":iri: you u. " Thi! dark  drew til' mournfully. "Ycs'in" lie said. "I   : till I utmost st:nvi',l lo - 'I'hvn 1 wont In .Hiiir." Al ! of Hie star s r.n-  s, Klli- first, puy. il llion Rniivuli'vil ll i-  by :.' tln ir  mid .-; it .1 head to !  as lh.-\ ramc down tlu1   .stall s into Adrioiini'"s Venetian play room. l'I wouldn't; stop  for tin Wi.rW." said Aili'iiMini". "hi1'." hav \\\Z Miii'H fun." I l"\'~u -r k Itio  111 111'1 - nf l.lipi1 Wlo-.'. .1' \Viii-~'. The !' IlliMV WKIl'l. i Vi'11 IKK'li . trunks any uion1      nil" l.upi1 lin.vi! a . And. a,-oord                 Inc to Johnny's own admission. when ho ordered Hit1 huller to Till 111-, -r  h..  T . tin1 weary  just, shook l:is In.'uil ill"! muttered: 'Aw, you re nuts." Ono of (lie j;    'Kt tanco  *inst.s in Hollywood, anil you d never  it, is Clmrlio Clmp lln. Whenever tin- comedian anil I'aidctte Coddml i;o the 1'ily WIIkIiiiv. (.''; a.sks f!: IjifniT to )tl;iy t.hu si- Simn ish rh.vl.lmi. Hi! and l':i;  it Ww , bill when   rn swings inln a fox trot,  fit down. Tin' n:irl i!s      Direrlfir W. S Vnn Dyki-     i':i;:i;ily ;il ti  by  who like row i; tun. i iiit lime Max Haw enlivened the iMv: l.y  v in'. * quests iiiii, the swimming . A^aia John MUjnn hail    "lii tt down hns h: up :iH i   on the 1'. lawn. Knowing . u '- \\ rei-ently  Van that he d like In come if lie    he sure that tin swimming pool would he empty I "Why my de;ir fellow, we  :n lci!~"2, it- full." s''lil Van. "Ii' Ihey liu-ew you in Ihere with, li wat.i'1'. it. would fi   skull." What   i--i. KOr.".ipn. nml I hi' natural exhibitionism of nt-, the progress of n love "flair iu Hollywood is  ;ipt          knowledge Hut  l I'orres  tlu-ns all I he "thev evening; when she made a .-.uilt^sion over the micro "hone at Ilii" premiere of 'Queen I'lirMina." Triprint:     I he forecourt on the hj-iii of the ! Stephen Ames. Kartllel sti!   .'d up lo the mike and  happily: "I'm     to he hero to      the  of this i:reul ai-tress, and hci  I'm really in low.' DID YOU KNOW- Thai. VVill  iii='.1is lih, ~''rst   o wln n h was 1 -t vear.-; t,ld in a  con 'cst which lii- won'.'"</t>
  </si>
  <si>
    <t>                                           HOLLYWOOD--They Are Calling DicK Arlen foolhardy, but he certainly proved he can take it.</t>
  </si>
  <si>
    <t>                                           Funeral Notices!                 IlIGIITOWrn- The funeral of Mrs. Georgia  will be announced  r. tt. C. Tompklns. .MARION- The funeral of Mr? William Marlon will 'be hold Monday nt 3 :    o clock at the *sMe. Interment Ckvsinui Hills, .   Dedicated to our Moved mother, Mrs. Uella Gordon, deceased March firm, 1033. Today, one , Mother denr Our Uowcr   Left us , in this cold world To shod tt  tear. We are lonely, mother, without you Hut God, -wax , too And called you home for company Among his faithful l ow must be up and doing lo meet you, Mother de.nr Since you are In Ood's cure We have no right to /ear. He will take care of you, dear. And will prepare for us Wi; me  home to meet you To live eternally. Your lonely children, i J,1,rs' ?0,r"k c     8 Misses Pctt, India. Sallle. and Lillian GordonESra.?          '</t>
  </si>
  <si>
    <t>                                           j Dr. James Corry, Ex-Army Doctor 1G Years Experience in America and Abroad J "5 IW ST., N. F-. (Bilwcen Houfclnn nnd Auburn) J J I served with both the American and British Arm- J ies riming thn World War holding the rank of Captain in the Medical Department. I find so many colored people who arc unable to J pay Those I serve tree Only charge for medicine. J J Home calls SI. 00 if left at my residence before 7:30 A. M. To colored people only (Men. Women and Children) I am offering; for only SI. 00 a week To those unable to pay more- My $25.00 course in Physical Culture and J Muscle Building;. Office Hours: 0 A. Rl. to 8 P. M. Office: Ma. f.S73 Res.: Ma. 3087 Cin THIS AD OUT AND KEEP FOB FUTURE UEFERENCIi 5 YVVVfVVVVTilTffVVVifTVf?1IWflffff?t?fff?</t>
  </si>
  <si>
    <t>                                           CHICAGO, Feb. 26.--(ANP)--Before the largest society gathering of a basketball game in recent years, the Omega Psi Phi quniet scored a 30 to 11 victory over the Alpha Phi Alpha's in a colorful game played at the Savoy ballroom Wednesday night. The game was...</t>
  </si>
  <si>
    <t>                                           OMAHA, Neb., April 9--(ANP)--More than sixty hotel waiters attended the first meeting of the six weeks course of Dining Room Waiters arranged by the Omaha Urban League and sponsored jointly with the Omaha Waiters' Association and The Adult Education Department of School Board.</t>
  </si>
  <si>
    <t>                                           Today the members and former members of the Vicinity Charms club regret the loss of one of their faithful members, Miss Mattie Lucille Brandon. This is the first time since its date of birth, January 3, 1930, that the members had to witness such a sad occasion.</t>
  </si>
  <si>
    <t>                                           ZEMO RELIEVES ITCHING BDlMG.'ECp Soothing, cooling ZEMO bringa prompt relief to itching:, burning .; oven in severe cases relief cornea ao      us ZEMO touches the tortured -~sldn. Etr.cma, Rin^ Itohes. Pirr.ple;, Dandruff and other annoying skin-or scalp troubles  yield to this soothing, ]~uc lotion. ZUMO 13 sale and dependable. All D.-URfrists. 35c, 60c' S1.00. Extra Strength ZEMO beat lor chronic - 51.25,</t>
  </si>
  <si>
    <t>                                           GOOD USED GARB easy mm HI If ON AUTO EXCHANGE 57f! Whllcli.-ill al HmniilirM'* PIIONi: MAIN 2131</t>
  </si>
  <si>
    <t>                                           Chest Colds Rub un Musierole.  by millions fur 25 years. NOT just u , but a "counter-irritant." AM druggists.Turcc.. HilHit.....,......^, l EKMAMiNTLY LOCATED MADAM  =3 Tllfc WOMAN WHO KNOWS -2 l  and Lilc Reader I'ells past, present and .* Gives advice on all affairs of" lire. Love, Marriage  and Simulations of Hlfll all kinds. Don't fall" W^irO tn 'Ws g- ?    % 1'. Points l(w ^Wm  ut a" -\ and shows you how vti-fim. to overcome ene- 4 .' Madun Mlnyy has helped thousands and      can  you. TEU.S LUCKY DAYS ANo" LUCKY NUMBERS Satisfactiun           OHicc Hours: U a. m. to 9 p. m.' li.'itf McUonough Uoad (Across from Federal PrUon) J SPECIAL - 50c Takt I'rdrrai Prison     tp end*  f line. Look for Katnc od Slink*'14 "ot in Tcnf.</t>
  </si>
  <si>
    <t>                                           'Brownskin Models' Much Better Show                 By CLIFF MACKAY                 I Irvin Miller, who appears in I person with his "Brownskin Models" in their return engagement, I has brought a faster, more comical, more musical and more' scenic .show to the  of Bailey's 81 I Theatre this week.                 First honors still go to 'that banjo thumping Fred Jennings, in this scribe s opinion, however. Jennings who lor several seasons charmed Europe with his brother. A), as the team At and Fred Jennings.  banjo from being just a percussion instrument, and makos it produce music of the finest He is heard to good advantage in two numbers and draws a large portion of the niggard applause i which the cold 81 audience gives stago performers, no matter luv  they may be. The Henderson brothers are new faces In the Models In their return and go through a fast song and dance routine. They' are by no means newcomers to the . having played stock at. the Palace theatre, Memphis, for two seasons. Teddy Fcllon. whose graceful style of tapping, make the most  difficult steps look so easy, this time has to split hoofing honors with Raymon Kalland. new principal in the show. Felton still holds his own though despite close competition provided by Kalland in his expert execution of the rope dance. Ernest "Baby" Seals, dead pan comedian, is provided with a running mate in Skecter Winston to add the much needed comedy relief, the show lacked on its l*st appearance at the 81. Skeetcr, whose high tenor voice, provokes mirth from . goes through' skits and blackouts with Ernest that prove sure-fire. The vocal end of the show 15 still strong  Edith Wilson, lyric soprano, far ahead of any vocalist we ve .heard hen thus far. She stirs plenty of interest in her rendition of "Don't You Bememoer Me" and ''Shadows on the Swanee." the two numbers sang  t the show this writer attended:S2ss "WJlssa. ~= cast you  ics-t Jeow, was selected. as-QWs test                 in a recent national audition conducted by no less a personage than Rudy Vallec. !A.nd we can easily see why she won. Eddie Heywood. Sr_ a name that spells some fancy piano picking to all Atlantans.  back as head of the orchestra with the show s return. Eddie left with the band when the show played here last time. He has worked out some intricate arrangements for the boys in the band, which prove pleasing. Irvfn Miller appears on the stage dressed in a white hat, suit and shoes, for an adagio waltz Blanche Thompson. America's best dressed show-woman. Miss Thompson, as  and as pleasing to the eye as ever, goes through a line of patter with the shows producer during the dance. Boby Hughes adds about 105 ponds of dynamite to tbv  line of beauties. Several new faces have been added to the chorus, which U dressed in differing and more striking costumes Md go through new routines. Members of the chorus are Jessie Mae Tanner, Fannic White Doris Simmons, Bonnie Mitchell Shirley Brown, Juanita Johnson. Reese. Espinola Thompson and Dorothy Besides Eddie Hcywooct. Oie orchestra is composed Ct Henry Thomas, tint  Thomas 3. second trumpet: .William H. . bass:. James Mills, banjo""f:. S^am White, drums and MnJo: Ralph Washington, first ax Norris Lounds.  sax: md Harvey Williams, third sax.</t>
  </si>
  <si>
    <t>                                           Irvin Miller, who appears in person with his "Brownskin Models" in their return engagement, has brought a faster, more comical, more musical and more scenic show to the stage of Bailey's 81 Theatre this week.</t>
  </si>
  <si>
    <t>                                           RAINt FOLLOWED hy   nd  Saturday ; Stmi)~y WU'^pd colder LoivMl IcmpcraturejdUnt Z4 Hoars, Mi highest. 61: . M. ,:M:             , Attonttt Weatliet Bureau.</t>
  </si>
  <si>
    <t>                                           V s V p?~jfM 721 i j</t>
  </si>
  <si>
    <t>                                           I rang editorial *m</t>
  </si>
  <si>
    <t>                                           SB Y'' 9^?^^^^^B A nd i.' he did, would h*- It is* you      * *i-TVou!i! ;he softly curved, n*tiny             of      chw^ anil lip^_ th^  ]ovi?lir.*^s of your  *ntr*nc^ him. win t)tn Ictv^  TTi*~~*" hirn your* '~r  i. .  .-kin, :"~or  arM **-.    :r  ii"K'--t him  nti drive him away T It all df;~    * on thr   "~iJ*~y rmJ.^ you u^**. That's why you  u"~- . pure Hi-Ja Itrauty Airft and n*~ver      i:~     *ny .~:h*r      . ThouMindn of Ix- p. on Hi-Jn n*-~uty Aid' anj wi:i have not hint: Th^y kr.ow that    ['i.-~~". their ^Kin and  h*au'.ifu.'. l.*^i rich.           Ffi-J* S^in L'eh r.rr * and  . A wrrk s Ir^.cn t will work music in  your  c!-*  -r, ^r. Lighter and Licht*^-. Hi-Ja ~"nr*~ Pow(!~t nift^l : h ^ilk- i* extra f-.r.-. It         .i your beauty *r.~J --coo(~ni: m . Ili-Ja Ccrn.TJt     ?~~ and Hi-Ja Quinine Hair    -~~:nt: u*~xl . form r  up^rb beauty  for the hair. Thf ShHmpoc c'.fur.nr^ and kills :ff. it ivc* the  nev.-       while tho   ;r Ure*^ir,vr ..*, * the   ; i: luxuriant. !or,k-      ni Iky. Get th^*i- ar.d other pun*, naff, .i: K;-Ja P.      Aid*. Therr*- HiJn IVauty     . r Hi-Ja CvUi Cream, and Hi-jK Keep Swet-t- till 2:.   -n'^ at ;h?ni        you*!l bo more  tomorrow. FREE OFFER: Mr' J1 "rd-T r.w ar.d k'~-t  ny 20cer.l Scm::y Aid you select, fr(-e. ^   3^'        Inc., ^^^^T Atlaxit*. Ca.</t>
  </si>
  <si>
    <t>                                           At the Washington High Evening School one is given many advantages. Besides the regular classroom instructions, there is a training one gets that will quality him to fill his place among the intelligensia of any race. Recently the senior class exemplified this by...</t>
  </si>
  <si>
    <t>                                           fW MATHER Cooler today with rain, temperature extremes near 42 nnd 52 de-_ Rroen. George W. Mlhdllne. United . Metcorolonls'.</t>
  </si>
  <si>
    <t>                                           GEORGE SANDERS, Jr., son of Mr. and Mrs. George Sanders of t*cw York City, and grand son ol Mr. and Mrs. George Williams of Florence. S. C. who celebrated his first birthday February 16 1934.</t>
  </si>
  <si>
    <t>                                           Mr. George Mackey of Barney, Ga., went hunting one night last week and after getting into the woods, his dog treed something in a gopher hole. The dog went into the hole and when he came out he brought out a rattle snake 27 years old. The snake bit and killed...</t>
  </si>
  <si>
    <t>                                           "The wheels of the gods grand slowly. But they grind exceedingly small."</t>
  </si>
  <si>
    <t>                                           #~J^' rf CULTURE fjt^^mMM</t>
  </si>
  <si>
    <t>                                           IDENTIFY BODY FOUND IN RIVER; REVENGE SEEN AS SLAYING CAUSE                 me gives UP BODY OF IK                 Police Beliftvs_P*Iraore..^a^ .Taken on -'Ride' by Convicts                 ONE CONVICT NABBED'                 The victim of what homicide detectives declare* to be one of tie foulest  In the history of Fnlton county, a badly decomposed body found caught on the limb of a fallen tree in the Chattahoochee river Sunday afternoon, was identified late Monday by MnL Ora                 Palmoro. of 42 1-2 BoBlvard as that ot her missing husband. Will. Detectives Jones and Hamilton, detailed to the investigation. of the murder l?    ; case near solution 1     Monday , after one hail been arrested on suspicion m conniption with tile ease and a        nras being sought Id Jeffersomllle.     where It had been reported lie was . The arrested suspect A. L. Diion. was nabbed by the officers shortly after Mrs". Palmore had positively identified the recovered body at tbe Pool? undertaking company. Bison, witnesses,  yaw .on* ot two men with ^almore, when bo was last seor. alive. Kcvongc as seen by police Mooday as the motive for Palmore"S murder. According to police. Palmore who hud been employed for several years at.tbe. Walker   -      , ICindolph street and. Edgcwood "Te* nuc. was the state s only witness. In a  robbery cane three years... .Palmore's testimony. It is said, resulted In two men  netn. tenced to serve from five to ten years in tlio ;. after he had identified them as the pair who had held up tbe filling station, wera he was employed. The two , it Is Mid had sworn to "Kef Palmore when they cot out. Both, shortly before Palmore mysteriously . hud  released on parole, officer* s:   ! Palmore wus last seen alive on Mnit-h in. detectives  ho nrc             ; the case, told \i-n Monday. Dlxon. it is said  n ith another, man--to     in Jeffcraonvlllc. Ga^ had come to the  station where Palmore was employed and, told, \~t a broken il'~wn . Palmore, according to the proprietor of the filling station, Ngof In his automobile with the two. men and left to so repair the car. Ho never returned. Tbe sheriff* office at Jeffersonville Monday  police that they were holding the  In which Palmore let on Mar. 29. with the two    . believed to bo his murderers. Detectives Jones      Hamilton left Atlanta last  for Jcfferi- where they expect to arrest the   and to  Palmore'K. car. Mrs. Palmore  Meatt. .(Continued on Pace 3)                 River Gives" K'vnllnuril from Pace 1)  the lio.Iy   ,uml in  river by :i    .- riu:: *\.'h h,~r .l was wi  on his        ar. tlu* t i      he     :      :. I Tin-  ~':is ., police, vii.l. Ilk,. :i Mi luu-kln. Furtlivr iil-      '    .u ivus *  a Htrtns whi.-Ji l';ilia,.n- w..r- an. u ml lii..  Mrs. I'uluKirr  :i.l pl:i.-.il thm-  h.. left tor \v..rk Hit?  lie .    ^  ~'i in so .v.  ir vets        !!~!c 1          *y ihi. doily  f:i**i:il f.-:        . Ati.ri-           'ic:     was -il  I'almurc's i-  .l...  lii, f.t.-n: tri.i] tin' clothes   - wn.i Wi'arin^. IU1 was  lr*?ss(rii iti :i  shirt.   :: Mn- IiiiiiUt j:u-k.n ami kh.'iki i*:     \v'^**ii  iN.*i.k-t.riM. j I'olitv M'tiftitottC'l t hf *  -ry wiis    - .- t"..r the "~. 'I'll.-    -t.vrs ..f l--'s ir..ii m-in w,.n-  cm. I.-.I .~.,.i,,iy        'c wli.i first :ins\V M'~-~l iJi.. .-:,ii to i In-   *.t on r lie rivr. -t-;.t n.     .v :'s :i -. I'.iit ..fn.' :n tlu' I1,, i.l,-  ! ln.iii'*, ^*ito rr^i.viTi-'l     '       from ih.' rii-.T. lai.T f.mu.l -loll.-ir I. ill. i.,ii-:.- :n,.l aii an l.,m.,l,,].- tnv '. i" l     inan i  l-. v.liJ.-l.   -   .il p-.: i In? -iy tl ry. A small  l.,.y. ~,:,,l.     - a lm:ii i .u I in Hi.. ini.l.M.- of   n,.:ir th.. Carrrt l.ri.l^.f. Ihsl (~is;-..v. r.-,~ i in? man s I..~~V, han^im; i.. a  n:ix- a full.-i. ir.-L. II..    .lfi,~~ [Milic-.-. I'nliee i,l:ir,.,~ t h.-ir i--li'.ii 'Mi tin*        -r Mnn.lay. l "  .. limy In-iii-vc. v.:,~ ,.    .i..l  from lii^ j,,~i ,,,j ,jM. j,n.. t-.~  .. thai ii.. was L-'".iim I.. r.-~.air an am. .mi. I. il,. a n,~ a "ri.'e" in tni.-       .T styli- in lii:~ own aui.'.ii... Tlio vii iim was i-arri..,l onl tU.r   r..:u! I., - -r  Auslrll.  K.li.^. b.-li.Mi-. u- III.-     ~,,    wlm had I...,  away w,.r.- mot  'In-      i:   : .1 ...'ls. Th... c..nvi.-;s. then l. l.,-r. t I'alnior.- In .u-alh will, ut, :IU,,,. ni.,l.   . .- :.n,~   lm.ly in ii"i- riv.-r. It float,.,! :,i,,,,it ,,r s-v.-n .lown ihc . until r. j Ciiutilil on tl,.- irn,. , \   ..r.. it I was latur il!s.-.,v,T0(~ I.y th- .i jy..mli. I   :ilm..r..\   ..ly aft,.r il 1,..,,] ~,,,,n i.'.:..,j l.v ~,;s Kiu. n.:   ,nt,is furr-.l i.i ti,,. .y ,-         fun. :-ni[ liom... Hurial --iii-nts ""l .vr.   'en i--l.,1.</t>
  </si>
  <si>
    <t>                                           The, victim of what, homicide detectives declard to be one of the foulest murders in the history of Fulton county, a badly decomposed body found caught on the limb of a fallen tree in the Chattahoochee river Sunday afternoon, was identified late Monday by Mrs. Ora.</t>
  </si>
  <si>
    <t>                                           SUCCUMBS 'AFTER VALIANT FIGHT                 Bullet Wound is Fatal to Youthful Publisher; Death Ehds Brilliant Career                 A. SGOn. FOUNDER OF ATLftNTA  WORLD in is, succumbs                 .TV. A. Siv.ii I.o-.-., ll.-ruii- Ki;.)it Day Fight; Shot in Rilok Piittin^ Cur in (".;ii" .it His Homo. Motroric       of 'World' I.'     [      -~1 in History of .\~gro Journalism                 .AI. AKn. NOT YET COMPLETED                 \V. A. Soot I. is rle;id.                 U'. A. Scot I. who in ; :uid a half years built a small .unnoticed weekly into the onh Negro daily and Sunday newspaper on the face of the globe, and founded tho Scott Newspaper Syndicate which has today more than "0 members, has passed on. He was 31 years old at the time of his .li                 Shot in the back near lO.'JO .1 week auo Tue.-dav  at hi:; Loire. 181 Ashby Mrcf't. as In.- was U'ckvin; his car in Ins i;atar-\  a ln'-rnic twin fur hi.-, lit  t -:; .s for HgM s.i o Tlii- ~-ml c.ui:.- at .1:27 W'ciJiifSday  ai   . ho.-[Hal  1icre ho h.vl I). on  M hu own request Monday . Until that tirno, hu lia l ht-'en  :it William A. Harris Mrrno. lial hospital. The David T Howanl Funeral Home liar. charR- nf the Ijotly. Dunal -nts h.ivu  r,t yet bef-n rf.. Mr Scitt mi I'Mi'Viuus until' the . Dr. .1. ll.ur.- Hi.i;it-;.  iil  t. v.j.u ;,iii-   1 the pul)       . i.latt-il III. 1  his i-xti  .-. physical (ll  i.a l  him to  . a valiant fii ht for !u* life. T!  . r 1t.1i Imlli-! i.nt T.-l hi. hip and passed  lii: , in.',' jts exit near tin- nav- 1. The di i.'i.a^iTl    -   nrti :il v.'.irs  at Kdw.-.H:. M:-.v.  li,r,'  .: , lat.-r Moiiu; i                 to Jackson colics, Jackson. Miss., where ho became secretary to Dr Z. T. Hubert,  known  who Wns       the i.w-:. Lau-r hp was dean of tin- hov.i :it Swift Memoriul          in -. Tenn. In 1925 the young publisher entered Morehouse ; where     became a star football . Liti'r lie went to Jacksonville where   - published a Negro Year Book Soon afterward he returned to Atlaiil.-i whore he published a sin.L l.'ir l;"Ok. WLile -d in thr Atlantn . In- b i-an publication of I'll.- Atlanta "'oriel on AuKu^t .1. I as :i weekly. Two years lai.-r it li v.'inic a Kt'ini- ami in .I.iimr.rv of 1031 the Southern NVuvp.'ipor Syndicate wun formed In Ai.nl The World nnd .ited napi-rs * tri-. The '" Weekly, only Ncijro ..'  In existence, was i'M:ihli:-hed by him the  . It wa.i March 13. IS.II,  TinAt'am.-i World 1~-        a . l-'-.r '.i\ weeks it was published it days a  and Int'r a S. I'dilKn) was added. 'PhiArl.n.ta Daily Worlrl is now thu '~hi', daily and Sunday newspaper I I 1 1 hod by Nccrr.r? - in i . Til" Srott Ncwspnper S- rid.rnic.  from thn S"-rn N'ewr. Svndlcatu v. I. rii it expanded ) this *c,-. now ha?, more than 30 menu bi-r:;. Ti.  hii ln:ijr. Mr. Rcnlt. l.-avps a wife. Mrs. AKnos Mndilnx S,ott: n mother.    . Emmi'lliuS~'olt; five         . Cornollun. Aurrlms. Rmel. Auruslus and. Dnni'.-l: three . Enther. Kuth  Mrs. Vashtl Scott Ellin and two ns, Kobort and W. A. Scott, Jr.. a.': well tin a flout of friend*  other relativo.i In all parts ol thn country.</t>
  </si>
  <si>
    <t>                                           W. A. Scott is dead.</t>
  </si>
  <si>
    <t>                                           was entertained by Mr. and Mrs. James Wright on the last meeting. After the usual routine of business came the report of Mrs. Pearl Willingham being sick. We are very sorry and wish for her a speedy recovery. We were very pleased to a visitor and also to have...</t>
  </si>
  <si>
    <t>                                           3 THESfc 3 AMAZING   dR            Skin lighter  Night CV -  -'i *  'i' tv bma K* ~=/   i. FrcJ f.lti*f, 3KIN . K7 ener Onumtni It a. t^/ B^QMakes Pimple3 y HaSlgmishcs Go  Pl^^^^l Punplfv  n4 *ry Sian       I CStf^S *    *km b"om" "WxKKw. Ifl^^/fir] #r* mar* b"~"ti?u] M this flk^~  ^^B creamy         quickly er  Rq^SH money . Try Or Fred          'm    "e"" 0"~"M"~ f-A  '- JU.I  it oa with ~^TTw'Y^i thr ttn*tr tlf*      "^y      )  Kja^Vakes Skin PJflSoKcr' -Lovelier.. rS^^QV Dr. Fred Palntr". Skin Whiunar *    I        *~'    . T^M L \S8f J 1~~'' "T" *a"        'iW J^^^ Wom^i of ^1 bkm  fr        K^baB with . Only 2Sc .1 ^1 mad BK"^~^R    *0"""m' Ikcuhia r\'  AtUnu. Owr,,.. KSMSttMtK  -*ONtr    /r wr ^^     satis . m I HAIL TO THE3 i % QUEEN! i star'/ stars ^L-rf^ wwi/  glorious  CHRisnnft f:   J v^ Bailey's ROYAt Tin^-  The PRIZEFIGHTER and THE LADY I With MAX CAKIt- MYRNA r.OV- JACK  I WAl.TKIt HUSTON -also- i DUKE ELLINGTON i A XII HIS  IN* " OF BLUES" I Hrur Ivv AlulFTMin sine  WE.\TltER" j LAST  TOD/VV Baiiey's ROYAL</t>
  </si>
  <si>
    <t>                                           you  jP^^ UMi</t>
  </si>
  <si>
    <t>                                           I- gl^*11^! ONLY NEGRO, DAILY NEWSPAPER IN JHE WORLD PluUI II ON VOLUME 7, NUMBER 49 ATLANTA, GA-, WEDNESDAY, APRIL 18, 1934 PRICE FIVE CENTS</t>
  </si>
  <si>
    <t>                                           AS YANKS BEAT CUBS AGAIN                 Combs slides safely into second in the first inning- of the second game of World Series.                 IHe scored the Yankees' first run of the game in subsequent play. International Illusitratcd.</t>
  </si>
  <si>
    <t>                                           Now that the electoral storms have abated and things are to remain as cries of fraud echo from the various Sections of the country. Die herds are contesting the victories won by their opponents, and voters ere complaining about the intimidation...</t>
  </si>
  <si>
    <t>                                           Janitors to Have Second Free School                 Thf initial cl:i.-.s in Ihp Fornnc annual . Trainiiii; '"l:iss ir.  Carp and Upk'-tp "f I3n i trt in Ji-.  is lo be    of Hip Allanta Urliar. I.e:u:iie wil1 bc'  :u 7:nn Wl'(      :iy p.. February 21. in ilu assembly  or the A'.ibin .\v_- j                 nho branch of tin'  Library, Auburn avenue :i1 Hilliaiv street. Nfi -fii- will be m.'nli' the oii l^ * curse, Al! janitors .Mivl in ! the course arc  to make thei; application any time Monday, i Tuesday, nr Wednesday, from nim b clock in the morning until six o clock al . at the oil ices r,i the Krban Ioajme. Rnom ::0j. Od: Kellov's building on Auburn avenue. There will also be a special  period from seven to until -thirty Wednesday  at the library lor those who fi:!f it impossible refiner earlier Those  to take  course i however, are warned to iic\ their applications in early as tho re?.U Iraiion will bc limited. This course, as was the initial course lnst year, from which a large class graduated and which was at- i tended by 152 persons, is designed to assist those who are interested j in a more  and better tin i ^nR of the !:',- I I tics of their jobs. TKose who do 'satisfactory work, are on Unit;, an?.', I (Conlinuad on Tzz" "I                 Janitors To (Continued from Paire 1) regular in attendance, will  a certificate. It is  pointed out that, as the  of their attendance at the course last , sev* eral unemployed Janitors were abl9 to secure permanent work. Tile cUffe Cj wilt start prompt)} at 7:30 and ena at mne o"clock. No one will be admitted to the classroom   o clock. Wednesday ni.uht. February 21 "Tlie Operation of Variuus Heat ing Units" will be considered with an explanation of   of  units,   ,~;ir  and methods of  them tc secure the greatest efficiency, dis cussed by Ernest M. Brown. Mr. I Brown is an expert in this  and a member of the staff of the American Radiator Company. Other lectures will be T.ial and Combustion." -The Care of Elec trical Equipment Under the Supcrvision or a Janitor." under thu direction of the service department of th0 GcorHin Power com pany: "Metiiods of Cleaning and I fse Of .' Eciuipmeni." oG. Crecr of the Stnitary  company; 'Methods of Sanitation' byan export of the Selis company"Care or Plum'oinc." Clarence C Hart. Tuskegee Rraduatc and local plumber;  Genera] Discussion I on Janitorial Problems." a round j table meeting; and -Your importance as a Janitur," II. W. Russell asst. manager of agencies. Atlanta Life Insurance company</t>
  </si>
  <si>
    <t>                                           The initial Class in the second annual Janitors Training Class it the Care and Upkeep of Buildings which is in be conducted under the auspices of the Atlanta Urban League will be held at 7:30 Wednesday night. February 21, in the assembly room of the Aubrn...</t>
  </si>
  <si>
    <t>                                           JOSEPH WIGGINS NAMED TO REPLACE BILLUPS                 Tnspph A. WiirglriK h.ts boon ap                   i-   ?nccr  fnr the Atlnni:i  of tho Al Innta ami West. Point Rallrwi! company and - systems. It has Just heen  hy Charles A. Wlekf-. ' rind control  H' of ihc.com . The now ("TWiitlrfl takes-  .1   thn    -Pnl loath of . p. TUllnpu. wli.' i lind held that position for con i Kldorahlo time. WiriTE SOUTHERNERS 0HT!   NAACP ESSAY PKI7.T; NEW YOnK (ANP)_WllIfam Pickens, of the N. A. A. C. P. an.  here Thursday  a croup of while southerners who desired to show their appreciation of the work of that organization, had offered to contribute a prize of $15 to be used as one of the  prizes to be Riven in the nationwide essay contest which the or  is conducting The subject upon which the essayist will write Is 'The History and Advanceir.cnt of the Negro -Race." The donors will present the gift through an officer of the Interracial Com. mission.</t>
  </si>
  <si>
    <t>                                           NEW YORK CITY, Nov. 21--(ANP)--"There is perhaps no better or more accurate barometer of the growth or pride in our own race and color than the consistant increase in our sales of son tanned or brown skin dolls" declared W. B. Abbott, president of the N. V...</t>
  </si>
  <si>
    <t>                                           same, folksics, today is Valentine day and many young people are saying thin very thing. It is because the illusions of such traditional occasions as Valentine day remain bright and unblemishsed so many youthful minds that they are worthwhile.</t>
  </si>
  <si>
    <t>                                           The news of the tragic death of your son was indeed shocking. I wish to add a few words of sympathy and to give expression to my appreciation of your son's merit and accomplishments. You may get a bit of consolation out of the fact that a, multitude of people are...</t>
  </si>
  <si>
    <t>                                           Met with Miss Essie Allen Thursday February 1, at her home on Harwell street. Business of importance was discussed. After all business, the rest or the evening was spent playing cards. The next meeting will be with Miss Eva Brewer.</t>
  </si>
  <si>
    <t>                                           THIS is station A-U-B-U-R-N A-V-E-N-U-E broadcasting. To-day Deacon Jones and Brother Belt will present their little skit entitled. A Telephone Call to Ananias, the man wham Biblical history records as being struck dead for lying. Introducing Brother Bell and Deacon...</t>
  </si>
  <si>
    <t>                                           5KTN Now Made            5 Lighter Over Night By Amazing Safe Treatment Or No Cost r Skin Become* Clearer BriahtorAs  St -} M^gga.^ \^~~.^l^?elX;7 gt4 d]lf^i"</t>
  </si>
  <si>
    <t>                                           College Park,Georgia</t>
  </si>
  <si>
    <t>                                           f^^wJB choice Havana ^BSSlSl P'ui o hef choke inv. mi MffJjMJIMM ported *co 3 MfiyuyU table  found SJEflPf]  in higher priced tf^S^ ....(K?  ]OHN ^~^555^31 RUSKIN   ot S5*            ?A@  ^M " down to *$5$gS ^ou 1'-'^^ value W  r'/9r:lB     your 5 . Bj^ Vou will enjoy everv ^^3  Thej'.Are          RcJeaiiablc ^^B</t>
  </si>
  <si>
    <t>                                           Lovely Stanley Paige could have married any eligible matt in her set -- there was, for instance, the young lawyer. Perry Deverest, loyal and reliable. but bile fell in love wit dashing, irresponsible Drew Armitage. Drew told Dennis St. John. his former sweetheart.</t>
  </si>
  <si>
    <t>                                           THE PROSPECT of two animatedly interesting social headliners last Friday night was completely "washed out," much to the disgust of more than 600 fully prepared realmites, when Mr. Jupiter Pluvius, rude but inevitable ole gentleman of affairs, cast his abysmal shadow over the vicinity to the tune of several hours of continuous torrents. Both affairs, the bridge and whist tourney at the Savoy and the gay courtesy at Sunset Casino, were postponed. The first of the week, however, ran true to form...</t>
  </si>
  <si>
    <t>                                           Grantville, Ga.                 Bv Mrs. Violm freeman                 Miss'Ncllie K. Lakes spent the week-end with her sister, Mrs. Vemton Baker in Atlanta. Miss Augusta Smith is spending some. time in Mancheta.s . Jus. Kthel Leigh and her little daughter, Rossctta. were the quests of Mrs. Fannie Connally Tuesday.                 The Ladies' Aid Society met November 13 at 2:30 o clock at the home of Mrs. Viola Freeman. After business, a program was rendered under the -n of Miss Jennie B. Morcland, after which a delicious menu was served and enjoyed by all. Mrs. M. K. Miller, president; Mrs. Missouri Horton, secretary; Mrs. Aiclc Caller, treasurer. The Willinjr Workers Club met Nov. 15 at the home of Mrs. Mattie Spencer. After the meeting, many^cames were played and  all. Mrs. Allen Jackson. president, Miss Jennie B. Morcland, secretary; Mrs. Alice Strozicr, treasurer. Jehovah Baptist Church Club. Mo. 5 will meet at the home of Mrs. E. B. Moreland Wednesday , Nov. 23. Everybody is cordially invited. Rev. E. D. Florence, pastor; Mr. Hosey Smith', president; Mrs. Lucile Kimble, secretary; Mr. W. E. Trammel, treasurer. Miss Myrtle Reid entertained Monday night at her home for the benefit of the Queen Contests. Many  were played and enjoyed by all. Monday night, Nov. 20 there will be a concert       at John Wesley M. E. Church under the direction of Miss .Innie B. Morcland for. the benefit of the Queen Contest. Admisison 5c. Pleuse help us out.</t>
  </si>
  <si>
    <t>                                           Miss Nellie K. Lakes spent the week-end with her sister, Mrs. Vermon Baker in Atlanta. Miss Augusta Smith is spending sometime in Mancheta,s eGorgia. Mrs. Ethel Leigh and her little daughter, Rossetta, were the guests of Mr. Fannie Connally Tuesday.</t>
  </si>
  <si>
    <t>                                           THE YOUNG PEOPLE CHRISTIAN CHARITY CLUB met at the home of Pro. Ellison, Business was carried out very briefly. We were all glad to have one new member, Mr. Luther Wadton, also five visiotors, Mr. and Mrs. Gaither...</t>
  </si>
  <si>
    <t>                                           Fifty Queens to Seek Title at Auditorium                 More than fifty queens, . .si ! ,-~S many churches will    . for the       of being "queen of queens" at the MeDaniel Choir convention, which Is to bo held at ! Cltv Auditorium Sunday afternoon at 3:30 o clock. The  convention, is t hi. culmination of throe months work on the part of Mrs. ICmma . Kospcl singer, of I)allas Tc.\-;iS, who has been giving  concerts at Atlanta's leading churches. Preceding the coronation      . monies. Mrs. M'cDantol will present the McDanlel Gospel Chorus, composed of the best vocalists In Atlanta choirs, in a short concert.' A lint of m;i rch' of the "queens"      form, at tile conclusion of which, the "queen of queens" will I     selected. The Atlanta Post Ofricc band, will render selections during the meeting. A complete story of Mrs. McIVaiiiul's work and brief sketch ot    ^ "choir convention' efforts along with pictures, will be. car. ried in the Sunday edition of, thy Atlana Daily World.</t>
  </si>
  <si>
    <t>                                           MISS ANNIE PRESTON S.~1?S IT IS NOT SHE                 A denial that she was  Thursday In connection with             of Charles Gfliron wns  to The World by Miss Annie Preston. 177 Wnimit street. Miss Prpston  somebody  mwe her name to police  who Investigated the ense. The Ehootlng took  at 177% Wnlnut street, the   lo police ns the  of the woman who told officers she war "Annie Preston."</t>
  </si>
  <si>
    <t>                                           JACKSON, Tenn., Nov. 20.--(ANP)--Writtenu by Bishop. J. A. Hamlett of the Sixth Episcopal district of the C. M. E. church of Kansas City. Kansas, has just come from the press according to announcement made here this week at the headquarters of the demoniation.</t>
  </si>
  <si>
    <t>                                           Alabama State College and Clark University, boasting two of the classiest collegiate cage outfits in the world, paced gingerly into a game which Clark won by a count of 48 to 47. The Clark student body, accustomed to the spectacle of Clark breezing through every team they meet in Clark gym. was afforded something of a jar...</t>
  </si>
  <si>
    <t>                                           The Morries Brown Wolverines made it two in a row over the powerful LeMoyne College here Tuesday night at Sunset Casina when they swaped them 49-32. Jack Adkins boys fought hard but were outclassed completely by the powerful aggegation of Murdock, Reid, Greene, Stanfield and fraster. Marris Brown drew filrst blood when "Dusk" Frasier took a pass from th elongated Murdock and cut under the basket to drop a crip shot, Greene...</t>
  </si>
  <si>
    <t>                                           America's funniest black face comedian will romp the boards of the Eighty-One theatre for a week opening at midnight, when Irvin Miller, in person, heads up his swift new edition of the "Brownskin" Models" in their its turn date.</t>
  </si>
  <si>
    <t>                                           -E CHANGE NOTED IN .ISlIF.R'S CONDITION                 Little  Is -d In the  of W. A. Si'ott, publisher of     Atlanta Daily World, who his linen  to the Harris Memorial Hospital I Hlnce Tuesday  when he I was shot hy nn unknown man. according to  Parly thin morning from the . Scvrrat days ago he. wits  hy      - as " Improved." COLORED CHOIR RESERVE WINNER IN CONTEST ST. ,PAUL. *.-(ANPi- Pil- i grim Baptist Church Clioir here ran second In the e ty wide con- i test for the best noh-paid  group in St. Paul last week. Ttufinaln were held Friday night and Trinity Lutheran, while, was selected ns best. Pilprrim being Riven (lie title ol reserve winner. There wore nine choirs, nil of the others while. In the final test Glenn Harrison, executive board member for the American Association for the' Advancement of Church Music, was master at ceremonies.</t>
  </si>
  <si>
    <t>                                           For COLDS, COUGHS Sore throat,                        ,          , the "coaster-irritant" AT AIX ^TS</t>
  </si>
  <si>
    <t>                                           ! ~/~    TODAY! ] f, "vanities! k4 0F1934"j HkjK 22" Stmgr Star* -22 fl 13'; ^if -COTTON"'  ^B ~~"%;'          j^H BBl n f^H ^~("'ll ^*C t ILL I AN /^B B^K V pl*"*-'**Mr"~~ MM f^^H j^^t/r        OOSJt l^^H' ^P^^"**!   ^^H B i?0i o--       /^^B  T V TMC  AN.   -^^^^H v *TB .^^^H Wf Knptd fir* Aetloa! HUar. ^SH -    *     tbr  Tl*oW FwnUyiV SALLY BLANE RAY WALKER FRANK CRAVEN "City Uniits"  iai.\iu,T.it )"     NstfMv cm    " Of^i W Mir W MM Ml</t>
  </si>
  <si>
    <t>                                           1 ICCD^^ I ^MMMM *A 1 ONLY NEGRO DAILY NEWSPAPER. IN THE WORLD KZHDiTION VOLUME 7, NUM'JiKRl) ATLANTA, GA., FRIDAY, MARCH 2, 1  j:J4 PRICE FIVE CENTO</t>
  </si>
  <si>
    <t>                                           Clark, M. B Elevens Promise Thriller Thanksgiving                 SEEK CITY HONORS                 Can Aikenites Stop Victory March of the Nicksmen?                 \CTION PROMISED                 By "" JONES                 Eight full  or grid activity have passed Into the discard. Morris Brown, active seven ot those week ends, has established herself as one of the chief, claimants to the 1932 national championship, one ot ihc favored, elevens for the       \ and nn almost certain City                 " here. Billy Nicks  loe Lockhart have done a thorough job this year. Their young men have emerged with the following sequence of weekly results: Claflin 20-0: South Carolina 12-6: Edward Waters 8-0: Knoxvllle 13-12; Morelouse 210; Alabama 7-7; and Florida, 32-0. From the above facts, it can be :een that the Purple Wolverines   117 point* to ' 25. This is the best record of Wy colored team In the United States to date. Running behind an .st impassable forward wait,  by great . excellent tackles- and guards, and two rine pivot' men, -Red Moore. Red Hodle.\:, JJed, Jtokwon, Shag- 'Jones. Spurl(J?!fc.-- Hoilingsworth; Dyke Smith, Jbtz Bowen,. Hog Holmes, ind Squat Jones-^Morrls Brown's 10 fiery broken field anil plunging demon." have shown little or no respect for so- alr- defenses. Clark, the lone barrier In the sath of the- powerful Purples, has seen hard hit *     -year, 'having lost the great Elmer.Baker. along with Hog Maw Robjiujoii,. Sugar. McPhersou. Big Walts." Rupert Bell.     Huberts. Ted'S^ :ind Batea Blackburn. Nevertheless, off to a flow start, and reeling off her first four games in., reverse, the Aiken machine has shown an almost unbelievable reversal of form, and, to date, is; one of. the most respected outfits of" all dixieland. The Alkcn machine is capable of extending Morris. Brown to the verv last  of her ..admitted ability.- Fans trekking out to Ponce cle teon Park this Thursday afternoon, and burring nasty weather Oiere should "be .dl  10.000 of them, -are absolutely certain that  -.' they will fcc" a full afternoon of football. The two teams possess Just about the best exemplification of the real peak to which -a. Negro, football team can rise, ti\at,can be offered in this country- which Is. another way of saying that' this year s Morris 'Brown and Clark machines rank with the best- machines of colored grid history. Whether you-wlU  It or, not Clark is stronger this year than last year when she had Elmer Baker and the rest of the crew named above. She simply *eems a bit           on    * 8. CoL 3                 Wolverines (Continued from Pate One)  because of Hie amazing  of all dixie teams over list ,  c.t which have .I p". faster than ClarV.. with limited material: Morris Brown. ln particular.' is more powerful than  was last year. Billy Nicks and Joe Locklmrt, given sufficient time to Ret their system definitely imbedded in the veins of the proteges. seem to have transcended what Is ordinarily expected of coaches in a single season. This great Turkey Day battle will produce a veritable show in the- matter or individual stars. For Morris Brown, it will be her chief  to mythical honors. Captain Tiny Smith, Dyke Smith, Red Moore, Red Hadlcy and Stnndfleld. Shag Jones, of course, will be his same old disastrous self. Clark's para.de will be smaller but loud enough with Cnrl Ray, the quarterback supreme. Split-Second Miles, Jesse Arnett, Bill Puckctt, and Ed-' ward Simon, leading the procession, closely pursued by the dependable Ell wood Staplefootc.</t>
  </si>
  <si>
    <t>                                           Eight full weeks of grid activity have passed Into the dircard. Morris Brown, active seven of those week ends, has established herself as one of the chief claimants to the 1932 national championship, one of the favored elevens for the dixie title, and an almost certain City...</t>
  </si>
  <si>
    <t>                                           400 YOUTHS AT CULT SCHOOL                 Fuels About 'University of Islam' Closing in Motor* City Are Revealed                 TAUGHT THE OCCULT                 .- (By It. VI- Tlallcy for Dm    ) Uemlnlswnt ; Moorish" riots In Chieniso In m.O when si vr rnl  wore IcIlK'il mill * of the              'l  "on AH. "Moorish- lW'-'r. wcrp  up     pnH W -.    r..i,l mi I In- "Unlverslly                 ,-: If listing street. In  thirteen colored officials n ml instructors of Hie school" were seized,  Monday afternoon. suited    the wildest scenes of 11K nml Imilllnc ever recorded I" Detroit police  when  m members of the '~university" who sought to  the  in Herordcrs court Wednesday of thu defendants taken I" t"~ r"'~The        '1 Ilio  of ARslstinB 1'! Attorney Harris  to  an (!       of the "University of Islam". After receiving word that their lenders were lu prison, tho .100 or more members of the cull Rwarmea to- th ff police .s which they mistook Tor    ,  court  and were   on the  while many essayed entrance. Tolircmen, led by Inspwlor William Hick, ordered the crowd to disperse, while ul the-  lime  members nf the  and  over UK) or them Into the police station where they were held in a "technical"  ot "parading without a ." I'ollce arri Strd four boys under sixteen years ot ate mid  thai the Juvenile home was crowded duo to extensive repairs by the CWA now ; conducted, incarcerated ,. boys ul police . The thirteen leaders were  Thursdiiy , hut the "K was   until April 24. Vrnseculor Schiullich declared that, the purpose of his. InvcstlKiillon Is lo di  whether the ''University of Islam": met the State  for public and parochial schools and Is not a case of religious or-race   orsi  as some have -hinted, or an excuse for terrorizing colored people under the guise of  the community of a menacing situation. i :~iiJ                 II was  that, the attempt to close tho ~:hool wiis brought annul through Hie efforts of u group of prominent  Negroes who wrote to Scliudlleh :  tn        action against it. Oetroit school -nls made several visits tn tin! dusty,  chamber of  he cult where colored children studied wi lr Inscriptions  the  of n Moral roil flaK "I 111 u white crescent anil stars. The school authorities became  nt tin- withdrawals of Negroes Criim the rosters of the   and ordered the "" . A squad of police  \      the pl:    . a nil  swiftly, surrounded the IniildliiL',  entrances, clipped telephone wires to prevent word of -lr coming from   to the "university" hy a cIc-vit arrangement of  . and proceeded, to the second floor assembly room. Here they found instructors mid officials  pupils. The raiders thru made a systematic seizure of records, hooks  other  l:itn to lie used as evidence. Perusal of one or two of the books used in the Iversiiy" curriculum revealed that ''Miihiunmcil  O.ii(H). Christians  jmt on.onn Jieads In a hole. The Nation of Islam hns lil.Oflrt.OOO trained soldiers ready to lake the  off the . Sampson was the mnn who muscled up     stono hi thc City of (Continued on Vane 3)                 400 YOUTHS (Continued from I'src II Mpivji. II wi- l l""""l*-" The  wns Inilwilirii'il  s u . Other KUliJCfls   wcr,. .  try.  -r           Indi'iiliricil wilh the . Mohniiiiiii'il.  nf lilt? rull,  m-w                 .,r (In- iii-ili-r. SI 1" '-.ii- - - In mi l-  ii wi lnl        --m ivn-. TIii-m: -i-il wit .li lm M" I. a I. Iii-iiiI or ihi- i-ull. Tmliii All. st- nr tin*   -li"nl. Alilm-.- Unwiiiiin. -I      - si-.v. J:iiin-~ Mnliniiiii-i il. -1' Mrs. Min-y Khv.Ht. Allnr  I r. :   Kiivi-ll Sl'uli. II; A//.ml .MiiliiiiniuCil. SI    . Mnry Alinnii zn. HI: .Inn ShiMTii-lT.   : MM AIIiltci Slmrrh-ff.. Mi"* I*"'" Slii. i ri.ri. I1-: Wlllli- Miip I..]  I iii\ iil SliMiii-.ff. 1". nii l Snllnv Alhili. In. Uii- Minli-nl.-.</t>
  </si>
  <si>
    <t>                                           Detroit.--(By for the ANP)--Reminiscent of the "Moorish" riots in Chicago in 1930 when several policemen were killed and members of the ... founded by Ben Ali, "Moorish" Prophet, were round up by police officials, the said on the "University of...</t>
  </si>
  <si>
    <t>                                           DEPRIEST BACKS CONCERT IN D. C                 WASHINGTON. U. C. (AN P) Attorney William L. Houston served as muster of ceremonies at the Patriotic Musical      "'m which CoiiKressmaii DePriest       sored in the House Office Blilg., Sunday. The Howard University Male Glee Club, under the direction of Roy W. Til.bs, Miss Louise Bur^, ami J. Richmond -, were the participating artists. Miss Iturgc . "Ah My Heart Is Weary," Iiy Thomas, "Nocturne" by Pearl Curran and "Wade in Dc Water" hy Tturlcijth Mr. Johnson  "Praeludium and Allegro" Iiy I'ucnniKrc'.slcr. The Howard Glee Club presented a Juzon . ; them "0  Jcsu" by Palestrina. "To Alma" by Gall. "The Hudred Piper", Iiy Palmi;ren "Mundy I.ou" by Work, and the "Finale from the Goldolier.s" by Sullivan. THREE JAILED ON MURDER CHARGES PINK  T. Ark. (AM'i Charged with murder, Henry Klsiy, Henry Walker anil John Clowcrs, were Indeed in the county jail here Thursday. AValker.  with the slaying of his i wife near here on Fehruury 8th. I w:im  Wednesday by She- i riff Clayton of Desha county. When lit" attempted to  by  uc from n truck near Me- Ghee and ;. Walker was  in Hie  sind arm Ly the  officer. Participation In a robbery of a store at Garland City by Elscy. led to his  it was reported. He whs charted with the murder of a Negro here on December 'J. Clowexs is  held on  of killing a man with whom his estranged wife was HvinK. He bad been   from Althcimer where be had been held to the Rrand jury in justice court.</t>
  </si>
  <si>
    <t>                                           Large Group Attends 'Yr Sunday Meet                 Sim. lay :- :it          ('li::iii I". S. Cnx ::~M tin1 iip^nin*^ nf ilto (*~:ichin-  of t In- Y. M. c. A.        ^-n Ormini/Mti.ui wiih n r.-'Or.l           :; tif  men of Ail:int:i n^ il. This was     of*" t tio  ":?~os                     recent years in ihu city of Atlanta. Divisional Leaders. Johnson and Gore, with tWr associates. Gassett anil Oouldroek. expressed  that their 10 captains assembled with their workers will take the field Monday with the determination to surmount any ;md all difficulties in carrying ihe message :     needs of the Association to the men of Atlanta. securing their memberships in order that record  shall lie made dally. Oenonil Clininnan Cox in his opening remarks . :11110ns other tilings: '-This is tin- first city-wide effort of my long years 01'  iii o in lhc rity of Atlanta ami T nm  thai with the cooperation of you nvn it shall     a still-ess." Or. C;. A. . Associate  , told of what the fellowship has meant lo him  the .lays of this  anil how he lias       ^ a ]iart of so worthy a . J. II. Ilanley. Ohainii:in of  Mi'mhership Committee said ill part: "Cleiulenti-n. on this wet and dreary day. I am indeed cla(~ to see  wonderful spirit existing  yon. It is an indication of a "Y" ". Men. we aro suffering  hecause our fathers wore not aMe to '~ to on:ani^ like Ihe "Y". have an  th:it you and I should  of: therefore, we should cive to s-'ive the' Xe^ro youth from . I was just thinking ii would indicate a fine spirit if every worker. Leader and Captain " make himself  for five full memberships. Wluil a glorious  this would bring to the Campaign! '~:et!t%e::-en. I will  here Just for a  to       yon of a proposition ihat I have    offer. You are familiar with the conditions of the Membership Drive, nnd that I happen to lie Hit Chairman of the Contributing Memherfb'P Committee, which consists nf Only a small        : hut with this small number witli whom 1 a ni working I am  the fight at this hour to you. Divisions ''A" nnd "I!", your Leaders. Captains nnd Workers. *e are in this drive lo secure .  ) members and S.'t.  *~l. If you with your many workers will bring in ?T.V) for each Division. I will sec that my Committee secures the other Sl.'rtn. Xu\v men. if yon are willing to work, let s get to it." Other speakers were: Her. A. II. McCoy. Associate Oeneral Chairman, and Col A. T. Walden. president of the Board of Directors.                 THEY AIDED 1932 'Y' MEMBERSHIP DRIVE                 One of the reasons for the success of the 19.12 membership drive of the Uittler St. Y. M. C. A. was the Contributing Membership committee, pictured . Many of                 those who served in 1O."!2 are members of this year s committee. Practically all of the  shown here aro well known in the Atlanta business ami professional world.</t>
  </si>
  <si>
    <t>                                           Sunday afternoon at 3:30 General Chairman C.S. Cox announced the opening of the Coaching conference of the Y. M. C. A. Campaign Organization with a record attendance of enthusiastic men of Atlanta assembled. This was one of the most remarkable scenes of...</t>
  </si>
  <si>
    <t>                                           i^r.JVl^ BLAZE GUTS CHURCH, DWELLINGS                 BESTBflYED By FIRE                 Wind Fans Blaze From Macedonia Church to Rf^                 LOSS NOT ESTIMATED                 Thirteen Atlanta homes, .two Mores and a church, were  destroyed Thursday att^ in one of the most disastrous fires to strike Atlanta  1917                 The fire of undetermined . was first noticed shortly after 1:30 p. m. Thursday escaping from the roof of the Macedonia Baptist church, at 383  street. Whipped by a stiff wind, the blazo spread rapidly until the entire block or residences surrounded by Bush. Elliott, and  streets and .rones avenue were ignited. Three alarms were turned in to fire department headquarters end all available equipment was  into      in an effort to keep the fire from spreading across Jones avenue into the section called "Lightning." After the wind had       -the flames so high, the firemen turned water on adjacent houses to put out sparks which, were flying to root-tops. Employes of the Simmons company, turned on tne sprinkler system in the factory ^as a safety-measure. -Fire: men poured water on the v.-aii or.     '?. Robert Graham, ot a Bush street address, emerged the hero or the  conflagration, when he rushed into a s-moke-: Jones street house on hearing the terrorizing crib s of an aced blind white woman, and lifting the woman in his arms- carried her to safety. No estimate of the  loss caused by the fire had been made late last night. Atlanta     ? department  last night were  to determine the  of the dis; fire. A network of hose across the tracks blocked street car service f-~r several . Three radio cars of police, assisted by" eight motorcycle policemen were     tailed to the scene of the blaze to  thousands of Spectators "-who were attracted to Ihe blaze, outo* danger. On,. compar.v of firefighters was left on watch l.T.c last night, to watch     smouldering embers, in case tlie strong wind might start the blaze anew. H was  approximately twenty families or about 120. persons were left homeless as. the result of the lire. Many were ablo to save a part ot their furniture and clothing, but the  swept away tli-'ir residence-.;/ The  Baptist church, in which-. the- fire- is- said to-Trafce originated, was built more than fi ty years ago.' It has been    'tored by Hev. Cyrus Drown, or 359 Mangum street; 'for the last 4G . All that remains of the ancient church. building is the front . The \ralls. crumbled, -when firemen turned streams of -water-' on the red bricks,  walls that didn't fall were pushed down by . for fea,. that they -might fail on   on 'the strew. Two stores were complete^ burned out by the fire. The- store' operated by Ben Hubbard at;363 Mangum street, .was :th^0rst-: to b0 ignited from the flying  the church^ The       is nest door to the church. building. The houses which are'  (Continued on      5)                 WHOLE BLOCK ( from I'Jxe ij rfo C-!;/ :ot;,-!h.T.  -l:!y ra- an I'm. uii.i thi- foK',- nf the Ktront: . I Amoti'^ .~ who -e *         ; by the lire  M-. nnd Airs. CoorKC ]:ush. nf 302 li-.ihh j strot-:: ,"~r. land Mrs. John -s.      C2 mish street: Mrs. N'nncv j W00.K of 372 -.li street: Mrs.-: Mnttic -lark of ::70 i:ush strict. 1 Horr.c; of V.'. P. . C. :i-\ Baxter, am! .7. M. I lodges, all whom art- white, were also do- stroyed. j The Simmo:~.s company is ?aid to! ov.ti j - ^jf the ! in th". block whic-a     wiped out! by H.-u.</t>
  </si>
  <si>
    <t>                                           Thirteen Atlanta homes, two stores and a church were, completely destroyed Thursday afternoon in one of the most disastrous fires to strike Atlanta since 1917.</t>
  </si>
  <si>
    <t>                                           Guy upton dashed into the office with a radiant smile adoring his brown countenance. He nodded the conventonal morning greetings to the other girls ad then strode to Agnes Upton and slapped her on the shoulder.</t>
  </si>
  <si>
    <t>                                           71 pT I. ^V ST7 P^OT^ 912 j</t>
  </si>
  <si>
    <t>                                           TUSKEGEE INSTITUTE, Ala., Feb, 5--Madame Lillian Evantilyrie colorature soprano of Washington, D. C., of whom the New York World-Telegram said. "Her singing is filled with poetry", and the English Press. "She came, she sang, she conquered" was heard in...</t>
  </si>
  <si>
    <t>                                           Bivins Given 1-3 Years in Manslaughter                 Entering a plea of guilty to voluntary manslaughter, .loo Uivins, who f.  Mary Holmes, an expectant mother.- was sentenced to serve from one to three yours on the  hy Judge K. K. l  In Fulton Superior court Thursday morning.  was captured in Pittsburgh ami brought hack to Atlanta after escaping  here. Bivins was given the light sentence, after witnesses testified that Mrs. Holmes was attacking him with a  :it the lime she was  in the abdomen and chest. Mrs. Holmes died at Orsidy  shortly  Ix-lng admitted. Kiviiis. k is said, followed the woman lo the hospital and  that he  not fear t he . Two Arrested n Suspicion of Burglaries Two were being 1    on suspicion Thursday hy police in connection with  burglaries. Rill Walker, of W2 Hope street. was  Thursday by  Patrolmen Tone and Tyson, after he had       identified as one of two      who stole a ease of  from i" front of the Broylcx grocery, at 111- Stewart avenue. According to police reports. Walker implicated William Patterson, of 050 .Smith street, as the man who wns with him. Arrested on suspicion after he was     carrying a package containing two pairs of shoes. James Howurd. according to police reports told Officer A. J. AycOek that a man named \j. n. Johnson, was tue one who had  Into a grocery store operated by W. P. McKinncy at S30 Gordon street. Burglars removed a quantity of pies cakes and soft drinks from .1 lunch stand  hy David Pinkett and Ohio Taylor at 17 Butler street, Pinkett reported to  Thursday. A  slot m! was also found to have been rifled. CHlTtCn CONTEST WORKERS TO ATTEND LL  TODAY Womcn-who are competing In the hie Church Popularity Contest now being conducted hy The Atlanta Dally World are to be guests at a luncheon given at the home of C. A. Scott, general manager of The World, who lives at 567 Johnson . The luncheon will start this afternoon at 530</t>
  </si>
  <si>
    <t>                                           ^^^^^^^^^^^^^^^^^^^^^^^^M ^^^^^^^ft .i^^^^^f... ~^^^^^~^^~^^^BH^k ^^^^H H^^^HI I^^^^IEB^^I^^hI^^^h BP^^v^^^^K^^ f*^  ^JPH</t>
  </si>
  <si>
    <t>                                           "Tastes better than  L^m^#**V\ say critical hostesses \   . JQe.'\ AinlthounamlaaireetKntft'aMlrVM/iWlC**' JjflA  Wblp Salad DrmhIu( U an en0 J *Dnt^~*     }y new typ*-    l          not     \0-lxi(,,.~~'' bland, not too oily In    (~r. Made of '""""xB^^^'l  Ingredient.,       to new \~,~   '-*"* .^H        !                      .</t>
  </si>
  <si>
    <t>                                           Eight Reasons Why No Atlanta Negro Should Be Without The Atlanta Daily World 1st- The "ATLANTA DAILY WORLD" is the only Negro Daily and brings credit to every Atlanta  rS; Negro. 2nd It is the only paper that carries true accounts of this race s news and publishes fearlessly accounts of injustices heaped upon Negroes whenever and wherever they occur. The "ATLANTA WORLD" was the first and onlv paper    dig up and publish the true facts of the recent Newnan tragedy. 3rd- The "ATLANTA WORLD" belongs to Atlanta Negroes. It is your paper, and it will print your social news, your club news, and your school news, and it caters to you and your children. 4th- The "ATLANTA WORLD" and its nine branches give jobs to nearly 1,000 men, women, boys, and girls throughout the South, and it is creating more jobs daily. 5th- The "ATLANTA WORLD" carries daily comics, social news, up to the minute national, local, and sports new?, beauty hints, health hints, church news, funeral notices, etc. -vw6th Its Sunday edition carries the only rotogravure section published anywhere by Negroes. It gives us our only opportunity to see ourselves repro- duced in almost perfect pictures. The Theatrical V age on Sunday carries news of the Negroes on the stage and screen. 7th- The "ATLANTA WORLD" is the first paper to ~?ive the Atlanta mothers opportunity to read the activities of their children on the Sunday School J f Page. = LAST- If every Atlanta*Negro subscribed for the "AT- LANTA DAILY WORLD" at least fifty more jobs would bo created, and it would be the great- Ja est power in the city always working in behalf of    Atlanta Negroes Subscribe for the -"WORLD" today and do your bit to make it greater. The Atlanta Daily World Only Negro Daily Newspaper in the World</t>
  </si>
  <si>
    <t>                                           GIRLS LURED  ONE KILLED                 Dorothy Townseml and Billie! Mac Childcss Raped by UniflontifiRrl Moil                 1 CIRJ. BEATEN, KILLED                 MEMPHIS. Tcnn., March 6-                 'Jlic .v n! DuTOin? Townwnd, aged 7, of 1387 South Main, was  on the railroad track at  .Sunday. Her little friend        Mac Chlldesn. need g, of 360 South Fourth, who was found In a  of  from the  of  . wax                 taken In the Tcrrcll- Hospitnl, where she Is In a serious condition. Dorothy and IHllio, it Is reported, were lured from Mt. Zon U: (' at 7:;iO Sunday nicht     unidentified attackers. The children were  to n  store where      .v was         and Riven to them. They were then carried to the vicinity of the viaduct on .McT.emore. Dorothys mother, Mrs. Carrie Ren fro, said, "I took my daughter, to church. She and BUlic went in the basement to get some water, I went to the choir stand to sing. The men put the lights out. No one thought anything of It. I didn t miss Dorothy until I was ready to come home. I was informed of her death at 1 a. m." Sergeant Otis Caldwoll of the Homicide Bureau, investigated tlw case. It was found that Dorothy, who was badly bruised in the head and face, had been killed with a  weight, which was later found in a vacant field, where the men s trait led. Hillie's father is Ben Childpss.</t>
  </si>
  <si>
    <t>                                           The body of Dorothy Townsend, aged 7, of 1387 South Main, was found on the railroad track at midnight Sunday. Her little friend Billie Mac Childess, aged 8, of 360 South Fourth, who was found in a state of unconsciousness from the effect of being raped, was...</t>
  </si>
  <si>
    <t>                                           woman postal employee dies'                 COLORADO SPRIXfiS. Coin.- CANT- Mrs. Lulu Woody. CO. died April 1st at her home after nn extended Illness. One of the. city s  citizens, Mrs. Woody came here 30 years asn and for the past 21 years has been a postal</t>
  </si>
  <si>
    <t>                                           HAMPTON INST., Va.--Hampton is perfecting arrangements for holding the ... annual Track and Field Meet on Armstrong Field, Saturday, May 12.</t>
  </si>
  <si>
    <t>                                           NAACP Celebrates 25th Birthday Today                 NEW WM SN MODS MAIS HUN                 Atlanta NAACP ISranrli Will Stage Anniversary I'".  -itl at Big Hclh'tl Tonight                 MINISTERS CO-!                 ToniRht, at  o .  citizens will join in the nationwide celebration or the 25th birthday of the Nntionnl Association for the Advoncemont of Colored People when a  is presented :it the Bifi Bethel A. M. K church. corner of Auburn nnd Ii\. Rev.                 W. Scott, pastor. This program, which is being sponsored by the local branch ol which Attorney A. T. Wnldcn is president, will bo staged under the direction of a commitee composed of representatives      nil of the ministerial alliances of the city. The principal address or the evening' will be Riven by Rev ,i. M. Nabritt, pastor of the Ml. Olive Baptist church, president of the Georgia state Missionary Bnptisi convention, and secretary or Ihe National Baptist Convention; Inc. Tlie history of the National Association for the Advancement of Colored People will bo presented by Dr. W. Boyd Lawrence of the African Methodist            church. In addition to other short ta!k\ there will be special music featuring the singing of the Big Bctht-I choir.' the Wheat Strpet Baptist choir, the Mt. O'lve  choir,1 arid others. The public is cordially Invllod I attend all of these programs. Slgnlflcanty enough, this vein s celebration, which also falls on the date of the birthday of thc Great Emancipator, will be marked by ihi collection of a special fund of rtt least one cent each from every Ne. gro In the country. These .:. which will go to form a large  to fight thc lynching evil that is threatening the life of every "dark American." Solicitors will be busy today seeking additional pennies i"i  that Atlanta' may make- representative '.-to the national headquarters showing that      Gate City is interested in the  or a federal anli lynch measure and the  or other steps to make America safe for al1 races. The public is cordially invited    attend the program this  ot Big Bethel. NEW - a  war on lynching,  by a  for the  af I ho Cos. tigan-WaRticr federal antl-l. ing hill, will  the 25th ' day of the National AsHoeintlou for tho Advancement of Colored People, February J2.'\ "Tho NAACP has Keen in tlie  of the fight for the "art-,  r  in.  the Emancipation  (Continued on Pace 5)                 New War On  cl from I'ajrr Ii M" ['resilient. .U.r.- l.iii.-.iln a i.-al  tii lain-niii'-  will li.iv .-: year :i .I..11I'k- ii^    'ii: i' I"  of ,-~.-il ili- I an-e ii nITers ii"i .x- a -r 1 1 i j,.~niai.:c In tin' yi-cat Knianeipalnr.    '. to l.- h -.i  ml (~ii:i'*u-r -.. nf tir^.--.c.l c- r li.rl I" rv II''- Mil tin- I'i'Jll.* a-  ili/. whi.-ll l.ili.n!  llll-y -Iwmlil Ii;ivi-."- d.-rl:ir.-,l Waller While, ' M-.THary. in an anniversary  i-. Lino. In1- Htrllvlay .-ui.i ill.' XA. c. I',  -i-s:ir,v will I.."l.-i-rvi il l.y 111.- ::7s .-:-. "T i hi' ;i*s.i.'i:il.iun in m:i-- i.h-.-l in^s uD l .li"in-i-~- ,ill im-i :)  ( in win. !i ill. i.:i-!  '~I' 111.- .-i-.-n.-i.-H inn uill In- IWH-Ucl anil  l1'- I'lMiiimi wiil li(. :  '"i-'-'l in -       'i ill" tin- Mini/ dill. llc - ..n -i' "ill lie          li.v :i -nl.. (. i- ..r ' 1 t mi K.-i'. I. ".ill.  riii- \.\.\ri'  w:i.- i.oi-n  n UMi'.t ii- :i i'1'j.  il'    .  in nf Williiini Kimlisii W'.-, S'cuit  wt-ili i-  i.-.-: "vcr 1 lie ii i-ril.lc r.'u-c  in I '.mis in Sprinulii'lii. III.. i!   h..    i'.wn ,.f l.in.'Qlu. Mr. W.- .~till :i mi mhc-r l.f I he  ill" . Hi-.       M:nv Wll'io. Oviiiiri.in .iiid llr. II. Miry M.^ -il (iMY.' (;:l!Ti;.oll V'ilhn-il in \i fii :ni nl filial; nil In ;ilt ~..-i--'.iis nil iti-- in r.'i  iN  ui:;.'itii/ai i .n Hi si-i-iin- I'ull ri-iiu I'm1 .-ol.'ivil l-i 1. Tin'  ili i .l "If All-, l. nhi .-.. nni-  ill I lie fl.vli       h" -li iii il :ii:.~     .'.iiii-:i::i"~.' .M'lRl- ri Vipwilljv ill.- pli;;h!. nf I In- Npui'.i. lii'- .all i-..i-..ii Siliiiiv im. I. r Hi, ...-i.li I l"H llK-ans       ..\.i.' "'I lie cli  inn ill' 1 In i i- uf      Ini-Mi .,1" A ln-.-i l;n -ti l.. w:.~i'-prc:iil.  l nl a.~ il inav.l.i.. will  i,i in-iii y il  c]f jf il i:  ;i's I),, n.'li- nf ami make* nn r.-i-ii^nii i..ii ,u" iu,.  .nn "-i. uf i ii    all i ho Ix-iic'.vcrs in ili-MHH-rni-\- in juin ill a nali.. (. Tor .MIS-       i.f pj-   -lil iV l-. :lnv.^- nl" ,'si:\ anil Hi., .-ll ..f 111.' Ml-'.l^l'l,' I'.,:' ,-;V.! am .il  i-1.,." .Minnie i In' :;i5in i-~ ,,f ili,. ,,i-i;; nal  vil! tt i rc -Ian,' A. lam-. I,',-.l-ian.-is e;'. Siinmr-i Uou! i--. Ilia Weils KainciL. I ir. W. I'. I!, . llr .Inlin Oewi-y. Win  -, . \..]. Ian. I. Ki-v. .1 lla.Mii's ll.. Kahlii Siaphi-n s.     . Uislinn Aifxnnil.'l- Wallers. Lillian    .~. l w-~        Miin I-".. Wo- All. IIo!\i,~;e (' tre. Dr. .l,.~.n I... I-Mlii.lt, l'"l(ii-piii-f Ki'lli-v. Maiy MeD..    -~   Kdwarii Hiisscll  . Tlie New Ynrl; .eU- I' tin-  ii-y will lie im.-i- p.'IIPil Ulllil MaiYli IS -. i.f; tlip heavy .--   i III"  nfl iii' staff by till! -lie- eNi- in                  TIM' a!:i,iv,-i ~'i  hn.,,j,..,,: i-):,i-,, f,,,. ,.v, ,v Nl'^r-.i in 111.- ~-,,  ,.,i s,;:ll, I nil .'.i r .ir\ r;iii,~. I</t>
  </si>
  <si>
    <t>                                           Tonight, at eight o'colck, local citizens will join in the nationwide celebration of the 25th birthday of the National Association for the Advancement of Colored People when a program is presented at the Big Bethel A. M. E. church corner of Auburn and Butler, Rev...</t>
  </si>
  <si>
    <t>                                           Two women had so much faith in Mrs. Katherine Day, the leader of the Aquarium Faith Circle, that they thought that she could make $20 grow into a vast fortune.</t>
  </si>
  <si>
    <t>                                           Girl Reserve Leader Talks HereSaturday                 I ThP Phyllis Wh,.;n]oy .'h of j tlio V nn nz Women's Chrisiiou As- i .-"~:i:. I US            . X. 11.. v.'ill I-.- -il S: ,'. ;tt i 1 i'V iM k My MNs RrCHois Ti-jill. National Y.W.r.A. Ohi Kosorvn SctTi'tary. Slii* Jirrivod in .\i lania Th-ir^'iny.                 M j^v Tt-:i], u- is *"* nnM n i;:   * ot Mt. Holyokc, in the j  l!fjl. li:is hud murli ex- J fit;ri*   '~' in younger ' work. ~\t,. .-  .-  -t:uy in tin* .'  ii     Mar N;().'il 1', ^r in ~-iil UfM-rvt* . t  in v;~it:ition or i-in"(      (-, :ind lii'.s h;nl h Hh   (Inim'Mif (-\p--rion'-.' .'is :iry. h:n*in^   *rv(~fl in           . !I;iv,-:tiJ :     :n 15;\ N. ,1. Mis-; Myrt'o        is anxious to have nil               f Iht ~''.' 1 41 attend ^ m*-,    ur-ll :is :ill - iind '-'rs of iho Cirl .Tv,- ,-hil.s. MNs        will i :f Ik In:':illy     n^ i'i r  :imi      par: all us-n.- :u*i i; i lii s -!il p!:iy in Uii* i :irl lit^tM-v.' uf.. AniiiimT'i'inf-ni    m.'uio  i vo Mtmnicr .~. will hi* lu hi .:j1 Kind's Miumiaiii. Nurlh Cumlirci, ,* -il    it i. A  of lilt* i*     .- have  bu^uii in ~-iv:itf :t fmi.l for lh\~ .'s.- -uul :t   ; .-\^-k-[i-t I hut iir. \ll:u\ta ~.nii- pp..pli' will :iit"Uil thi- L'aMiriiiir-                 A l hi nt a Ni\    (.". of Coumicivr lii Mi'i-l Tiinifilit Tiiniilit ill  . :it iho AII3.m:i I'rlKin (.4~:- Assi'iuMy . il inl fl...iv .'i' Hi.' O.I.I 1VIlrtwx '. :l im^'liu^     IlK' Alhintn \'"-'i'~ rii: of I'limin.'lvi' will IH I I. -li. Mivurilnii In  ifi iiii:il-i nf I hi' .-iix nnl/:ilio. will Ik*  ill' far rr:li : import in all    ':il Ni'k'io lui-iiii S-; :  Nsi  . % of I he rli!       nvo up,'. Iiil' Him till  i'.im (In  n ntt(~tu]  mi . IIwmiiso of Hit'        n( ihi' K.' i ini; II will      'n lo ^ nml ! inon wlio :nv mil  of thp All. Ni'cni Cli: Or of Comm.'r.'C.</t>
  </si>
  <si>
    <t>                                           J ONLY NEGRO DAILY NEWSPAPER IN THE WORLD 1 VOLUME fi, NUMBER 3S5 ATLANTA, GA., SUNDAY,  11, 1!)3(         CENTS</t>
  </si>
  <si>
    <t>                                           HOLLYWOOD, Cal., Nov. 23.--Surest way to get a job in the movies these days is to become a sport star, So it, was with Johnny Welssmuller, Eleanor Holm and Buster Crabbe, anud now Samuel Goldwin plans to make a picture featuring Sidney Franklin, the...</t>
  </si>
  <si>
    <t>                                           Wade In Lumpkin, Florida's best lightheavy weight scrapper left the City of Miami. Wednesday night, April 11th, aboard the Prince David for the city of Nassau. He is booked to meet "Fighting Jack Hawthorne" the light heavyweight champion of the West Indies. Lamp...</t>
  </si>
  <si>
    <t>                                           ONLY Nt4RO DAILY NEWSPAPER IN  FOUNDED AUGUST 5, 192S, BY AV. A. SCOTT MEMBER OF THE .ASSOCIATED NEGRO PRESS SCOTT NEWSPAPER SYNDICATE, INC., PUBLISHERS C. A. SCOTT General Manage FRANK MARSHALL DAVIS Mana^lnc Editor THOMAS JEFFERSON FLANAGAN A- Editor .V RATES W-35, I Yr.- $4.75. 6 Mos.- $2.50, 3 Mot.- , 1 !Ho.- Sunday Only, 52.50 NATIONAL ADVERTISING REPRESENTATIVE W. C. 2IIT CO., Cliiciso, Ml., and Hrw fork, N. y. Published Daily and Snnday at 2J0 Auburn Ave., IV. j Telephones: WAInut HS9 and 1460 I Entered as second-class matter at the post office at Atlanta. Go. ""der the Act of March 3, 1879 MEMBER AUDIT BUREAU OF^</t>
  </si>
  <si>
    <t>                                           LEADERS                 Churches Start Fight to Save Liberian Independence                 LEADERS TO IE! ON FEB. 7                 Churches to Take Hand In Lihevian Situation at Washington Mooting                 ALL SECTS                  PHILADELPHIA.- (    - Secretaries of       ''.n boards of colored churches doing work In Liberia, met here  24. and formulated plans for the  of a round tabl.- .' on itie Libcrian  Febnian- 7. at ihe Colored Y. M. C. A.. Vashincton.                 D. C. to be participated in bv rep-  of / h:iv- 1 ing a Negro church member-hip of I 5,000,000 people. Those sponsoring this important j conference arc Dr. J. ,E. East, sec- rotary of the Foreign Mission Board of the National Baptist Convention. Inc.: Dr. L. I. Berry; secreatry of tho Foreign Mission Board of the A. M. E. church: Dr. H. T. Medford. secretory of the Foreign Mission Board     the A. M. E. Zion church, and Dr. J. IL i Randolph. .~            ..-tho Jorclfm I Mission Board of the A. M. E. Zion church. j Greatly disturbed over Uie - bility. of Liberia losing      political independence and becoming nun- dated by either Prance or Creat Britain, leaders of tho race In religious circle have been invited to meet in Washington in the hope of preventing such an eventuality. Among  expected to take part in the historic deliberations -..are Dr. L. K. Williams, president National Baptist Convention. Inc.:  Dr. W. H. Jcmapin, president Sun- day School and B.Y.P.U. Congress: h Dr.-J. C. Jackson, president Now England Baptist Convention: Dr. J. M. Nabrit. secretary National Baptist Convention. Inc.: Dr. Walter H. Brooks, Washington: Dr. C. S. Brown, president Lott Carey Baptist Foreign Mission Con%-: Dr. "W. T. Johnson, chairman. Executive Board of the Lott       Baptist Forcijrn Mission Convcn-lion:' Dr. C. Bullock,  of Executive Board: Dr. J. Tllis I Kolloman. assistant  Lott Ca- I rey Hcrnld: Dr. E. W. white. Bnl- j timore: Bishops W. w. Matthews. 1 E.D. W. Jones and C. C- AUovne of of the A. M. E. Zion church: Dr.   . C. Pote. K.. Pa.: Dr. I Thomas W. WaUscf. TWishnrion. Bishop M. H. Davie of tho A. M.I V: : Dr. John R. Hawkl"1:. Financial  of the A. M. E. church: Dr. J. C-. Robinson, edi-.' tor The A. M. E. Review-: Dr. W. H. Thomas. Washington: Attorney TV. H. C. Brown. Washington: Bishop Matthew Claire and R. E. i Jones of     Methodist Episcopal 1 church. Leading Negro members of      Episcopal church and other deno-  have been invited to be present Also Mrs. S. \v. Layton, -president Woman's Auxiliary Na- i tional Baptist convention. Inc.: 1    . M. A. Fuller, president Woman's Auxiliao' National Bap-  convention "of America: Dr. G. L. Prince, president National Bap- tist convention at Amerioa; Dr.  C. T. Madison,  National. Baptist Convention of America; Dr. C. C. Scott, chairman Foreicn Mission Board National Baptist convention. Inc.: Mr*. Ida L.           of the A. M. E. Zion 2^rd ^.-E01*1*11         : Dr. Henry Allen Boyd. secretary Publishing Board National Baptist convention of America: Mrs. iT M Hughes, president of Home and I Foreign Mission Society of the A.' ^.E. church: Mrs. Christine S. Smith,  Women's Mite Mtaiionary Society A. IX. church Dr. A. M. Townseml. secretary PubUshing Board National Baptiirt convention. . J..W.BnWi New York: Dr. w. c. Brown: Brooklyn; Miss Nannie ,H. Burl loughs, secretary Woman's AuxlliSS Na"0"4' %P'~ convention.</t>
  </si>
  <si>
    <t>                                           PHILADELPHIA.--(ANP)--Secretaries of foreign mission boards of colored churches doing work in Liberia, met here January 24, and formulated plans fur the holding of a round table conference on the Liberian crisis February 7. at the Colored Y. M. C. A., Washington...</t>
  </si>
  <si>
    <t>                                           them Clean, Clr^r  ^{eA.l:^~ Write for Free "Eye Care" (jr  Ucauly"  Mi.r'~.'   .lit)vll -."1 U-^U'</t>
  </si>
  <si>
    <t>                                           TULLY TUPPER                 1 ul5Blf They Do Patricia a Service.                 -ITS A GREAT LIFE IF YOU ^KAKEN- ^By     RaKki,                 By Cfarfe McManut</t>
  </si>
  <si>
    <t>                                           Among the many projects launched for the Association for the Study of Negro Life and history, there have been none to create a fund for the perpetuation of such it worthy cause before. Recently a letter has been sent out appealing to the people of the country to...</t>
  </si>
  <si>
    <t>                                           y.%  $~^:                !3R:h in  ijS-0-. SOUTHERN NBWSrArjilt . INC.. Pl'PMHilHK!) r WITAjUCOIT., KoiinHcr Wrtk 4   * l)~tl. Munwin*   .r ;g''  UK T1IE A8S1.U -XVXaiO        i4 CgWLD j no                 rnl Into Ihc       ''^r 1 ~'1ikf SI.  JDKyXur. .T.JI Mtmllv, ~~..V. n        , B.J* 1      . !~t   klT. V* i-.rii o1 SmmUjt Onlr.  2.M li" ^k-V;  BAII.V AT 210  KN AVR.. N. K. i     '. i-i TBI.: WAInul I45t and 1160 K^ it      ^            .1 Ih. r^.l        l Atlutla.      '-...V.;.- NATIONAL ADVFJtTISINIi</t>
  </si>
  <si>
    <t>                                           The grid authorities of dixie, principally those who attempt the yearly Mythical Selections, go into a huddle in the next few days. The current grid span is just about over, at least in Atlanta, where...</t>
  </si>
  <si>
    <t>                                           EMPIRE Bfl LA AVt At I'htw b'.         I TOD/*y- 2 V. RICHARD DIX m "Ace or ace*  run JP TAtf Thrilling B INVISIBLE B "</t>
  </si>
  <si>
    <t>                                           NOBLE SIZZLE--I mean Noble Sissle--and his internationally known band, favorites of, two continents, Europe and America, are in town, good peepul, and what an impressive looking aggregation of harmony kings!...You can bet your sweet life you'll get a never-to-be-forgotten thrill tonight when those worldly sepia jazzicians play their torrid four hour engagement for the ecstasy...</t>
  </si>
  <si>
    <t>                                           WE THREE".".                 :C.-.ry Cooper. Miriam Hopkins     Fredrir Murch wlio appear in i Ernst Lubitsch's -m of Xcel Coward's -Doji^n for Living", T.o- shor.-:aE a; tho Roysl.</t>
  </si>
  <si>
    <t>                                           I  J/AJ  // ^^^te SThc Sensation of the Peach Festival Sale! y$?Cj?^ ?:*''0f  Combinations! Knock-out*? ^^^M DRESSES, SUITS $~A gA ^   - fM^f^'i^A^^i Sunday    ! Swppj;oi $\il'*-! j9b '^^P^a^^S^M l^'es, prints' With   .:iis::u 'li v mi j :o;.:;i^W^'^m SUITS COAT^ C^^ia oc i^l^^^^^fi Rodlngoto*! Windblown! P^^g^^^M Stunning StylesI Wool Crepcl 4. M You simply won t believe join fyis v-hin -.ou     thev i.^^^^^^^^^^ya spectacular values a' this ab^rd price! Sw.v/i er Hii"i^^~6^^^P4 wi* full-length coat and skirt, 14 20! Ptdmyv4^ g^^SM^^ga print frock with full-!en.?!h v/oo!  coat. i#4 to ^m^^^^^^X '~''$~ 20! SPrinS coat- ~*'ith detachable  mij ;ulf5 11</t>
  </si>
  <si>
    <t>                                           Last week we studied the stewardship of what we have. Today we consider the stewardship of what we are. There is no marked line between so-called secular and sacred callings. All occupations and professions are intended to be...</t>
  </si>
  <si>
    <t>                                           Patronize Our</t>
  </si>
  <si>
    <t>                                           Funeral Notices]                 ALLEN- Mr. Rufus Allen passed uway at his residence. Funurnl announced later. Cox Bros. Co. ARNOLD- The funeral of Mra. Vim Arnold will be held  (Sunday)  at 'JMO o clock from the      .'l Hev. I. FoNtcr will officiate. Interment Southvlew cemetery. David T. Howard. - The funeral of Mrs. Lcla Bridges will be held Monday at 2:30 o clock from the Auburn chapel at Fort and Auburn avenue. Rev. J. S. Moses officiating. Interment Chestnut Hills. Haugabrooks. BAILEY- Mr. Sam Bailey .of 1313 Hooper street, died April 13tli. Funeral announced later, . COX- The funeral of Mr. Lonnie Cox will bo Held today (Sunday* at 2:00 o clock from the Chamblcc Baptist church at Chambloc, Ga. Rev. Dixon officiating. Interment churchyards. Cox Bros. Co. IN MEMORIAM In loving memory of our dear Mother and Grandmother,. Grcatgrandmothcr. Mrs. Theresa J., who left us six years ago. yesterday. April 14. 1928. Wc -d you, mother, but God loved you best. Sleep on, mother, we all hope to meet you some day in that sweet land of rest Children: Mrs. Ella Harts Mrs. Katie Durthy Mrs. Lovie Blankship Mrs. Theresa Davis Mr. Hugh Jackson Mrs. Martha Hammond Mrs. Mary Preston Mrs. Magnolia Hawk Mr. Jacob Jackson, Jr. Mr. Bruce .Jackson Mrs.' Beatrice- Justrice Mr. William H. Jackson Mr. Judson Davis, grandson. and a  of other grandchildren.</t>
  </si>
  <si>
    <t>                                           "70 YEARS of FREEDOM' We congratulate our many friends on their great 70TH EMANCIPATION ANNIVERSARY, and wish them continued Progress and increasing Prosperity. And, may we call your attention to the FREE INSURANCE provided by our present policies, for every policy-holder who is disabled more than four weeks. Phone or write- us, and one of our agents will supply full details without obligation. PENINSULAR LIFE INSURANCE CO. Phone: Main 0687 208-209 Gould BLDG; ATLANTA, GA.</t>
  </si>
  <si>
    <t>                                           CLEVELAND, Nov. 16--()-- Old age yesterday was fatal to Charles Waddell Chestnut, 74. Who for 30 years has published books taking as his central characters the Negro of the North Carolina Plantations.</t>
  </si>
  <si>
    <t>                                           Students of Holmes Give 1st Concerts                 Til.- first -i.-:il 'Oil- I  vrl-  liv tin' -iti. hi.:- nf llu. ll..lmi-i in-iiim.- in i.-i-liii- j        i(' Atlanta ivi-rt'-i-nU fl j in Kin^-, Ailjir.-vill.- awl i'~si- t villi. ami Zl..n Hill Ii^i Li-i  lust \\  .~;. l.-'f^~- :'--s       .'(l tin- uU V .lull :il i-lii-ll "I' I     Wll- I i-    . Tlii. -iKv  s0 il'-liEh(. wit li i In-       'r:iin tli:it :i  lt:i^ )ifi-n (.- ior t It.- repeating of iln- i-imii-ris In-forr ihc i-lo.-c "f ill.- term. IUr\\ II. II. UiilniOK, ni:nlc liri''f Imii insl          nd(        at c:t*-h (.I1 Hit* ci.m-i-rf.s. Itcv.   .    's .-t:         - -ct ol* l^o ('-i-ns    to       'i y.nini; ini-ii ami women lo :ii U';ki  - hi^lt .school ^ iH-fore ^  :md :cv many   t.-o!lcs-\ Mrs. It. h.  S, mistress   t ~-    -n)     -~  (In* upt-alnt.' tji]):.-~ .^in^ fathers unil )ii-r-~ lu i fi- .1 Ibi-lr Kirls      .ys anil by mOtK-1 In    * .'s in tli.ir dics-i    wi-II :is ~-:          . Tlio         ?t ii'-i-   vl-iji.-il      ir..f-      ~.'r-~~k  t M. Hume, r. anil \\    AlliinUi  niu-  ors  -,1 'Clio quartet i-i -~l ol' J. .Ionian, r.t-roy Willlnnm, Climil Kciinott  !(: William^. *'~~  -rts will Im'  Iliii wi-c k I at Itotnc, Ilockmnrt,  Murldtu.</t>
  </si>
  <si>
    <t>                                           Nicht ami Morning to Veep them Clean, Clear and Healthy Write for Irtc "Eye Cart** or Uyc " flook</t>
  </si>
  <si>
    <t>                                           #}'" If Atlanta were as backward as New York, Chicago, Phila- ff T 0 V 'World' readers who are used to seeing the news in print W7 ft t" , Washington, Baltimore or any number of other m# 11/ 1 when it happens can hardly conceive of having to wail a fl/1. IV \ill%ffl AC A  with a  Nefrro population, when anything W All l/l/ /f week to find out the truth about an occurrence. You are 0\ 1/1/ ~\ I ^.^M.   II II 1^1"^ happened to Negroes each of you would have to wait a week III! Iff  used to a daily Instead of a weekly. The World is glad to {%    f^ff^l^ '^mw0w0\J*J^r before you read aJi  account of the event in your f ^^m^t^f^Mt give its readers something found no other place- a Negro T f *v A A' own newspaper. daily. i-u L</t>
  </si>
  <si>
    <t>                                           INVITATIONS DIPLOMAS CALLING CARDS PROGRAMS FOOTE 6c DAVIES CO. Social Engravers 15  AVENUE Samples on Request Mail Orders MEN-WOMEN ^L YOU NEED NOT .d^^Ak FEEL BADLY ^^^r SKJ K your last season s sport shoes  soled, heeled -cleaned with Griffens Products, they will too* like new. BETHUNE WHISENANT  1 ^</t>
  </si>
  <si>
    <t>                                           WXantaAMEfsto Honor Richard Allen All Next Week                 in TO  MONDAY                 All A-MK Churches of Section Will Take Part in Week of Interesting Events                 VERY  PROGRAMS                 By E. N. DAVIS                 Mnro             than ever  l0. ''l.-l.^.n or Allen'-         an.l i'.inn.\-vs ria-^  'V"1   r R;.-i,.-,rd Allen. Hi- fir^.l  of the f-r^..f . nn,~       of Africon ^,l.                 ism. The  horc will open Monday . February firth, at c- -k, when Allen Musical  will lie featured at Tur. nor Monumental A-M.K. church urn!  to :i     with Founder's Day program Sunday afternoon. .February ir at the Blir Bethel X.ir.E. '. The  of events will ba sponsored by the Allen Christian  union of Atlanta, an organization composed nf ihe A. .11. E churches of the Greater Atlanta area. Jesse F. Griijcs ii president of the union and     .Mnttic M.       : - A. Sewcll. senior ~,;       at Morris Brown  a]lvi;i!  ha f. J'oint. Ga.,  the urner.'i m.        will he tit  interest  as thu prizes for the   will be presented that  . with the token* to the churches  the  num. her in attendance   .~ the mm:finance  the week Ions *ance- Alk-n JfUHloal Xitthf  will be nn.'Rentc.i at the Tnrnei M'inuninntal A..M.E  Rev A. L. Brvwster. pastor. Tuesday f-r^t. will feature nn              I.ro^-ram of solos, qu. number* and choral selections  ii.   Mr,-- oil-.-../ will nre-Kle. Hev Z. C. Clemenu will  the "Allen Mlnist...Ts' M-h*'- event. -A- will be     : il:iv - at ' 'I'clo.-k t\i* C's  A.M.E. church f:-v. .1. S Bryan, p:.^i.,r. The  i-aiii will 1    by thr  committee of the A.. M K. MlniKtcrs Union, -f 1.-   .-v r.. R. Hannah. The net "in will be preached by Itev. '.V. IV. Ptcr.hens. S'dpi; El^hon Al'en str^Hed Ihn f'.-i-s    -       as nn important part of ihr.     :h!n of the rhur-h.  ~.in.-.- \bf week Is  to tho r. of     Kr'-at work.      union ii : ridded  on  All.-i     :-. N-i hf. This       v/iU b.~ observed by '.he members n' I'MirclK-s In  .~ i-.       spe.-JcerM will bo yr\i u, ;,u of thi' -: and tho  r-. nt the weekly cl.w ": will be checked carefully. Anwni; the ''visitors"  :i church-.i nre: \V. A. QuiUlajiliiL' Ilethil: A ll.-n Temple. .1. C .     -.on: Fliw.er Temple, .1.  J.' Crlirss: St. Paul, V.' I.. Kowc: Turner M'ln'., CorhiH Mny:~ St. I'hiilipii. MU-! Xellie -: St Mark, .Tneoh Allen; Conmopnl i an. '0. W. Smith: Trinity, S''.ui.~i Atlanta. Rev. K. G. Clem lui.Ti'f,; Grunt Chapel. Joel W. .Smith, and Arounrtn Flipper. Gerrard .Sensinit. Others wlj\ he named Liter. One of the       event" ivl l he  Thunrtay ,     r::arv eighth, (it the St. Paul A M- E . Dr. D. T. P.;.  on page r.)                 Big Program (Oontinmil from pa^o 1) pa.~ tor. when "Alien Young PeoiJu's" niche will hold 'he  with George Swell, pre ~~'-line The feature of the        will  jc the annual oratorical  based on "Richard Allen and Ka'.nal .Progress." Ajiions those taking o-irt in this contest' arc Corlus May, Sc Phillip?;. Miss Emma GrlKKS. SB. Mark; "Mi?~ Sarah McFarlln, Monumental;         Smith. Grant Chapel. East Point; Gerrard ~.Sessions, Collesi.' chapel,  unannounced er.Jrat  St,. P:iul. M'uj^.-al selections js;ilt McltHlc a  .~nlo by Hubert Terrell. Morris Brown student: a son of the lat: Itev. 'J'crroll of Birmingham, Ala. Friday ni^-hu which is to. lw known as 'Allen Eiiucationn. Xi^ht" will lie featured hy ar. elaborate program at the Allen Temple A.M.E. , Rev. -R J. Jefferson, pastor. Prlni-     diaries L. Gideons of the B-TrW. Evenin;  school, is the  in      ;e. A number ol'  educators will ap puar on the  while spe;ial numbers will be ; Tlie Founder's Day . which will be  at three .o lock    :t Sunday afternoon, w^ll ^ the week s observance to a close. Dean Charles  mil of Morris Brown college wil! ?i\e the Founder'h Day address. The prize winning oration will be .  \ a sketch the A.CE. Union '-        the musical selections will... 1   from the WnabJnqtoi'. Hieh school, the Morris .Brow,n .-c girls clee clnl). tac- Bethel Quartette,  Miss Harrtei Haync-s. Prixv* will bo awarded this . Principal C I.. Harper of the B.T.W.H. .S..-'te thv i. officer. Tho  nod members of "lu          arc  '.l to attend 'thea j "am.--. N'o a'!         'va\l    i-.</t>
  </si>
  <si>
    <t>                                           More elaborate than ever before will be this year's local celebration of Allen's Week and Founder's Dar commemorating the 17h birthday of Richard Allen. the first bishop of the great denomination and the 118th anniversary of African...</t>
  </si>
  <si>
    <t>                                           That the colored division of the 1932 Community Chest campaign, oversubscribed its quota at $5,000 is believed to be a certain fact following the final report meeting at the Butler street Y Monday evening when mere than $300 in pledges were turned in. A definite checkup...</t>
  </si>
  <si>
    <t>                                           Double Show! 8 BUSTER KEATON I in "Sprak Easily" AKo tx "Below the Sea" Ralph Brll.imy- F:iy Wray Jg Double Show! 1 A dish fit for a King! BROTHERS Starting TODAY!! j CAPITOL</t>
  </si>
  <si>
    <t>                                           Springfield Baplist Church news. Sunday night was election time at this church. Rev. P. H. Jackson and Rev., J. McMillan were nominated and Rev. McMillan received the majority of votes...</t>
  </si>
  <si>
    <t>                                           TODAY, MONDAY and TUESDAY ^ ^,,^.3g?    ^'*vl''-.. *n " Production \i^t'"~^'- from fhe pfn/'Thr Barker b/ j i^V^SSK^..^~^~^^LVl"V/?':;.     Stage p\Qt produced b/ i % Cftar/ti i. Wflflner j c^^^^jP^T^)-.          by  l/oyd' also THE WOLF DOG Rin-Tin-TIn</t>
  </si>
  <si>
    <t>                                           Visit Our Beautiful New-Store 1 y^ Black-Eye Peas, Atlanta's Newest and Prettiest Food Store M :^V  _ee^ i^ n H I HI I fl^J HknJ H I i^^^h wA*$T J^ ^bt ^g^ Gelatine Dessert- Popular Flavors kt Extra Valt,* Jk\ B #%m#4^~m^ I I *9 '4 H ^w^ ^r Loveiy-jei 3 pkgs 13  It ^1^^ ^^-a Twenty Mule Team Borax uwz. pkg. 10c ~'l -Jr Amo ^0 I" All 5c N. B.C. Crackers 3 13c    J^ rt %t Sunshine Black Walnut Cookies. pro 23c  J Jr Sliced Brillo for Cleaning Aluminumware 2 pkcs. 15C  i 1 ^~vi ^Sc Korthern Toilet Tissue .3~,,i9c M A (-A.\s^~^jr   .~ Gau-e Toilet        3 13c jgl  k Whipping Cream. J.pt, 12c I Csh98fps' Vegetable Soup can 5C  l    j } TelSamTs Peanut Butter t.MM i2c jjj y^Dc^TcT^vf i Asparagus Tips %] 12jc Dixie Crystal V;_J            Snosheen Cake Flour  a 29c 1 ^V 1L         's Pancake Flour fKC 1Oc *f i Sugar I  SKiyr:^t-.^^--x.. I V5:: 2?c J           3^Sc I ^W^ ^jfi^'""\ Ivory Soap Flakes 2 17c il  ^ P G White Naptha Soap 5 large  iqc M* .^i^1^ ^C- b- Guest Size Ivory Soap 29c 1 Perkerson's Armour^ Garden Series Soap B 3 cakes^c 1 y^ Com ^P '"Or lv!fl^'nc! ^, or Cooking Kg @ a 1 % Wesson Oil sg igi A .TjB 4  ^5C j^:- Swift Premium ^T Fr^hV ^t Southern Mansion Sliced Bacon 2Sc j^  ^y Sliced, Tender Boiled Ham 2Sc T P^m^^ V Armour's Cottage Style Sweet Meats 19c v- J t Ji 8f S -t E- tra Standard Oysters not 20c i ^k" W Fancy Western Corn-Fed Beef A ...doz- 25c j Ghyek Roast 12lc</t>
  </si>
  <si>
    <t>                                           WASHINGTON--Running true to form, the District Commissioners are again trying to transfer from the President to themselves the power to appoint-the recorder of deeds, in a bill submitted to Chairman Norton of the House District Committee, last week.</t>
  </si>
  <si>
    <t>                                           Wounded Six Times, Ross Near Death                 Shot six times hy Corn Payne, his common-law wife. Charlie Itoss. of 32 Boll , was in Crnily hospital into last  in a critical condition with numerous bullet holes In his body. Deloclivos Knglbert and Mi-Crary began an investigation of the ,  after Ross wns admitted to tho hospital. According t" I'll trol man A. A. Ford, ho arrived at Ross'  on Bell street just In time to see the Payne woman holding the smoking pistol in her . The gun had been shot six times, he said. Miss Payne is being held at police  pending the Uoss' outcome at ihe Uospltal. Detectives were working on     theory that the shooting was motivated by jealousy, NAAC-P  ANNIVERSARY Plans nre being rapidly completed for- the celebration of the 25lh anniversary of the NAACP with an elaborate program Monday night, February 12, at tho Blc Bethel A. M.E. church, Rrv. 0. W. Scott, 'pas. (or, sinning at eight o clock. Sunday, the preachers at. nil of the churches are lifting special ''penny" collections in un effort to help raise a defense fund which will be participated In by' every Negro In America. Tho ministerial alliances of the city are cooperating hy staging the. anniversary program Monday night. An interesting affair Is being outlined n-nd the public Is cordially invited to be present and lake, port In the mammoth  which will be nationwide in scope.</t>
  </si>
  <si>
    <t>                                           Commencing business April 1, 1899 under the name of North Carolina Mutual and Provident Association and evolving finally to a station of eminence second to none the North Carolina Mutual Life Insurance Company has enjoyed a very notable and historical past.</t>
  </si>
  <si>
    <t>                                           CAPITOL ON' STAGE- Broadway Vanities of 1S3I from New York X VANITY GIRLS 8 W.I IS- 12 I'lrw stare lUnd ON SCREEN- "         " NOTICE!! K TODAY ONLY!! I "LITTLE CAESAR" 9 IS HERE!! B 'I i ^^^k 1 1 1 1 L t ^A I IPi g" AGAIN TODAY!! I Ethel Waters 1 "RUFUS JONES FOR 1 PRESIDENT" J SINGING DANCING f "BILLIE THE KID" ff "FIGHT KID CARSON" 1KH DOUBLE Jf SHOW TO.! *     .\(; KAS I KK SUNDAY H T.M"1:it()K IONES" with I AI.I.</t>
  </si>
  <si>
    <t>                                           When a Company has sold its preparations to millions of the Race group over a period of it indicates that hosts of its customers have been extremely well satisfied with its products. The substantial growth of that organization seems to us a farther proof...</t>
  </si>
  <si>
    <t>                                           Up From Georgia With My Banjo By Thomas Jefferson Flanagan THE UNCALLED they cry   t ill forgotten The imc.-illed. tlie  -y Mukcd their claim with cotton A:v.! they "ever thought, of rest: their hopes were crumbled Xobody took their tote. The politicians fumbled For they knew they had no  l.;~1y they waited For a wagon an*    '?. Hard times an' death ill mated Pair, on every  I-ashed an' drove asunder The worshipers of cotton An* the iin.il  of. thunder Is * the forgotten</t>
  </si>
  <si>
    <t>                                           THIS CUNNING  is Donald Dash, son of Mr. and Mrs. William Dash. 334 Ford Ave. Highland Park. Mich. He is the grandson of Mr. nnd Mrs. E Grigsby of Detroit, Mich.</t>
  </si>
  <si>
    <t>                                           M.E.B.--How long will it take me to forget a certain person?</t>
  </si>
  <si>
    <t>                                           RICHMOND. Va., October 2-- When Henry B. Hucles, gridiron coach of Virginia Union University's "Pawing Panthers" and former N. Y. U. mentor, was asked what he thought of his material for theensuing football-year and of the coming game with A. and T. ...</t>
  </si>
  <si>
    <t>                                           fc TO.M TYLER M I "WAR OFF 1 I THE RANCH" 1 M Also tt {"Clancy of The 8 I MOUNTED'; I W TODAY A  K</t>
  </si>
  <si>
    <t>                                           Faced with the prospects of opening the regular Southern League ball season in Monroe, La. this week against the classy Monroe outfit the pride of the Bluff City, the nucleus of the 1934 edition of the Memphis Red Sox left the city by bus Friday for Tyler, Texas to engage in its first exhibition game of the season with the Tyler gang Sunday.</t>
  </si>
  <si>
    <t>                                           Miss Mabel Byri Brutally HjanSIeS- Sy B. C, Policeman                 SHE FAINTS AFTER THE ATTACK                 Noted Woman Kjcftcd F'Vcnn Senate Dining Koom ;   WhiU; Fricmls Objct                 HEAttlNC TO M, TODAY                 U'APIft.WmN. Kcli. I'll l.WI J Miss Mnl.ol Hyril. former  in the    )- nf ItiWroh  PlnnnillK of the MIA. was (Vm-  :iml  M  the     'llo : room ni Die  Stipes           in  Tiipsiluy by a . Aftor ^'  ,-il iho ( ;ind * t"    1  '0 Icadfjunrtcrs.       d iind \v:     . rm- for ' linn Ikiiiv Utor. She. whs ial:on         h'.mc and. .'cl  ilio nin- of- u .w.' mi l r'''.   'l""- I'1*'' /~n'""tlon Is spi . Miss      I"1'1- f""' ln 'I'" ~"n" lni;         fnr . it- d by .Miss Aini'lla Unr*. -ncr of Cnnk i-. Illinois.  Mrs. Cbni full rairo. nf tlio I'.mk Comity nun-Mii nf 1'nl IW Wolfnn-. Bwli ihi Sc          an1 . Si- whs   "    '.l Miss Hyrd. sli. Hint  O ensued. Wi.rd spread  ill" senate   where the  ; was ; held thin it   . .Hiss Sftir.~ i?xpr/~.~~   her  lU Uic I mil mow ~. Miss  Iml \    \ii\i\hlo tn proven t. the  s .ii k. An (  's(   f       was            for</t>
  </si>
  <si>
    <t>                                           The Women's Auxiliary of the Kansas City Branch closed its baby contest at the Pasco Y. W. A. Saturday evening, April 7. Nine babies were competing for the cash prizes. The first Prize of $50 was Won by Family Ann Perry; the second prize of $25 by Bobbie...</t>
  </si>
  <si>
    <t>                                           I Greatly Reduced Week-End Fares Atlanta to Newnan. $1.00: LaGrange. $1.50; Wesl Point, tl.H; Opellka, Aobnrn. {2.00; Chehaw, 12.00; JllliUad.  ZH; and Montfomcry, SIM. TltkiU M aaU far all  Sttardar and Inoili 1    ( AlUiU IiIO X. M, awh Saniar Coed  Atlanta lot tral*  Itlajtta 7iM A. H. IfaaAar.     *whi( 4ato af ula. 8       from ikar*   to AlUaU ai4  Tlcktti Mt ta^ M  Mat. 17 a*4 II, Crnrrat UnlUA. THE WEST POINT ROUTE WA.17M MA.JSW I Bargain Week-End Excursion Fares Atlanta to CoTtaiton and return, ILOfl; Soobl Circle, f IMi MadUwB, *LS05 Oretiuboro, $1.50; Union Point, CCM; Crawfordvilla, H.00; Waihiniton,.  I; Xbonuon, $J; A Asfntta, $2. TUkatt m     faf ajl  *  la atop       *~~, mU hr  N*. J Va.     AtlaaU         * 7.JI a. a, CaW Mtmnlw AtluU lut trala N*.         till a a T., Mao  ar MtnrtaK nt*t.~     .   to</t>
  </si>
  <si>
    <t>                                           noble la si ssl e OH., ^~i^W^ AN0 IIIS INTERNATIONALLY FAMED mk     DANCE ORCHESTRA ONE GAIA I A Tl5A'r  AND ONE OP THE Ulic  FINEST RANDS IN THE WORLD- WITH V EUENiNfi SEATS FOR SPECTATORS AND SPACE FOR Lvuiiiiiu. DANCING. GOOD AUDIBILITY AIDED BY TUESDAY HUR.6 At SUNSET CASINO FROM A So"           Artists Promotion- Offering Its Second 0 Til I Oft lln* Band Dircct       thc Nation's Showpiaccs. 3 JILL  ADMISSION 55c</t>
  </si>
  <si>
    <t>                                           Buy from Oiir Advertisers-You Can Sjave</t>
  </si>
  <si>
    <t>                                           WANTED Newsboys and Agents Everywhere TO REPRESENT T H E WORLD S ONLY NEGRO DAILY  AI ER Daily and Semi-Weekly Address Atlanta Daily World 210 Aubirfn Ave., N. E. Atlanta, Georgia W. C. KELI.EY Circulation Manager</t>
  </si>
  <si>
    <t>                                           F R E "K        YOUR  NUMBER .n,'  -:~l; tin-  ?nt  nd -:. 1*     K.tt  and Num. ISHMAEL the MIGHTY Muster of the Mysteries of tile Occult wilt wild Vitur Luckv Number H*   * if I^^^^^^^^Sr nu^l^f rn of        BH A WINNER ' TOPAY *?     one  for th" **t F!%-e.iti-      sm Book            Hh your . name and . Or If you         .  will bund tbo        Dyok and your Number C.u.l*. Hnd vii arrival -you will puy thn post man J1.00      *. . dors not want a nickel of your  until you have rec* the my*t'* Mauler-Key Book and your own Individually  NumiMir.       this  book   Monuy-          . T^^UTt3 1. DEJ*T. G-38. Gen. P.O. Dept. 557, N.Y.C. WARNING !t   TOUR B.UCKCn</t>
  </si>
  <si>
    <t>                                           (..(Funeral of Soviet Balloonists                 Art* of Sottat Russia's greatest men pay persona) tribute to the memory M-JJJ'  fliers who lost their lives alter they had roared JJtti than anj humans ever bad done before, as War Commissarilflov. Dictator Josef Stalin and V. M.        (left to      ) bear      ^rr.;.M   procession la Mojotur,</t>
  </si>
  <si>
    <t>                                           CHARMS IOWANS                 .M..- I..-,-, ii.i nii r .iil-.iav . win, li;i^ ili Vl Iril lln-   - ~-:   I in- Mil- l,vli.,lhs in li.w.i.  lii- ;       ... in;;  'in raili i sl: I\SO. I Ji-s TV] i; 1 1 1 i*h. I.a-.i.</t>
  </si>
  <si>
    <t>                                           There was a variety of enthrailmen and exoticism in the Dops Ball Room Friday night as NOUS ORIONS entertained a throng of jovial guests swelegantly, 9 till 1, with Jimmy Wiggins and his corral jazzicians scorching.</t>
  </si>
  <si>
    <t>                                           ^^rM.'r.v -i;~;   in mis -onlyS   8,.'ik-n A l-. OK THIS I'iM.IMN   ;  OSFI1 InIjI [     ) AND A SEI.K-, ) FVVFfOPErJ* jka^ A^^r(A?t^fi - 2   au-~</t>
  </si>
  <si>
    <t>                                           Hindu Leader to Speak at Four O'clock                 The much discussed and pu/./. c.-istc system and race   in India will l)c brought to life today at Uic First Coiirtc- Kalioital church, corner Courtland and Houston, at four o clock, when.  iio 27 Club Foram  Manilal C. Parckh. of Jaikot. Indin, as                 its ( speaker. Mr. Parekh, a personal friend of Malutma Ganhi. llu.- aged, slender personage, who. frail in health, lias defied the British government for .veal s and who is uniting the masses of Tndia. will speak on "Malialtna Gandhi and His Message lor the World." It is Iho tight that Gandhi is  against Hie British and to remedy Hie condition of the "untouchables" that the speaker will emphasize today, clearly ! just liow strictly the caste or class lines are observed in India today. He will tell how Gandhi's ''passive resistance program'1 or war without arms, is able to work so effectively  the powerful Englishmen that even imprisonment fails In lia.lt his activities. Although Mr. l  is a noted Indian leader, ami is a Christian, lie retains, hi? Hindu culture. He ix known throughout the world ns an au hor and for his affiliation with the International Education Movement. The public is cordially invited lo attend this meeting which will be presided over by Dr. II n. UutJr. I                 FORUM SPEAKER                 .AI, V.  j Nulud Hindu leader and  I friend r.f Mahntma Gandhi, who will j;pc;ik at tour o clock this afternoon at the 27 Club Fonitn at the Firs l Congregational Clmvch.</t>
  </si>
  <si>
    <t>                                           The much discussed and puzzling caste system and race rejudice existing in India will be brought to life today at the First Congregational church, corner Courtland and Houston, at four o'clock, when, the 27 Club Forum presents Manilal C. Parekh, of Jajkot, India, as...</t>
  </si>
  <si>
    <t>                                           ELKS HAVE OPEN HOUSE TODAY                 Due to the fact that today is a general holiday In honor the birth of the Father of this Country George Wnshincton. and that many .'visiting Hks arc expected in the city during the day. members of Gnte City Lodge No. 54. I.B.P.O.E. W. will have an informal  and open house at the Elks Rest. 73, Fort street, N. E. The Elks are inviting their friend s to share the holiday with them. A number of features have been arranged which will make the day a pleasant one from morning until</t>
  </si>
  <si>
    <t>                                           Patronize Our ADVERTISERS</t>
  </si>
  <si>
    <t>                                           Well, ladies and gentlemen, you are now listening to station AUBURN AVENUE broadcasting. Before I introduce the regular features of the evening. I wish to invite all the listeners to go and hear Rev. Eaton, who is conducting a revival at Liberty...</t>
  </si>
  <si>
    <t>                                           Bailey's "81" I T0      ffi^y^\ LIE Ouic{          )oaC       I 3^^Tr%s^ SI /bt a  /n r^m^ AlsomLBROS/i-Bi^r'/SL</t>
  </si>
  <si>
    <t>                                           Our Congratulations j ON THE GREAT "70TH EMANCIPATION ANNIVERSARY" Atlanta Plating Works I 107S "Washington St., S. W. Main S263 CHROMIUM. NICKEL, SILVER AND GOLD TABLE AND HOTEL SILVER A SPECIALTY AUTOMOBILE WORK EXPRESSING OUR SINCERE CONGRATULATIONS ON YOUR GREAT MEMORABLE "SEVENTIETH ANNIVERSARY"           15 SHOE REP_AIRING j 41 Pcachtree St., N. E. Ja. SS22 I CONGRATULATING OUR MANY FRIENDS ON THEIR GREAT j "70TH ANNIVERSARY OF EMANCIPATION" 1 AND THEIR GREAT PROGRESS I I Davis Tailor-Made Clothes "America's Best Buy Today" Our New Location 85 Forsyth St., N. W. Piedmont Hotel Bldg. Atlanta Branch of the P. H. DAVIS TAILORING CO. Louis Adiger, Distributor</t>
  </si>
  <si>
    <t>                                           COMING TO CAPITOL                 This is a -scene from "STREETS OF P ." the  of a series of staire shows I to be  at the CAPITOL, beginning                 with a Sunday midnite - :Th!s is one of the better shows that played to R.000.000 at the World's F:iir.</t>
  </si>
  <si>
    <t>                                           WANTED Newsboys and Agents Everywhere TO REPRESENT THE WORLD S ONLY NEGRO DAILY NEWSPAPER Daily and Semi-Weekly Address Atlanta Daily World 210 Auburn Ave, N. Atlanta, Georgia W. C KELLEY Circulation. Manager</t>
  </si>
  <si>
    <t>                                           MRS. CLOTEAL . attractive wire of Dr. J. H. Prcsncll of 609 Butler Mreet. KnoxvilJe.                 IVnn -Photo by Browder, Knoxvllle.                 NORTHERN BEAUTIES in Detroit World's "Miss Northern Detroit" Contest. Back row, left to right: Clara Love. Viola Newkirk, Alie Taylor, LeRoy G. White, Eloise Pntton, Lois Stewart, Catherine Harris. Front row: Lovonia Harvey, Sue Clarke, Lois Valeria Jones. Virginia Taylor. Louise                 HarrlH and Dalxy Dudley.- Photo by Them. Detroit.                 SONGBIRD and debater la Miss Eloiae Crowdcr of 621 Thurnmn street, Montgomery, Ala. Miss Irowder has won distinction in the  school circles of the State reachers college. She 1m the daughter of Mr. and Mrs. L. Crowder.                 ST. PAUL A. M. E CHURCH, Richmond, Ky., Rev. W. R. Munday, pastor. He is a " son" of Richmond and this is his first church. Mrs L. T. Cobb and her kindergarten class under the CWA are shown on the  of church</t>
  </si>
  <si>
    <t>                                           I Greatly Reduced Week-End Fares  SS?~    ^    : IMina"'     Point. tlMi THE WEST POINT ROUTE !;v Bargain Week-End Excursion Fares ^AtUats to CoTtajfon and .a.00: Soetal Orel*  LS0( Madison. ; Greensboro. IL50; Union Point, COO: Crmwri , $2.00:           , J2; Tbosuon, 12- A Aoxruts, IE. ^"" RAILROAD</t>
  </si>
  <si>
    <t>                                           YOUR -'QUESTION ANSWERED IN THIS PAPER- ONLYra ^j WHEN A CLll'I'lNC OF THIS COLUMN IS ENCLOSED  LS YOUR LETTER. FOR PRIVATE REPLY- SEND A QUARTERlB [if  5~) AND A SEr.F-       .SKO. STAMPED   WFOIl MY NEW ASTRCil.OCY RKAblNC- AND RECEIVE BY HI - MAIL- FREE  ON TIlliEE QUES-la  S. SrCN YOUR Firi.L NAME. BIRTIIDaTE AND COR-fel  ADDRESS. SEND ALL LETTERS TO ABBE1 WAL-f3  2 LACE, care of SCOTT NEWSPAPER SYNDICATE 210 AU-M g[ AVENUE. ATLANTA. . M</t>
  </si>
  <si>
    <t>                                           JESSE "OWENS BREAKS INDOOR BROADiOMP MARK                 HE S SENSATION"                 .Ic;;?r Ov.vir. Clcvelniul: flier. now rni-iiin:;  . M-iir!ot 'and c ti flair, pulled a surprise on the-      :i   when   first visit to GoI tham ror.'. to Columbus with tbe Nation;)! Indoor Tract and F'iclii  iug ic.-   3. com.   hi? fare. Owoii hm W J I113   t!:o air :-t i'-cnty-fiv^ l eet,.      i iii-nor. .'i !'. ^ j Mk; o'.ii  '.kI.1. '.17 DcHnri   ::uhi.-'.: I"- 2!rr.C':i foci.</t>
  </si>
  <si>
    <t>                                           "Campus spirit and activities at Bishop College she'v unusual evidences of a healthy college life." according to representatives of Northern beards of education who spent two days at the institution this week in conference with President Joseph J. Rhoads.</t>
  </si>
  <si>
    <t>                                           HELSINGFORS; Denmark, Feb.--"By her voice she subdued them."</t>
  </si>
  <si>
    <t>                                           In keeping with their well established reputation of doing big things in a big way, the faculty of David T. Howard Elementary Junior High school now brings before the public another project. This time it is a Bridge-Whist tournament to be staged at the Savoy...</t>
  </si>
  <si>
    <t>                                           Dr. James Corry Ex-Army Doctor 75 Ivy Street, N. K..  2-11-12 A Between Houston and Auburn ff;"/  \  f 1 find many colored people  to pay.        %~ I serve free, only charge for medicine. Home ,'.fl,Q^-^' H Office Hours: 9 A.M., to 8 P. M. Dally-Sun(          m A- M. to 3 P. M. MA. 6873.    . MA- ^O8^^~~jf^ 16 Years Experience in America and Abroiif; 'W$~</t>
  </si>
  <si>
    <t>                                           Funeral Notices                 COMJlil'PT- Mrs. Mnrgrcfl ColnuHt   nl. her   as. Funeral announced . i  uud Hancock. lti MP Tho  of Mr. 'Lconnrd. Itelil uim iui.  Pobrimry UStli. will l.f . cd Inter. Dunn's Funeral Home. THOMAS- The  or- Mr. Isninb Thomiis will  inter. R. C. TompUlns,</t>
  </si>
  <si>
    <t>                                           NE4RO DAIL.Y NEWSPAPER. IN TMr *vont_O WTMBim or Tmc associated  nows 0 MLWjrArat , INC. * W. Jl. 9          HANK MJUlflRALJ. DAVI8          KOltor    AMOClkt* EUJtOr ACUSCRnTION   A 1     M."5. e        C-50. J  (0*. 1 KoUk  Only. *    W. B. ZtFF CO. Chleato. U'-.   d New York, N. T.  e\-kht  at  io auburn atk. s. TILKrilONES: WAUal 1 3!~  nd 1490 ^Illli M      -     - at Iho Dual  M AtlssU, 0*~, Bto Uv Art of Mitrvb S. 1M7V NATIONAL ADVKltTlSINO</t>
  </si>
  <si>
    <t>                                           NISM DAILY H*        IN THt WORLD FOUNDED AUGUST 5, 1028, BY W. A. SCOTT MEMBER OF TUE ASSOCIATED NEGRO PREsi  NEWSPAPER SYNDICATE, INC., PUBLISHERS C. A. SCOTT General Manager FRANK  DAMS Manafinj; Editor THOMAS JEFFERSON FLANAGAN Associate Editor SUBSCRIPTION RATES   25. 1 Yr- $4.75, 6 Mos.- S2.50, 3 Mo*.- 90c. I Mo.- Sunday Only $2.50 NATIONAL ADVERTISING REPRESENTATIVES W. B. ZIFF CO., Cliirafo, 111., and New York, N. Y. Published Dally and Sunday ut 21U Auburn AveH N. E. Tt-: Walnut 1459 and HGO Entered as second class  at the post office at Atlanta, Ga., under tin; Act of March 3, 1879 MEMBER AUDIT BUREAU OK CIRCULATION</t>
  </si>
  <si>
    <t>                                           JOSHUA MONKS                 r L r. k^bou*:                 Bro. Bell told tb* Brotbiwr to fear UmUi u death w*~ not-  but a looc          Dmooriil Jonm Iiubtod th*t.  - :-~      ^ easy  ~^jte^~    :;.;-V^</t>
  </si>
  <si>
    <t>                                           N1C.W. TO MEET IN  um                 National Association of College Vomen Meet Here Moich 30 to April 2                 PROGRAM ANNOUNCED                 The eleventh  convention of the Nhtlonal Association of' Col. Jege Women will bo .held in Atlan. to. beginning March 30 and continuing  April 2. with the Atlanta branch as hostess, as lias been announced. This ix the first] time that on annual meeting of I                 this organization has been Ivto in Utc south. The convention theme for 1034 is Education and the Changing World." n,p. mooting which will be of- special interest to      public i are the Sunday, evening session I which will be held in  hall,! Spolman college, on Sunday evening. April 1, at 7:30 o clock: the Saturday noon luncheon meeting h eW in Morgan hall, spelman coL. Jcfic the special session for students on Saturday afternoon in the exhibition room of thc Atlanta university library: an.'l the annual banquet, Saturday evening in the Atlanta university dining hall. Speakers for th0 meeting on Sunday evening arc to be I'resi. dent John Hcpe or Atlanta  . and Mrs. Vivian J. Cook of Baltimore, Md.. president of the a.ssociation. Mrs. cook s subject will bu "The National Association of college Women Confronts a Changing World", president J-'lor. ence SI. Rcad of Spelman college ami Miss Lucy D. slow*, dean of . Howard university, will be the speakers at th,. Saturday luncheon. The subject for this session is "The Philo.-ophy of Educating Negro Youth." At tho Satur. day afternoon session . lives from all the local colleges ri.sk. .Tallaie.'*. Kamptorl. and I other colleges Will participate in a discussion of the subject: Stud, 'nls" Reaction to Present Day Education." The annual banquet is scheduled ror scv.-n. o clock Saturday evening. The speaker will be Mr*. Stella Brewer Brooke of Clark \::. Her subject, is "Xew (Continued on Pace 2)                 H.A.C.W. (Continued from Pare 1) Frontiers for College Womcr. Th.~ convention will bring to Atlanta some of the  \    "n of the race. A general invitation is extended by the local * in charge to the public to attend all of the ir.. includi.".;; h- luncheon and .The association has lor its  pose the uniting of all our college women in one organisation for the mutual benefit and united ! in benefiting their communities: I the promotion of friendliness among college women: the raising' of educational  in coL.                 leges; thv improvement educa.  conditions among our peo_pic: the promotion of scholarship, undergraduate     Sraduatc: and the bringing together of college women of  wees iQ the CniteJ States for  in the -reit of better  and better conditions of   them.</t>
  </si>
  <si>
    <t>                                           The eleventh annual convention of the National Association of College Women will be held in Atlanta, beginning March 30 and continuing through April 2, with the Atlanta branch as hostess, as has been announced. This is the first time that an annual meeting of...</t>
  </si>
  <si>
    <t>                                           KEEP COLUMBUS THEATRICAL- MINDED                 Pictured above is the cast of the Columbus Cotton club follies, produced by Lois Deppe and Atta Boy BlaKc. Included in the cast arc ?.lyr:i Anderson. Jean TSmbrey.                 len Temple. Ann Carter. Jeanette Gridcr. the Three Flames. Dolores Alvarada; Myron Hushes. Chick Carter, and Joe "Buttons" Brown.</t>
  </si>
  <si>
    <t>                                           Mr. John T.Edwards and other friends were in Talbotton. Georgia last Tuesday visiting relatives my Morgan will regret very much...</t>
  </si>
  <si>
    <t>                                           "I've been in Memphis all of the time"</t>
  </si>
  <si>
    <t>                                           MILTON S WEEK- EK0 DRUG SALE FRIDAY-SATURDAY- SUND AY- MONDAY I SOAP MOORE S LIFEBUOY A$ST- COLGATE$ SOAP 25c 2 f0r 13c 6 for 29C Brick Ice Cream LUX 2 So* 2 for 13c 1 IT. RUBBING  19c 25   23c WOO I) BURY COMBINATION SYRINGE 9Se 3SA25c i Sbi HY-i.Ac'-fi c tooth brush. :;9c (Sunday Only) GOLDEN I  BLEACH Z 39c TMEflBi^    RUSSIAN MINERAL 6TuT PT 29c nr "McKESSOX YOnORO 77. 19c  face I'ow'DKic with  FREE PERFUME JlSc *:idil"- CASHMERE               \         wlth FREE PERFUME $1.10 Nudinola UU- BOUQUET n-TTcODTlVER OIL        Xatline Vanishlnr KRUSCHEN SALTS 79c OUHr colgates on pal.molp.-e Cl SHAVING CREAM 19c 10c. 3 for 25c Cream, both 39c GEM OR EVER READY BLADES 5\s 29c ^ GILLETTE BLADES ."s 25c" k hot  59V Madam Walker.s         ; iQr y M CH0C0LATE- l i:~)  Hair g^  IOC i. I'T- McKESSON BAY RUM 23c 3!)c -S HAIR DYE 9^c Ma(]am  I5c GLOVER S MANGE REMEDY 59c Glossine Red Cross Tissue LUXOR FACE POWDER (50c size) 39 c WAMI OLES COD LIVER OIL G9c HIJ v 3 for 20c WHITE SHOeToLISH" 10c" ,Ia;r 25c T. 11. L. CHEWING GUM 2 for 25c 1Jc "^~~JfiHlHhk. la^               "tonic   9c ^B8H- k MUM 29c I P A N A fOR colds 1 r H H VICK SALVE TOOTH PASTE 23c NORWICn YATES MILTON T mmm  l9c COLGATES  N- .  d   19c 49c  FREE DELIVERY T- Wk II    AtrnCRV I KAnt AT [I WA.     I BlA- I ^^^^^^K*m^^m^mmmm^^mi^m.</t>
  </si>
  <si>
    <t>                                           Fate of Torn! King Now Up; To Governor!                 With j.irt :t days       *'ii now nn.l December 2, when h- has been  10  in tlie electric . Torn     . who has been i         10 'lie for the past seven y nrs for the slaying of County Ofl'iccr McNnir following :i liquor r^iid on his home in Bulls county.                 may be able to die a. "  :~rier all: Friday, the Georsia Prison Boar.l made a p-commendation to Governor Kichard B. Russcl. Jr.. that the asc-l man s death - be com muted to one or lite imprisonment Chairman E. .L. R.. a member of the commission       concur in tlic recommendation made by hi; other l  colleagues after tlv- state supreme court had recommended  He has been in FiUlOn  practically cvo.y moment since was first .-.l in 1925 for killing the officer with the exception of  l          to Butts : for tr'?   :mrt to hear tlie dc.-it1! sentence pronounced. Th" Georgia State Supreme court has ruler on numerous angles of this case an-l various legal technicalities have  the application of the fatal electric current on live previous occasions. The date for the  before Governor Russ I has not been sc: as vet although it will .lv be. within      next few days DC'-; to an announcement for m the executive  at the state  It is customary ror the state executive to hold a h' ^ before making his decision .</t>
  </si>
  <si>
    <t>                                           With just a few days between now and December 2, when he has been sentenced to die in the electric chair. Tom King, who has been doomed to die for the past seven years for the slaying of County Officer McNair following a liquor raid on his home in Butts county...</t>
  </si>
  <si>
    <t>                                           Wiii^tre Na tional Baptist Convention Held in Florida                 TRUCK TURNS 0 VI R Gil lT!i                 John Gilibs, Truck Driver, Only Sligluly   m:i in I Highway AwiilciU                 LAST MITES THURSDAY ji                 .I.K. Tciui.. F.:  .                 Uriiei: Ulin .-r le \Wu\l, tlw vie. tlm ,if lib ,.i\vn Iriicl,-. r:h: In .v  Join, Gll.b?,  KlluXVlll" , Wliu V/i\n[           ila'  un-m j hj - ill'.'r,      en wit bu.-k lo Knn\.   .Momlny ., when ; a 1'iul   iwn                 ruM Di            ;r, t Ui.~ truck collided wiil\ n Morrlstinvn jh--;. The Knnxviil,. n-nck i.vir.  J nml C'liantllct   il. After a M niggle CAW*. w.vs sm-. ! In  Cliaiiillc-r rn-in  (in. truck, but i.'  while i/ii mute to a Knoxvllk' ... l. lie sn.Htiiluod a  ii . ;in :inn l.rol.cn In   '.i  anil  Intcrnnl Injiirliw. C'hicnilkT ;i  ,^. or tlio !Slcr..-hi Dairy farm :uul     'woll kuu'.vn lor      ! of  for live - li.    .i l)   ls -il i-arc linn ninny  .iny wi.-n:  mi tli i:  tjt  stuck  by t Ik' StiirJH , tit v:i !i   county fairs. Fiincrnl  wrrr  :il ihi. Cl'iinilli-i- , in ^I'^i ~.;ast UJ'.' -. '1 . .Tolin OH'ta.  of ; Irurtt  p.oil lrl"inl nf CIiimuIIit. r^.-cl      (inl.v ' Injiirlfs  only  fur a feu-  and a fow hours :ii     -  li"M-tor s. Miss lU-rtU' Chnn.lli i- ,jf , Mli-li.,  In       1'"r Hie  inl.</t>
  </si>
  <si>
    <t>                                           Bruce Chandler be shead, the victim of his own truck. Chandler in company with John Gibbs, another Knoxville man, who was Driving the truck owned in Chandler, were on more back to Knoxville late Monday afternoon, when rounding a bed curve amount two...</t>
  </si>
  <si>
    <t>                                           Mike Cain, superinterdent of street cleaning department. declared in an address before fifty hors of the New Deal Progressives, Monday, March 26. "White unions either raise the Negro worker up to his level or he will pull the white worker down to his."</t>
  </si>
  <si>
    <t>                                           Walter (Sp ott) Tate, a junior at Clark University, was apopinted track captain for the current season amid, the wild applause of his fellow team mates. Tate is one of the outstanding athletes in the city, having earned a varsity C in three of the major sports, football, basketball and track. That he will make a capable leader has been evidenced throughout his career under the red and black. His congenial attitude has endeared him to the hearts of the entire student body as well as...</t>
  </si>
  <si>
    <t>                                           TODAY. WEDNESDAY AND THURSDAY . ^IImiS^^ m P*                 ^,'^ \from the famous play bif EUGENE  The NEW LINCOLN Theatre Also- "Billic The Kid" in "Fighting Carson"</t>
  </si>
  <si>
    <t>                                           YWCA ANNOUNCES PROGRAMS                 The Business Club of ihe YWCA :5 clad announce the continuation of its activities Thursday, ' l th. at  ~'       wh"n       McC'cndenon w'1' resume his . It will   hs discourse :n      process of . the port  -! plav in '. and the -~art' one s final pla\-s in              1-. will include nuMi on the will to learn, besides  stops in .     -e the numbers of I ho  -     with thf? . and       . i     pi-  of the     '~   "l on iN  to -~       ita-lf Ihrnueli tlio process  dur.. 'lie club not onlv *? Us  to be present. '   '"     public to aMond. Wo'inwint (his lecture, at six -~-clo"lc there      be a rare treat rnr         _'an'' its frl/~ wh"n . Cbich'.  his "Ounw in I. TKairBH'Ps. He is ^* his'^ Ivtth     a nert'-irm. -~             . :'nd as a *~n^i*ual. nH-.morn' nullity dc-i"~ii.tr^n.               .  Th'"^/)^' . at  o clock lD/'i rt'*r'5'-~1b W'"   "-~ with VisfsAijaivJlueW in 'Sni'lish. . at i'n~* r7i tT w*^v h^"1"****!"!!. This -.' .^ \7clc0mc new ;.?..." ...    '-.~~^     (ho Ttusincs* ~^tel^C'~lK "~      *n bo        ^Vhli "^ at 430 o clock to^^ of importance.</t>
  </si>
  <si>
    <t>                                           Varicose or Swollen Veins-Ulcers You   from bad less! What misery you have endured! What crippling discomfort! But here at last is help for you! NTo operations nor injections. No enforced rest nor time oft from work 'A       - home treatment wilh 'Emerald Oil heals your sores liko made, reduce;; swelling, ends  :inrt r. your leKs as good v- new while you go  your  routine as usual. mka Follow the easy 9  you .ire sure to be  helped or  back. V:ile= A Milton Pharmnries and  lst.T- e\'   '.</t>
  </si>
  <si>
    <t>                                           Streams in The Desert 'And  ii (hi*      Isrra!  unto ihr l.oid.llic Lord r. ii)j a deliverer' (Judges ?~:'.)} "F.     hi::hv.r::\ iif h:inut:i i;U- dips in the dale now and then. Every      must ^d ^ii ilw Uinlni iu tribulation before lie can  0:1 the c!cv;    ;kI "f triumph." "Iliiinan strength ;i:;ii )uup.:tn :vt\i'.m)v*s Spring nol  hu-'. :;iin:iv sick1, HciiKs niti^t he moi. lit.in   Klo;ilin^ on a - ti io. .MORTICIANS in With A Soul" F. SERVICE Atlanta. Ga. 'Ilill I'jlil .1.1. R87S</t>
  </si>
  <si>
    <t>                                           NEW YORK--Led by Buddy Avery, an aggressive, accurate shooting Phi Beta Sigma basketball team defeated Kappa Alpha Psi 36 to 22 Friday before 750 excited fans at the Lido ballrooms, to win the fraternity championship of New York city.</t>
  </si>
  <si>
    <t>                                           Dr. James Corry Ex-Army Doctor Wlyy Street, N.E,Rooiii8 2-lMa ~,:-.',.'..v' Between'Honiston and AnbnrB iJL^^v"^*"*  to    - "To** VSS?6 "*   W.~~    . Home calls, 51-00 W* Bouts: BJS^N^ to 8 Pi M. Daily-Sana^, .10 A.1  B. to 3 P.     BIA. 6873. Res. MA: 308?</t>
  </si>
  <si>
    <t>                                           Rev. Hugh Miller Reed, Minister ... School, 9:43 A. M. ... superintendent Preaching service, 11 A. M. by the pastor subject, "Where is Hell" A C. Endeavour,--P. M. Mrs. O. G. Walker, president. Praise service 8 P. M. by the pastor, subject...</t>
  </si>
  <si>
    <t>                                           Always Left Out Do you know why she  t welcome? She, herself, didn't. Halitosis (bad breath), the. social fault no one forgives, wos the reason. Yet no on* need . Gdrgling with   destroys mouth odors and cheeks Infection. Use It daily. Recent tests now -that listerine promptly overcomes odors ordinary antiseptics can t hide in 4 days. Lambert Pharmacol Company, 1 SMoui$,M6.,4J.S.A. LISTERINE promptly,  ordinary.  can t Wdo In 4</t>
  </si>
  <si>
    <t>                                           Oytn 1 1 A. M. lie. Children     W EDMUND LOWE in S K Thejyiagiciaa"</t>
  </si>
  <si>
    <t>                                           MAKES INTRICATE PRESS                 WASHINGTON. II. {.'.. -       .-~-. E. Howard, n-'- nt. professor. Mci'linnii-nl Engiiioi'i-. Ilownnl university, hns .iusi   of :i  s M' - -^sc.^ (U-Riyiio"l In pu*li  plait it  "ii cim\ ofl"  'wires. Tlio firm for  this ; \v:is  li:is li^- in CIiliiiBO. with l)~   'lii S in v: oilier . Min'hinf.s h;i\r h vn  iin.iir(  ' for ChUuzn. Snn Fr.ini isco. l.. ICimU.-:nf.  ilu1 I'.UOst ..  .  is ;i miii li im- I                 Yurli. Tin- - i,r tl:   J.iv*s tn  npci fi-i)i* llV sifi  mau::;il ' Hi* h.'unn:*Tin_' on tin* mils hy :ui  y ~. nin-rai mii pii- Hit-in ..ti     -h:    ! n-tul with lii^lf nr irn tMY.m on ;li" p.'tr) of i ho np'-, rrri[(-.~sor Ilownnl Ti-i-ls th:it ib" Hi-Ill for l;     -s. fli -p ml mnt -hi     iv pr:tr-i ii:iH_v uii!;.-,i . -fnL fy. in  i inn i:;*]y ff.v \f^roi-~ aro</t>
  </si>
  <si>
    <t>                                           (ra8           ] DR. YOUNG S HERB MEDICINE WBBWIl^HHi}' . hoots, barks and bt.ood tonics HHHHMh A MK3SAGB TO TUB tin-FRRtni   B^^nH^^^      You      not hrf-  eH about your health. ^HlMlsl Cbrrr. up I There Is . (or yna. This li     old IHa^L^HL^LHLw'l "n Vr ChlntH                  with hh liani ~^^^^~^^^^^~nj^U and li*       ..       0nd               * b  /^B^L^L^L^Ll^E/rl nv;i)dnl formally *of-li}~ mUa, sueb  a .(he. mK^^^^^FjJ'll Lunfi. Slomtfh. )Katf, Liver, Kldnfli. BlooS       . ^l^a^aW'- r'.-l RbmnutUm, CtUrrh. Wrakutf. Ktvog.mli. BUdnXuaVMa^L^KW'^u-' 4tr Trnuhlr. ComUpatlon, ApiwndlcItU, Skin Dlmitr, 3 BHiaai,j Ftnuli Trouble anil All Troubln. H^BEbdH^BSKl To  whom it VfV        . eill  t oau. Don't ^^^KKa^HHil      op- It others fall. The  b  ~^^  ^^^H to all who try It. t^^^^BX^^^K THK ORIENTAL nEBB CO. Vnniiii 8E HERBS AND HERBAL COMPOUND      hJa A Can far       DUmm .J Um Bww Bed? SitlSht-    -T JL H. to II P. H l.-M-Kw^ T to. JUtoiSL^m--An. WA.           ._Ca.</t>
  </si>
  <si>
    <t>                                           ff^^fVL M)0K YOUNGER, MORE BEAUTIFUL, HAVE A Lighter and Cleared of Every ^pf fJp^^^iB  N^^^!^tSMS^3^^^Sl Ordinary Ugly Blemish. r*^v.?~ r"^I v-~ Pj5JEKlfl^ h?f       place und  . ^ J ^^/ffl^S' I imps,  .ml look more youthful nm! or in business. Louie your I money bock' tL' L^" 2t l",TlmlZ,\Z[ *~~**$~.  rf V     -^HC 1 ^'xx^ Dr' F"ci 1'a:"!~"s Pimples, ordinary ugly .,    , white*-..!, or pa,,,, .he ,km I. on ,l,c  k,n m a quick. J*~ J^-^" SS ^l" rro-r'-'sk^wtr"'^-."!1,    !ih,'l"S' bl: wd S3llo*-ne.~ Co io your Dims S:-~rr      .     foi Dr. Fttil Puimct'i Skm  %: iF s* JnSllSsm V //I 'f slj'"    " not 1)cc0"'t' lin c y ^^~:l'.ics be returned to you. Try this t. ':'^^^'?/      ^~fft*i*^ accord Idling just liow Dr. Knd P.,!ini-r Mii:,t!     has l;    \l MAKE THIS OVER NIGHT TEST Wffl /l^ ^ Better Results Use Both Dk FRED PALMER S t^W^^^KBSmnmm  . soap I fMB ^^    ^it*j8awV^ "fff ^^^ ^^- CO"VJ^^'      V.nir  back if %kin dues not  a--^.^^^_^.^___^^ ^^^^^^^^^^^^^^^^^^'**^'T^*                  ^vJ :~!i;i Jci _r, .    lovelier</t>
  </si>
  <si>
    <t>                                           Two Scouts Get Highest Awards                 The highest awards ever given to Nouro Itoy Soouts in the state of Georpl.i, and the Inchest it is possible to Ret, were received !~y Edmund Allen and Robert . 'r., of Troop 90, at the court of honor held Wednesday nicht at 7:30 In the auditorium of Atlanta                 university. The rank of Ea^l"" Scout went to     .vs. Scouts from all colore.il troops In Atlanta were present nt the court, many to receive various awards. Before any were made, T. A. Fry, Scout chairman, praise* the work   by the boys and complimented  Allen I and Johnson on their success. The rank of Star Scouts was given to Sterling Gill, Robert Ama and Robert Martin, Jr.,     of Troop 90. Awards mode to others follow'. TURD STUDY- Edmund Allen, Troop 90; William Bell. Troop 90; Robert Johnson, Troop 90 James I.                 . Troop 02. a CIVICS- Joscpli K. Hamilton, i Tr., Troop 91. c CAMPIN-C- Kdnmnd Mien, Tr. s 00; William li.-ll, Tr. 00;. Charles s W. , Tr. 90; Uobcrt Earl s Johnson. Tr. 90' c COOK1NC John T. Gill, Jr., i Tr. 90: Willie Banks, Tr. 90; i I Norrls Cnnnnlly, Tr. 90; William c I ., Tr. 90; Robert Martin, Tr. 90. FARM LAYOUT and BUILllIXfi AUnANGEMENT- Rterlinc Olll, Tr- 90; Carl Smith, Tr. 90; FARM HOME and ITS PLANNINfi- Edwn.nl Madiloz, Tr. 00. FIRST AID- WilUc Banks, Tr. 90; John Golden. Tr. 00. K1UST AID To ANIMALS- William Bell Tr. 90; James F. Hcaril Tr. 90 William Brlscoe Tr. 90: 'I S. Blocker, Tr. 90; R- Cartor. Tr. 90; Charles W. Greenlca, Tr. 90; Joseph HnmlliQwtlnuei on      ?i                 TWO SCOUTS (Continued Imw Page- i; ton,- Jr., 'IT, 01; William Johnson, Tr. !)0: Ailolphus Trulll, Tv. 90: Walter Westmoreland, Tr. 90- . II. Wrishl, TV Oil. HANDICRAFT Kolu-rt Am.i. Tr. 0(1 I. S. Bloekcr. Tr. M; .1.1 Kayinonii Davis, Tr !10; Stt- Jill, Tr. 90; Robert Lawrence Tr. 01. -WilJiam Jlriscoc. Tr. '.10: JospiiIi Hamilton Jr-. Tr. ill; Krtwartl Madrtox, Tr! 90.1 .UING- Willi,. Hanks Tr 90; J. Raymond Davis. Tr. 90: John T. (Sill. Jr., (Tr 'JO. PUBLIC HEALTH  Amn, Tr. 90; Joseph H Hamilton. Tr. 91. - N'orrls I,. Ponmill;. Tr. 90; All'iTt Davis, Tr. 90: Walter Wvsliiinrclaiul T'-. 00: .ARSHll'- John T-  ill Tr. 90: Carl Smllli. Tr. 00. WOODWORK Robert Lawrence, Tr. 91 KHmum! Allen, Tr 00. SECOND CI.AKS 1! A D G AWAltli TO David Adams, Tr. R9; Thcll-n M- . Tr. 92; ]!ei: I Bullock. Jr. Tr. Oli Draily Cooper, iTr. 90; Henry r.. Conlcy, Tr. 92; Milton -n, Tr. 98; John Hayes. Ti-. '.IS: Jake ., Tr. 03: I'Mwanl H. XIcMullcn. Tr. 89; An-hli- Fletcher Nelson. Tr. 92;  , Tr S9; It. D. RcdilicU. Jr., Tr. 92:      .-c Saston, Tr. 89: l.l.iyc! Taylor. Tr. 80Ceoi'irie WanhiiiKion, Tr. S9. I FIRST CLASS RADGE AWARDED to Anthony Robinxim,</t>
  </si>
  <si>
    <t>                                           The highest awards ever given to Negro Hoy Scouts in the state of Georgia, and the highest it is possible to get, were received by, Edmund Allen and Robert Johnson Jr., of Troop 90, at the court of honor held Wednesday night at 7:30 in the auditorium of Atlanta...</t>
  </si>
  <si>
    <t>                                           a I kc j g SAME PRICE m g AS 42 YEARS AGO m i M 25 ounces for2W F*...        Filling V</t>
  </si>
  <si>
    <t>                                           J^^K^^H 85 WHITEHALL ST.- OPPOSITE GRANTS mBr^}~j sale- i,soo new  EASTER HATS Brims ^c ^f^\i r ^N^ T Off -the Face N 4r\~f Flares ^'S^^!.^^^^?        d.. n.w  tyl.e.' li."       ^ % Sailors vV^s^^'' - Cotne  f?.r.-*~~'^tjS^*^^</t>
  </si>
  <si>
    <t>                                           DESPITE THE FACT that he ramc out of Howard Medical school with a imputation for unusual brilliance in medicine. Dr. William A. French. Jr., is so deeply Interfiled in  that they still call him "Frenchie." He heads the n-~         campaign of the Cedar                 YMCA. Cleveland O}ilo.- Photo by Escle Staff PhotograDlier.</t>
  </si>
  <si>
    <t>                                           Have the Skin All Men Love Win 3 with a light, clear,  skin! OfallkiwwninctluxlsndiKlitcuiiiKtlujCfiniptexion Nadinola Cream is the simplest, - 1 '-"in lory. Just apply this white j J- *i fragrant cream :ii bed- r"*v ^gr-% . Nadinola  l'!*~i K^A lightens the skin, clears! .'JO '^M away blackheads.         3,  jj^. -vm freckles, und  "P'-rfy ffi\ large ugly pores. Don't ^% ,j risk your beauty to  V^/^^w bleaching creams, oint- .' ;j  or lotions, but Uc '3w C sure to get NaUinol.i wit ii Wj Its DOUBLE ACTING M! i qualities tound in no oilier product. Get a  box of Nadinola Bleaching Cream at toilet counters, or by mail postpaid, only 60c , Paris. Tcnn.</t>
  </si>
  <si>
    <t>                                           Up From Georgia With My Banjo  3* THOMAS JEFFERSON FLANAGAN WHEN HAPPY DAYS ARE HERE AGAIN 0 the rackes will come a-' All shot to pieces to the man. When we throw our feet on the  En order our linker by the bran'. No more slippin' thru alleys Sneakin' easy for a dram." We'll come from the by ways en valleys En tank up en not give a dam No more looking' out for boot-leggers En helpin' 'em pay off their fines, We'll have tax money for beggars That swarm out for bread in the lines 0 what will become of the racket 0 where will the under lords stan' When we ram our fist in our placket En order our licker by the bran".</t>
  </si>
  <si>
    <t>                                           t PERMANENTLY LOCATED MADAM MINGY Palmist and Life Rezdtr I TIIt WOMA.V WOO KNOWS re"* p:tst. present lad future-P Gives advice- on ill ^um 0  We, Love, Marriage b and Speculations  t ^^i^B  U . Don't fail HvH J'w this   Palmist, * the Rf^M war of all , L3MO and  you bow .fl to           eOe- OktjM mlw. Madam Miney *^*FV^ baa helped thousands and  he J TELLS  DATS AND -can bdp yon. I         from Federal Prison) t SPECIAL READINGS- Me J Take Federal Prison car to end J 'of line. Look for Name on Situ. Madam Mingy Makes No Home Calls J Not in Tent. %</t>
  </si>
  <si>
    <t>                                           TIM TYLER                 Replacement*                 By LYM YOUNG                 MESCAL IKE                 Jus! ill) Old Siilurcliiy Custom                 By HUNTLEY                 FELIX THE CAT                 By SULLIVAN</t>
  </si>
  <si>
    <t>                                           i 1 1 1 r i i i v {</t>
  </si>
  <si>
    <t>                                           SYLVANLA, Ga., Nov. 23.--The Georgia Conference, "the Mother Conference" of the A. M. E. church In Georgia, convened in Bethel A. M. E. church here at 10 o'clock on Wednesday morning. The conference love feast was presided over by Bishop W. A. Fountain...</t>
  </si>
  <si>
    <t>                                           Ijiafrbnize Our Advertisers Z-*^..-.-</t>
  </si>
  <si>
    <t>                                           Will hold its regular meeting at the Industrial Aid Society Chapel, 215 Houston St., Friday, Mar. 30 at 8 p. m. Every member is requested to be present as business of importance will be discussed. Miss Ida Lawson is on the Nick list, we all wish her a speedy...</t>
  </si>
  <si>
    <t>                                           Although Dr. Angelo Patri's only experience with the "show business" is his series of radio talks on child health and psychology, he has acquired the instincts of a genuine "old stager." Confined to his home by a severe cold, he insisted that his program go on the air as usual...</t>
  </si>
  <si>
    <t>                                           Every community has to have drives in order to get itself and keep itself socially fit.</t>
  </si>
  <si>
    <t>                                           AME's Celebrate 1 1 8th Anniversary                 YmiiiK people, old people, laymen anil clergymen, as well as friends of the African Mctlirxii.se Kpif- church will assemble :it Bijt  AME church at S:00 ibis afternoon to pny tribute lo Bishop Itk'hard Allen, first prelate ami founder of the AMI!                 church. All  the week programs have been sinned  t the various AMI! churches of the city under the auspices of the Allen Christian Endeavor Union of Atlanta, honoring the 174th birthday of Richard Allen and the HKih Anniversary of African Methodism. Features of the week have included an "Allen Ministers Nlirht" an ''Allen Musical N'glit" and an "Allen Youni; Peoples' Night" and "Allen Educational N'ijrht." Allen CIhss NiRht was observed at all nf the churcheR. A cheek up has been  of the attendance and the  of the Vflirious    und special .t will be  at the Founder's day  this  at Jtie; Bethel. Another . tion to bo made will he that of the first prize In the oratorical contest. The , winch will      over by Prill. C. L. Harper nf tlic Boolior T. Wushincton Hi. School is as follows: Hymn, "How Firm a Foundation" lined by Kei- A. I., ; invocation by Uor. C. W. Scotl,   of BIr Bethel:                 sic Bijr Bethel choir: hymn, "Faith .of Our Fathers,*' lined     Rci\_ll. C- Cwswell. to follow the scripture reading by Rev. J. S- Bryan, pastor Cosmopolitan AMB Churcli, and ACE League OhjjccLs and Pledge, led by Rev. R. J. Jefferson, pastor Allen Tem pie. Music by the  Qiiarlcltc will precede the AOE Union history by Goorce A. Sewell. A selection by the Washington High School  will follow, the winning contest oration ; presented . A number I J" the Morris Brown college Girl's Glee Clnb will close this section. The Founder's Dap address will he delivered by Denn Charles Lcamler Mill of the Morris Ilrown College faculty. Dean 1 1 III. who is nationally known no a speaker, obtained  of his  nt thp University of Heidelberg' in Germany. Another selection by (he MHC f!    Glee Club, a piano solo by Mi;- Harriet , and a  tion by the Washington IUrIi Schnni  will follow Oic prin   the conclusion of the roll cn.ll, collection and remarks by Rev. G. W. Scott. W. A. .QuMlian, one or the leading  of this sei dnn, will present the pri?.os. The public in cordially invited lo attend theno .</t>
  </si>
  <si>
    <t>                                           young people, old people, laymen and clergymen, as well as friends of the African Methodist Episcopal church will assemble at Big Bethel AME church at 3:00 this afternoon to pay tribute to Bishop Richard Allen, first prelate and founder of the AME...</t>
  </si>
  <si>
    <t>                                           Morehouseto Hold Annual Frolic Sat.                 Morc'iousc coIIi kc h : student frolic, the Second Passim; Show, will be     ;cd in Sole HbII chapel Saturday evening        the direction or Kaphnel Melver, who lost spring InauKU rated' Hiik popular feature of the campus life. An all- cost will                 pc.-ir in the series of ,! sketches which will be - i il with  numbers l\i- a student chorus,' ' and James Adams, tenor, a-    Drew S. Days, violinist. Tlic musical program I will hv directed     Klmer Barks- time. Following the pattern of an  minstrel , the  will open with the traditional chorus, the  or tlm interlocutor and end-men, anil    : Introduction of .il features. Th(, - win he followed by scrips of skits, all  Mr. Mctver, In which will In'    ' n travesty of a court room .vene "Whn.1 the  Said", a comic interlude  thi! two prisoners "In tlic . Nmv, and ns a finale a  . "       In the RoiiBh." The following Morrlnuse stud, ents, a.11 of whom hove demonstrated their .skill as comedian* In (Continued on race S)                 Morehouse (Continued from Tagc I) earlier M-*. will play tlie  vo!i':s in Ihr Saturday  . Artiuir Cliristoplicr Kapliui'l Milvt'i. (ills , Jl! C. Darkins, l.'.'Onnrd Archer, Ju- lian Rockers, Wilson Ktihcrt Hurry            , :nnl Winner .        .</t>
  </si>
  <si>
    <t>                                           Morehouse college's annual student frolic, the Second Passing Show, will be staged in Sale Hall chapel Saturday evening under the direction of Raphael Melver, who last spring inaugurated' this popular feature of the campus life. An all-student cast will...</t>
  </si>
  <si>
    <t>                                           HOW AM I DOING?                 Al .       Mid a "Little Kay nf Suishjur" in ""Womlrr Har."" SUrt iac SansUj- at Bailey's a theatre.</t>
  </si>
  <si>
    <t>                                           Always Left Out Do you know why she ^ welcome? She, herself, didn't. Halitosis (bad breath],:'     a   no one forgives, waj the reason. Yet no ono need, have . Gargling with Usterine  destroys mouth odors and  infec- "tion. Use it doily. Recent tests how that listerine promptly overcomes odors ordinary anti- K septics .con t hide in 4 days. Lambert Pharmacol Company, SMouis,Mo, U..S.A. LISTERINE   ends odors ordinary 1  can t hido In 4 day* FOR COAL AND WOOD Call MAIN 1620 I 4 LARGE BAGS $1 .00 I DELIVERED</t>
  </si>
  <si>
    <t>                                           Patronize Ourj Advertisers i</t>
  </si>
  <si>
    <t>                                           I DrJ James IGorry Ex-Army Doctor j 75 J^.StijjaWJf.EL,. Rooms 2-11-1J -\-.~i J- .^  nd AubinB1 r find inM^ people  to pay. Tkese ,freei:.         ,$L()0 0 flt*Honrs:-9X"M^to 8P.M.Dafly-T-      ^ 10 . ^- MA- 6873. Bes. MA. 308Z ^-^s T^T?E*Per5aio8 in America and ^Abroad</t>
  </si>
  <si>
    <t>                                           The author of this column asked me to pinch hit during his absence. I am going to do more than that: I am going to dish out a little news.</t>
  </si>
  <si>
    <t>                                           WANTED Newsboys and Agents Everywhere TO REPRESENT THE WORLD S ONLY NEGRO DAILY NEWSPAPER Daily and Semi-Weekly Address Atlanta Daily World 210 Auburn Ave., N. E. Atlanta, Georgia W. C. KELLEY Circulation Manager</t>
  </si>
  <si>
    <t>                                           HOW WOMEN CAN WIN MEN i AND MEN WIN The Favor of Other Men UnleM two Pinlf of Via       tow Mir from our      Into jour . jwu food        V 'our bow.lt Tola  Tcurwliola boi\~.  tat kard  d . Vou nl fallow VT**' low itn. . dull  r".   4 TO* )id .  4    .  XOU               n            . foul-- Tor. our-         pmon.        log: your         XkreT7D0 r Vsoia to run from you. Cut don't     .  5K4tk .          .                 tir  sums  nd expect      to s^t     of *  that )'*   ur  cf.trm. Ttiy    't do ll. fcr thai  mora out (   tall  nd ot    f a      do4 u t     WHUMiuljof     dv       salua. Cousttfu   }!~     Sow of your Via       jJH' top          iff a^tir Vottftla. 7~. oaa  ^cl* o^  Itarii in*      f tout bJa  It c*7     Uttla .     Tllla, Kj caigA b- erti.cti. if rou  brier Wt mar       u via ran,  * BrtK-i ElttU Craf .Pilla           Jj)  .       ..i ~'       - Jwt u    4". Iw mar   IH,   or       . AiV tor Cartar'a Uttla Urar PUIa by    4  pu Mk tat, 0 1  I, C V.</t>
  </si>
  <si>
    <t>                                           Fresh from their 25th straight league victory against no defeats and their ... victory in 33 starts over a period of a year and a half following their 22-19 win over the Baby Wolverines last Monday night in the preliminary in the Morehouse Morris Brown finals...</t>
  </si>
  <si>
    <t>                                           The Maroon Tigers of Morehouse College upset the dope again when they defeated a crippled Clark University quintet by the score of 33-30 at the Morehouse Gym here Wednesday night, thus dropping the Red and Black eagers form first place to a he with Morris Brown for Conference leadership, Morehouse played superb basketball and fought the much heralded Clarkites every minute to a well earned victory.</t>
  </si>
  <si>
    <t>                                           Bases Headache In 3 Minutes also neuralgia, muscular aches and pains, toothache, earache, periodical and other pains due to inorganic causes. No narcotics. 10c and 25c package*.</t>
  </si>
  <si>
    <t>                                           Colored Boy Scouts Civen Much Praise                 Rating the "Court of Honor" held Wednesday night In the Exhibition room of the Atlanta University library as the best ever staged !~y the colored hoy scouts of the city, Mr. Mansfield, commissioner of the Atlanta Coundl of the Boy Scout? of America                  lor good  a' !ar*6' group of interested friends   n- T. A. Fry served as chairman of the court. Onc youngster. Joseph HamiKjn, of Troop 91, was advanced to L la Scout while Julius Russell of tl:e same troop was made a Star Si-o it Twenty five lads were promoted the  class while others became      class Bcouts. A total of IS merit badges was awarded! Mr. Mansfield announced  thj two Eagle Scout       , which were! to have been presented the first  scouts in Georgia to attain this rating, the highest in , several Sundays ago. would be presented on the second Sunday morning in June. At that time, nt the 11 o clock services, at the First Congrcgational Church, the Kev. John C. Wright will preach a special scout sermon. On the previous occasion, E. Stanley Harris of Now York head of the interracial department of fhe Boy Scouts of America, who flew to Atlanta by airplane from South Dakota, became disgusted and refused to present the" badges because the audience was so small. He scored the colored populace of AtJunta for their failure to recognize the  achievement of these young men In no uncertain term? and stated that the badges should not be presented until colored Atlantas became more appreciative of the value of scouting.</t>
  </si>
  <si>
    <t>                                           Rating the "Court of Honor" held Wednesday night in the Exhibition room of the Atlanta University library as the best ever staged by the colored boy scouts of the city, Mr. Mansfield, commissioner of the Atlanta Council of the Boy Scouts of America presented a number of...</t>
  </si>
  <si>
    <t>                                           FAIR AND WARMEJl    between BO  nd 78 . Meteorologlit, v AUanw Weotbcr Bureau.</t>
  </si>
  <si>
    <t>                                           Quoted in a morning daily as saying that he thought the two bandits who shot and killed L. Yagol, grocer, in his store, 829 Simpson street. Tuesday night, were Negroes. Will Coleman, according to his wife's statement to world reporters this morning.</t>
  </si>
  <si>
    <t>                                           The Georgia Resident school for unemployed Negro women under the FERA opened Monday, July 23, at Clark university in Thayer Hall. Forty unemployed women were selected from Atlanta. Decaturf, Savannah, Macon, Athens Columbia and Augusta. All...</t>
  </si>
  <si>
    <t>                                           ie  ON GWA ARE JAILED i                 Three Cited As Ringleaders] Are Given 312 Fines by Judge Cone                 I FOREMAN CARRIED GUN I                 By CLIFF MACKAY                 Pointed out by Jock Anderson. CWA foreman, as ihe ringleaders of a  8;c of workers at the LaJtewood park project,       men, ",T. D. Tyler, William Sulks and Frank Clark were given $12 fines or twenty days In the rity Htoekade Thursday by . Coin                 in police court. Capes against thirteen  arrested by Officers J. II. Lan^Icy Thursday  after they refused to eo to work, were dismissed by Judsc Cone who said It had not been proved that they committed nn oven act of  dorA petition-  i)?   .b,v.. marc than thirty workers on tlie project recently transferred from the completed Tallfero street project, seeking  a new foreman or to be transferred to a different project was exhibited to the court by Foreman Anderson, who said that he had taken it awav     ' Tyler. The petition read, Feb. 7, 1834 "This  wa3 transferred frou Telefair Street to Lakewood park we just cant make It out hero Under this fellow Jojclc Please sir civc us mr. George back wrmt we had on Telfair an if you caul, give us mr. Gentry our boss whai we had on Telfair. ~'tve   n  ct references from him that we will work because we all worked under him. thw man just cussed us like doj;s even In advance from J- D- Tylci, CW.V" Slips of paper bearing the  of approximately thirty workers were attached to      . Tyler, acting as - for the ( told the court that ;~ were displeased with the treatment they hnd received at Fore- j mnn Anderson's hands. lie denied  there was :un intention lo (Continued On Page Four) i                 16 Workers (Continued  Fasc 1) strike but that the group were  to CVi'A headquarters to ask to be transferred or for a new fore man. .In the petition Die group sough'  old foremen, II. H. George ind John Gentry. .ContinuinE Tyler " ilia: Jrticn they first reported for  lu(.r Wednesday morning when they sere only to have worked three  that Jay, Foreipmi Anderson  ned them up for roll     . '.You God damned Illinois from ( street arc going tu work" ryler said Anderson hail  them. !^f you don't work send them to lie,' 'Anderson thin told his as  foremen,  to Ty er s testimony. Though he didn't relate ft in us  before .tud^e Cone,   lcr portly after his    of  Anderion ami his  armed with , and that the workers wore Ifraia of them. Anderson told them that they vould be laid off from -work      months. Tj-ler told the court,  who  the petition : Walter Jackson, Arthur Humphrey, Prank Clark, Claude Jannou, Willie Johnson, Ous Poser, Sam Anio.--, Brushy" Arnett, rohn Builth, Howard Middlebrookf! 3 Chester, r.Htlier Turner, !oah Sellers. Glosua Smith, Joe Punilin, Will Sulks, John Pierspn, Slbert Dixtfi, Sylvester Dixon, ^loyd Reid, Dan l arks, Ed Forter, toy James, ArtU James, Steve Jeadows, George Steriony, George rones. Gerry Jones, S. Smith Melin Smitb, Farrcll ScaU, diaries toll, George Fowlor, Felix Alexndcr, James JIcCoj-, Keneta Nat:nez F. H. Fraser, Fulton county   for CWA. after ; uf he trouble Thursday  or- j  Foreman Anderson to have hose refusing to work jailed, Anierson told Judge Cone Thursday . At first only Tyler and Clark vcre arrested, but Inter the   Were 1: !  ) into the       patrol and lucked in citv ail cells. !    .cr told the court during Jic trial Thursday afternoon  le believed Communists had been i^ the men to strike He aid some men who were not                 ployed I iy IJhi Civil Works Administration' had been lumping around "the park aud fled when . arrived. Anderson testified that lie first noticed trouble when ho saw "all   with their heads together like a bunch of hog.s in a trough." He said that lit couldn't get them 10 so to work and that they were attempting to stop the others front working:. "Well, what did they do to be disorderly'.'" Judge Cone a."Thc-y had u mean look on their face, your honor," Foreman Anderson replied" and this nigger," be said  to Tyl.er, "tried to show     .*' Anderson.' then   Vudgc C'oiiii tin; petition which he  lie took away from Tyler and then i          out the  men wlio were later  as the  s of the proposed strike. He i-aid  he had the men locked up u.fttr conferring with Fraser. "I learned after they were locked up,'' he told the court "that some of them said they were' going to eut me down to their "</t>
  </si>
  <si>
    <t>                                           Pointed out by Jack Anderson, CWA foreman, as the ringleaders of a proposed strike of workers at the Lakewood park project, three men, J. D. Tyler, "William Sulks and Frank Clark Were given $12 fines or twenty days In the city stockade Thursday by Judge...</t>
  </si>
  <si>
    <t>                                           183 FINISH AT ' EXERCISES                 Nannie Burroughs" Delivers Commencement Address; First of Her Sex                 1,500 ATTEND CLOSING                 Bv A STK1VART                 TUSKEOErc'iNSTiTUK^In one of the most Inspiring addresses of hope  delivered  n. Tuakcgiv Institute platform, Nannie H. BiirroucTis, president of the National Training School for Women and Girls, Washington DC, Thursday afternoon annealed                 to the 183  of the  class of 19S.( to accept the Challcnco of the New Day and  their  to produce  ami better th nra for the ultimate  of the world, in the 4 3rd annual commencement message at Tuskei;ee Institute. "Thorp is a new day ", "aid Miss Burroughs, "a new day In which any person who can and will make a       the spiritual, social, and economic advancement of the word, will have a shave." She enumerated  omn of the fundamental tenets of tlio new order, which is to be realized In the hearts of men and women. Liberty, learning, love, life, labor and leisure and these tilings nro "not to be for white men nor for black men; but for nil generation!! that are to come after." To the audience as n whole Miss, Hurroufrhs said, "What you call the depression U the best tonic you ve ever had." Then to the! graduates particularly those among the croup who were     -i   in doubts and won-' der an to whether they would be       to get a job or not, the speaker exclaimed in ringing words: "No! There are no jobs waiting for you. Tuero la no ready made job anywhere. But there are 120,000,000 jobs waiting to be made. That is your job.1 Marks New Epoch There has never before Thursday -bean a woman to appear on a Tuskegce Institute program r.s commencement speaker. But      Burroughs filled Li,tbn Hall with the fascination of l.er voice and       a capacity audience spellbound while she prophesied that "Social injustice and tuc  realization of this new day which Is just now beginning    years ahead, but there can be no doubts in your minds but that wo are facing in the right direction," a new standard was set; a new era begun. Other addresses have given inspiration, but it Is scarcely  to see how any utterances could be so timely, ho profound or so arresting as the one delivered today. Some -1,500 persons were packed in Logau Hull  the exercises began. Aprroximately 1,600 more were as near the doors as poss^le and strolling up and down the walks. They came In vans, wagons, automobiles, and , and hundreds . They stood up in the balcony, the  and stairways ho that it     almost .blf to get through. Park(Contuined on Page 6, Col. 1)                 CHICAGO FLYER REACHES '                 Captain A. J. Ncelcy, Registrar, Tuskegec Institute, welcoming Colonel John C. Robinson, former Tuskegee student, who flew in his own plane from Chicago to Tuskcecc last week to attend the commencement exercises. Another plane accompany ing Colonel Hooinson, crashed at Decat ur, Ala., but its occupants wcic uninjured.                 1HJP  from Fage    inB  at pn- almo-t any kin-l of  was at n I'ri-. n was "Schim! .-Ioslni:  l"y out at the Normal Schwl." Ancl  of the Institute. while, and colored were present in such number*      the       -, .i as it ia to lanre  was taxe.l ti.   the visitors. The line ,,f     -h left tin. nc-~  building  at 1 :3n p m.     by the Institute       Co]. M. D. Pavis aji,~ th,.  rc^i- ment. the  was a great I  In itself. Ah soon un I      members anil       .  H were , n real life  of daily   t Tuxkecee wm (,- by  of the  depart, merits. The  unK "I am KevkltT Por a City,"  nd William E. Mrhtfoote, honor student from Columbun,   ..  on the Need For Leader* In Vocational ind Induitrlal Kucntion." Miss Ivy dill Baldwin  the Vic 'Mr Claw of 1034 and delivered Jiu contribution nf thu  iu                 Dr. Moton. The entire audience  it          aii.1  the direction of W. L. Dawson, sane Tlic TuskiK"e Soiik. The school orchestra  "Hungarian Overture." Part one of the day s  was  from 10 a. m. tu the noon hour. There wus ail lpsI'.v honor students  of the h ch school and the i- including Uuls Grunily. "Tri-nil* in Modern Education"; Jurni-s Wright. "Thi- Consumptiun uf Gasoline": Miss Qai-en E. Slmt^, "( ami RcsPoirjliilitics of the Home Econonii-ts"; i Misx Mary M. Gunn. "The NKA nnd the Negro Wane E"Jiiit"      Marie E. Fcrjruson,  SymmotryVif :' Taylor. "The Grtdina of Farm Products" and Chrirlf* K. Trout. 'The Evolution of Auwri- can Agriculture." Cumrm- exercises  on Sunday, May 20, when Dr. William IVter Kini;. of the Metliodist Episcopal. South, editor of I the; Christian Advocate,  one of tho most pertinent  sermons pi-cr -nil in the Institute chapel. In -, unaffected manner, Dr. King delivered his messac*.' as a fervent appeal for cooperation between Itrnups. and the (T.  f class in(i racial hnw*</t>
  </si>
  <si>
    <t>                                           TUSKEGEE INSTITUE.--In one of the most Inspiring addresses of hope ever delivered addresses Tuskegee Institute Platform, Nannie H. Burroughs, president of the National Training School for Women and Girls, Washington D. C., Thursday afternoon appealed...</t>
  </si>
  <si>
    <t>                                           MAE PEARL ADKINS. daush. ter of Mr. and Mrs. Thomas AdWns 124 Bell Su S. E. Atlanta.   . She wan     winner of tbe Journal's Loving Cup at Bell Street School in a city wide Spelling Contest</t>
  </si>
  <si>
    <t>                                           Initial Red Cross Drive Participation is a Success                 FIRST DRIVE GOES OVER NICELY                 Rev. Lee's Workers Conquer Rev. Scott's Assistants in Heated Campaign                 NEARLY $500 RAISED                 The first effort on the part of Xearoes 10 lake nn active port In I ho annum Koll Call the local  ter of- the American lied Cross was more than  us n        of H27.20     reported at tho final meeting of the colored division workers at the HutW                 VMCa Tuesday . ft Ih   more   will      lx"en raised when the last minut* reports and final tabulations are in. Keen enthusiasm and Interest marked the two week campaign  wus staged  the direction of Dr. H. B. Nmh an p.  ,.wjjo.         him ~'r  with- the. results when it s generally thought and k SH Jiy many N?    8 that the Hed Crow work'  for the benefit of the white people  facts allow that It Is really ah Important, aid to Negroes aa well ns member* of all, races, wherever there Is Kufferlnit and need. Dr. D. Wltherspoon Dodce, the founder of the "Radio Cbnrch of the Air," who was present at the , Paid a' high tribute to the work of .Or. Nash and *Ih         , stating that a colored KmI Cross branch will be established thin summer when the  of directors of the Atlanta chapter meet late in June. He asked those present to (rire    .       a rising vote of Uuinks for hid work. Other white Red Cross leaders (Continued on Pace 6; Col. 1)                 FIRST ROUND (Conllnurd Irom 1'aRc 1) T-m.~...~ II... ..-.,r': til"   ii In Us Initisil  RUil *-     '  "f t-tn.-"1"*;"-'1      . Doi'hino, "r ..r ill" l!i"l l(..ll nil. Mr-. .Inlinn Iliii'liun-.     * MarguriM Koini-r. c^ ri-m 1\ i- *i"-     -v of :c ch:    'r or llw Kill Cross. The hL-Mv iii crr ' ivil*i- IWt'i'ii It v S. M. lj P, pri'^i li iil of thi' Athintii  Milliner' .-n :     ll"~- i: \v. s.'i.it.     j Inr c,f Bis Hi'tlirl AMK -li. I  i'i.-i."-. r,t iii\isl iii. .in., nti i l^'o *~f thi'  -j,  crt u lili tin- B^  in  inl mi  i" .if  Pr^      In. Ail'lltliinul                 fur i1'" ri"*t of "h. mny In-  uti        . XimVk .c in the Hi rn.lon ~.        - ..r tuki ll (n tlw Iti.l Cms, li,-u.i.~ii;iri em.        HsikT nml I'i'iMhirrp Anvnia thi' cnl.         in thr                    .lco nt tlio Icloitlne  witi'    . r. 1~. Mwi'll!., Aln.. Koll.v Alcv . Mrx. ( WuiMiurn. Mm. Ilnttlc Iliirri*. hr. s. M. I.iwin, Mm. AV. A. Scntt. Sr. Or. A. Hurrli. Ilisv.  i. \V. svi.tt. Mrs Mury WeiiviT, \\  .   . \v. Siuti. mid Mrs. Josephine Peck. Dr. N*~h Ihnnkvd nil who  not attend th.. : us well as   tit. fnr        drive a -^m. The I'llKi'lm life Inmininro Comrmnv  nrt iSe Inu.k.. iK. ntt of the Fulton Touuty Jeileff' IMivl A(       ;                          Hcribvil 100 iicr Cent to the . Mrs. Iluttiu Hiirrls lc-il in ^ 'TllmMiiR J.icoh s I.-" ami "Itletit Be rhe Tie that ".</t>
  </si>
  <si>
    <t>                                           The first effort on the part of Negroes to take an active part In the annual Roll Call the local chapter of-the American Red Cross was more then successful as a total of $427,25 was reported at the final meeting of the colored division workers at the...</t>
  </si>
  <si>
    <t>                                           1 .;J I ML</t>
  </si>
  <si>
    <t>                                           The Junior High, Elementary, and Vocational classes of the R. T. Washington Evening School held their annual closing exercises at the Bethlehem Church of God on West, Hunter street Thursday night with Cyrus W. Campfield, one of the executives of the...</t>
  </si>
  <si>
    <t>                                           MEET "THE TEACHER"                 JEAN HARLOW                 Who is giving the girls an Im- 1   oil that IHUMt UU. standing subject: how tu "Hold Vuur Man,"  l the Uojal ihni                 WvdntM'iy. Clark Gable is the        held by Jean Uarlow ln tUc picture "Hold Your Mail."</t>
  </si>
  <si>
    <t>                                           ^T.ES.?AY'.Ff HV^DL7' 193i ^^      ^WOiai).^'IxXNTA)GA. "PAGE FIVE</t>
  </si>
  <si>
    <t>                                           T" I</t>
  </si>
  <si>
    <t>                                           The Commercial Club of Booker T. Washington High School through the aid of its sponsor, Miss Sammye L. Griffin gave a typewriting sontest on May 22, at 9:30 in the Commercial Room, at which, time Mr. F. A. Toomer and Mr. L. H. Haywood of the...</t>
  </si>
  <si>
    <t>                                           A  S S S nLU' $ VOUIt NUMBEIt Individually Divined accordin" ymir nanic  n ISHMAEL,';) own interpretation of the aV'  and Mysterious Occult Sciences of Knballsm and Numerology. ISIIMAEf- ll,e MIGHTY Book  Rives an  of all Dreams in Nmbors of .1 figure.':. $ S $ $ WIN $ S J f WRITE TODAY- Send only one Dollar together with your 1? DU, name and address for ISHMAEL S latest DREAM BOOK Or, It you prefer, 1. will send you this great book, that you havo been waiting tor, and YOUR  C. D.: on arrival you pay the postman $1.00 plus postage. (Gvnuinc Money Back Guarantee, It you are not satisfied!) Cet this mysterious Masfer-Key Book. AND your own Individually Divined Number NOW! TODAY! Don't Losv This opportnity! Write - Dcpt. G-40- Cfn. p. Box 557. New York City. WARNING! DON'T 1I</t>
  </si>
  <si>
    <t>                                           Y History is Colorful And I                  Tin- V.M.O.A. Tor rulon-ij nvn and hoys In Atlanta was -d lr 1S1M In the  iit of Wlic:il Strci't Itaptlst Cliunii     J. H. Brandon whose vision :ind zeul for I In? development of   svt in Tnotiun tho bnwK-b ol a -nL Unit today hns a                 ) ~,i one million In llu- Unit- I oil Suites. The movement as it wi* then Milled meet next al Simmonton Hall. IIIk BetlH-1 Clumli. Car      Howe, IVaehtroe Street. Auliurn Avc. on the site of the At Innt:.' I .iff; Insurance Company and 1 I lion to the present site. Tin* ^ men have si- as president or Hi" board of directors: J. K. Hrandoii. John Adams,  a Mr.         , C. II. J. Taylor. former Minister to Liberia, n. I (Julncr. Dr. It. H. Junior Sr.. w. li. j Mathers. William . C. C.I Cater. Dr. John Hone. W. A. Itcll. I TIk! present 1 uII IIiik wiw erected I In Iftlil at a "fist "f some $M1.(1. '(lie VMC-A has liri.l n '~  of  yr-ars an l has Kerveil a m"-i  of IWiOO men anil Itoy.s. Tile present  ha.t I served at the  r.f Negro life in Atlanta   * far as . HO**ial       activities of a u-:  nature arc conc ern d. Thons- 1i;itc enjoyed Its .  In and ont of its door.-: nnd  the rich  of Its members. Th,. flr.~t night  for Negroes in Allantu. it Is said, was  and promoted by the YMCA under Dr. J .R. Porter who as at thai time chairman of thc  lu-'ii- tional - and  of, the Imard: many of the men whn at tended I his school n-re ^iici  men out In the walks of lire today:  them are men like I'eeks, Turner. Redding,        . Crowder. The foll*~\  hove -d: n. T. WeatJierNy. Phellx Cnrtwrlsht. W. J. Trent under whose  the present Imlldins was erected, C. E. Jaekson and J. ^r. Chiles. The     ]    Is Invited to attend the fourteenth annual meeting of tlie YMCA Sunday afternoon February LStli. l(~l nt r,:00 P.M. Mr. J. C. Dixon.  of Nei;ro Education will Iv the- principal speaker. Six^inl music will bo ren-      ] hy Washington HlRh Reliool. Clark University and Morris Brown CoHoro.</t>
  </si>
  <si>
    <t>                                           The Y.M.C.A. fur colored men and boys In Atlanta was organized Ir 1884 is the basement of Wheat Street Baptist Chun. by J. S. Brandon whose vision and zeul for the development of christian man hood set in mutton the branch of a movement that today has a mem...</t>
  </si>
  <si>
    <t>                                           iii.~?:'n lx ain  Powdrr -:;: intestinal purification. Tliroutlj Ha use. poisons .-'O'l 'uy  :*i ion.    - ;;rr*ctl a way rift^c mil 01' ihp- t;~.:              :h'-lr u!-:n:- by Uio blood. This  v*s?.;    :     naturally        *lli . no bad ai*    f.'. Ii"       thr *:  nr.d makes you f*fcl  in ev.*ry w^y. 2u-~luy irc-atiii'/nt oaty -.*c at any   .</t>
  </si>
  <si>
    <t>                                           AT AIL GOO^-Jp       0 STORES JSpA         tot Rfwvautic *4* . M.bfi il.ln Blooded, i.d j-~ AI-.,.Eff.   . ,,.WK,SJ!,,? p.</t>
  </si>
  <si>
    <t>                                           Tag--B.M.A.--Have I done wrong my trusting this person:</t>
  </si>
  <si>
    <t>                                           THE NATIONAL ASSOCIATION OF COLLEGE WOMEN held its 11th Annual Convention in Atlanta. Ga. recently. Left to right: front row: Miss Hattie Feger. vice-president Atlanta branch; Miss Eva C. Mitchell, member executive committee and a teacher at Hampton Institute; Miss Frances Grant, director of East, a teacher at Bordentown Institute. Bordentown, N. J.; Mrs. Lillian Alexander, New York City, chairman committee on finance: Miss Juanita P. Howard. Washington, D. C. chairman committee on standards; Mrs. Vivian J. Cook, asst. principal BTW Junior      School, Baltimore, Md. and president of the N.A.C.W.; Miss Mae Hawes, president Atlanta branch and hostess to the convention; Mrs. Esther Popel Shaw, Washington, D. C. corresponding secretary.: Dean Lucy D. Slowe, Howiird university member executive committee: Miss Florence Read, president Spelman        : Dr. Georg'ana R. Simpson. Washington, D. C. secretary-treasurer,; N-A.C.W.: Dr. Althea Wasington, Howard university, and Mrs. Esther                 Patricia Shaw, Washington, D. C- Photo by Kelly, Atlanta.</t>
  </si>
  <si>
    <t>                                           Four Drown After Car Leaves Bridge                 BRUNSWICK. Ga.. Feb. 18.-                 Four Olym. County citizens were drowned und live others lind u narrow  In a  -nt last Saturday afternoon when a largo automobile In  they were riding crashed through the milling on South Brunswick river bridge, six miles south of (ho                 city, and plunged Into the lo.v waters, below. The four who lost their lives were Mrs. Carrie Jackson. Mr. Georjro Burns, Mr. -Horace r., and Ilia wife, Mrs. Annie May I.amor. Tliose who  were Jlmmlc Jackson,  of Mrs. Carrie Jackson. Sheppnnl Maxwell. Clarence Mack, Itoocrt Mack. nnO Jack Wiggins, all of Hie people resided In the Bronkmnn section of the county and they wore well known hoth hy the white and colored residents of tile section of the  anil nil of them hud  ood vc . The  was  to the net and  condition of the bridge, which whs  with Ice us result of the freeze Saturday, . Jiu- was lit the wheel (if the lame car. The people had been to Hrunswlck to do their Saturday shopping and were  to their homes. Mr. .. who owned and wns  Hie ear suid as he  the top of the slippery  he                 observed a truck mounting the sou til end, and he pulled his car slightly to the right to pass Uio truck, lie said (he cur started to skidding on ihe Icy bridge nnd he realized he could not apply the brakes, for feur it would wreck the car. He  he endeavored to right the machine, us II whirled from one Ride of the bridge to the other, but lie was unable to control It when  about 2!~ feet of the end. he said the car headed directly into the railing anil crushing into II, the big car took a nose dire into the almost frozen waters with its nine passengers. There wus a wild scramble as ihc auto struck the bottom. Tbo front of the machine I was submerged, while a portion of the rear protruded from the . The live persons who escaped and readied shore extricated themselves with difficulty. Some of them said they  through the top. others claimed they made their exit  windows, and nil Iiiaisied It was impossible to open the doors lo permit those trapped In the car tu escape. Jackson said he was caught under the wheel and Hurt It was some time before be   himself and escape. Assistance  arrived, but It was (Continued on page 5)                 4 Drown (Couliiiuctl Iruui l ugc 1)  Hit-  ;;   uru drowned,-  there was nu                 (~. A wi- was summoned 1" Uu- .scone but il was . tn       heavy tar hom iho bottom of iho liver anil dark ! operation until Sunday . Uarly Monday Ha- car was pulled i lei tun hanks uf tin'  and ."~ was made foi - missing I victims. Mm. l.'ari-k- Jurk.~ou was I  in the cur. bin luv oilier I ilin-f '.s had l  out. Tin: I .woman had s-        .;ii a li.p1 pf.1.1 i.r the. i-iir. Al.,,ut u.,111) il.,. j  s nf tin- Hilitr 1 1iii-f were found. I...W  liad left  ,,n I Ihr bank mar  liu plan' u Iictc 1 1:-'}1 t lost  lr lives. The live wlm   mil n-riou.-l.v . Oiii' or twu of Hk'ui rfi.vivi.il iut* and .ii-s. Sheppard .\I::-U, was almost frozen during the tini" lie n-as In the  In; was ~.~ fo UK' oily l'o  i nr .ent</t>
  </si>
  <si>
    <t>                                           Four Glyn, County citizens were drowned and five others had a narrow escape in a frightful accident last Saturday afternoon when a large automobile in which they were riding crashed through the milling on South Brunswick river bridge, six miles south of the...</t>
  </si>
  <si>
    <t>                                           Cool weather with  GEORGE Wt .K,V.:,</t>
  </si>
  <si>
    <t>                                           l AGBjnVO ATLANTA DAILY "WORLD" ATI.ANtTTI ..--tZ'-lll^ill?' (lA- 'WEDNESDAY. MAY -SO. 1 UU</t>
  </si>
  <si>
    <t>                                           Woman Hurt When Hit by Stray Bullet                 C- P. Thomas, 60. of 651 Daltiis street, was shot and critically wounded by Will Love-joy of 221 Innian avenue Thursday morning, according to police reports. Mystery surrounded the motive for the shooting. Thomas was admitted to the Gracly hospital with three bullet holes in his body- A bulk-t wound in tf?s abdomen moy prove fatal, doctors said. Detectives Enxlebert and MeCrary were  the shooting, which occurred on In man avenue  Myrtle street. An innocent bystander. Mr.^ Louise Brown, of 77 Solomon street, may lose her right foot, after being wounded by a stray bullet fired by one of two men standing near the corner of Mar tin and Solomon streets. Tub bulk-t  as fond in have crushed several bones in her fu.it by doctors at Grady where she was admitted Thursday morning. Description .of the two men were Kiveii detectives by MrsBrown, who said that she did not know them. BT.WHP^A; And Alumni Meet Today An important meeting of the Parent Teachers -Association of the looker T. Washington High School will bo .held at 2:30 this afternoon at the righ school according to announcements late Thursday by Mrs J. A. Brittoin. president of the B. T. W. P. T. A. All mothers of pupils at tlie  school are urged to be present as a program Of vital importance to the youngsters a' the school will be outlined at that time. At five o clock this evening, a meeting of the Booker T. Washington Alumni Association will be held - thP  or r. N. Cornell, (Sculty aij:"isor. An. especial appeal is lx-inc made to a l' alumni of the school to attend. The chief topic of discussion will be the annual spring alumni celebration.</t>
  </si>
  <si>
    <t>                                           Larry Brown and the Chicago American Giants will be in town tomorrow and Sunday.</t>
  </si>
  <si>
    <t>                                           TIM TYLER                 The Sting of Defeat                 Bv LYM YOUNG                 MESCAL IKE                 Practically the Same Thine                 By                  FELIX THE CAT                 SULLIVAN                 SNO0bLE5                 Sj CY HUNGERFORD                 TULLY TUPPER</t>
  </si>
  <si>
    <t>                                           Aboard the S.S. a Navarre, bound for New York, Michael Lanyard, reformed "Lone Wolf" and underworld celebrity, is reunited with his son whom he thought dead. The boy, "Maurice Parry," has followed in the "Lone Wolf's" but Lanyard hopes his...</t>
  </si>
  <si>
    <t>                                           Oiat Before Congress Opening</t>
  </si>
  <si>
    <t>                                           P R V  C A  YOUR LUCKY NUMBER -lln? tft                  xrl^^c-4 oi* Kabalbitn and NinaISHMAEL the MIGHTY Master ot the Mysteries ot the Occult  rend roar Lycky N'orebor      if ^05K5f^*w you *     ^^1 Sj/ '               of EfcsaT^* J^i^^Jfi nil  In W*fr^"*^ ^^^JSf  of       nr. A VIVNITIt W1.  r.vr.ln-   - Or^-irn    *  T^ith your  namo wfl'   3     . S.T.I only ono .JolMr for tho      Or If yr.n pr-IVr. IStnfAEI. will  mad t!:~ DrfMi Boon and your Number C.O.I. nml cm  you will   7 !'!f,,rPT-m:ln !'-'n . I-JHM.Ma. .     not wnm .l of ra.m^y until you        !      tne r\y*:~ .Mastir.Kf? Book and J'-'U^- * In.       -r. ISHM.\Bt- ^-n.I.      Kr-at book ~-i:h :i K-           .Bnck        . wi:m:  dept. G-38. Gen. P.O. Dept. 557, N".YC WAicNisc:: DONT TO I.I, YOUIt BACKER J JUST ARRIVED i MADAM MINGY i (THE WOMAN WHO KNOWS ,      !l*   J life Reader reU. put, present anil       .* GiTe* advice on all affairs of1 life, Lore. M.rri-^ *^KfH9 1"on* a" kin*v-~ 2(V^0       f*~~ to  ee^ 3^1T! ^u tilted p.     " JmTiflBi Point, the way    ^^l            3    yon now to* "Madam Ming, ha, ^ 4          and alre can belp^ . 4 TELLS LUCKY DAYS AND '3 2 LUCKY NUMBERS 4 Satisfaction Guaranteed Office Hoars: 9 a.m. to 9 pvm- J 4 638 McOONOUCH ROAD I Across from Federal Prison) 3 SPECIAL READINGS 50c 4 Take Federal Prisim car to J end of line. Look for Name on Sign. Not id Tent. 4</t>
  </si>
  <si>
    <t>                                           WAYCROSS, Ga., July 19--As the finals of the eighth annual Georgia State Tennis Association Tournament here were neared Wednesday evening, the singles championship in the men's between youthful Hastings Russell of West Palm Beach, Fla., unseeded, and Dr. J. B. Garrett of Tuskegee Institute, Ala., seeded No. 2, were announced for this Sunday afternoon at 2 o'clock at Tuskegee. The match could not be played off here because Dr. Garrett was...</t>
  </si>
  <si>
    <t>                                           I had a youngster to ask me how did it happen that all of the blood didn't run out of your body when you cut your hand. I couldn't give him a satisfactory reply, so I would be greatly pleased if some doctor would reply in simple words so that this youngster will understand.</t>
  </si>
  <si>
    <t>                                           Streams in The Desert 'Hrinc them hither to me" (Matt. 11:18) "My Cup Runneth Over" There is always  over When we trust our Kracious LordEvery cup lie fills n . His  rivers all are broad. Nothing narrow, nothing stinted. Ever issues from His store; To His own He  full measure. Running over, evermore. IVEY BROS. MORTICIANS The Institution With A Soul" AMBULANCE SERVICE Mrkl. St.. 8. W.. AtUnU Qfc Phone*: Main 2567 Ja. 8J75 DR. T. Y. YOUNG [^jT! MESSAGE TO THE SUFFERERS f Jm\ }m tlc''tl nn' be  about your Pffli ffl. srs^SK?  for  T JZJLJi': W)CTOR T. Y.  i ."3S*;~ j his famous and harmless herbs and U   ^Jto rf"'s .treatments which have boon need for Bj^^JTW i-. and aro highly recommended for M^ any Iroublc of the system,  as ot tlie DKt-aie Acnte or Chronic; Faint. Tjphm lever. C'alrrba Malaria. Malarial Nearalfla,  Proncborrnpa. Hemlpleela, Bronchllilsche, HUblUH Infltienn and GsMroenlcrltsche Innuenza. Lantn. Stomach, Heart, Liver. Kidney*, TV Vnnn/C Blootl Valton- Rheamatl*m, Catarrli. WeakV I UUIIg ntia, Nervouxnvsa, Bladder Trouble. Conxllpation, Appendicitis, Skin Dtteaie and Frntnlc Trouble. r Td those  It may concern, cull at on"1 Dun't  up hop.i ir others /all. The  result is pleasing to nil who try It. Our  DPruiiCT medicine; will cure many, many  plaints. Male or female, call or write. We will s^na some herb medicines lor your DONT DELAY- CALL AT ONCE  A NT A i3z     *~xl Ave. Pbone WAlnut 2119 ATLANTA Atlanta. Qa. Dally n*ors- 1 A. M. 10 P. M. Sunday Hours- 7 A. M. .H. and 7 P. Bt to M P. M.</t>
  </si>
  <si>
    <t>                                           DONT SOAK' ANY PERSON OR GROUP SAYS DEPRIEST DONT SOAK' ANY PERSON OR GROUP SAYS DEPRIEST                 DAYTON. Ohio - Ignorance is the cause of damaging jealousies  prevail in the world and is_also the cause of race . Congressman Oscar DePriest told a near capacity audience Tuesday night In the auditorium of the Paul Laurence Dunbar High school. He was welcomed to the city by Major Charels J. Brennan. There" is no hope for the Nfliro or anyone else in this country who joins the red, socialist or communistic movements, Tsui there is hope iind prosperity for those who give their best for America and its ideals of Democratic government. Mr. De Priest said. DAYTON. Ohio - Ignorance is the cause of damaging jealousies  prevail in the world and is_also the cause of race . Congressman Oscar DePriest told a near capacity audience Tuesday night In the auditorium of the Paul Laurence Dunbar High school. He was welcomed to the city by Major Charels J. Brennan. There" is no hope for the Nfliro or anyone else in this country who joins the red, socialist or communistic movements, Tsui there is hope iind prosperity for those who give their best for America and its ideals of Democratic government. Mr. De Priest said.                 "For God's sake, let s have justice in America, hot injustice." the congressman pleaded. "I'm I against 'soaking the rich.1 I'm I against 'soaking the poor.' Don't i soak' anyone. Of course, there may be need of readjustment, but don't 'soak' anyone in doing it. Capital is dependent on labor and labor is dependent on capital, so let s have harmony.'1 Mr. DePriest said he had had the help of the Democrats and Re- i publicans In his fights in Congress but expressed the opinion that the present administrate is 'wasting' money. "For God's sake, let s have justice in America, hot injustice." the congressman pleaded. "I'm I against 'soaking the rich.1 I'm I against 'soaking the poor.' Don't i soak' anyone. Of course, there may be need of readjustment, but don't 'soak' anyone in doing it. Capital is dependent on labor and labor is dependent on capital, so let s have harmony.'1 Mr. DePriest said he had had the help of the Democrats and Re- i publicans In his fights in Congress but expressed the opinion that the present administrate is 'wasting' money.                 SUNKEN GARDENS FESTIVAL DRAWS MANY IN CALIF. LOS ANGELES- (ANP) Approximately five thousand children and parents gathered in    : historic sunken  of Exposition (Olympic Games) Park here to view the grand Spring Festival sponsored by Eighth and Townc AME church last Sunday afternoon as a tribute tu  children ot the community. SUNKEN GARDENS FESTIVAL DRAWS MANY IN CALIF. LOS ANGELES- (ANP) Approximately five thousand children and parents gathered in    : historic sunken  of Exposition (Olympic Games) Park here to view the grand Spring Festival sponsored by Eighth and Townc AME church last Sunday afternoon as a tribute tu  children ot the community.                 Kev. Jno. B. Issacs acted as mas- tcr of ceremonies and presented a typical California program which featured a chorus of 200 voices directed by Mrs. Alico Bugg and Miss Fricta Shaw. Lauretta Butler famous Minstrel  joined with Sunday school children in lovely flower drills with solo dances by Lillian Johnson and- Janet Collins, clarence" TtfooKS, popular motion  actor, represented the film" colony, while other invited guests among stage and screen celebrities included. Miss Frcdl Washington, the cast of "Alice in Wonderland," Miss Louise Beavers and the. Mickey MeGuirc ComcK' kids. The Eos Angeles Park Commission declared the event worthy of becoming an annual affair in which children of all races (participate. MISSISSIPPI  TO MEET JACKSO.v. Miss. AND Fifteen hundred teachers arc  to attend the annual convention of the Mississippi Association of Tcachefs in Colored Schools which is to be held here April 19-21. Gov. Stonnett Connor is to be one ol the sFca^e:?. at Iha . Kev. Jno. B. Issacs acted as mas- tcr of ceremonies and presented a typical California program which featured a chorus of 200 voices directed by Mrs. Alico Bugg and Miss Fricta Shaw. Lauretta Butler famous Minstrel  joined with Sunday school children in lovely flower drills with solo dances by Lillian Johnson and- Janet Collins, clarence" TtfooKS, popular motion  actor, represented the film" colony, while other invited guests among stage and screen celebrities included. Miss Frcdl Washington, the cast of "Alice in Wonderland," Miss Louise Beavers and the. Mickey MeGuirc ComcK' kids. The Eos Angeles Park Commission declared the event worthy of becoming an annual affair in which children of all races (participate. MISSISSIPPI  TO MEET JACKSO.v. Miss. AND Fifteen hundred teachers arc  to attend the annual convention of the Mississippi Association of Tcachefs in Colored Schools which is to be held here April 19-21. Gov. Stonnett Connor is to be one ol the sFca^e:?. at Iha .</t>
  </si>
  <si>
    <t>                                           Delaney is Honored by New Yorkers                 NEW YOUK CITY (ANT)- O'.i I Tuesday evening in the sunken ballroom or the victoria Hotel. 51st street and 7th avenue, near y 400 citizens representing leaders In politics, education and civic '-s gathered to render honor to Hubert T. Uelancy, recently appoint.                 cd Commissioner of Taxes ami Ac.  lor the City of No'v York. The occasion was a dinner sponsored by a committee of  is of -which T. Arnold Hill, ; secretary of the National Urbm League, was chairman: Robert P. Braddick* of the Dunbar National Hank, the treasurer; and which consisted of the following in addi. tion: Dr. Farrow R. Allen. AIjh L. Dingle, Lemuel l,. l-'osler, Emmctt J. Scott, Jr.. James s. Wa(. son. Walter Wbite, Roy Wilkins. William H. Wortbam. At the speakers' table were somo of the' outstanding citizens of U12 United States, including the Hon.  Julian W. Muck, .l States circuit Judge, the Honorable Charles H. Tuttle, former United States Attorney, Dr. Em.  J. Scott, Sr., secretary of Howard University, the Honorable George 2. Medalic, former United States Attorney, Southern District, Alan L. Dingle, president or the Harlem Lawyers' Association," and                 Delaney ((.'-~l frum l':~~: II KlliiCr A. i ari.i.-r. O't '-(Jitcr Oppor'unjty Magazine. T. Arnold Hill acted as iita.it'.'r of   :ri... As ~-ai::i speak paid his Iribuic to tlie ability. in. (.ray and ihe high character of ^uc. t of honor, v.'iio v.-yi: sealed -y U,u dai.-;  his  Mrs. Nan- 1 lly l).-l:ilK V. UlO '.Ts Who llO l iconic from the ta-.  /cd   by . I I '.'i- and  jI ~:(I :-. i .  Coinmisii. Do. lancy v.:j.s .d he was  1 an ovation v.hich has seldom been j accorded to a /.en or tin: city or i I.W.v Yt.ik by his fellows. He" v .t-]j0ndt;(J in a .-nl pl^a for up. I   of ihV .  i.-f j Aiayor f. v/]io h^d appointed ),im. and for tin.4 mi;'~j  lie :~pon;~ored tor llic W'r!.  of tin*  of \ev/ York, lie I aho (..-i-d lii.s tn-mendous ap I i '/n i,t the -  i I lii.s . c.       had in hi:, abil. i ity. and ^i-d tile exi.-cu!ir,n t, iiis du'.ici v. fear n.jd "..o.. j fa\-or to tit,, limit of liii ability.</t>
  </si>
  <si>
    <t>                                           sNEW YORK CITY (ANP)--On Tuesday evening in the sunken ballroom of the victoria Hotel. 51st street and 7th avenue, nearly 400 citizens representing leaders in politics, education and civic affairs gathered to render honor to Hubert T. Delaney, recently appoint.</t>
  </si>
  <si>
    <t>                                           *n*s WwiifM's am) Children'* j SPECIAL! HALF ^7 i SOLES^"fic j riat-i Clranrd and I'. United Shoe Repairers I Where your p:;iuc will he j j Appreciated i 100  ST. j j Opposite Piedmont Hotel I j Madam Estelie i KNOWLEDGE AT PRESENT IS POWER IN' THE FUTURE Tliiii  will l-ll v.iii .~wy.li.n,; y..n I :ik!: li-r a.~\ M..- ill I Ih-1~. y.~n. f.i\.-* .i.tv.. ti i .iv*. ,~h,,r,.., a j  n.   an. I ~~.,,-  , :-,-v ,~,.i;'.J;,':;,'r, mill   .N. i St.- I-.,, ,.v ~.I ~~.l ~.       ..nt .H1I.T .\.    ..r. li.m t 1 .....i.r.t.-., I j Ml- i..^~.~v..~y v..,, ii.y.t..,,.. u,..t y.,u ,   iw.ly un._l Sun.l;.,. rV..,,, A. .v j '1'^' "AYS AX1' 1"~(!2 Lukewoud Avenue Speciitl Number for Saturday i JC /SAME PRICE  t a -. m M AS 42 YEARS AGO % M 25 ounces for25* % y F.UP*:     Slack Filling V</t>
  </si>
  <si>
    <t>                                           G000-L00K1NS GLASSES PERFECTLY FITTED We  accurate Iemr* in frames that suit YOU. CarefiA, persona] attention (rivi-n colored patients in their otm department. S. BUFFET Mi PopoUr Brands of bottled 3-3 Beer and Ice Cold Bear oa Draught, Five Cent* per glut. Open each day. including SondaTt from 6 a*      11* P* m. ALL KINDS OF SANDWICHES, CIGARS, CIGARETTES, AND TOBACCO Don't Forftet the Fbua SILVERMAN S BUFFET 41s         St. Cor.      * Sti</t>
  </si>
  <si>
    <t>                                           v Y</t>
  </si>
  <si>
    <t>                                           te flee. L N. Datny says Wl ho-   tn th* text 20 years that can take     placa of Dr. ilia Anti-Pain POU. They are a ttc/a relic/ jor  " Suilmen  Headache, Neuralgia, Toothache, Backncha, Bciatica, Rheumatism, Lumbago, Nenritia, Muscular Pains, Periodic Pains, write that they      used Dr. Miles Anti-Pain Pill* with better results than they had ven hoped for. Countless American housewives would no moro think of keeping house without Dr. Miles Anti-Pain Pills than without flour or sugar. Keep a package in your medicine cabinet and save yourself needless suffering. At Drup Storeir- 25c and il.OO OR. 3' 1M PILLS</t>
  </si>
  <si>
    <t>                                           A. K. A. SORORITY HONORS FOUNDERS ON THIS SUNDAY                 The Ann 11:1 1 Kouiiilor-' Pay I'm :rain or lhe Alpha Kiippa Alp1.,: in-rity.  thi- -pi-ii.-'. he Kappa C-^:i ;i I Alpha 1  will lii' iu-lil Sunday wen . February II. ai  ix o vin.-k at Liu- Kii-Nt Coi;-v."K:.iil i-him-. -i- Courilami ami : . Tlio - is i-  t-i . Atliinu i'i i:ii-nil)i-rs the former ^u-y  ,,i Alpli.i Kappa Alphu ami the inspiring ^ of Hie . The local  state  tlu-y in .en.l to have one of the tn-st." pro :rams in   Ill's year. An interesting program if-  prepared jmd j^ove/al treats ani surprises are ir. store for thus,'  attend tho exercises. NEW FL1M FLAM RACKET Detectives Englebort and MoCrary nn-ested Ijenson Cherry. 1' porter, Monday In coii.  with flim-Dnmmlnc Ernest Lowson,             out if S-100. Cherry,  a  money box. told Lawson that it contained ?2700 loft him  his mother. Lowson drew ^.4 00 otr ^f the bonk, which ho       Cherry as  vto let him keen tho  box. On *. Ilio box at home, Law-son told , Hint ho found that it contained only slips of paper.</t>
  </si>
  <si>
    <t>                                           To action there is an equal... reaction. Damming up... will not stop its flow... natural flow is... backs up and forms... reservoir causing the... to become wider and... in the course of time the force...</t>
  </si>
  <si>
    <t>                                           " ^ ONMY NEGRO DAILY NEWSPaUr IH T^WORLD ItDlT I ON .VOLUME^BER-^ ATLANTA. GA.. MONDAY. MA V 2B. ,991 L 1~^                 PRICE FIVE CENTO</t>
  </si>
  <si>
    <t>                                           OXFORD, Pa--The National Tennis championships will be held at Lincoln University on August 13 to 18 inclusive, according to announcement made this week.</t>
  </si>
  <si>
    <t>                                           WASHINGTON, D. C.--(NP) Last week John P. Davis, secretary of of the Joint Recovery Committee, the body which serves as representative here for seventeen colored organizations which are collectively endeavoring help solve the problems arising under...</t>
  </si>
  <si>
    <t>                                           WlLY'StUNCLE</t>
  </si>
  <si>
    <t>                                           HIGH S 8A8 This Law Price Every Day SOLES am/ HEELS' Fino      n "^TTT" Tinned k, ^fe 4^ 0 Women's N^ 0 Children's v^^'... Shoes! Women's Leather 1/1*  Heel Lirts 'c DAV: I</t>
  </si>
  <si>
    <t>                                           Ministerial Alliance in Meet Condemns Cult Coming to Los Angeles                 By J. CULLEN                  I.OS .E3. Calif.- (WS) The Imcraunomnational Min'srerial Alliance, of which the Rev. J. E.. PiuB is president, went on  this  vck. as uanimously against the pr^ and teachings of the Faiher Divine More ment. The , which                    compose,] of a majority of the ministers in the cit.v, met in its i- session at Phillips' Temple C.ME . 12nd and IVsii north struts. The ministers flayed and condemned tho   '!(~x of FatherDivine      e.         a   to Int "everybody kn.iw th^t they di.l i not approve of the machines of tl is man who calls himself God." ThiTO was min h humor in the (Continued on Pace 2; Col. 3)                 Mini (Coatisud from      l) meeting as several  recalled incidents  have taken place rince the  came to  . one of tie  sonke of t)   fact that hi the -K.n*d0    of the ? of th* Eastsidertb.    arc  new (   j0 the  and nervine, etc., indicating that *e "' probably 5*~~  mind*         !nir the "     " and xc back to. their  April, a group of Baptist            :.l!eg:      discussed  Mrs. Charlotta A. Bass - editor of The California Eacle. out of     Baptist church. c!(r that she was  the Father Divine Movement special section devoted t0 the  "      .'es" of Father Divine1  in the Eajjle  week. Nothing every week. Nothing -ever cam. of the.   to oust the Karie editor however. Jt is said. Jus'.  week, Jocal officials of ^be Divin. movement, lease.1 the Dunbar Hotel, and it is reported that the hostelry will be used ac another "Kingdom" of Father Divine. The action of the Ministerial Alliance in         a resolution condemning the movement assertedly has for Its purpose the  of any fears either mental or spiritual of church-goers  s tn now the ministers stood on ibo i Father Divine matter.</t>
  </si>
  <si>
    <t>                                           LOS ANGELES, Calif.--(WS) --The Interdenominational Ministerial Alliance, of which the Rev. J. E., Pius is president went on record this week, as uanimously against the practices and teachings of the Father Divine Movement. The organization, which is...</t>
  </si>
  <si>
    <t>                                           HOW THEY STAND Team Won Last Pet. Collece Park 4 0 1.000 East Atlanta 4 0 1.000 White' Sox 4 2 .667 Highland 2 2 500 S. A. Panther. 2 2 ioo P.. S. Blues 2 3 400   2 3 AW Sniplo 2 5 .286 .. 1 3 _250  0 2 .000 Remount 0 1  East Point 0 0 .000 SATURDAY S GAMES Fulton lii. Highland 13 I College Park C. Jonnboro 3 1 Script^ 5, S. A. Pontber. 7 Script*, 1. s- A. PanUicrs 0 WKite Sox 7. East Atlanta 8. SCNDAi-S GAMES East Atlanta 5, Rrmount 4. TODAY S CA.MES East Point vs. Eiut Atlanta. I</t>
  </si>
  <si>
    <t>                                           WASHINGTON, D. C.--Six association records went byrthe'board in the annual C. I. A. A. meet at Howard University Stadium, as more than 2,000 saw the 200 athletes from 15 colleges perform.</t>
  </si>
  <si>
    <t>                                           .= EXPRESSING OUR BEST WISHES ON .THE "7GTK EMANCIPATION. ANNIVERSARY" MAX  Grocery 142 Ashby St., Cor. Parson, S. W. Ma. Sill HEALTH^ WEALTH AND SUCCESS TO YOU^, ON OUR CftEAT "70TH ANNIVERSARY OF EMANCIPATION" T- BURCH THOMAS f SERVICE STATION 882 Hunter St., S. W. Ja. 7199 ':l'"l.Z -COMPLIMENTS OF DE JARNETTE SUPPLY CO, 1 00 1 Boulevard. N. K. -V He. 3967-68 J ItuiWinjj Snpplios Our Congratulations On Your Memorable "70TH ANNIVERSARY" Adamson Dry Cleaning Co. "Seinice Thai Satisfies" 888 Lake Av*.. N. E. \\'a. Wl i^  lmm ^mm mam mmt^ mm CONGRATULATING. J" OUR  GOOD FRIENDS "% J ON THEIR SPLENDID "70TH ANNIVERSARY" Atlanta Tile MarbSe Co. 201 Luckie. N. W. Wa. 6650 3 TO  MANY FRIENDS, WE EXTEND CONGRATULATIONS AND BEST   ON THE' "70TH EMANCIPATION' ANNIVERSARY" ECONOMY DELICATESSEN We Serve Hot or Cold Plates. 15c 25c with Dessert Drink Sandwiches. 5c 10c ~% 233 Auburn Ave., N. E. .Ia.  I Qjngratulatipns i I To Our Many Friends; II t. i\ f ON THEIR GREAT T % 'A I "70TH ANNIVERSARY OF EMANCIPATION" i I J. M. Harrison Co. if'' I' Distributors I T,!' :aT I" .Dodge ~,Pljinouth i;"._.'V/'. Passenger Cars Trucks t -53 111 Ivy SI, KE. -...-"~-W*S966--~</t>
  </si>
  <si>
    <t>                                           BTW High Baccalaureate Services are at 11 Today                 The 7th annual baccalaureate services will be held at tho city auditorium thin morning promptly nt 11 o clock at imW 7  R-n\n^       . noted divine of Howard niversity, mil bo the main speaker. A special feature of the exercises over winch Principal C. I.. Harper, will preside is the mammoth choir directed by Mrs Essie M Crows IVo difficult selections will be sung by the group c-^ of leader, of church choirs, students of Washschools a"d  of elementary ana* high                 The junior high shool will hold .its promotional e\tr isos Thmvaav IcvcninE ut the Bclhlehprn Cl.u-oh    ..    West Hunter street nt which  H. Rnld Hunter, . int superintendent in char-e of  schools, will l*.      -Doin .ker. A special f-atur,. of the exorcises will  the class play  Graduation rains." written by one of the teachers. Richard li. Jfffprson. Tlie exorcises will he of (front Interest to Atl.nnt.-~ns as this is one of the Iarj-e st classes to be  In the history or the . I     senior class exercises      br i hold at the  promptly ;it I clock. Tuesday. The - i ment exercises will be hcW at Ihe city auditorium. Friday at a o clock at which lime over 300 students will receive diplomas. The president of the board of education will deliver the address. Principal r\ U Hnrpor will make tho awards. To     of these exorcises The principal. 1?      Rfn^uating class  their many friends</t>
  </si>
  <si>
    <t>                                           J- A. POPE, president of the Pope Undertaking Co., 509 St. Francis St., Mobile, Ala., one or his home  s most honored and beloved citizens. His business is a credit to Mobile and vicinity.</t>
  </si>
  <si>
    <t>                                           Annual Clinic at Tuskegee Almost Here                 INSTITUTE                 Many of the most outstanding numbers of the  profession both white and' colored, will bc in attendance nt the John A. Andrews Memorial Hospital, Tuskcgec Inutitute. during the week from Apr. 8 through the J4tb, for the. 23rd annual session of tho John A. Andrew Cllnie and the 17th meetins of the John A. Andrew Clinlcul Society. Letters of acceptance have been received by Dr. Eugene M Dibble, Medical Director at the Tuskegee Institute hospital and  of the Clinical Society from the country s best known specialists,  ln; various medical schools, heads of hospitals and general, practitioners, by the hundreds. Both Hie- president of the National Medical 'Association. Dr. M. Bonsflejd of Chicago, and the president elect. Dr. J. H- Male, of NashvillCi -have promised to bc        . Dr. Samuel W. Claris, -president of the John A. Andrew Clinical Society Dr. Theodore K. Lawless. department of Dermalology, Northwestern Univcnity. Dr. Walter Gray Crump, Fellow of the American College of Surgeons, New York City, Rivers Fredrick,' chief of Surgical staff. Flint  Hospital, New Orleans, ahd man* others.</t>
  </si>
  <si>
    <t>                                           Funeral Notices;                 DRAKE-rThc  of Mr. Robert Drnkc were  from Jacksonville. Fla. Friday by Murdauph Brothers. Funeral an. nouncements will be made later. MurdauRh Brothers. Funeral Directors. GILES- Mr. Jack Giles passed nway July 20Lh. Funeral announced later. Dunn's Funeral Home. DAVID T. HOWARD CO." Funeral Directors Ambulance Service*- WAI. MM 'c 1; MATTHEWS- Mr. Henry Mat. thews, an old citizen and faith, ful member of Bic       ! church passed away Thursday ."Funeral will be announced lal-d cr. David T. Howard Co. 0</t>
  </si>
  <si>
    <t>                                           ^TfEIOnir ANYWHERE. ^^    s N s !nC. I WEEK ENDING APRIL 21, 1934 I</t>
  </si>
  <si>
    <t>                                           In the little village of Pine Knob, in the Ozarks, "Uncle Jimmy" Cartwright laboriously rides his mule towards Ann Haskel's house, speculating on the possibility of "refreshments", when he comes upon Diane Carroll painting the landscape. Though born to...</t>
  </si>
  <si>
    <t>                                           Up From Georgia With My Banjo By THOMAS JEFFERSON FLANNAGAN HERE COMES THE SOW (New Year's Day, 1934) With joy to every ' soul. Here comes the sun Glitterin' like a - of gol\ Here -s (tic sun, Rude ol' Hardlimcs stepped us stout. Sheriff cOnic en sol' us out: Now, prais' God my sisters shout, Here comes the sun, Christcniu" the ol' -' groun' Mere comes the sun. The Mis of Halliluia soini' Merc conies the .-tin: Beautiful his ' feel. Walk the col' dl Marvin' street, Siniliu' plenty ain l he , Here comes the Mill. Awake nl'        en join the ^lli; Here comes the sun Bring them pretty  lai.-    I"Uk Mere comes the    : It will t he li ' Dow 'fore llie   , i Swiiif; the roses in the rill);, for a      :  to silly: Here comes the sun. A million blessings in     hau', Jlcre comes the sun Yc poor, en homeless take your Man'. Here conies the sun i They took down to your raided pantEn sol' you for a son;; en dance. Praise God You've  another chance. Here comes the miii!.</t>
  </si>
  <si>
    <t>                                           FADED, or GRAY HAIR ^a^te^ WILL NEVER WIN HIM! ri#P^~ft H I HER DULL, ]f HE S WILD Gleaming, Black Hair- flH^ "-^V^S^KsH i FADED hair ABOUT George Fights For ^Egl -Cf.- -^9DHH Will CAUSE HER-IT STOO Her Attention Now *^"-y   J3BBB g1   DOtSN'T USE f SORRY- f SAY-") /r^^   ^^HH i ^^JgeorgejfJ [^J george, whose ya-'"'--" ip^-i flw IJun'l lot .   1rvi hair roh you or loi-o ,-\nil -M Keep   :'M, v;.""' '"J.,;''1 !';;;.r;x, ,l^i\.~a.'z, "w?"',;.* J":b^,^r'"^  ^nr.,:-- ;:.x ^^^riii '^~:*z.:rl-,',',?Vfr;r l a r i e u s e c:.,;/;^ 'mIo co^i^SK.'sr.'"^ S.* M0;     "rl"-'""^~ French HAIR Coiorina T" mr -.r.r.     .i_ii_~. r-u.,.1.1., n n_ -JL LM_ ri  ULL1</t>
  </si>
  <si>
    <t>                                           UNION  WILL COMMENCE ANNIVERSARY                 An : program at three thirty this afternoon will mark the  of the celebration of the 18th anniversary of the Vnlon Bail. ti.it church and the ninth anniversary of Rev. S. M. Bryant us pas. tor. Mrs. White will preside over today s program which will be under the auspices of the B. T. P. I'. Mrs. Marie Benning will wad a  on 'Our Pastor" while K. 1Chenaialt will speak on "The Rcla. tlon of Our Churvh to the Community." The sermon will be pre.ie!     by Rev. J. U. Brown of the West Hunter Street BiiptlM church while  of the West Hunter choir will sine. Prosrams will lie  every  this   ln"'. tion with the anniversary and the Public is invited to attend these events as some of the outstanding Pastors of the Greater Atlanta  will preach while some of the bt St musical and literary talent In the Si's E"l  J Iwtured.</t>
  </si>
  <si>
    <t>                                           I High Blood Pressure Quick Relier. or Yon Only Pay Wban Satisfied If     mmt1*r Trmm High Bteod          . ,  la the cant, cant  le*p at ,    4 weak awl  bad taut a. nervous. If  heart *  you fear a paralytic strobe, to  temon*       the value- of my                *~~ 1 will have  ent to you postpaid    1 treatment on        Whllr U U MOtk-         many report   ; often          dL  and  Dormal          .t d*  .       no*  any         , opiates or dop* of any kind. Absolutely         . Yoo caa  with treatment yoa are *-. It ran not conflict. ?  with any diet. *my NOTHING  GREATl.y . Then  m* SI. If not. your report cancels the char**. Writ* to Dr. K, L. Haye*. tl3        Hotwes KaAins City. Mo. BARGAIN JEWELRY Wrtto  tor our  CunUu i.      *~.  *~n*   *. "      "             .                            ..        . UllooU               INCENSE^        lorr. Smd       and  uul n.                  Munpto    *.                I^         ,       K-CW-L MompfcU. C SOBE THAT YOU.GCT Vtrld's Lariat Stitir at 10c k ASK FOR. IT BY NAME 4C Autvnobil* FREE Evwy      Totw in Vincent Lop**        . NBC. g.Jncidit, 9 p-m. CST. 10 p.Bt. EST</t>
  </si>
  <si>
    <t>                                           GRADY NURSES TO -HOLD  FRIDAY                 The third ,ot 11  of .   will Ik- conducted  t 7:4.1 Friiluy ; in the  of tin1 Colorod Nurses homi1 lit ( . Thp  is cordially Invited to attend these services which will be held every I'rldny evening. At the hint meeting, the  s were conducted by . D. T. Babfoik,   f the St. raul AMK church. Following the inspiring   the ministers an vx-~ i- milo wns  by Miss! Dorothy BugBs,        Misses Jviint'ttp Alexuudur  nd I.lva Dowdrll sane n duet.</t>
  </si>
  <si>
    <t>                                           REV. A. NETTLES, distinguished pastor of Lily Baptist . Mobile. Ala.</t>
  </si>
  <si>
    <t>                                           Speakers See New Era for MBC at Sunday Mass Meet                 SPEAKERS AT MASS MEET INSPIRING                 New  Em For Morris  ifi Si;en in Launching tif New Dfiil                  PARADE PRECEDES MEET                 CI.11T MACKAY                 All forces Were rallied and (Up  suns wen;  In till; drive to secure 11 new ]  don 1 for  .Morris Bnuvn vullo)!!1. In n  mans mit ;  ul I'.lu RvthiM church, Siuuhiy.                 1' Ifii  a parade, nf twenty I curs /ully  in Die!   purple :     I'la. K, ilic I meeting wjis featured hy dynamic I and inspiring .'s     A. .M. I 1  , who pleaded for ilic school s cause. AoilHi: In the rnli' nf master of ceremonies, duo to i lit. Illness of UIhIidii W. A. Fountain, Sr..    . W.  IjiwnMiff, [irp^ elder rf (lie S. Allanm .'!. pointed O\U  fill* n!~ji-cl nf the IllCetInj; ~:is     introduce Morris Hrown's Xrw 1'i nl Honk of L'.'iO,000 niimi s. ""It Thoodi re Itno.." he .-, ''Who yi-ars a^n ^uvc us Dit.' ^       tli'.'il. Frnnklln lu luno: JCoosfvolt Die nrw ilc:tl. ami wi'   our  10  li this       '." The         fif iho' iinet lim,'. Or. Ijiwri'iin-    -i'l: ~.Yimtn  Di.f. .~M:    !o.. Qt.lhc j   In th v~.~     Ilic Inlerosl and  nf t   ; i;cni i:il  In it. I t(\Vp want you not only \.       .Informed, but (~  s wen," .10 h:iI(I. M. f.',  nf. llu BulliT Kln^'l V. SI. t". A. as next Hptmker,  live rt- why { .Morris  n should Imvc an on- I  wore: ill. Ti: * (lit!  rru-fos from thi1 oncr);.v-ri:   !i iiii; Joh of ? money.  il might .'l Itself U) its original  of Irnlnint;  ix t.ph'. An endowment in the   nf Miiintlnrrilzatlon nf Hie school. i:ii It. Is the 3ofit  of : ila . II) II Is si moans of  ol' th  and .     Uic chool by creal pioneers of the A. I. E. church. ID i The  i n momis toward I'Stnl'llshltiR vlr/     Ttrown us n nK.num''iit to *' lp nf Die Ni'Kro ~)  0      PolnllnK to th,.  in ironi of him, I lie :iii           'hot hml ! -i1 on thu i-rni;r!im  tlio    (~  ill.  hy Prof. Iliilt'lu'Oi'k nf Hiouislc department. Ilr. It. A. Bill- j iKS.   anil alumnus I the A. SI. K. .  iat they were a "IIvIiir, ;  nson why Morris  should  hy every Xeuro In  ." Speaking nf the relationship of lie alumni lo .Morris Urmvti eol* eRi'. Prnf. 17. r. Coles., nf the        .'lonce  of \\';(on high .  lf a  of the A. Al. K. instil in Ion. declared Bhnt the lender relationship nf the   he lo keep  with "those men anil women who 'tolled bo hard In a pnsl era" to  the . '*I/et us noi lot the wori; of these  ho In vain," Professor tJ^B pleaded, in ; his nd- IretiR. ''let    co  and    - I vard  make of ourselves "."nd lot for ourselves the men nml  they Intended iih to    . j-'reely  you , now (freely cive." Jlnrllns; a   In the face of the six .d people Who ( the T\'~i  , Sirs. Strickland, who  (on "the .lons of Slorrla (Continued on Page S)                 Speakers Continued iTom rage -n to our racial          In .-- her address, asked three  .tis ""'ho is here."  asked, "so mo,,,, ,h,,t I,, wo, rl .Morris Brown? x\~,o I,- h,.n. W1 1OH- that Ih- wi.lil.l l-'r f..r Morris Kiwn? \   , is !u-,-e s,, sm.-ill II,,,, )n. ni)        i'-i- . i--ii. sc!i,i,ii his run-:- l-Vir him 1 h:ivi- ~,,.,,m- 1 pause f,,r r,.~,l.v." Iti-v. .1. S. .        ..f Cosi)i(.,~,   ;1n M. K. . ;~hit "ii I In- place Turner Thoolo-I. '~~rl seminary ll:is   ,,~ (1CVC.I,,.,.  of our ministry, dc- lint II." purpose wus t.i 1 tit in worthy :intl  iii         ,.,H i,, ,~,p v.'orif ~.r Coil. '''Itis Inilninr. ,    :  not   10  Bil.ic,' l.iti I nil Irtlllis.  ry lo  lo :i  -.   Murrls Ilrown Iims i. her  :^' Uw    if thr- \v,.rl,l."  l,.,-l,,iv,I i] Olili'on, prin.' of Hi,. wll;.~,inc. l"~ lii-li       si-, in           mi Morris Ilrown ns :in  ssbn ~.f KCir.holp. "This s.'hno]." h,~ s:il.]. "hns f.-.r no: II fly -.s .Ippcnrloil  "11 N'.'ern.'s I'm- it* support. It hn s j *ont i. nt into the wm-i.i kn.. i "li-ois   . win, H-orP Iniielij I I'j' \pki-ops in nn institution  for  ."       (        l-.y Dr. r. us  Diit-st school tn  in Hi.' A. M. K. ..-li. l rP5       i..:iin ic-ii,,!   ,o pnsl  of M..-ms Rroivn  mill its  for Hip .'. To. ilin   or six .roars an crn .if '-stormy n-." lie . the school nt Unit time when lie first  to Ailitnln wns Imrilciipt! with debt an.l had lost (no confidence of both faculty and     ",   , ''Hut  all tlic^o ." he . "i ho sun Is  to I  . MnrtitiiKCR totaling $2in.. WO  Iwn . Conlldonce Ims licon paid. iL . l as       re- I 'lured. The   hero to- In.v Is proof of that. We hare 3- i - students and a  that is I'.. "Tlic    of the nasi Mve ." ihu  j   iiid. "was when we . I  It wns a  that would :~wii us a xvii y. Spxornl said Morris Timwn was lost. They wore nlm.    n- that Morris Brown ivr.uli! he  up by other  of Atlanta. ''They iv.-ie never morp :   . M'M-ris . In    ;t. Is Just ? a now lease on . Il's I'.-Inc . Ynu can t pay any r M i- ef any other Inslllution to sny  Mmi-Is Brown Is under their control," he ass^     . "The  location Is the one reason that  Morris Brown live, he  and rated. It l'0-_-1n -to attract  "7.. '"I'h.-sp  were at:   -lp.)  r.f  odd  of sr-lf help. Self help Invited  people to help." "TiurliiK last yo.ir. tho worst and hardest year of the depression." President Fountain declared. t-K0 needed a pertain sum of money. 1 ini happy to snv that the A. M. K. -Imri'li of  raised and laid in this table SltO.nnn. only ?.o.nn or  was (riven hy white people. ''When you 1  to raise that, the   board i.-ive us SSO.non. When the  opened  fiscal  It was         rf debt with flip exception of 52O.non  on tout property north of Wnshln.cton Iiifrh ." "T was  in the paper this  where the  won 7 to h"1n Noern's hv  homos nn tho west- rHo. T waR   Nemrnra of Atlanta :ould  these white people tor                 their kindness. "And I lien I thought that hero is m . l.'o,,,,..  ..l by f  horn in poverty. Morris Brown how stands as an ! "cut to .VeBro education. Let  see the  homos noil schools m, the west side,   Morris Drown mid say this is owned, supported and  Moiled hy me." (~.~, Dr. Fountain dc. .1: -.Morris  stands ur ho cross . On.; ro:id leads iiin U in wluM-e II was live yo-irs  K(i :ind Hie 1.1 her u, Km.tcr hn,:h,s In ih,. . There Is iho l.:isi; what of the future?"  Knuniain,  ii"iu a  Illness,  the plan hy whi.h li is  i.,p,~d  nn !fi;-io,()  fund for the A. M. K. si-. Iliililiii;; up a .v of the New Hcnl hi.nk. In. said mimes aru to  in the' volume nml each signer is to (Iniinic one . t.v.vernor         ! TnlnindRC, he ri vi . was the Inltinl  of      \.-!.iii,.- ai:.~ . C. C. I'itt. man m' . afier ; an a. ha.l  hl8 s(Kn: i.i a p:iir.- in I lie Itfok. Kiulu unl(~  s aro m he Riven t"  Mild  clrt.'iN i'n  i!:i who soc-urn the lar^osl  sii;.i       i heir .is^ , the bishop . Music: nt the  was furnished hy the Morris Itrown ehr.niK, the Freshman quartet and the college orchestra.</t>
  </si>
  <si>
    <t>                                           All forces were rallied and the opening guns were fired in the drive to secure a new educational endowment deal for historic Morris Brown college, in a gigantic mass meeting held at Big Bethel church, Sunday.</t>
  </si>
  <si>
    <t>                                           Probably  today with temperature extreme* near TO and 90 degree!. Oeoru* W.         ,</t>
  </si>
  <si>
    <t>                                           HERE S THOSE BRASSES                 -Duke says "It don't mean a thing if you haven't got thai swing, and these are the four boys ;n  ns famous band who give the organization its internationally-known "swin" Left to right: Freddy Jenkins, Charley Williams. Art Whc'ttoI and Lawrence Brown.       will bring his band to the City Auditorium. July 31 for a one night engagement</t>
  </si>
  <si>
    <t>                                           Teeth Cleaned, Extracted, i or Filled. 50c DAY NIGHT DENTIST I 30K Broad, Cor. Ala. MADAM FAY Character Reader And Adviser Only palmist on Peachtree Eoad -^_D^_ The great question: ^f^^^M ot life are quick]C^H solved, failure turn BB^H ed to success, \ ~{Hi to joy, separated ar  HOT brought together,~QH foes made friend*  truths are laid bare BT\~-fl Tells your ! Bf ll troubles, the. ' l^Afl and remedy. Advic. on all affairs of        - courtship, mar. ring*, business, speculation. Investments. Gives Lucky Days and Numbers' Roars 9 A. IK. to 10 P. K. Located 2M3 Peachtree Eoad Atlanta, Ga. WANTED NewBboyi and Accata Everywhere r TO REPRESENT THE, WORLD S ONLY NEGRO Daily and Send-Weekly DAILY NEWSPAPER  Atlanta Daily World! 210 Auburn Ave^ N. S. Atlanta, Georgia W. C KELLEti</t>
  </si>
  <si>
    <t>                                           THE^WQ.RL D         #Rl ATLANTA DAILY WORLD, ATLANTA. GA. ^^    7Tr^^^:^-----~--l</t>
  </si>
  <si>
    <t>                                           A GOLD DIGGER WITH CHARMS                 JOAN l;l.ONT)lil,L. as Ihu shun  I'rirliil ill Ul.'V Kllililli: in U'lirn it Itros.' super musical .s])i:i'i:il. "(;~il([ l)    :rr, nl l!i:i:i."   il;ij in^iit the .</t>
  </si>
  <si>
    <t>                                           THE COLORED HOTEL EMPLOYEES CLUB met at 284 Auburn avenue. There were twenty members present and two visitors. Mr. Edward Daunequne, Mr. Bunyan Cullens. We had a wonderful time.</t>
  </si>
  <si>
    <t>                                           Up From Georgia With My Banjo '{ By Thomas Jeffenon Flanagan CAMP MEETING TIME Hoo-anna in the ' en 'tis ringin'  eii prime. En the Holy Ghost is movin' fer it s come camp ' 1. Coine on you moss-luck sinners, litre where salvation s free It set the saint a-marching rn.it save a wretch like me. Ol' brothers been a-tunin' of them mellow seasoned . Amen sisters ' down  '  stairs. In the sec ton s pullin' dowm that frazzled ol' bell cord "fhc ' anthems scatter forth "Come ye that love the Lord' Satan's hangin' roun' to throw in his monkey-wrench. But pod is gittin' us ready en we storm tlie  s bench; Papfjsin'hole is ' en the bells of Ix-aven chime.                 Tin' " hymns of jubilee en ' time. CALL TO THE FORGOTTEN 1-T. Ioiir forgotten, Ccmih1 on. here s your chance: Fiddle string is broken Bm we ll have jes one more dance: You ain't got no sweetie but there ll be no fuss F.f yon  thru swingin' some of these that 'Wong to us. Ol' ' got a plenty J Sunshine for us all. I Need a brother linger Where the dreary shadows fall: Ef you never loved a body, break into your ol' heart s ems'. Fcr we don't n-ind you lovin' some of these girls that b long to We've got no rich nor paupers, Everybody's a new chance, Fiddle string is broken But well have another dance; You ain't (jot on sweetie, but  raise a dus' \li \ou  through swingin' one of these that  to us.</t>
  </si>
  <si>
    <t>                                           "I AM A YOUNG DOCTOR" "Surrounded by pretty nurses rich and idle women confide in me;. The world demands my every  hour Inil 1 am a man with n mnn n emotions I want to live life!" ok GABLE MYRNA LOY MEN, WHITE "BABES g^*- ^fe ^^wN-'hS^H The Goods' lr%~/:MM' #HH Kelly Todd  ^^~^ity^ ^^m AND OTH EPISODE "I ERIKS OF PAULINE" BAILEY S ROYAL THEATRE Today Mon. TUES.</t>
  </si>
  <si>
    <t>                                           Georgia Has Many Noted Musicians                 ~.v VIVIAN E                  inu  oj mus:c Is one of the numerous am] varied  under two heading, namely, vocal and instrumental.                 there are  ludi- viduals In the Statu of Georgia' who have made uo small  In one or more of these phases. Without there  any attempt to mention    of the prominent.. Georgians that were found in the field of music, a few fact* concerning tho*e of greatest Prominence have been gathered tor .vour consideration and appreciation. ROLAND HAYES i Born In Curryville, Ga., of ex- 1 slave parents, receiving his early I education In Ctiattanooga, Tcnn I and later at Fisk University, of I Nashville. Tenn., Roland Haves has attained heights in the field of music unsurpassed by any art- ist (regardless of race) In this, country. Mary White Ovlngton says of him in her "Portraits in Color" that "No other N'egro living is so well known to the public of Amerlia ami Europe as Roland Hayes. For ten years the colored people of this country listened      appreciation to his  but not until after his English Hnd continental success half-a-dozen years at-o  he  a great  In white America." It is not his voice alone liut his Intelliccnce in the mastering of English. French, (,      Italian lit)- Aliases that has     ami - 1  for him 3 -e beside the I  tenors of the country. I The cr tir? in National and In- 1  realms credit him with renditions of unsurpassable "rt in "The Crucifixion". "I.c Reve in Mnnon." anil the difficult compositions of Phuhert: and li s best rendition of all the spiritual "Bye and Bye". "I'sc  I ter Ia.r down my heavy load." j Of his own attainments Roland 'Hayes ssys: "We all have the fame divine spark, whether our 'fV n Is white Or yellow or brown, j and I think  fortunate (Continued on Pace S)                 PUT GEORGIA IN THE LIMELIGHT                 HALL JOHNSON                 Koi.wn  I Two (^ians who   in I- rn.il in,,.' I lam.- lu Ihrlr  .st.l It- ;trr Jl.tll Jo))~mM) Drill     ;! Hayrs Cilmvft. Tin- i;      is ruled by critics in l-ln^ -unl ( i;      ;in t  H in which hi* has ;  )jii;in-(i, ;is inn* uf lit" Itn atc.l    f Hiis  Ki*  tin*  r. :i son of Hisbnp DtikiT Jotittsnn of Dm- A. M K. Clmrrh. h;is  i'd  ii:iny *;lu;il ~-~ i I ions In  to (Hn- tin- Iiuihhis  lu-ard over u  Jiodluiji In            of rail o . 'Miry :irr but ;i f ~*\t"~ if the (*4'ori;i;ins who haw  j musical  id  native stale.                 (Continued From Page One] when I feel that people -md fin- what 1 uin striving. Only  kei- ni.v purpose I'irnilj before, me. only by  thai I "mi the  of ii great idea, shall I he al)le   . give renl nrt. that art tti:it cues to people s hearts; that leads to my life s Kuftl the cml of race hatred with tio difference between the colors of tile skin, l cace and Urutherliood all over the world." FREDRICK DOUGLAS HALL? Frederick Hall was born in AtI.'. ( in la JG- lie  his education from Clark Univcis-ty ami Morehouse College Wlillc a student ut Morehouse College, he was made assistant to tin- Instructor in Music, Keinper Hnrrcld. In Ml HI he received hii Mus. H. from Chicago Musical College, lie is \ in Hie playin? of most all the Instruments of the orchestra as well as piano and  . Further credit goes to him for the organization if ;i. Conservatory1 of Music in Jackson, Miss. This Conservatory is the only N'cgro school of Mxisie .se graduates may' receive licenses from the State of Miss, i to teach music. Frederick Hall is now director of Music at Clark Uuiversily and Morris Drown College. His contributions have been original com positions and arrangements of the Negro Spirituals. Numbers of these arc used in his pageants, 'Pearly Crates" and "The Heritage." These pageants have brought highest praise to . the schools whoso student participated In performances in the youth, Norlh and.. Knsl .before audiences of both rices. DANIEL  Daniel  comes into  at the mere mention of the Broadway success of ''Hallelujah" and Mare Connelly's. 'Green Pastures." His natural  of a deep rich bass voice has enabled h ju to make a. contribution to  Music and DramaMncon, Ga.. is reputed to be the birthplace of Daniel Haynes. He received his education at l aine College, Augusta, Ga.. and later at Morris  College, Atlanta, Gil. HALL JOHNSON Athens, Gu.. besides proudly ' Negro men and women of exceedingly great prominence in the fields of education, business, art and social wo k as her native born, also gives lo the race truly meat figure in Music in i Hall Jolm?un. As tile son of Bi- shop Decker Johnson of the AMI! i church. his family heritage is largely responsible for his early advantages In scholastic and musical training. To Ills credit are many original compositions and arrangements of- the Negro. Si'irituals. We cannot imagine what Marc Connelly's "Green Pastures" would have been like without the contribution of its music by Hall j Johnson. In   all. there arc two of greatest favor, 'I heard of City called Heaven"' and "1 don't feel no ways Tired." i Further appreciation of the I above  accomplishments1, can be obtained when the radio i of today gives lo Us listeners the  of Hall Johnson's choir. FLETCHER  The ra iio has brought forth great recognition of the abilities of many in all phases of music, j but none so largely represented as in the realm of ja-;.-.. The name of  Henderson      '.ru stands foremost iu the i rank for rhythm, harmony, and originality. Cuthbcrt, Ga.. is re- j      \l to be the birthplace of j Fletcher Henderson He attended j Atlanta University. The student affairs of his college days carry memories of him at the  when the dancing began. However I a more rapid development along this line him after he made hi* j home iu Iw.v York City. J. ROSAMOND JOHNSON AND K.  The State of Ga- cannot claim these two worthy sons as her na tive born bnt  contributed much to the development of Negro       in the state the   is more than worth its . J. Kosaiaond Johnson was born in Jacksonville, Kla., His education was received at Atlanta Uni . His mu- training in piano, . and voice was re   ithc best instructors of America and Europe. He is a member of the United Sonp Writers Society of America. His contributions Include Comic Opera, arrangement of Negro Spirituals and over three hundred          songs, J. Raymond Johnson's most widely used composition is the Negro National Anthem. "Lift Every Voice and Sing", the words to. which were written by his brother, James Weldon JohnsonKeroper Harreld wa* born in Munice, Ind. His musical training was obtained in the Chicago Music-il College, Steins Conserva tory in Berlin, Germany, and Frederick sen Violin School of I Chicago. He is head of the music- department of Spelnian and Morehouse colleges. Although well known for his accomplishments in organ, piano, and choral work he is  as a gifted violini-st.</t>
  </si>
  <si>
    <t>                                           The held of music is one of the numerous and varied phases under two headings namely, vocal and instrumental.</t>
  </si>
  <si>
    <t>                                           JAMES W WILLIAMS TRAPPED                 Captured Exactly Three Weeks After Date of Shooting                 ESCAPE TRY FUTILE                 MEMPHIS, Tenn., July 19.-                 J ami s Williams who "on July 9,  murdered hia , Katherine Walker, on a lonely farm nci.r Captevllle, mado nix bid for liberty whan deputies closed In on him near Colllerville Monday night, but lost out when a bullet in the hip  him.                 Williams, known aim as "Red," blow the chin an,) throat of tho Walker woman, who wax an expectant mother, from her body "ml blasted out tho window in  of which she was standing with a charg.1 from -a shotgun when the woman Is said to have told him she was going to quit him. After  the woman, Williams is raid to have taken his . their son, an,i the ; daughter of the Walker woman to the farm home of Calvin black. William? .left .the  place, nay.ng he was   to Vy and reach his sister s at Collierville. Apparent'.y he had been hiding nut in thp district since the nite of the murder, hut deputies who had seeking iiim for his brutal   rime had not  able to catch him. .Monday night, exactly three weeks after he 1st said to have killed .his illicit sweetheart, Williams fell Into the  of the law when deputies rounded him up and shot him when he tried to run away. When Williams recovers from his wound he will lie ind eted on a murder charge, officers  Wednesday.</t>
  </si>
  <si>
    <t>                                           James Williams, who on July 9, alledgedly murdered his sweetheart, Katherine Walker, on a lonely farm near Capleville, made his bid for liberty when deputies closed in on him near Collierville Monday night, but lost out when a bullet in the hip dropped him.</t>
  </si>
  <si>
    <t>                                           TWO SONNETS SOME T 1 M E S By THOMAS  FLANAGAN (Two Sonnets to William Alexander Scott) SOMETIMES a flower quakes in Us blushing bloom. At morning s dawn in springtime s balmy bliss; To wither in the chilly evening s gloom.  Vnd crumble in the poison of the mist But bright it made the desert s barren waste, And lured the thousands, with its charming breath. The light of courage glistened 'bout its face And beautiful the sunset made its death. To where a more congenial spring abounds With soaring larks and all their feathered kin It takes its last long flight and glory crowns Immortal, this little traveler of the glen. And other dews, where never  creep Will kiss the blossom from its last sleep. THE gallant giant went forth to battle royal. His spurs were  and with his spear agleam, He led his horsemen brave through tireless toil To view the          glory of his dream. And then he fell but with his ebbing breath Bade another rider mount his steed. And though his body tumbled to its death To wondrous victory marched the daring deed. And "til the mountains skip like melting snow And thundering rocks their ancient bases rend To settle in the valley s dismal low Will the valor of his courage end: Th'ough brief his span, the rage of time and tit Will recollect how beautiful he died.</t>
  </si>
  <si>
    <t>                                           r Lkd^Sl I HER TEARS CAN BE CHANGED      T0 SMIlES h^~- '~^j v*~*^- .y tut k.~- b.,j!,.  s,   N.~,: p.,, sw i ^^~^'^^K\  V-U.V Ml.ito Oinifurn ~".t SWmi Sojh TWO1 l^v* *~otM-U:                    O.in tT\-Jtnwoi TO V. ^V.iW I  d.:^~. Stjit u^pc i:   Jt.S uiU . SC**1'" v 1 JivlIHVwir.     Jtchv. K.   '                   richt up. V*-" nwV '^^. . S.-~ ho-  s-n \v-~i  itl *'A^.^. "5^   uu!c on a !acv trr* from  J .  :.  . row ft*,-. li, U!V. y.^: k*. hv. U/~ h'   -i V.V.-     j</t>
  </si>
  <si>
    <t>                                           Carolf Lombard and Win. Puwi-ll                 Sully KiW-i.-~ ami Ilimi Cil.si.n                 .Mr. and Mrs. Joseph Srhildkrnutj                 Nils Anthci and Vivian f                  Ann Harding andl Harry BunuisUT I                 -4 mat i lu- print  canst of many Hollywood divorces is not "incompatibility" but plain         .nal jl-1il,.~sy. .l..~e.ph Scliildkrant. screen hero, who is happily married tn .Mark- McKaJ.a non-         " points u. Ins an  ns t he  example of h.~w to be happy though- . He saya that tha      n.    '.- ul L)ni,~i;s  mrl. i Ir.. ami Juiin Crawford. Sally Kilers      Hoot Gibson, Nils A^lh" un.l I man . Ann liar, inR an, Harry Itannistcr. as well as a Imsi of others, all resulted Trow the principals n.rmi: toy tmi.-li .11 li.  each married u nun-. says Schildkraut thev would all U  Schil. w,? fum.erly n,       to      Bartlett. well-bu.wn stage ,c!?e7s but the union      -il in  after eight years.</t>
  </si>
  <si>
    <t>                                           i i 'y -i"TP 'ITH^t " A T i'^^^U^^^ IP mancipation BBSS KYVIIiriTV C^^l Lrfll 1 I t^^^^^^M^W ^^^l\ILr^^ Ib Ul I I V/IN ^^^M "J-S'Ll^ ONLY NEGRO DAILY NEWSPAPER IN THE WORLD VOLUME 7, NUMBER 7 ATLANTA. CA.. WIsi)NKSi)AY. ~-?V im:m 1'</t>
  </si>
  <si>
    <t>                                           IfaFiVJ 1   ] W^wSi^ I SCRUM " I 81LLE I .S" I  I 22 Btico Stnrt 1 PITTS in n g Blr Acti I "IjOVO "ll VAUDEVILLE Dr. W. W. Wheeler First Class HERB DOCTOR 82 Boulevard, S. E. .iUss'-i Ol=- 05J3 4 ^^gag^^^MiMMMi^HMaaM^ia</t>
  </si>
  <si>
    <t>                                           TO NAME GOLDEN RULE MERCHANTS' ON SATURDAY1"                 Deferred one day, the list of Golden Rule merchants will nn run in Saturday's edition of Tlie Atlanta Daily World, instead of today.                 Iii the meantime, a review .oi I he qualifications, aims and pur. poses of The Golden Role Pftn is  printed in order to give complete Information to those on  not already lined up Id i Hitie!~-aio In tlie plan. V The Onldvi. Rule Plan U abm.  noh i-l-arian. A\'y ,     or civic institution, the T, M. C- A., Y. Vf. C. A.,        Teacher" association, auxiliary  society, ,  and girls. club, etc. may  pate. On buying .any commodity from a Golden Ruli Merohant, those participating. *re merely to     for and receive Golden Rule CtrMfloate* which will be  away witli purchases of 25 . 80 cents, $1 or more. These certificates arc turned ore r to tho club which  Ilium to Golden Rule headquarters for verification. A  is then       ! for the full amount on the escrow fund on  1ft a local bank. Any merchant who wishes nay participate If yon wUh, you may sund in his name to Nation* al Golden Rule Plan Headiiuajy. ten, 603 Norrls , * phone WAlnut 0677. i</t>
  </si>
  <si>
    <t>                                           Deferred one day, the list of Golden Rule merchants will be run in Saturday's edition of The Atlanta Daily World, instead of today.</t>
  </si>
  <si>
    <t>                                           STARTS ^aMi__ HER .TY MADE  SAMUEL  PRODUCTION OF  k -</t>
  </si>
  <si>
    <t>                                           Chi' Divine Preaches to Bap't Union                 By REV. 4. 4. CLOW                 Thi;  formula t nr      *;x. "start lw. 20 slow, rise- h'm*Vr.  on tin.;" -was tn;ly iu:         by the Ri;v. \V. II. Ur.nich of     *   . in a           (Hl before the Atlanta Haprist ministers' Union Tuewiay. His  was: 'The Coming of Shiloh." II,.                 traced  the Old Testament the Messianic prophecies, discussed I lie* condition   f t lie times in which Jesus made his advent into the world, and then, launched into :i presentation of facts to prove 'he power of the Kospol. He came 10 a dramatic close that left his hearers dazed. The Rev. Mr. Branch is preaching at present in a revival ut Mt. Zion Baptisr church of which Dr. J. T. Dorscy is tlio pastor. The public will do well to hear him. The Committee on Charity 11ml Relief w;is  mitc active in ^inj; hefore the  cases of immediate nocil in our . AnionR tin- several Ihinils considered wus the Wurnfns   f Mat. ~:hurch. A rally was launched to ln-m-fit. the; I rebuilding of   lions.-. Each minister is asked tn  SI next. Tuesday for this pun Ose. ami, at his convenience to  an offering in his church and forward the same to Mairdoula. 'flier cases of relief . were o. wcri, Holmes Inslitute :ui,~ Col. Jackson Mclleiiry. a lil.eral donation was -l t.. Col.-Mcllenrj-. Kit. .r. Uaymoml Ilendorson. re- j purler for the union, is c..Tiiln.-.~ to I his home with a cold. He is  ins nicely, however, ami will      .  lie ..~rt . The fini. way in which the Bap-! 1 tist  have cooper. nnd are ^ with one another I      revival *    ami anni  k an -ation of a close I .  them. Hut Rev. .1. I:.    "iid Henderson, pastor of Wheat Street and Kcv. .1. K. l;:,rti-tt. pastor of r.; s.rect liar.list .in; ^oin^ them one better. Tiioe 'Wo ministers ar I- It their congregations in a union player meet in;.- t.. Ire held at Itutlev Sirwt Wedues. nisht.</t>
  </si>
  <si>
    <t>                                           The old formula for preaching, "start low, go slow, rise higher, catch on fire," was truly mastered by the Row. W. H. Branch of Chicago, in a masterly sermon preached before the Atlanta Baptist ministers. Union Tuesday. His subject was: "The Coming of Shiloh." He...</t>
  </si>
  <si>
    <t>                                           die tame  ite  nd^~        lH*    "~ad  to* i. for 00I7 So /''/      . ^              . Co^            *.K.J. MELEA ^2e CIGAR Sctpteme j N. Hlrsch Estate Atlanta, Ga Distributor''</t>
  </si>
  <si>
    <t>                                           "I 'J27 Simpson St. J. L. GRIFFIN Froh Ki nits ; VfR,.~iil.l,.s. I Froli Swoci Milk Pint fu- Q11;lrt 1 1,. Hullcr Milk, Qi. 6c ICE COI.n  Nljtht and M. to keep them Clean, Clear and Healthy Write fm h ret "Eye Care" or "tye Beauty" Book       C, V,  . H. S_~ 8. mu Su .</t>
  </si>
  <si>
    <t>                                           Baseball i Summary j SOUTHERN LEAGUE TIir Standings Cluhs W L I'ct Chattanooga j 1 New Orleans 3 Memphis + s?0 Knoxvillc 3 I -~a Iiirminghom +    Atlanta 3 -4T Little Rock 3 S .375 Nashville 2 -4 .333 Yesterday's  Birmingham 7. Memphis 2 KnoxvilU 12. NnsiiviTIc 5 New Orleans 8. Little Rock 9 (11 . Chattanooga- Atlanta (rain). Today's Games Chattnnoogn at Atlanta BirmlnRhom at Memphis Knoxville at Nashville New Orleans at Little Rock AjMGRICAN LEAGUE The Standings                 Clubs W U Pet. Detroit 4 1 .800 N'cw York 4 2 .867 Cleveland 3 2 .600 Boston J 3 -5" Philadelphia r, 4 .429: Si. Louis 2 3 .4H8, Washington 3 .37-) i-hic:ii:o 1 4 --00 Yctlerday's Iteults I I Clevolaiid 15. St. Louis 2 Chicago 3. Detroit 7 Boston 5. WashiuRlon i               0. New York 1 Today's (lames Philadelphia at New York Cleveland at St. Louis Boston at Washington IChii:    riT DcTroil .M. LEAGUE The Standings Clubs W I. Pet. ICHieaBO Nuw Vork I ft I Brooklyn 4 2 .66^ Pittsbursli 4 2- .b6.  3 3 .o00 St. Louis 1 ~}~l I Cincinnati 1 J j PhUadclphiu 0 V .000 I Yesterday's                  Brooklyn 3. Boston New York IT. I'hiladelpliio 7 St. Louis 4. Pittsburgh 3 Cincinnati 2, Chicago 3 Today's Games New York ai Philadelphia St. Louis at Pittsburch Cincinnati al Chicago Brooklyn at Boston</t>
  </si>
  <si>
    <t>                                           ROSE SALE t il-i...-' u-ul.ir No. i A ~^~5-y- :'iM !!l.il-  ".-;V-': -M'ir-' lll:nl ^  ^%-l ";"    ;" s' "Vl 8 y^ Kii! ora. v^ \\*^M ^~fj. RED i!a. ir I r CLIMBERS Pi,,,,,.: V141 ti i X *^rf^ H. G. HASTINGS CO. Mitchell at Broad WA. 9464</t>
  </si>
  <si>
    <t>                                           Dixie Church, Ignores Duty TowardNegro'-Dr.Alexander                 t the Uaivmttjr ot Virginia Fri*qr Itat Um MuUMrn  ot Uw Bntlat and HMkodM                     pal church, particularly, bad Shirked  # In  to tte          la  south. "Negro education and welfare has       been a significant part of the program of any southern church," DHiertod Dr. Alexander. Southern churches, he added, have not developed a single first class Institution. The great masses of southern Methodist, Baptlnts and Presbyterians have never been vitally Interested in Negro education, nor  the leaders of these churches, generally, sought to interest their members In this cause. "It Is one of the many tragic misfortunes in the South'* handling of the race problem," declared Dr. Alexander, "Uiat southern churches did not throw themselves Into this tank (Negro education and welfare) with the zeal that characterized their work In the field of foreign missions. "While southern orators were declaring somewhat too Insistently that the southern white man was the Negro's best friend, northern churches were building schools for Negroes in the south' and northern white  were- teaching Negrat-girls and boys how to read." Dr./ Alexander, after showing how the north had taken over the  s  for the education of the Negro, described the manner in which education in the south, even for the Negro, is becoming state-supported. Support is unequal, he admitted                 but less and )ns    being left to private philanthropy. The  now throw their  to the college*. At the present rate of Improvement, Dr. Alexander stated that It would take 400 years for the Negro                 share equally with the  he funds alloted for education. Dr. Acxandor believes  tiw Negro's great need Is a mora sympathetic -public opinion. In Um  , asserted, the church followed rather than led public Opinion. The southern church, ha  .has always been slow to seek to lead public opinion on the race question, much slower than  editors. "Phfty. charity  philanthropy ran never take the place of  Justice," he declared. "Only in -the rarest instances will Inere be heard from southern pulpits any reference to the necessity of applying Christianity to the treatment of the Negro." Dr. Alexander quoted a prominent Baptist minister who said: Every lynching in the south Is either a Methodist or a Baptist lynching, because there is always a Methodist of Baptist church near enough to where these lynchings occur to      prevented it if they had attempted to do so."  1? P01."1"1 out how the Negro Is barred from hospitals in 'he south, describing the notable case of Julia Derricotte who died ?hirt e w,ay t0 a Noero hospital h SLra ^ w-"h a       "This community attitude" Dr  '~ sald Scales a lack of 2S5^ctic  ~~""ion which could be - easily changed if Broachera and Sunday school  would give more atta?J.Jhbort"**     ) Newo^Blrl.61?^^11; P^           5 (Coatinucj on Pac- c: d:. jj                 CHURCH (Continued from Pare 1) I al core and economic opportunity In conclusion Dr. Alexander nidi "Negroes believe that moat of their handicaps grow out of assumption on the part of whites of Inherent racial Inferiority of Negroes. This philosophy, which underlie our Aroerlnn policies regarding Negroes, has In the past expressed ItseU In the arbitrary  of Negroes in inferior neighborhoods with inferior public services, and In wide-spread Jenlai to even the most intelligent Negroes of the  to the ballot in our democracy. A new manifestation of this claim of the superior rights of whites is the tendency of white workers to drive Negroes from their jobs by legislation, court procedure, and force. The church needs to examine very I carefully the moral content of the doctrine of white superiority and the social consequence of its wide-spread acceptance."</t>
  </si>
  <si>
    <t>                                           CHARLOTTESVILLE, Va., July--(ANP)--without passion, but In direct and simple terms, Dr. Will W. Alexander told members of the Institute of Public Affairs at the University of Virginia Friday that the southern branches of the Baptist and Methodist...</t>
  </si>
  <si>
    <t>                                           THE MAGIC CIRCLE -4 t'.f L=~^~::vv.      ^~K--::s^~::~w^   {:~      ^::J5!S^~:~,7      Dr James Corry Ex- Army Doctor ;5  Ktrcet,"N. K.,       .2.11-ll i           Houston and' A'obnrt*1  r   W.~''j 1 find many colored --To w/' Thin*  i'-: U?Te   nl^ ^"i?* for  .     nil*, *1.00 #S Off.e- : 9 A. M.,..t^g t\ M, DaHy-~          , 1*^</t>
  </si>
  <si>
    <t>                                           H 11^    PRICE FIVE CENTS                 0. S. ROUSED IN SUPPORT OF Bit                 S.-i- Little Hope for Floor Consideration in This Suasion of Congress V                 SEEKS FUNDS'                 WASmNGTON-.-           of the..Costtean-Wasner anti-lynching bill was made by tho senate judiciary committee Mon. day. but democratic leaders held out little hope for floor consideration during the present session.                 Chairman Ashurst, in announcing the committee action, said there were two or three votes against it but approval was given by  vote. The bill levies fines up to $10.000 on counties where lynch ings occur, makes it a felony for federal officials to give a prisoner to a mob. and provides penalties- of ,S5.000 and . -tor  avu. years of those guilty of lynching.  COUNTRY HOUSED ix SUPPORT 1 OK ANTI-1NC BILL XEW YORK Mass meetings of white and colored groups from coast to coa;t are being held in support of the costigan-Wagner anti-Iynchint: bill, according to          reaching the National Association for the Advancement ot Colored People here. Xot only branches of the association but independent . lodges, churches and civic organizations arc rousing  against lynching. The lodge at Elks in Now Orleans has secured 10.000 signatures to a petition urging passage of the bill. More than 1.000 white southern church women, members of the Missionary Council of the Methodist Episcopal Church South, have pii;~u a recitation endorsing the bill by same. W. T. Meadc is grand exalted rule.ot Winter Capital  in Ne.v Orleans. Federal Council of Churches Approves The Federal Council of  ts of chirst has passed s "solution endorsing na Jonal kp  to cepe with     !yn*:7 .      following national organizations have endorsed the bill in addition to the ones named above Women's International League (or Peace and Freedom. American civil Liberties Union. Society "t Friends. National Student Council of the Y.  V. c. A. National Association for the Advancement oc Colored People, k^ Aflairs -Committee of the National Board of tho Y. W. c. A, Writers' .1- Lynching. League Xor Industrial Democracy. National urban League. Congregational and Christian Church, and 'American Federation of Teachers.. Letters to Senator Asbnnt The bill is now before the toll judiciary .committee of the senate of which Senator Henry F. -Asliiirst is chairman. Letters, and resolutions should be sent to him urging the reporting of the bill out favorably so it can be placed on the calendar lor a vote. Senator Hucy Long of Louisiana has denied the report that he already has announced that he will tight the bill all spring. Senator Long states that he wil give the (Continued en Pace Z)                 U. S. ROUSED (OmtinuccI from rage 1) t bill every consideration when :t reaches the door of the  enate. Poverty Cripples Campaign i 1 lie campaign for Hie bill is se- i riously handicapped bv lack of tho funds. the X. A. A. C. 1". reports. Money is needed     print necessary literature in sufficient" quantities to reach all Ihc persons interested in the bill. Distribution of leaf- lets and reprinting of the brief on the constitutionality are .^i held up for lock of funds. This matter is most necessary in ; congressmen. Some vital- j !y important  copies of. resolutions canr;ot be ordered bc-~ cause the money is not at hand, i "If would be a  tragedy 'f tl'.is IlKht should fail for lack of u few thousand ." s;iid Wa!-. ter White. N. A. A. C. l\ secre-' tar.v. "This type of law has a be:-, ter t:iance of passing now t!um any time in the last twenty years. We must not fall down on our  the tight." Contributiuiis  be sent t... the N. A. A. i 6!) 1'iith :i\ nue. New York, for the anti-lynching Iiylit. Receipts will be sent .V all amounts, large or small.</t>
  </si>
  <si>
    <t>                                           WASHINGTON,--(Special)--Approval of the bill was made by the senate judiciary committee Monday, but democratic leaders held out little hope for floor consideration during the present session.</t>
  </si>
  <si>
    <t>                                           Morris Brown To Observe Founders Day                 Morris Brown           will servo the f.  or its founding on Wednesday in Uio  chapel, nt which time  r. .1. FI. Lewis, a former pre...      )C the  Kpea!;Mr. Lewis Is now hen'() of the  junior hidi  nt Little Rock. Ark.,       since his p;:i. tinn from the AME  hns com Ploteil  study nt Ynlc V  and the University of Chii'aun. V.-.  of Ihe  s past will be  of    .v   during the , -h is m- to        t 10 m. All alumni of Morris Rrown  nd their  have been extended n .i!  to attend the ceremonies,   - President W. A FMintnin, Jr.</t>
  </si>
  <si>
    <t>                                           i/vui I1'"'' "-..-..i ,nr!    . lim.nl n^,!,-,!,!, ,,     i,, Mumnal, or.,1 . P..IIH-.   -::.T.r,~,,  1,,,,.nli lin,r ,, .r-.-i i-~.i:.-iti tli-jii  surf i- ili,~ tin-  nay to  ,,   ,c.t ,,wo (.tMl (;             .5 u li il i" "''ll ^l"'"*1'1" FROM ATLANTA Lv. Allmlj 8:45 AM 1-OOfM Ar. Slvlnnjh 6:15 PM IO; FROM SAVANNAH U Sivmnjli 7:00 AM 1 00 fM Ar. Ailmta i:00 PM 8:30 PM r; *4is UNION BUS STATION Carnegie     and Ellis Sfrectt Telephone WAInut 6300</t>
  </si>
  <si>
    <t>                                           The B. T. Washington Evening High School will hold its annual commencement exercises at the First Congregational church Saturday. May 26 at 8:00 o'clock p.m. The evening school has done splendid work this year and will graduate 10 young people from the...</t>
  </si>
  <si>
    <t>                                           '}  iS" c a t!T': fV f^" "!  "!i Try  y t* =j t it limn rails to Halt Ban aits; Wound  to Barnes'</t>
  </si>
  <si>
    <t>                                           Iv^^l No Operation I I ?~tf^   ONLY NATURE REMEDIES i f **        .     **      tli** h*~*    1    M*. Hti*       I ~"~~V* "**-, T1 r 1'       Cruti**            A 1  j^^rf*     .-ii__f..f it.      reft*.     %-  I'tI-hI '" ^V^J^j^? Opr*     .r to *. This*       *- *     , *r*t  V  tit tb**  *. Ihe*c Inrt'iii r-to- Tni*  J-^^^W v^Ilr*    ^~*   ^n In uv*     *t*~rul1jr ;~    .     "~     7  lit** t blac^r *   1k      thuo*Mntl*  f J  SfMrm. their cc**tlv* po^~*     *lnr       j\nJ  i i UUU1UK  f    - HCf- Ifforr    * cHUl/^U.-n ,rf  na- J  ami twf.^r    " r   f  nr ttn^Jrrn     - T.-. J Y y A tiMM- Chlot-K- !      tut iH*-ut anil ^ti-*-' ,   I If    III ~^~r* fn*-  II Wqvmv dl^-HM*.  Ailnt'ttt- tv  uttc* 4 and *" id Ike. KapM       - r-*.       4 ^   bj  mm1 )n *          *~ H  FAMOUS           . !       . . -cn-ruU. i--rli. www 0~^   .       . - -rH-.n.  U*~U^". t"~i1*^^n ~*~Hon.  CiVDbt*^. rt4    *. WWtu-y *, I HEK1  *    * -Kfmkn^-, Maiidertroiibl**. ^"ft dlur*-^.        . . Uupure bit**!.          ^  rX*        If     dvor  r  ba* Wro vIu*~l ttf tou. yon cut        b?  *t our -hop and    * -i  jw a^. 0 v^ M m  T*       -  AT ONCr. in  A u- ^^rV^ f"5  UPtx J c-~ SJer^t^ IS So SJ i*"4</t>
  </si>
  <si>
    <t>                                           Bishop Grace Trial is Off Til March 1                 IlkoOKI.YN. N. V.-  In spirits anil apparently unperturbed over his i!   4aM(!ins trial on chur^cs  f  tin; Mann Act. Bishop Orarli-s M.'         Jitdgo  A. I'Mni'h announced thi' postponement of his euse until MarcU I. in Crinilnm Court Monday. lii-~   .~ I     ^'iw pri fcra J  i^: lit in by Minnie I.ce Camp. I..-1I .l.-.l.irin- lli.it Hie .i Ii': l"nl transported her Into tho  Hf Nuw  lor Immoral .-. :ind that lie wus the (       ti- ..I lur  ^d., Mislinp '!rm:c ^ and   :is he talked with  ui 1 1   ; Mlinvurn In the . Hue if I hi' IlUhop's , who  ftn- him. when  hy a ri-jn , i.-liar^    the (' ^i 1 1 with blackmail ami'   Hiiv-i'  were only n "frame-up" In - to   lli V I'i-i.iu . The r.ishi.pN bull i.f 1 .500 was  ij r i- Irlal Tliursday, Man.li                 JONES By I. p. Reynold* They soy thot    intire no. but In this day and ago the  '1 make the mono? i keep .</t>
  </si>
  <si>
    <t>                                           ;Free  Briii:! :; ad tur fr... r)n-ra-~ ^ S-.-alp treatment with" .vvi-ry Sli:,   ,:o. l-r.-*s c-url. KXITItT . W-WXC Ap.v Jt IValkrr Syslrm* j GERRYS HKAl-TV STUDIO liM  I LAST TIMES TODAY ff CUudrtte Colbert Hen Lyon in "I COVER THE J WATER FRONT" % Also IU.V TIN-TIN In ft "WOLF DOC" Today Tomorrow "WONDER BAR" Al JolMn Rlcardo Carts* Kay Prancli Dick Towcll Bailey's 81 Theatre</t>
  </si>
  <si>
    <t>                                           DIRECTED BY Messrs. E. W Hatheart and E. A. Starting, the various Musical groups of Morris Brown College are staging their First Annual Musicale this Thursday evening at... 8:00 o'clock in the college auditorium. The school chorus, the a capella chair, both glee clubs the freshman quartet, the quartet and quartette, are the groups that will take part in the sterling program that has been arranged for the general...</t>
  </si>
  <si>
    <t>                                           POLITICS TO HOLD LOCAL SPOTLIGHT                 Business Men and Gtuens Show Increased Interest' in Registration Drive                 BIG MEETING MONDAY                 By K. N. DAVIS                 More            l(        dally by local  and civic  in   en. ti v  th? local political arena or two   seconding to  from meeting* and IntuvUwa     .i,t by  end . oi thB Colored *                 Li  Ai!am% ard Fulton ~...unl.v Saturday morning, at n meeting of the local agency force of the Pilgrim Life and Health Insur. Unce  which was presided ov*r by J. E. Walker, J. T. carleton, president of the league and W. C Kelly,  candidate for a sci t on the Atlanta Board of Education, were the principal speakers. i "Take the stand, and pay the: price" urged Mr. Carleton, "don't be too "cheap to register to vote. Pay your , and do your! lull duties U8 citizens." Mr. Kelly point*,, out that  Negroes In Atlanta Tiave long been  on their political rights and that It wan high time that ^hey become      actively engaged VJn the affair, bf the city rather than to continue to cry and whine whenever  wished to have any thing' done.    also said that It was  Yiot only their right, but duty to v (Continued on Page S, Col. 4)                 POLITICS (Continued from Page I) pay tba poll  At the  of tht  tht  of the afan ejr fore* *,*            to eon, to thr aimer  mxt Saturday with their pink . Uon  and  a 100 par. cant registration tan tba Pilgrim. OSSebbi of tba company promised their  to tte program of tha  and tha two proposed candidates for  pads. Anothar indication of tha awak. Mi public  of tha   of Atlanta wa(             by tb, fin* eo^ pledged by Henry Ivey,  of tba  Brotban  homa on Larkin street. Mr. Ivey, who hax been . dent of the West Side Civic . an organization that has done much effective work during the past few  especially in the fostering of Citizenship Studios, and humanitarian nnd community work, unselfishly pledged the cooperation oC the West Side Civic club, with the Colored Voters In addition to that, the well known and popular west Bide mortician offered his  assist, ance in the registration campaign along with that of his Business . i Dr. H. Word Warner, prominent woman physician who resides at' 37 Annoy street S. W.. h:   consent1 ed to take charge of the district! bounded on the south by Greensferry on the east by AShby St., on the north by West Hunter, and on the west ux far as the county line. Mrs. Warner I* culling a meet     of the district, which will be a combined city county , within the next few days. Mrs. J. T. Hill, who ls chair, man of another west side district, will have a meeting of her dist-~   next week. Monday night a general meeting of the league to u-hicH all citizens are          will be held at the W. Hunter Street Baptist church, Rtartlng at eight o clock. Maceo Blackshcar proposed candidate for councilman from     first ward) I* expected to be one of the prin% cipal speakers. The.e will be a number feature]. N,, admission will be -i at the same time, a north" Kcurth Ward  H*'~"ct meeting .will uc held nt            J'rlcndthlP! Baptist church, corner Merrlf.s nV  and Bedford place, with     L. C B'.bv, Jlslrict lender It.  Tlxi who  at. the        -.    iro urged to . the  at Little       .~W.i p. . ~:f t'i0  are bring maintained at 847 We.it Hunter street *   complete                 of the big regulation drive may be obtained by calling the headquarters. More          groups will be contacted  the coming week in an effort to interest      colored citizen in the nse of the ballot. Citizens are warned that the ivg  books will close on July 28 nnd all are urged to go to thc city hall on,] register, if possible  ome time this week.</t>
  </si>
  <si>
    <t>                                           More enthusiasm is being manifented daily by local business and civic fencers in the proposel ... into the local political around of twp colored citizens according to reports from meetings and inbleviews ... by members and officials of the Colored Voters...</t>
  </si>
  <si>
    <t>                                           I Red Cross To Take Appeal To Churches                 Excellent progress Is being reported by the workers In the Colored Division of tlic IDS'! Doll Cull of the Atlanta Chapter or the Ajnericntv Hod  and more ami  pep in being evidenced ot the meetings for the workers] which ore held every evening utl seven o clock at the  Street I Y.MCA. Tonight, nt the meeting nt seven o clock,  plar.a will be  for the big city wide church campaign which will carry the message or the Red (Torn Into every colored church In Atlanta Sunday. Speakers will be sent ol the churches while Hed Croit booths wiU bu placed at some ot the churches. Or. II. E. Nash_  chairman of the colored division. \i urging that all ^YO^k ers be present at the  to. night. H expresses  aa being pleated with tho lino manner in which the colored  are  to this, their first opportunity to hove full Red Cross membership In the Atlanta area.</t>
  </si>
  <si>
    <t>                                           Noble Sissle Plays Sunset Casino with International Jazz Orchestra from East                 Hailed as the latest radio sensation. Noble Sisslc and his organization of expert bandsmen and entertainers are hauled this wax- They will appear here March 6 al Sunset Casino. A treat that dancers the world over have enjoyed is coming to you. This orchestra is unquestionably one of the most popular dance aRf,'rei,'ations in the world.                 Noble  and his boys have appeared for extended engagements at Lcs Ainbassadcurs of Paris, Ciro-s ot London. Hotel Paris, Monlo Carlo; the Princess Restaurant, Pork Avenue, Now York; and the Park Central Hotel. This orchestra is the only sepia orchestra to play ya major hotel en.  and is the only sepia band to play jn one year the Hotels 'Biltmore. commodore Rltz Carlton, Waldorf Astoria, Astor, Plaza, Essex House, Lombardy, and St. George. Noble  and his crew can "dish out" rod hot music but arc at their best when playing  music and, according to Eddie Cantor, renowned comedian, Noble Sisslc is the "best of them all." More recently Noble sissle has played at the famous College Inn in Hotel Sherman in Chicago and at the Hotel Lexington in Louisville and each night a packed house was to hand to greet them.</t>
  </si>
  <si>
    <t>                                           H. U. UNI HEAD HITS                 No Catalog, Fewer Students, Poor Grid Team Blamed on Howard President                 WASHINGTON. D. C- The UlTlni of free scholarship* to worthy student* who are financially * but who  to enter Howard  this fall and the definite decision the Howard football ream shall no  suffer from        and other                 cal handicap*  r It han  the hat Keren /whlch accounted for its poor , are the firm two Important  in a  program the General Howard Alumni Aiaodation decided upon today at the  headquarter, in WaahtaRton." aid Mbfaei (Casey) Jones. Howard Alumni secretary. Speaking  tbe  team. Mr. Jones said, 'The discouraging treatment of our football me" by the present university administration which began with taking their training table from them  years ago has heen almost inhuman. The alumni association has waited patiently for a change but has now decided to.   against this evil and see that et-Ttbing is done consistent with ut.: team In its rightful place In the        ethics to place the Howard college  world." In a news release from the General Alumni headquarters in Washington reads: "In speaking of the campaign for free scholarships to Howard the Alumni secretary pointed out that on a da; to bu soon named the SO Howard clubs in various cities will open a propaganda campaign with the slogan that "Opportunity always favors the prepared man.-' During this campaign funds fur scholarships will be collected. All candidates for scholarships und  arrangements for their schooling win be handled by the General Alumni Association," the Alumni office declared. "The General Alumni Association is becoming alarmed over the low (Continued on Pace 5; CoL 7)                 HU ALUMNI (         from      1) prospect of student enrollment at Howard this fall and we nrc  to do  possible to  it up to normal. The  must  a larce  to Increase student enrollment because the present university  hay boon making very feeble efforts in this direction even - for the  two years to l. the rt- university  upon which hundreds of pros. pective students  for suid. am-e ami ins( and      written to tbe unh*rsity to obtain, the Ainmni .secretary said. Mr. Jones  by  that "      than twenty thousand dollars have been lost 10 Howard  h  and Paid for luxuries at Howard during tlw p.ns; two years, a small part of  amount would, have         (1 and mailed thi se catalogues which would have in turn resulted in         -d enrollment. UnliUc most (ro presidents who are i continually before      - .~ of their             universities." said the AJumni secretary. ''Howard's president appears before audiences but always either           himself or I  to solve some fanatical  lem, seldom, if over,  a I - appeal for student s for I Howard university."</t>
  </si>
  <si>
    <t>                                           WASHINGTON, D. C.--The giving of free scholarships to worthy students who are financially unable but who desire to enter Howard university this fall and the definite decision the Howard football team shall no longer suffer from hunger and other...</t>
  </si>
  <si>
    <t>                                           HIGHS BASEMENT -DAY SMASHING VALUES I Boys' 59c Wash Shorts lien s $1.95 $2.95 Shirts (BASEMENT) Snappy  -; value* lor A - nun!  material*, expert tul- I    Color-font pattern*, idles O"Fa - every  and style uf collar you QAfl (BASEMENT) Mpn'fi M QK """".AsgMi.NT p OfC .r wiu       9.93 Rayon Taffeta Slips ~$1 ValuesISlT Hose W0menS$3.95  1          Qllll'A     U- or Utlored-tood  Full-fa^l.! Smart "~un " to wear m *% A... VUllUII 19 Hip. for  .! Pink. t..r0M or m  n.~ with your .u.nm.r . Hay If  ft Clll# IImMAMAA WhltA_~~ women. .I.e.. Ka.  L H all you net-d. 8!i to 1UU. I'r. *      UlRISSRS A "hot tip" for mm. HlOrTS BASEMENT TT 1# IIIGrTS BASEMENT VI  met comfort, men! 0 4fe Ofi I 1 i- 5 X Ja Girls $1 Organdy Frocks Women's 59c Wash Frocks ; ZT C A All lUe. for all       S!~ to U yean. Ea.lVV Mto46   . WWli for every . Slie. U MH __j^_ HICKS BASEMENT HIGlf S BASEMENT to</t>
  </si>
  <si>
    <t>                                           B. C. L.-Have I chose the wrong one and do ms boy friend mean me any good?</t>
  </si>
  <si>
    <t>                                           1 1 171 /^T^\</t>
  </si>
  <si>
    <t>                                           DUARTE, Calif -- (WS) -- Charges of discrimination in the dual school system of Dunite, California a small settlement of about 1500 people located in Los Angeles county about 21 miles northeast of the city of Los Angeles, were denied by...</t>
  </si>
  <si>
    <t>                                           The Commencement at Lincoln University, Pa., will be of special interest as marking the eightieth anniversary of the founding of the University in 1854. President Wm. Hallock Johnson will preach at the baccalaureate service on Sunday morning June 3 and in...</t>
  </si>
  <si>
    <t>                                           ~*S BeV WINNER S S. i LOVE MONEY FRIENDS Ttint'-t wn.-ii   l*n l JtT I hoi.i Worry ..p K.~ir! "     Fotar* will 1w ! Sin *"~:nl   *n itli! "~'*.   *n in all wMk* of I1  . Admit Uta.t  y  wnn tf.^lr *** KANDU the GREAT Mai-tir ..f i),..     -      mid  lyc!*TKti1.:ih^tn ;m-l Xtni^  *); h.tn ti^~"n  i.y llM.ii^aud-- Tak*~ - -i*        ,%* stur! s^  1 for your ~.wn 75  ft-WArfl -     .V CiiriHK ,\              or.IC.M. ." ImlMdaalLy    %ln^! it. ^inline t., your      In tbr /..Hllji.-t C.- you             -~  li.v " with   (UCf* -ii.J Impjwnmi^     19H4; Conxult !l l-'fi^r" iii:*c  ny rti. to *1^'*. "K'"!")i"   :    -r^,     % marriage, *mt .-t!i. li-. urr-. lucky Ik.tji         my   th*r important .t.  Ol'KKK Mnk" thU j.-ur  ,    Af Pi'nd only *i.~in Jinn your  rc,ict - :or iiiN r..Cu1ar - '      *    A^- J-'or^ra.t. and n .;on- Nufn'Tolniry         tv.ii b#* ini ^i rr*.p. if you prefer Knnrtu  u-Hl won') y"v ihi.i /ul    r C.O.D..  v,i, pny th^ postman  l:O0 POtlH^o WlfTl y.*U     !VO th* . f: Mnify  Guaranty, within oni- w-k. if yw wr, n_t ^uii.ti.~i: Y..U .;,.,t-i Lo^. n-, KA?   .      . r. s. c.~.n. v Knx *'   .   w ^'nrk, N. Y.</t>
  </si>
  <si>
    <t>                                           1 ,tl .t v- I 1</t>
  </si>
  <si>
    <t>                                           Do you want beautiful, straight, hair? Use Hairstrait. It makes curly or kinky hair straight and lustrous. Send 10c for large- sample and        Price List. EMPIRE . Klwesbory. Tex. JSk  is no mystery V4  *5B about   1*1^. hair. If you want \T long and healthy hair n m you "~Ulit feed !t m/LSsSeft^ properly. For this ^BT % purpose there is no^~L thing better than mKL^%    Hair-Aid).     .  which is derived * from specially refined oil. nature'* own remedy for short, kinky hair.  not only feeds the hair roots properly, making it long, soft and easy to fix but      aids the scalp relieving dandruff, itching. etc. Stop  with drags. Give your scalp the food it is starving for- . A large can of  costs only 25e at your druggist s. "Write to us if he cannot supply you. 509 Fifth Avenue New York City F R E E 1IK A  YOUR LUCKY NUMBER  to tho  And                c)       of               Num. . ISHMAEL the MIGHTY will #~nd your               Kruc tf you      ^^^f^^C^^^^   Klve-I n- ~^^*^^  ^^^^^ On* Dream m^^^^?^^^^m InterprptKtlcm of mfk^k^V Jl all dre*    in Ku^^j w^.iL numbers of       ^^^^-^^imP figure*. ^~^r BK A  WRITE TODAY       only-one        for     Iateit Flve-In-One        Book together with your I*UL*L mint     . Or If you       . -wUI  thfi Dream Book and your Number C.O.D. and on arrival you will pay tho  $1.00  . ISHMAEL. Uo*m not want a nickel     your money until you  received the              Manter-Key nook and your own  divined Number. ISHMAEL. Demit  great book with genuine Money-Baric Guarttnte*. WT11TB 18 . 116-P. CEN. 1  D*:PT. 557. N.Y.C. .!! DONT TEU. YOUR BAT^KKR</t>
  </si>
  <si>
    <t>                                           Hitchcock's 'Laxative Powder promotes Inteatlnai purification. ThroiiKli Us mi.  ! delayed elimination, are carried away- . out the system- - Hielr absorption bilbo Wood. This purely  compound corrects constipation naturally anil , causing no bnd attor .  'tbe entire system and makes you foi?l heUer In every way. 30-    treatment only 2Bc at any drus itoro.               8!  25c,  and $1 jars* [ASK FOR IT BY NAME I THE MUTTON 3UCT SALVt A  FlinE EVERY  Tun* in Vihcvnt Lolwz Program, NBCk \          , 9 P CST: 10 p. m    . ^JS BE A WINNER S S 'LOVE MONEY  That'/i -what you want! lun t it 7 Don't 'Worry or ! "Your        Will          (Mll Siicuoinfiil ini-n      .women In all  ot .  that they       won  .-!; with thf help  r Afllrotocy! KANDU the GREAT Wan(~r of    (. ^      \^ aw) Myrtw loin Occult           of ., Kuhnilrtm  NuniProlOgy; linn  consul  by T\%an*    -^Tnhc  of j-nur I.ucky  Spntl for ~;our own 7500-wora  DAILY  and      ,F,Ti2        OOtCAl. IYHIKCiVST."                        to your Nlrn In tlie Zoillnrl f'. you predict  month      with        *nd *,-/* for 19311 Oonmilt ll    any * in IhibIitPM. : p3     ,      . marriage, ^ mont. lion Ii h. ,  .i travel nml .iny  important . :  Malta (hl#  our larky  Ur nf 1031! Scmd. only 11.00 and your             for thin n* ftv^-dollar complete Asirolofriciil Forrcai*t, ond 500-^ N'umi- IleodlnK     bo Included Kt"   . If you '  ICandu will r.  thin wonderful offer C.O.D.. -you pay thn  *1.00  ^it wli^n you receive tho package. Otnulno Qlonpy. Bock Quarapine, within one -wrr^k. IT you are not - You Can't Low! Write  . Dept. F. G, S. .Gen. P. Box 002. Vtvr York, S. V.</t>
  </si>
  <si>
    <t>                                           THOSE earnest friends of recovery are now beginning to hope that Postmaster General Farley and President Hoover were not depending upon the South when they drew their fiscal thesis and said the recovery of this country ailed the release of many taxes would depend upon repeal of the eighteenth amendment. In fact the South is fast establishing itself as a section that cannot in the least be depended upon when one desires to be absolutely certain of an undertaking. The South nominally Democratic...</t>
  </si>
  <si>
    <t>                                           Paul Robeson who is probably the only person adequately endowed racially, physically, histrionically and temperamentally to play Brutus Jones in Eugene O'Neill's famous drame, "Euperor Jones" is one of the most renowned Negroes of this day.</t>
  </si>
  <si>
    <t>                                           TIM TYLERS LUCK -oug Livc Qucc"" BY LYM YOUNG                 FELIX THE CAT BY HUNTLEY                 TUBBY Enforced Thrift.                 "ITS' A GREAT LIFE IF YOU .WEAaIv^ "By Jack                  [^ /</t>
  </si>
  <si>
    <t>                                           MADAM ESTELLE KNOWLEDGE AT PRESENT IB POWER IN THE FUTURE Thii  will toll you  you wish to know without asking  questions. No matter who oc what you are or what your hope, fear or trouble Is. ask. her       \    ? mil iie!   you. Gives advice on      -^^^_^_ ness '~. .^HV-E^~ investments wills, ^KI-I.HB . or lost or stol- ^~~1 I MM If you are unhappy, l"^ yV I di^, in trou- ^k I blc or in bad health, c:dl and sic her. She ^^^SSV will help you. Tells how to have success in business, love, marriage, divorce, law suit*. und ; of all kinds. The best  at people consult her and UJcr their friends. She lias been consulted .by morn not'.-d and prominent persons than ar.y o!!kt Adviser. Don't be -'d if  have  to help you: She will positively tell you of      mystery that stands between, you and . Thousands      prof_ J'.fd by  her . AJJ  strictly . solutely private. SATISFACTION GUARAN TEED. Reading T^aily nnd Sunday from 9 A.AT. to 9 P.M. C. LUCKY DAYS. 1")G2 Uikcwood AvtJnue Wa. 4389 Special Number for Saturday</t>
  </si>
  <si>
    <t>                                           :; st!,- ,! 1.1 Ii</t>
  </si>
  <si>
    <t>                                           CHICAGO--(ANP)--Edwin R. Embree, president of the Julius Rosenwald Fund, comments as follows on the quotations printed last week from his lecture at Fisk University in which he said America regarded the Japanese as "bad niggers."</t>
  </si>
  <si>
    <t>                                           We will be glad to help you solve your bok problems, plant outlines for course of study in any desired subject or give competent direction in the choice of...</t>
  </si>
  <si>
    <t>                                           PAGE STX ATLANTA DAILY WORLD. ATLANTA, C.X. THURSDAY, FEBRUARY 8 1914</t>
  </si>
  <si>
    <t>                                           RITH , 285 Chonjpion avenue, Is the youngest colored licensed beautician in Columbus, she is fifteen years old nnd the niece of Mrs. H. M. Ridgeway, proprietress of the Ridgeway Beauty Shoppe.</t>
  </si>
  <si>
    <t>                                           Was entertained by Mr. Edward James, 51 Haynes street. Wednesday night. July 18th, Business was discussed briefly. We lost two members from the roll, Misses Edna and Ethel Lamar. A delicious menu was served. Music and dancing were features of the...</t>
  </si>
  <si>
    <t>                                           -j-. THE   nn hosiery 59c t0 $1-oo STOCKING SHOPPE     1 Broad St at Viaduct        f9t Appreciate Your Patronage 8 to 10 H ^^/~S^^^^^/X^.^^^^r    '~ where Black and Whit* V^^^ ^""S/*^ ^1 Complexion Powder belong* Pifc^^P^ I     *     '* where it ill j^^^^^^^^,^*^ I "ON TOP" became moit V ^^^^BE^*^ JQ popular and molt economical t %^   "ON TOP" because it blend*  oi^feas^^^^^^H "ON Top"  of iu ^^HRg^^^I^ fragrant alluring perfume. ~^t^a^ "ON TOP"  of H^       ^graH^    flattering tinu of white, fleth, PV^^^^SBHNsHHJHwJ pink, brunette and high ^^^CZ^^r^ Ailc for Black and White V         II IllilWr 1^ Complexion Powder, 23c.</t>
  </si>
  <si>
    <t>                                           Many Prominent A.M. E. Leaders Pass Through City                 MANY IK1 ON WAY Hi JACKSON                 L. Guorghi Group JniuKnroute to I3i^ Mi'ctinp                 FIVE H!SHOI*Tl.\ GROUP                 Bv K. X. D.iVIS                 When       Kunmliiinl Spi-i-in] 1,1' lln- SiiUIIiitii U:i!           mil from i hi- Tirriniiiul Stilt ion    n ; Tiii' i(l:i.v nfli-r. mum II c-n -rt l:iri;c iIi-Ii'l- (if A.M.K. liu'^^rs  fur Joi-k. wrti. Misf.. inc i:i-h,,~,~ c..ini.i'.   -     :   ('..mih I), nn.l      m.ri                 ln^~ lit" tin- !   -i iij:iry      -  ..-, i,r till' (ll n.. Tin' -~-  :iii c:irs. :i -l   i-   rive-. I :,i,,iu'. four ..-.1...U alt:ii-hi-~l ill.- 1M...I mom l.  New Ym-I;  other I'iisli-rn points. w:is        'l on lo tlie Sunuvliiuil nli.iiL-  1 1 1 .-in mill il.iv ''oii.'h fr Dil;   *     . The  'Wns"~l:       1-1 pli-k mi  ' ( i .Mnliiimn  i-:       [~~nil .-rs nn(Iit Hit- lo:Mlcr".)ilp oT  ( nt ItlrinlncliMni. i Th"  Cf-nrL ln t]i-]Ct:     \ j IiimkIi"! Ii.v Blsli.ii. w. I'ouniai'i 1 mikI Klu'ir In:- Iit    . \Y. d. I1. Sli.~t . Siivnuniill. Is to fni-c :in nf-t I \f^t \- wlif-ij  l in:il:ps Its lii-l      h,. .r  thi" Hi.'1't ~)'"~~lr  Cw  lure    Atlniitn-  th" " n*~  " nt . It U   I'ri'slili-nt Klilor .1 F.         will ' the : supr^-li. - All:int:i in tin- rnw ; with     York f itv. Xnsli . Tenn.. mi. I il.. T.-sr-i. na thi- fon-most (     -rs for tin*      "'. IMslmp 1'i.mi.  Is  hi' tin- c- Inrc- ^r wjis-  m-~~-n* to hl l thn Onorsl.T  i:  nn l Go'l'** Spoilt -  .  to fh" '-h Irnilnr*         ? . On th.' .     It left Allnnta- v.-1-ri- th^  nf 1n-n .  .    . M. I.. f;-i!n..~     . .Tolm Hurst. -r:il U-- l ofn.-.-rs :in.l -n ,'  l. .'Hid two i-olli-L'i- ~.nsi. . Thn      of prnt-itn";. (n nil  to Tllsfion A. Fonnf-ifn.  of thn RlTtll PMlsi- i-hnn-hr l!    ..i-I. S. . of 1hn rir.ri.ln oi.tu   or.nl tll.-l          M. II. n:n-   Unttlmorn. Mil Iipm.1 nf tlm ' ] '1' KKlioii N'onti WHM"     .iM  thn  .~".}f.'rr.iK"4s unil T*.i* ' \V. 11 Kn.inl. T'hil:t.li-  .M-i P.T. hn.Tl of      ' p..!s-.-f.n:tl .Us  ami our of thn ol.lnst livin(Continued nn Par*- 1\                 Many AME's Continued from Page One bishops of the connection. I Among the general officers attending the meeting were Dr.      Hawkins. Washington. D. C,  ran financial secretary of the A.M. I E. church and Dr. J. G. Robinson. I Philadelphia, Pa., editor of the Ia.M.E. Church Review. Dr. Robini     In well  in this section i  .served a: pastor at Millcdgrlllc avd Homo and, it will be remembered by many Atlantans that his  stand, at the time 6f the race riots In Atlunta.; led to his betas  oat at . j                 ; Ills : :it. Iu-c:iUr, ~;u. Several  -n  the  I ion here annul;; IhelH Ilev. .1. II. Sliiili-, pastor uf 1 In- .Mi'. Iropolilnii .\.AI.M. l-Iiiip-Ii, I'hlln , I'n., nni. of lht. Im'kcsi  In I lit- country. l!i;v. Slnili, U will lie -reil. ^ hilo   v.lii ii hi! was           to his .'iU' at I'lttsbiii-gli. I'n., when  ~.r his  fnm-il  lu-, who had  him, in semi hlw  lt. Dr. f'.-irl Hipper, whose :trj)  :i- SeiTelai-y I* .Missions of I In- A. U.K. .Imii-.-Ii. li.-is linen u st..n i renier .-mil -h will i- up for '-i.' ii :il till-  s I'ouri' it, I'Mii'irr.iw. spent several * in Allsuil.'i :    Knew of his f:i Hut l.i'1'i.i-i' l''.'i  for J:irl;.son. It. I i. II. Siiiiiioii, ,:il  n .v iif Ihii AiniTii'.'ui I'.-       'iy. ii i- il i hr- !oi\-    to I In- mi Kliiix \       he will spt nV Wf'llK.-.i  In-fore Ii-; f.-(.%".. s. I'., when- he le i.i .-si Irai-' -t iin- I'rhl.n' :in.l S:1:iy. Si- Kmnton  lo  10 Ailantn Sun dny.       In his family *    .   . T. Rnhcnrl:. popular p.-ist.'.i of i In- Si. I'imiI A3I.K. r-hun-h.  in   .:in-i. Uit ihr- Insi i-Hp.s Mrilnlny. n'.nli \nK ii, his not ~,.:iv. - for .l.-i.-l.-.on mil j I pile Mumhit . a .er of i:,-i.r::i::. ,,i..s -il in ihe ni.-'-tinu-. finl of ii.ivn 1 1 i ii i si t-i-^i in;! Iclnjr li  -,1 nr. W. d. p. sh.-r- man, prr--       - of ihi- S.-jvr.n n:i)i : liev. .1, T. Wllklnpon, . r.'r-v. s. Dinl;lns. P..-ii.-!;: Pn-~ ElilQr I. .1. T.-hn.inn, Ulncks'nnar dl-,tr!ct am' liners. PrmMilent W. A. Fountain, oil Morris P. .   j ihi-r . Prosiilnn! Alirnhnm Kimpsi.n. of Allen . CoInriilila. K. r. I'reslilt-nt R. II. IIo1     of Holmes Institution nls-~  Hit ini-. lii.--ii in   ,,. ,~,.~,.u.;,ii,,u!   ami Mr.~. A Fountain. Sr.. wen- I'n-si.- MMpt W. Tloyil /.. of the Allnntri -t  Mrs. I.:nvn'.  -" EWer .T. A. Iln--v of Hit- ". o.-i.. il : I'r.-r J. F. Mnw or ihe  \ii lama -i Pi-oj- Kliler' I A. "Winafielil. of thr- Mnrielt.n . who     - ir.- -niK for ih,. i,.;,, .,,,,1 wh,,  s s,.. i-l- of rv-nii,i-:il l',,,in. i-il  Is i,.. irn.- l"riii:.v :,nl Satiirilay: im,~ }~~.-. i, i-:i,i,.r p.. V. TIioi-.Tinii. H .iir. ili.-:   -f Itr-v. n. .1. .T't  mn, Alk-n T.'Ui    - A.M.K. r-hui ~(,.v. v,-. p.-.=inr niL- hi-ii,.] a m i-: -Inireli:   ,-v. .f.   . U'il.-h.r p: Xew Ili.p.. A.M.K. i!,,ir,li. he.-ni. fin.: i:,.v. r. ,i. i.i,,    . -ill.-.- Uev. f . K:    Pnini .-mil h,,st ,,f ,-ih,.,H. A I.-'tw -r of r-n-nerp i -hui-eh Ji-.' i-.mi--- ,-h ..n Hie I piil.-il. Niiiulii-n-il in the NV.v y,,,- j  i-l.-.-:ilion Were \,'  . M;ir-ie M.. Lausliliii. Iir. A. I,, Wii.ion: n IValki-r.   I.il.eri.i I. N'ewl.y. ri. S. r,,,,.,,; t \v -r.   -w .IlTS'-v e),.n present vere Kcv. II. II. Smith, Mrs I! II. .  Mrs. Van.Krrliort--. The Maryl.-'.-ml .-ltion. ht-ulr,~  y I'. M. H. n.-uls im- l  r. D. K Ki.-c. Dr.  Mrs. II. H -Valilen:    . .f. I!. \     . Dr. nn,' 'Irs. W. II. linker: Hr. ami     . II. Ilarrl--. nn.l Jlrt. M. I.. ;      ai,ii Mr-, .lol.n       . ui. lous ,,f  Ul, ~,r,.~:,irs of . hi- Ilev. .1. fl. ''..wan " V::=;hin-i.,n. Nonl, f.-iri-!in:i.  \o;,h w. Williams, wh                 rained fame as ~-l): In th.j    ;] Alnerll-.lll war, llt Illlinl 111,! S..11II1 Oin. ki .  him wi-i-i! Ills. .1. 1". Ci.li-. T. J. .MIIIn. S 11. l.i!Wis. A. Aihwiid, .1. T, ISi.-n   'W. .1. K. Thuitins. 1'n-- Kill' r A. 1'. Spi'ins. Sunn..-!-, S. (1. N- .1. Hum. A. r.. Alsliin. unit .1. T .v. I'r. .li.lm Hawkins lir-a.loil tin; Waslilimioii. l). iii-ii^  im- il N. II. ', 11111I lU. II. ui. \V. l.\ I'.r m-n. A - ili li K:ni"ii .i ~' fn.ni I'l'iniysiviiiiiii. -r M10 lend, i-i- i.r  r.l. In ill j~:il;er Sim..   .-ii-   '.ii  It. I II. II. l!r:"y. l insl,ini;)i :iu.l Hi,.  I'lilliiili.li.lil^:  ir.  i M. l!:-. II. II. \[r. l."lii.T. hr. I. II. i:Ihl-..i.IiI. II. v. Arni-ll.        '~iii Wnr.-r.^. T. .\~.l lii-u-. .1. C. Hi.i-Ui.tt, I-. Anil-i-s i.ii.l I. .1. Kiiliinsiin, M.I Mrs. M s C1 . 1 .Mi-i-i  of rln-  sn. fii-lics :in l Hie ...n.'.-r.-n,-,.  ' will In. ln-lil t I s - the Cnnni'i- -il .-mil ihi.j l'.      ..S- Ciiiiiii.)] will Vl-  Pi--. All mi...   ^s will I,.. h,.~,~ i,, 1     I'.-arl Sln-i-l A. M. I-:. Chuirli. AtfilJSTA, OKOrcfil.v   STUDY  1 111. -I lii ihf Illuvirv ni II.-"; Insi It 11 1~-. Tiu-s.Jmv. .l. S p. in. ;i  of         .' t'i    .lny Ihn             Ion of tin.  l  iT  of tho Sofrlilli: Slinly Crnnp. .\    11 l'i-            l.y Mrs. II. I". Amlorvnu ,- ju-fi.ivr olT.-r.'i! l.v j ROv. II. F. Anik-rs'-.ti. thr.  irc-~ of tho Huh was    \-      . Miss C. T. Until. In llif -Sf-. sil-lil I "Tlirouzl.nm Atnprif-n  tin. .nn^ In somo way nro  Iho  of             . SlKiiiflcanl II Is that wn am -.' ihi' Uilnl   of ilic H...-rri-lli- Hl11.lv Oronp !:ii who^o Ii.ti.I si mils Mr. Uavn I -r. II.- Is in         I I I'r"~ii(      Ttnr.ui-u.n K- ,,,,r K,.,..:,t !n:ili..n. Mr. Ihirp-r is l;i,.,~n. n.l. I     '.~ :.n.~ i..~ ~,,v. l.v f.,,- i.u i -L-. i.   :i.-..,mi,lish.n..,,t.. I,,,  l ivi. f,.r il,,- l,,.-,,iiir,,~ hi.: s.,.r_ i vice- i'i  I'liiniii.. As iii, l^rst anil i.nly r,n-i.~,-i,l ,,f ill,. jOrf.np. he I,. -i, K- roost -1 full"- and i.fM.'Icnlly. rir-'- Jlarn'-r      '.'it       ..ri- K. Clnrillni-r. tho , savo w-hnc.i of;  lt'.iii,: Tho  hum: 'inl.-on 10 iho i-- F/ n r.ii'--f-s i.r St. Mar.v'1 Knlsropal '~.-h. Rf-v. nn.l Mrs. Fr. of'                 tho I'n'Mlijlorlnn  li In AkUcvilli-, N\ C., -nt. nnd Mrs. B, I1'. Peter*, I'nif. Frrd Lynn Sloclo, MIkh i.:. T. j)i.nt  MIhs Huth  w nil of the l  col- li-KC Mr. A. K. .Mnocucll, Mr.  Mr*. J. It. Itriiztun. U(tv. 3. B. Wnlliiro, .-rly of Trinity CM, (. Mrs. McCiilluin of tho He'iiml fur Ihe Dcnf nnd Durbli, Ma McN'ntt Oliver of llic Jiivrsnllc ; . I,. Tl. Plnkaton of t.--Ic Bopllst ; MiM l.~- r.: nnd Prof, nnd Mm. .l"hii Tun or ) ; Mr. l-' n. Wntililntclon of Die Atliini;i Sclmnl r.f Hndnl Sorvlw: Minn I .mini Currln, MI'hh Mnrj 10. . r^   . Uev. II. F. Ainlnrson of ChrlKl l - ('-li; nml Jlr. \V. H.  of 1 I'llyrlnn f.lft* Insiirnnce . j Thi.        ^I'Mi-rl. . ., , f Mm- ^ of Switzerland, Ro1 I  i;.  H. medicine, I Ml'.-  o   events. Sini'o i hi- i- 1 i for       of  si-lf liii[-     , tlm -rx Ikivc hci-n Ki'i  honoured. Mm. .r. M. Tun rli  cn. (~--il Hi/- KUi-HlN hy KlflnR on InslKli!   mi- nt club . Mr. Cnr) ~'~ms, the  pr.-." of Pnlnc   nU.v  Joyce Kllmcr'n "Tri-cn"     Unshnoh. Onmeo truly Srn'ralln In -lr   - lay . MrNntt Oliver       I. (. which  . A   waR si  hy ihe committee.</t>
  </si>
  <si>
    <t>                                           When the Sunnyland Special of the Southern Railroad pulled on from the Terminal Station Shortly after four o'clock Tuesday afternoon it carried a large delegation of A.M.E. leaders bound for Jackson, Miss., the Bishop's Council. Connectional Council, and the...</t>
  </si>
  <si>
    <t>                                           (By Eddie Burbridge for the Associated Negro Press) -- Tuskegee Institute's truck team and tennis aces in the persons of the hard to heat Jackson brothers, left this city hearing a truck lead of gold, silver and bronze medals, not to mention the beautiful trophy...</t>
  </si>
  <si>
    <t>                                           NASHVILLE, Tenn. (ANP) Earl Hines and his famed Chicago band were featured as special attractions at the Paramount Theatre, one of Nashville's theatres which directs Negroes down the back alley entrance, onelhalf week, as black-faced comical...</t>
  </si>
  <si>
    <t>                                           Patronize      Advertisers</t>
  </si>
  <si>
    <t>                                           IT YOU WANT MONET ( to help I rive you now iUn In lire. No beyond hope. Slop worry I      Write me today. Information free; M. William* Ml IBerren Avenae, Jersey city. N.    Oepl. f.</t>
  </si>
  <si>
    <t>                                           Amos V Andy as they appear fur a week s run at the   ;   ^i;" Theatre.</t>
  </si>
  <si>
    <t>                                           SIX HUNDRED epicurean members of Atlanta's younger set flooded all available space of Sunset Casino during the eventful week just past and danced majestically to the tempting jazz lyrics of the Troubadours, who, as has been their custom for lo, these many months, were white hot...Even a cynic would have forgotten his pessimisms in the mist of all that conviviality spread by THE...</t>
  </si>
  <si>
    <t>                                           *T ALLOOOb^VpJ^JlRlJr. MOKES  Pvlkf. M.kci tkh Blood 9kh   d e*u,,     vn,, St*..?</t>
  </si>
  <si>
    <t>                                           City Registration Books Close at Noon Register! r i M .1 ~~~~%</t>
  </si>
  <si>
    <t>                                           J.H.--I want to hnow if I will be able to borrow the money to go into business?</t>
  </si>
  <si>
    <t>                                           Clark Alumni Picnic Plans All Complete                 By RIC ROBERTS                 The Clark University Alnmni will indulge in an afternoon of picnicking on Thursdigr July 10. The site  il lias  announced us Lincoln Cowilrv Club.. Actual festivities lire hooked lo  lit  In Hie  wilh il. (~/ii bll  on to brine i                 the  10 an onil. I Eulhiixhstir Clark motorists have offered f''~ir  s fur           of those who  no way of            the Lincoln Country Cluh premises. There will he    n half do/.ou cars  at  r of Hunter      Ashhy  ts lo  up  who fall Into  . Lunches, , watermelons, j tennis, ,  nnd       of the time will . This picnic hus   to entertain number of out of town Clarfcltes who are bonked to (rare at the close of the (Continued on Pace I, CoL T)                 M (Continued from Fafe 1) Summer   this week. The Picnic has evoked . I  stir  the Clnrk Pi- who     Invited to come und fetch along n friend or u pal or    or hetter half. All Clark  tu.  are  invited. Tho committee composed of Aln mni PrcMldvni Ciinnlnithnm. I. Hlrknutn, I. JoneH,      your reporter lias -ivd phi mm for a big afternoon. Further announcement* will be found in  is. 8 of (bin newspaper.</t>
  </si>
  <si>
    <t>                                           The Clark University Alumni will indulge in an afternoon of picnicking on Thursday July 19. The site selected has been announced as Lincoln Country Club., Actual festivities are, looked to start at three in the afternoon with danding happeing in bit later on to bring...</t>
  </si>
  <si>
    <t>                                           Ill WATCH OUT FOR II 1Hb9^ grant  1^E5fe.y white- Black II K^SKI White III! ^~C^ Peroxide Creom  111 ?S covers your skin II I with an invisible II veil that protects it from the III coarsening, darkening effects Illl of wind and weather. Illl It contains just the right I SLACK AND WHITE l^iKl I CLEANSING CREAM      [Ipfci I where soap and ^^BHESftl I water won t reach. Vr^'~r%    ond grime. Keeps ^^B        I skin clear, blemish-   lpl free. Large can Block and ^'^^^1 White Cleansing Cream, I I 25c. Trial size can only TOc. *~~3?~rt BLACK AND WHITE COLD ^33 CREAM smooths away  Jtj3    Nourishes tissues, - JfU^ ens muscles. Keeps your  L JPliV skin , soft, . M 3WbW Large iar.2Sc Trial . 10c ^^'BBBCir AUTOMOBIL-E PltBE EVERY WEEK Tan. in Vine.ai Lepir Proxnm. NBC     ..d.r. pjg. CST. 10 p.m. EST. LOVE MONEY FRIENDS ~^^^^^^^3^^^^      ** what you ^HT\~ar\J^^^~    .    't UT  9    ^   ^-1MMi.~ ^      ^     Anclmt usB^i .bi.   L(T K.'   ^3     "      lit-.  Z#/hS1wUI mdiI too tV^l *~R MlX^~~*     2*      /4\l**t*ir\ Ulrtur* with "^         . INSTRUCTIONS In Men          !       toe  tbr*( dime*) wlib rait       And       . for          limited       . You mult     or Tour       will b* refunded. WRITS NOW. 8.V. 3* Oliwiw     Jmrr Cltr. M. i. P^BflP^^^ ^^fi^SS^S</t>
  </si>
  <si>
    <t>                                           "Who war the lady?"</t>
  </si>
  <si>
    <t>                                           I got your letter puttin up the big .quark. So you jealous. eh? So am I. Do you think I been enjoyin stayin away from you. Sure I'm enjoyin the pig's eye. But I gotta do somethin, aim I? I cant clinch men all the time an I aim exactly cuinchin women but a fellas gott have his wreckreation. Cue didnt click with me an I couldnt make a play for her anyway because shes got too much altitude on the social ladder. If I went up that high Id get dizzy. But that aint no reason for me</t>
  </si>
  <si>
    <t>                                           "You're an awfully sweet child, that," Perry told her softly, smiling straight into her eyes with his own ... caressing blue ones.</t>
  </si>
  <si>
    <t>                                           TIM TYLER That'  Yei to By LYM YOUNG                 MESCAL IKE Master's Voice By HUNTLEY                 CAT X^ By SULLIVAN                 "ITS A GREAT LIFE IF YOU DON'T' WEAKEN"'. liv TacV RaLDit                 PETER' PEN                 TUBBY __There'  Strategy In His Logic,</t>
  </si>
  <si>
    <t>                                           THINK of the millions of dollars that are spent on cosmetics. Think of all the heads getting boiled under waving machines. Think of the floor rolling that goes on to skim off hip cushions. A whole world of women tearing along the beauty way to make themselves presentable, if not adorable. Then think of the millions of tired little feet they travel on. Feet don't get a look in on the beauty show.</t>
  </si>
  <si>
    <t>                                           CHURCHES + CLUBS i SOCTft^</t>
  </si>
  <si>
    <t>                                           BOSTON, Mass. -- (ANP)--The Walter J. Baker Company bas just released a new book. SIX PLAYS FOR A NEGRO THEATRE, by Randolph Edmonds. professor of Dramatic Art And Director of Dramatics at Morgan college. The plays included in the volume are...</t>
  </si>
  <si>
    <t>                                           That Negroes from African ... America is really startling news for America and ... It comes as a sudden thunderbolt from a clear ... is timely. And it will be appreciated by all ... progressive race-conscious Negroes.</t>
  </si>
  <si>
    <t>                                           met at the home of Mr. and Mrs. Spencer, 12 Greggs street, Tuesday night, January 30, 1934 at 7:50 Opened by singing Down by the Riverside, the Lord's prayer in concert. Song--Don't You Want That Stone. Next we had the motte; "Naughty But Sociable." The...</t>
  </si>
  <si>
    <t>                                           Booker T. Washington High school bad the rare privilege of a visit from Captain E. A. Salewbury of the United States Navy on his lecture tour for the William Randolph Hearst newspapers made is visit to Booker T. Washington where he lectured to the students in...</t>
  </si>
  <si>
    <t>http://search.proquest.com/docview/490426555/</t>
  </si>
  <si>
    <t>                                           COLUMNIST  BIG BETHELS CAMPAIGN                 Bv L P. REYNOLDS                 Bis Brthri A. M. JL. church 1  lining up its ton-en in its blr $10.00(1 (ten  dollar) drive. Thh  of money, although, the       look larce to nway of ux. 1  Inn m   iA (or     pw -i of  enrolled at the * and the  who bare a lov* foi                 Mutoric church. It seen  short of tbe Chris,  duty of all citizens to make till*  amount pale into  hy helping this church that     helped thp colored  of AtJit"^ a for so many year*. Sunday morning, Mr. Furlowc Kave a : talk at the ren^lm services that   ever       and friend of Bir Bethel with   to jwt this  over. Mr. Furlowo          the  that if this  ($10,000) is raised ;    iie  would  (he church a  of $l^T00 (twelve  dollars) which    iur even tiit most indifferent member into activity. Under tbe guidance of Rev. G. W. Scott, the masterly.    'or the church and the leadership of  men like H. J. Furlowe, this drive should succeed. The  to be derived from this generous offer on the port of the creditors of Blf Betbel are sufficiently coupled with the good Bethel has done the community, to make it . tive that every Atlnntan help. The opportunity is Just  Tike</t>
  </si>
  <si>
    <t>                                           Big Bethel A. M. E. church is lining up its forces in its big $10.000 (ten thousand dollar) drive. This amount of money, although the figures look large to many of us, is but a small ... for the great number of members enrolled at the church and the friends who have a lore for...</t>
  </si>
  <si>
    <t>                                           With determination and ambition Win top trophy, club entries for the tournament beginning Thursday after noon, July 19th on the club court, continue to register for the novel event. It is the first time in the history of tennis in Atlanta, that a tournament of this kind has been held, and it will be a very opportune occasion for tennis fans of the city to come out and see just how much the ladies have developed in the game. They are neither bold nor bashful...</t>
  </si>
  <si>
    <t>                                           The church will clebrate its Fifty-sixth anniversary beginning Monday nite, July 9th, 1934, These will be some good speakers on the program each night. We are asking everybody to come out and hear them. The reporters will tell who will speak each night later.</t>
  </si>
  <si>
    <t>                                           Brunswick was the scene of much activity last Tuesday morning as the Georgia Colored Directors and Embalmers Association ... in the first meeting of the ... annual session. President Pollard of Savannah reached the city in ... time to center with the...</t>
  </si>
  <si>
    <t>                                           j.UKlCT JMAX BAER! i 'I'M"    - -IT" .Mm I J n.\ i III-' !~ I ill j "The Prize Figister 3 AM) Till: I..1IIV" with a I. nk lii-       .~ i  (':       ;i ::nt1 [Bailey's ''":i81" TODAY-TOMORROW TODAY: '   ^ TODAY! f INVISIBLE I MAN I  ii\n; i:i:oi.vn W. u ("i'.illi,- 1 he    )"J "FIGHTING WITH % 1 XIU " %. S A! tin- LINCOLN g</t>
  </si>
  <si>
    <t>                                           OK?? NC6KO 0*1 L.Y     *A?~R. IN THB WOULD FOUNDED AUGUST 5, 1928, BY W. A. SCOTT         nv -nrp  vpr.~p  6COTT NEWSPAPER SYNDICATE, INC,  C A. SCOTT   .erw }ii**~t .   Manaclu* i:~ THOMAS   .V-      TOttia         JJ. 1 Tr^4*.7S, S Mos.- , S Mo*.- *~c. 1 3  .- SomUy Only J2.5C . ADTTi- REPRESE.1VKS W. a WFT CO.. Chki.m. ni.. 2nd Nrw York. N. Y. PobWshcC Dailj- MJd Sunday 210 Auburn Avc, N. E. IXcpHonci: (V'alnut U59  nfi IMG Sntefed a second c*.    a.n-.Ur -t the  sj Atlanta. Gs., tli^ Act March 3. 13T9 MFMSUt ACSl'! BUtJKAO OF</t>
  </si>
  <si>
    <t>                                           top few* I Buy gloves with whal it saves Jl   '~        to pir SOf of acre lo ps * t* % . Iiitrriflo Twotb f#   , toads bf      nuk.^  f Lltlcriw. come* to 70a io Urge  tt CJ'. Nott   *,         0           eik Mor*. ^^roT r^OcJ'Dtfc      . Bu*  ;oa      _5Wt^ t L1 I TOOTH PASTE 25C Night  nd Moraine to      them aeon, Clear ami Heiltby "A'Tltt /or Free "Eye CartT or "EyeBcuuty" Book      .    .n.S.*l.</t>
  </si>
  <si>
    <t>                                           The National Negro Anthem: Prayer; Reading, Origin of Negro History Week; Reading, The Problem of Home in the making of Negro History; Spiritual, "Nobody knows the trouble seen" Reading. The Health of the Negro Essay, Negro History in the...</t>
  </si>
  <si>
    <t>                                           NO  IN CAFE    M1                 White Woman Defends Mabel Bynl from Charges Made Ity Chester Jurncy                 U. S- SENATE CAFE CASE                 CHICAGO. III..- (By The ANP) -ABSOLUTELY UNTRUE!"                 Ill  words Monday, Wiw Amelia Senrs, white, commissioner of Cook county, denied statements  to Chester Jurney. set"-at-orms of the United States senate, implying that Miss Mabel  was ejected from the public restaurant of the Senate  stic was disorderly. Jurne.v's statement wan published in the Washington Tribune. At the time Miss Byni prepare! to enter the dining room, she was  by three white persons, Miss Soars. Trevor P.owen and Mrs. Clara Paul Palco, supervisor ol the department of public welfare of Cook county. According to The Tribune, . said: 'If Mtes Byrd had  the matter quietly and In n ladylike manner, she would have found that the particular waitress who had refused to serve her was in the wrong. Instead of ;; that, .'lie  flew into u tantrum and disrupted ihe  quiet of t-he restaurant with P'- and . 'When har hc- at list became unbearable, the head waitress called for the Senate police to  her from the room, just as any other disorderly per.-on would he ejected. Instead of  quietly  protest, she cursed the policeman In a boisterous manner and dared them to lay their ; on her- When they  to carry out their orders, she insisted upon  thorn and would   the restaurant until they wore finally ob  to taku her out by force." When . s statement was shown to Misp Sears, she wns much -'ed th-it it should have been given anv credence to it. "That is absolutely untrue," she averted. "Miss Byrd and Mrs. Paice reached the door of the  room ahead of Mr. Itovvro        (Continued On Page Three*                 No Disorder (Continued from Face 1) inj-self, looking for a table. A waitress  and asked Mrs. Pu'ge, in the presence of Miss Byrd, if Miss Byrd was colored. When told that she was, the waitress said that site could not cat there. We all protested against Lliat. Shortly, a  man approached and supported the stand token     tin: -s. I asked  who his  or  was and immediately  this i^er^on in the  before. In the ,   came and t-cized M!as It.vrd- Slie did not curse, but rightfully told       no! to  her inasmuch as she had ] nu crime and had created no , any more than    ~:l?e in the party of four." .Mi.-*? Cu'rtrs sa tl that she had vx- pla    to Sonaloi Avt.lmr Cnpimr In     prt-sence of Ct^it^ DcPrio^t.</t>
  </si>
  <si>
    <t>                                           CHICAGO, III--( ANP) --"ABSOLUTELY UNTRUE!"</t>
  </si>
  <si>
    <t>                                           MONDAY, FEBRUARY in, 19U__^ [VuiE 7T\~K</t>
  </si>
  <si>
    <t>                                           Kc BAKING POWDER J Double Tested/ .it ^Double Action/ VI  RwWH ounces MMl     M</t>
  </si>
  <si>
    <t>                                           M. E. MEET SEES PA1NE MUSICAL SPECTACLE                 STUDENTS OF PAINE AT I ME, MEET                 Pr.--.-nt Wlar.- On', Religions Spectacle, ai Jai-kson, Miss.                 il  CF. PltATSFD</t>
  </si>
  <si>
    <t>                                           A cast of fifty students and teachers accompanied by President and Mrs. E. C. Peters of Paine college, Augusta, traveled to Jackson, Miss., to present before one of the sessions of the general conference of the Methodist Episcopal church, South, the musical...</t>
  </si>
  <si>
    <t>                                           COLLEGES IN N. C. ADOPT OWN CODE                 Competitive Solicitation of Students Will Be ALolislicJ hi N.C.                 MANY IMPROVEMENTS                 DURHAM, ifl 0. (ANPj Delegates from various collect;* in the  tete met here last Saturi day to hold a conference on Ui  work   f tlic  anil      up a code  their --'Jonsliips and- the improvement of the institutions of        lean:                 iiss f"r Negroes. All the  in the state were  except the Agr'eultural  Technical  Greensboro, and Kittrell college. Agreement was reached on sui h   us , solicitation of stu.lents, transfer of . admission credits, ; ro              of teachers ami   officers and lyceum pro k rams. N'o action was taken on questions related to athletics. Sisnificant items in the i-oile concern the agreement  the (Continued on pace                 COLLEGES  From Page One) .'".-.-; co select and limit tilth- 1 fields of operation, to only attempt ti. offer  course* as tlie.v aro pi  for. to  =~'u.  spm W t Oii^cs to to the school  1 offers the best course, ta not lter into  co;            iy solicit, stu- j                 dents  to refrain from scout-' in:; the Jiiiili schools for students-.' to furnish student transfer credits promptly and to refuse to admit  To advanced  sos who dp not  credits, and to establish :.s tile basis of admission the completion of a four-year course in a secondary school approved by a recognized accrediting agency. Au *I stand      taken in regard to teacher freedom. It was  that the college will not place any restraint upon the teacher s freedom in investigation, unless the time required  with  teaching duties: they will allow teachers freedom in teaching insofar as what is  is in  with the objectives of tlie institution; that the   will  that a teacher has- the same freedom as any  ~' when speakin;; upon subjects beyond the scope of his own field outside the col-                 lege. In order to encourage  member? to improve their training, sabbatical leave on full        nr nart salary  will he  foi further study and travel. Theachers who have rendered three or mole years of service an to he given an opportunity to resign  they are not to lie recommended for i"             . A committee is to he selected from the  conference whose function will be to formulate a program for -bringing tu the college lyceums, co-.  lecturers and artists.</t>
  </si>
  <si>
    <t>                                           DURHAM, M. C.--(ANP)-- Delegates from various colleges in the state met here last Saturday to hold a conference on the work of the colleges and drew up a code regarding their inter-relationships and the improvement of the institutions of higher learn...</t>
  </si>
  <si>
    <t>                                           It seems to be the consensus of opinion among a large number of hat-in-hand-me-too-boss members of the mid night brotherhood that the 30 or more Howard students who were ejected from the House cafe in Washington got no more than they deserved. They should not have gone there, think these dusky Atlantans, for the simple reason that the "w'ite folks" didn't want them and there were plenty of other places in town where the college people...</t>
  </si>
  <si>
    <t>                                           Oociefy's favorite dessert ^aBS9   ly-ll:.i:i J p'.nc.  ^-^^SSi* iP v$\^^M J .il is  lur X^^il Hp'~*S^ t^^B . Suac il ! (^^^      ^</t>
  </si>
  <si>
    <t>                                           Thanks to the Scripto Company, I am in receipt of one of their large charts with definite instruction as to how to reveal character through handwriting. Apparently, this large chart. Scripto, by name has been on the market for only a couple of weeks. Its operation is...</t>
  </si>
  <si>
    <t>                                           ONLY       OAliLY NIWiPlMK IN THl WORLD FOUNDED AUGUST 5, 1028, BY W. A. SCOTT MKBfBER OF THE ASSOCIATED NEGRO FRE8B COTT NEWSPAPER , INC., 8HKU 0. A. SCOTT General Muam RANK MAB8HAIA DAV1B Manadnf Kdilol VHOMAg 8ON FLANAGAN AmooUIs Mlln BUBSCRCmON  BM. 1 Yr_9t7~, Mos.-  2.U. I   .-No, 1 Ma.- Bandar Only  tM MATIONAL ADVERTISING REPRESENTATIVES W. Z1FF CO,      *~~. Ill- and New York, N. I. i j  Dally and Banday at 2   Aabam Are. N. I. Telephonef: Walnot 1459 and 1464   m  clan mailer at the past office at Atlanta. Ga^ under the Act of March 3, 1870  AUDIT BUREAU OF CIRCULATION</t>
  </si>
  <si>
    <t>                                           Business Man is SS Meet Speaker                 l.' that the fundamentals of the Bible should be taught and decrying any compromises of the beliefs in the teaching* of th* Bible, Winston Harvey, president of the Harvey .\IessenK;ii Co., rep. : the Georgia Baptist Sun. day Svhi:ul Association,                  the principal address :it the  :innU:.i ,-tty wide -Fifth Sunday Mass Mewing," Sunday -rii...ii it tue Wheat Stnit Iiaptist . I 'his meeting \v:is sponsored     t!i.~! Miauui Sunday St- As-m-ia. j li-n ami was a  at!~-udi-,   rent. i In hia address on 'Tho Bible and How it Should Be Taught." Mr. Harvey also insisted that  efforts on the part of Sunday  workers would always bear good fruits. He quoted many ]~a- from the Scrim ures 10  that the Bible was an inspired book aud flayed - wh,, were teaching       '" r.ither than the fundamentals set forth in th,. Bible. Mr. Haney who is one of ; business      of the i-ity. is also vice president of the At. lanta Evangelistic Association oml I a member of tUe All Saints Kpisi-o- Pal church. His address was well .    . ft. M. . president ~.f the Atlanta Sunday Sehool AsS;~-i. ation In  the  of the                 organization in his remarks as    *       " officer. 10I1I thus?  that nim h progress is being made  the group and that, with the cooperation of all of the churches of the city, much may be accomplished Jiy Si/.~lay schools of Atlanta in In-half of tilt young piMple of the city. It was also announced that the August meeting; of the association Would be hold at the Zion Hill Baptist church, Monday, August 20. The program, which was presided over by J)r. Keddlck. opened with congregational ginning led by w, II. Inmrni. -r of thp . Cither musU ul numbers in. i-IuiIm! a solo hy Miss Jones of tho ShiU'h Baptist ~' and a  luer by 3       . Kdwanls and Welib of the  M. E. church. 'Mi-s Evelyn Barnharc of the Mi. (~            Sutiiiay school, -ave a  reading. in his closing , John C. Coli-y i- of the executive , nr;eil tUat all of the Sunday school* St the city cooperate with him in increasing      number Of schools listed }- in the Tuesday morning issi.-s    '    * Atlanta Dally Workl. The mt-Mini: was declared      "     'n, tlie    - to !~e tine of the must interesting and in.    -t   the Atlanta Sunday School Asx^.</t>
  </si>
  <si>
    <t>                                           Urging that the fundamentals of the Bible should be taught and decrying any compromises of the beliefs in the teachings of the Bible, Winston Harvey, president of the Harvey Messengal Co., representing the Georgia Baptist Sunday School Association, delivered...</t>
  </si>
  <si>
    <t>                                           Sponsored a very instructive program at the St. John A. M. E. church Sunday, Rev. S. E. Hunter, Jr., pastor, delivered the welcome address. Mrs. Mande Daniel, Mrs. Essie Mitchell, Mr. Andrew Thomas were other participants on the program. Money raised on this...</t>
  </si>
  <si>
    <t>                                           Patricia was on her feet, was struggling with the window. The curtains blew into her eyes, whipped past into the room, billowing like flying banners, stiff and wringing wet. The garden, lost in swooping darkness, was a sheet of solid rain. Tugging, sobbing she got the...</t>
  </si>
  <si>
    <t>                                           THE TEN LIGHT OF BROADWAY Will sponsor a silver tea at the home of Mrs. Oscar Davie, $60 Drummond street. There will be a very interesting program. The public is invited.</t>
  </si>
  <si>
    <t>                                           Hitting his wife a terrific blow on the ... bottle ... afternoon, fractured the womans' skull and inflicted a severe brain ... which may cost her her life.</t>
  </si>
  <si>
    <t>                                           The third annual state-wide oratorical contest of the New Jersey N.A.A.C.P. branches will he held, Thursday, May 31, at East Rutherford, N.J., in the high school. The contest will begin at 8:30 p. m., sharp. Condstants will be entered from the following...</t>
  </si>
  <si>
    <t>                                           T DRIVE TO START 1 APRIL 1?                 Ch.irlos Cox Will Head '34 Campaign of Rutlor St. Branch of Y.M.C.A.                 DEFRANTZ IS HERE NOW                 A. T. -TO.. president of the Board of Directors of the Butler Street YMCA. announces that Charles S. Cox of th* Cox Broth. ers Undertaking establishment, has been chosen by the Campaign  is General Chairman of the 1934 Annual Membership                 paign to be conducted April li-zt. It will be remembered that  the wcat "V Campaign 1932. v.-hich was headed by J. H. t Hanlcy. that Mr. Cox was quite a  spirit and a constant source of inspiration. It is expect-. ~.~1 that as Mr. Cox swings into ithc position as General Chairman that he with an array of able associates who .ire now  select- ed will conduct a campaign alter the manner of 1932. Charles W. Greene, head of the Membership Committee and Chair- man of the Campaign Organlza. lion Committee, composed of A. T. Waldon. T. J. Ferguson. \v. A. Ecll. E. C. Mitchell. John Hope i and S. S. Abrams; is soaring no time in  one of the - j est Campaign Organizations possi- bio. K. B. DePrantz, National Coun- 1 cil Secretary' and expert from the New York office of the Finance Bureau, has arrived and campaign I headquarters are now open on the third floor of the association build. Ing. 1 Atlanta" T-B Group Aiding! Health Week The Atlanta Tuberculosis Aswi- . with clinics located at ia^~J j Forrest . Is ;: oni- i      com with the Noj-'ro Health Week mr.venu-nt. This Association * nvn full time :inti one half ^  nurses  '  fr"m i nne end nf Fulton county t.i the I other.     as IVKalh. j Since the  of January 1'.'". I. j iVU   Iwwn     [~l iu the  R and visited in the homes by ih.es? . This  -hil_ I   a iv      ^ .~:iri-t  studied fur early I'iiiitiiiL-~ of m- i  ItwaiiS"1    -y have tu Cn          to the . The Atlanla Tuberculosis Asso- j  is skin ; all children under their can1, and they :nv nre- ins private physicians to - dermal test all .-.  - 1 I dren and adults, iu  - j j Ions families. The association     1 i literature explaining the value of j these  from i lie medical stand, j point. Private physicians, ui a y j secure, free of charge, during Nocro Health Week liter: i XI plaining  tost and serum in any ^ they       . Tliis may      at. aa*~ Forrest avenue. headquarters of the Atlanta Tu-  Association. j                 HEADS Y DRIVE                 CHARLES S. COX</t>
  </si>
  <si>
    <t>                                           A. T. Walden. president of the Board of Directors of the Butler Street YMCA announces that Charles S. Cox of the Cox Brothers Undertaking establishment, has been chosen by the Campaign committee as General Chairman of the 1934 Annual Membership...</t>
  </si>
  <si>
    <t>                                           $ Skin Handsome  qvc\ ^^" SVCcesS" Ointmrat.  or  m  H bM         beautiful. N(ht;       U (ma, ^ral ud hippy. PmhrmT-      -c.IIM "DouMa        :                   .kin Uihlct and doM It . A* tor I by full iitm*-PabMr-i "SKIN-" Ointment. Rcruw . to your * flit- only 19c. Money Bum OuMMtM. OfT fou.. . PALMER S "SKIN-" - Put.. , .  't-hi to   *. * aod lath. m f^ 't-**l******* **f ^^B  VT^^Kr LMk     bmS3 ^JL Tr Salr Otw*a.e5B3 ^UUjXtm.     .r  j     mmi 1*~ Mia ar jHn2   '.Ws^w aav 1 1 HI. Wrtta If VGWv^ NO Q L D E N ff#y. BROWN Chcmkal ^*r .</t>
  </si>
  <si>
    <t>                                           Additional history wan made in New Born Tuesday night, February 6th. when a huge group of missionary Baptist church pastor by the Rev. A.H. Dudley and organize the inter-Denomination Ministerial Alliance. Long before the...</t>
  </si>
  <si>
    <t>                                           GRADUATION TODAY                 Splendid Class to Receive Diplomas This Morning; Claflin Proxy Speaks                 TO HONOR DK. STANTON                 f  ceremonies at I J o clock will mark the      f cumin.    sit Cliiiiuiiiin ThculOKli-iil Si-.iry as lli.il   closes Us    with th,. conferring of decrees  one nf Ilio   In [~a. history nf tlio                 union. Tin; program will 01*11 with the aci  procession    (he (Jiim-j mon I'hnppi. imd following' the! opening hymn. I'rof. It. N.  i will rend the scripture*." A sole'-linn. "When Th'iu Comest"         -Pnrks "III           , MiiIkiI.i Smith  hy the Male Kiisvmlilc. President M. S. 1 will      thi;              : which a trio will sine Wnirs! "Prnlso Yes" from 'AHllii." j The .'ment address will! he delivered hy President .1. H.. . M. A. nf Cliiflln ^e.' Oramesluir:. S. c,  as       of  he   "f       Sf.uih. TJji;  "U:.-~d on, Ij Kl.np. Eternnl" will lie lined by I'rof. I,. David of the Gammon Knculty. Dr. Willis .1. Klnf. president of ("~.million will present the diplomas, i- the decrees find  the prizes. Honorary decrees "f  of I divinity arc     In- o.Miferred upon; (Continued on      41                 Gammon Has (Continued /rom P*jre 1) Mr. 1) II st.mton of the      of i linn, mi.- of the di   of rl.e -- whose work with ;he American Rible Society us l) ^e--.v hns won him -Wal'lo national, as well as s. rt(    ;n If ion and upon Dr. G. GrMlll .Sle". r.ns Anceles. Pal.. Ihis l oi):i closely connected wit the  for years. i Dr Stunmn     Mm principal  .1! the Annual Seiuimiry1  Mindny  at H,.wen H.ill and ii ]nrr,~  of n!u)nni cr.       .-. nml visitors  ii very .' talk ii]    "QunlHI.-* at i Minister for [he N,.\c ."  Alninnl '^ .Miiu'liiy iiu- class  -M in. .10 in ti,r  nml the  in- n;inl  ^ nw.i-tinc nt: ?i\ oVl.u], in ill.- : Prof II. X Hr.i..      ih,. pri ,.;.. nt :1:"  :      :uion. I'rof .1. li. Van fc-lt wms l,.,i,~er Hi i In- MUKivration -o-i Sniiil.'.y ; while Prnf.     .r J."S'm\ Ph. p., of iho  I'nl-' vcr- School of Theology d. - 1 e.1 th.' l.:'C,-::ite   , Sun-  i.".T - Th,-  of  of divinity is be coi.ferr.--d    ,n th0 r. cUs- vhi,~-  ~]        -.,i,is   't tin-,,,       nc of the ~-.(.~t Kmnps l,c. ,.r-,,.. mtf,l frr.ni (,: Iniriec Wilcv Brown v B       : nativ,. of Missi^jp,,, lurk of ih,. Fir,, ~-n,,Kri.wlli,',ni,j c-, Atianti:  iu roi[,.. Ki-itf lnt.r rn.'inl or^ Joseph A I co]~..~o; ,. of Mj(:sN,~Pp; n^. SKiant to ,he p.^tr.r of Tlutlor +7'- ,CM,1:' l"'""' Atmnta. Tliiwlla John Grlfrin, A.B l  Sroiil, : nai iiv ,,i Arkans.is; ni.^l .t. ,ms. tor and .llr.-ctor of religions ac.          m I.:ine*ton colU sc Okl-i. liom.'i. Il0K-.-ir,l P. Hawkins .\.l! \   ^h. hum     .?t.. 1Kllhl. of I^; pastor of HuN.-v fh-,,,. '1 C.M.E. church. Alluni,,." Pliny Wheeler .k-,?. A Juhnson C. ^ i-- n: '~I" Nonb C-: parents w,-nt to Africa as missionaries. Elmer Auu- Mel. A B, .l university, ,, Fl"riil:i pa.~i.ir ..f  Memorial CoiiKrcgatloual , \ Hulpli W. Uiley. A.B. .Mun- "~olli Ro; native ' .ir of Tliankful Kent  ,- Home. Gwran.          Hnell Short-;. A H Mi^ fls^ Iniliistrl.-d ,-.~l!ef(~:' ~., of W!lli:    .Meruorim r y\ chun-li, Ausu-t.-i, Cc-or^ia. Carry Mavl.i S:,-inl,.v. a.r t lark .T.-iij ,- "of ~,'1  '   : for ~.iim- years it city    . M.inary worker. .Mi-= J..-i (\ Upl^-lit.l A. It., Clark  !,      hiL- .- rr-i-iii-d" of uny nj.'ii:l-(-r of the oI.-km also vbe  this r.T-or.~ when shi- -il ' eol!.-,.. nn.) n:n .-!i,~~.~  t! of her IiIkIi -     ? : I Slla? .lames Jl:,ek. A.It.. F(,   j oili-ii-:  ol rh,. M. p..  i,un-h .1, Hiiiit-.. 'Al.  .., (Vim-al Alih:inia Coufcren.-e. r lij. (~r:idu:     Inehidi-: i Snuillel I1) Jt-ink.-ion.  ii;,,!i,uen lent .-f in,- I.!  ;r:ini;i- 1  i--. Savnm:iUi I'lmfcroixi' M E -  I'.--'ion Cris sum. nan\i- Uoni-cian; Uoiii^ col u-t- n..ik a: i-iai-k tmi v.-r^ir pallor cf I a--t. r ,'Ii.iih-I M p i       . ,-.,li,v,. Part:. f;a.: U:,,,,Om f.-'1Jrlh ll:1 -Mtivt- of  ullIn an. a;ui.u:.-', pastor of f,.n. t.-.-vill,- m-!.. IK.la.varo ~..ri(..n,,.-,-. V Joshiii! ,Mi,-  ,. ,. Mount l-l.-  -:,,,r M. r ^'v 'VI fOU s:,i,,,, N,,r,,; A Mus,,.~r. I.:;,...:,-, wii, I awarded .,.   j     ,it. yt;:v   i r-'t" !n l.\.-,- i ~-, chui li</t>
  </si>
  <si>
    <t>                                           Colorful ceremonies at 10 o'clock will mark the end of commencement activities at Gammon Theological Seminary as that historic institution closes its fiftieth year or activities with the conferring of degrees upon one of the largest classes in the history of the...</t>
  </si>
  <si>
    <t>                                           Bailey's STRAND LAST  TODAY BUCK JONES in " VALUED" i t" JfOU^t^^^ rut      mh: 1 I  FROLICS" I HiLAoica i u_ enn- u LAST TntES TODAY pj CHESTER MORRIS JOAN BLONDELL m Blondie Johnson Mk-~S02 LINCOLN</t>
  </si>
  <si>
    <t>                                           PEUttANENTLV LOCATED MADAM MINGY THK WOMAN WHO KNOWS PaJmlrt tad Life Ruder I felli    *.  and  OXwtm  all attain life, Lev* Hinutt and SpeoUailoof vt     all , Don1* fall  Up to u* Mi  MI Palmlot Pnlnt* tnc  nr or all  IjHPU tad Oumrn rum Iww ~\hi.fw to OTercoisr hmh    ^0 mie*. Madam Minn baa  *~      .  aa  yon. TUX8 HJCRf  AND  ( HalMaetloD           (""~e Honra: $ a. m. lo t p. m. W HoOenoifh Xoad (Aerotii Cram Federal l*r(    SPECIAL - rake Federal Prbon oar to es4 if line. Look (or Name on Bia* Madam Mlnfy Makw Nc Borne Call* Not n *~nt.</t>
  </si>
  <si>
    <t>                                           BEAUTIFUL, GLOSSY, ABUNDANT HAIR, beautifully arranged, is a large item in the sum--total of beauty.</t>
  </si>
  <si>
    <t>                                           TWO BRILLIANT PROMS hold the spotlight for the remainder of the social week, The Dukes of Paris better known as DOPS are staging their anniversary prom at Sunset Casino this Thursday night 10:30 till 2:30, with the Tronbadours. Playing. The affair will be semi-formal. In other words, you'll be in the acme of good taste, gentlemen if you feature dark garb, especially black, oxford grey, and blue. The fems will be appreciate...</t>
  </si>
  <si>
    <t>                                           TIM TYLER                 By LYM YOUNG                 MESCAL IKE                 By HUNTLEY                 FELiX THE CAT                 By SULLIVAN                 TULLY TOPPER                 TUBBY                 He Takes a Day Off.                 B^CKafreFMcManti</t>
  </si>
  <si>
    <t>                                           Conducted Boxers in Argus School, i                 n.II I-OKU II. EVANS Who c" the r-icnt st. Louis j Arsus i;  Sfliool and Toumu-i  in M. l^ouis   in tun Rwt youth-,     -         Mi the  A. A. I. tram Inn the National A. A. C Champion- i ~!    . Mr. K\-ans       a 15. S.  in physical education from the I'nivnyity of                     the  of  instructor assistant in football,  and bovine.</t>
  </si>
  <si>
    <t>                                           i; can you compromise j: with love? Pretty Stanley Paige tried to. She denied ; her first sweetheart had taken all that when he j! Iclt . Bui vhc did wane to help John Harmon, young - she was even willing to marry him though she Iclt she was incapable oJ equal- ling his love. Can there be a compromise;  j J    there a solution? Don't miss this exciting story of   ; a modern girl s modem marriage!</t>
  </si>
  <si>
    <t>                                           THE LAST ISSUE of the attractive and informing Dunbar News, with its appreciative article on Professor Ernest E. Just, reminds me of one of the greatest discoveries I ever made. The discovery of a star or a planet is worth while, but that relates to the merely material thing that neither knows nor comprehends the man behind the telescope. The discovery of a man, however,--that relates to the spiritual and eternal and its possibilities cannot be measured in terms of miles or things.</t>
  </si>
  <si>
    <t>                                           Gammon Prexy Talksat D.C. Hits Negro's Environment                 W..- (ANT) -The rr;~ th ne that is doint- more tn  NVcr"   anv Mhcr i- ihc factor nf environment, it -.v.1.5  out in a committee r(p..rt nift lc to Dr. Vflllin .T. Kinc,    ;~l.-n( of Gnmmon Thelosirai k. n-in-ir.v Atlanta, to the                 l  on Fundamental Problem.-' in the Education of Neci-n.-.'. nt M-      hold here' last Priilny evening. cnri  ami  study (.r the environmental factors : Xecro life, particularly Ihi.fe - tin- , show that lli si1 I. n. I toward the - of i\if character and per.~ of ihe .N'ofrro," Dr. Kinc *tou-d. "A" far as possible, these di.~              and racial ( must he eliminated if thp N'e-ro is to achieve tea) [Inractcr. "On the -p  idp( such  a- the home, the church, nmi the school", hoth tax-8upport- fl and [", must extend them- -5 in the limit." the educator i 1)!, "to the end that the development of  r be  n.i the '.-hli-f aim and  of nny education worthy of the name." Turning then to a       survey of - present moral status of the N'i'Ero Dr. Kinn said "For thv  part, the Neirro  to the traditional "iis of morality In much the same way as does his white neigh- I bcr. That is to say.    has accept- 1                 i-.l a^ lii.s el hii.        (    .uc)i -'il virtue* us , truthfulness, , imi'.. hut is  nf thn    of laxity \n thf r.b  f f  ** as i r.ir nilu-r Americana."    . KijjC score,) the ethics of I tl.o \c_-ro racr nn four counts un- I reliability in  .': lack of a proper conception of the  of time; lack of1 a si tise of  in the repay- I nn nt of loans, or payment of I'lcduet. niu! lark nf a sense of  for the support of hii own educational Institutions.</t>
  </si>
  <si>
    <t>                                           WASHINGTON--(ANP) -- The thing that is doing more to impede Negro progress than any other is the factor of environment, it was pointed out in a committee report made to Dr. Willis J. King, president of Gammon Thelogical ... Atlanta, to the...</t>
  </si>
  <si>
    <t>                                           Sfjgjy- MATHER MOSTLY CLOUDY,  towers today; temperature extremes between 56 ud 80 decree*. Meteorolottst U. AUaatft             ,</t>
  </si>
  <si>
    <t>                                           MRS. J. B. JOHNSON, well known local matron, entertained her husband at a hilarious surprise birthday party Wednesday night at their cozy home. 953 Harwell street, N. W..... The popular letter carrier was supremely happy as a jovial throng of close friends assembled to and in giving him the thrill of a life-time. Present to add conviviality ti the evening and to partake of a delicious request that included chicken salad, tomato...</t>
  </si>
  <si>
    <t>                                           COY LOVE, 19 years old, oTl Memphis, saved the life of I Mrs. Leathea Noblln Wednesday I noon In the Little Hatch Ic River near Benjcntown, when the boat in which Mrs Noblln wan seated . Lee Cummings, 113S Turley. in the boat with her was drowned, as was Mrs. Noblln's husband, George, who  his inability to swim plunged into the river in an effort to rescue his                 wife- Photo by Hooks, Memphii.                 COY LOVE, James A. Worley Jordan and John Powell in a skiff In the Little Hatchie Riwr worley and Love are pointing to the spot where Cumminss and Noblin      their live*. Powell at the end of  boat, is holding a rope attached to a grappling hook which was used without success to find the bodies of     drowned                 men.-  oy World Stuff Photographer, Memphis.</t>
  </si>
  <si>
    <t>                                           CAMPBELL S JA. 5000 RED STAR COAL Best for Grate, Stove or Heater We Deliver Coal in Bags/ CAMPBELL COAL Co.</t>
  </si>
  <si>
    <t>                                           WEEK- ENI*  SALE FRIDAY- SATURDAY- SUND AY-MONDAY SOAP MOORE S LIFEBUOY  C0 SMP 25c for 1 .'!c n r nn D I0r 2 bC Urirk     Cream LU* 2 Sor for I I'T. KI  AU.. Z.~  COmITi NATION  ^^C 'SMI* i;Koi'rn-'j.      -i;';sn;":{!^ (Sunday Oniy) GOLDEN PEACOCK I'. ."We ^IHB8            TjYnekal  iT T.  2iu- ^M- k  r- McKKSSO.N  T/' NT, 1!)~~:o i'^ iaci: i    OHunmtHit  in iritis unii  I KKK I KKR'.MK SI 10 Na,m,,,i*           EOuQuET I I'T. COD  Ofi-    !lr i:"~.~r KiirsciVicN salts' 79.- Sii'l'""t            u A P ("^^^r^iri- r am  "r  ClfKAM I'lr N:"1""' ~;lK:uwi"~ Kir. for 2.,.:      , Iwlh- 39c CKM OJC KVUIt        Ill. -.'s 2!~r  ^ ';".i.ctt!-;          ,-s v-,. ^8B- I HOT WATEIi -K Ma'l.im Walker jj ,,.p Y M CH0C0I.A7B. 1 iJI*. (JDc  1HT Hair Grower ITI OU COO IOC n-. McKEjSSOX HAY Kl-M .23c  S HAIK J)YK !  .r .Madam Walkers U'r C. MA.NCK KK.MEUY ( Ui-il Cross 'J issue  I-'ACE I  f.'Ot; si/.i:~ VJr. WA.MI'OUiS C0    Oil"/  J for ZDc WHITE SHOE I'OUSIi 10.- 2;!~- Hair DrcKwnj; ::zr i- i). r.A.\ATivi.  f.T M 2 for r,~- )~Jc "^WKBhwiwmk i.akc-i-; .ine haik tonic v,\h- ^S^W^/    ^ .Ml .M i;!),P A N A I OIC COLDS      SALVE TOOTH .SiK v;!(. yj NOftwicir YATES Mllim  COLGATES   DE-XTAl. .M 8 UflCO 10L EM-MS FREE DELIVERY '^~~~M-B--'  Tim  81. I nA- MA.  Ui I</t>
  </si>
  <si>
    <t>                                           NEW YORK--(By the ANP)-- In a new book, "The Education of the Negro," to come from the press in July. Professor Horace Mann Bond, Fisk University educator, takes the stand against special methods in the education of the Negro and asserts that "there is no...</t>
  </si>
  <si>
    <t>                                           Julia Macbeth for the ANP-- Resignation of Dr. Charlotte Hawking Brown as president of the N. Carolina Federation of Women's Clubs was announced at the close of the session on Saturday. She becomes supervisor of the Efland Home project and chairman of the...</t>
  </si>
  <si>
    <t>                                           I C C Ulveuing I C 0  SAI FIKE- a liquid treatment fur PiUs.lt f; easy movement of bowels and causes immediate withdrawal of 'protruding piles and at the same time relieves tlic pain, .beals the affected parts immediately. Guaranteed to prevent operation. We deliver. 1KE EMERGENCY LABORATORIES 1100 Simpson SI. JA 863*</t>
  </si>
  <si>
    <t>                                           A. W. P. RR. Announces lowest OneWay Coach fares ever offered. Ticket* on Salt Daily ATLANTA TO- Newnan .59 Moreland 68; GrantviUe .77: HogansviUe 88 La Grange 1.07 West Point 1.31 Opelika 1.64 Auburn 1.75 Chehaw 2.05 Montgomery 2.63 Also Bargain Round-Trip Week End Fares to All Local Points Montgomery only $3.00 Special Coaches for wee^-l end club parties. J. A. Higgins General Passenger Ajenl</t>
  </si>
  <si>
    <t>                                           The following verses were sent many years ago to Miss Frances Willard by a devoted friend.</t>
  </si>
  <si>
    <t>                                           GET MONEY-LOVE' }.,***~~**          w nut    Pept. S. S.</t>
  </si>
  <si>
    <t>                                           "The Tea House Of Sing Lo" a spirited litle operetta featurisg Junior talent and directed by Mr. John Marshall Whitaker, scored magnificently before a huge audience last Monday night at 8:30 at Warren M. E. Church. Upon the opening of the curtains the...</t>
  </si>
  <si>
    <t>                                           A REWARD OF $450.00 is offered by the family of the late \V. A. Scott, founder and publisher of The Atlanta Daily World and the Scott Newspaper Syndicate, by Daily World Employes Club, the Atlanta Baptist Ministers' Union, and "the Atlanta Nepro Chamber of Commerce, for information leading to the arrest and conviction of the persons responsible for the slaying.</t>
  </si>
  <si>
    <t>                                           .-1 ^ISgc^iSI ONLY NEGRO DAILY NEWSPAPER IN THE WORLD RZlJl I ION VOLUME 7, NOTtBER 43 ATLANTA. GA., THURSDAY. XT-RU. 12. 19:U PRICE FIVE</t>
  </si>
  <si>
    <t>                                           I 0. In. Srma! I I On Tut      I ZANE I I Moxino n GREY S P"H "To The i o-o;i- a        " t  Kililoa Oormmi  CAPITOTd "Wtan         C"   "l"~"                                         Bailey's 81 Theatre WdWbimi fen  tint ^^ COLUMBIA i TOM TYI.EK In First Chapter of 'BAILEY S ROYAL Last Times Today Also  CROSBY in "JUST AN ECHO" I and MILLS BROTHERS I -InfWBEN TUBA PLAYS ItUBIBA ON MIS' TUBA"</t>
  </si>
  <si>
    <t>                                           Offering primitive rhythms that will thrill you to the singer tips, the coming of Harlem's aristocrat of jazz, Duke Ellington and his famous orchestra to the Auditorium. Armory on Tuesday, July 31, has set all Atlanta agog.</t>
  </si>
  <si>
    <t>                                           CLAIMING THAT he was a victim of "sleeping sickness.' Theodore Paker told Judge cone Tuesday that he just couldn't help falling to sleep most anytime and anywhere. Patrolman W. D. Nash, who booked a case of idoling and loitering against Parker testified that...</t>
  </si>
  <si>
    <t>                                           SEEK JUT .AND Rl'N c.YK                 I Will Ilnyes, colored, 1   Fnlfon street, : Officers Heiul anil Turner In . fho driver, also , of Iho  which  into his rar  7 n i loek Mmulny niehl at. Iho i-orner of Tnir Hnd Hilliard , lie told the  that thp other driver kept  after the crush.</t>
  </si>
  <si>
    <t>                                           Nashville was host this week to attire than 200 Dentists. The National Dental Association's Annual Convention in the Public Health Lecture Hall, Meharry Medical college.</t>
  </si>
  <si>
    <t>                                           Listerine promptly ends Bad Breath Ordinary Antiseptics require 4 days more Recent exhaustive tests show that full strength Listerine promptly overcomes odors thot ordinary antiseptics can t conquer in 4 days. It has the additional quality of being soothing to tissue. Use Listerine night ond morning and your breath won t offend others.  Pharmacol Co, St. Louis, Mo., U.S. A. LISTERINE promptly ends odors ordinary antiseptic* can t hid* In 4 days</t>
  </si>
  <si>
    <t>                                           With gargantuan Sanset Casino decorated to the last word and Neal Montgomery and his jazz hounds rocking in rhythm the Philaetiteans, one of Atlanta's swankiest feminine social elienteles, entertained a host of friends with a swelegant dansaut Friday...</t>
  </si>
  <si>
    <t>                                           The basketeers of Jefferson County Training School showed their colors as well as school ... in the recent tournament held at Wrightsville last week. The Jefferson County boys were defeated by Sandersville nigh in the finals after having defeated Wadley...</t>
  </si>
  <si>
    <t>                                           ~-l PAY w LEWES tI^""/ \l'i\Tl0H M  JL^S ^_V S1 A WEER j EYES EXAMINED I GLASSES FITTED I DR. H. WEINBERG T J  A OPTICIAN J I 30-A Marietta St. WA. 5206 J     *        ^"AHlliilnmnililliiimi.'</t>
  </si>
  <si>
    <t>                                           Inter Church x^roup to (conduct Lenten Noonday Series                 ALL PASTORS TO JOIN III SERVICES                 Tlic            on r. Cooperation Sponsors Second Annual Event                 WILL START MARCH 26                 The Committee on Church Cooperation will conduct Noon Dnv Services nt the  Street YXfCA. the week of Mnrcli 2G. These services   prompter at 12:30   nt 1 v. in. Tha hour of  dally Mrvlocs hot   to fit Into the noon                 hour of hundreds of  poo pic; which Is also convenient for   people from oilier walk* of life. It ip remembered Hint last year   railed In worship  Pas?ion Week, a  nun      of  who worshipped  nn hour for six days nt the YMCA. It la expected that n  number will take time out   themselves of the  Itv tor worship .-tbU.- of religious emphases. The Committee on Evangelism. ip  for the promotion of  services, Rev. A. F. T".nil4*- Is chairman     .~teil liv J. M. Ch:    . for  yer.rs Secretary of tho Con'miL'ee on Church Cctircrnl'on 3'ul Executive Secretarv nt tho Bntlcv Street YMCA Tli^ -nni follow?: Monday. Mnnh 2fi. "Thnu Gav. rst Them Mo" (John XV1I:O-19) Speaker, Kcv. .7. P. Foster; Devotional i,e;i lpr. Ttcv. A. F. Bailey: Choir, Liberty Hantlst. Tuesdav. March 27. 'That They May Be One", (John XV1I:2O-2G) , Rev. K- .1. .Tefforson; Devotional LcaHer. Hew M- L. Kinc: Chf-'r, A"    Teinnlc. Wedjijl-d.iy. Jlanh 2R. "Unto n  C'Olert       ?mant" (Mat then- :3G-IC) Specktr. P.ev. C. D. Hubert; Devotional Leader, (Continued on raft 2)                 AH Pastors (Continued from Pace! I) Row E. L. Brewster; Choir, First CongrejjaUoiuil. Thursday. March 20, "There Tlicy Crucified Him" (Luke XX11:34-38) Speaker, Rev' K. H. Hurley; Devotional Lender, Rev. G c. Colcman; Choir, Wheat. St., Baptist. Friday, March 30, '-'There was Darkness Over All the LaniJ" (Mat then- XXVII.:30--19) Speaker. Rov. E. n. McNuir: Dcro(. Leader, Rev. .T. H. Bryan: Choir, Fort Street. M. JO. Saturdny, March SI. "lie      Up the Ghost" (Luke, XXII1:3  19) Speaker, Rev. E. R. Carter, Devotional Lender, Rev. .luo G. Wright; Quartet Clark University</t>
  </si>
  <si>
    <t>                                           The Committee on Church Cooperation will conduct Noon Day Services at the Butler Street YMCA. the week of March 26. These services will begin promptly at 12:30 and end at 1 p. m. The hour of these daily services has been arranged to fit into the noon...</t>
  </si>
  <si>
    <t>                                           WHO WOULDN'T CLEAN UP?                 It didn't take a lot of persuasion on the part of comely Miss Leola Amourix of St. Louis, an Atlanta School of Social Work student and group worker at the Neighborhood Union, to start these youngsters cleaning up a dirty                 spot on the Westside. Do you blame them? Staff photo by Mackay.</t>
  </si>
  <si>
    <t>                                           JAIL GIRL SUSPECT IN JONES' SLAYING                 Nimed by  ih. Uyer of Burl jan^ ^SU^^ wu found pro.' on Ota SEt       ot hi, .  t 417  wn  8"- MI"^~oS 2S5   T^l5y     '!'~~- dS Wnd Woodrua Hlldep. Jones1 body waa        fen*!?'0!.         '' Joh^on   ?d HUl A   wound wai in the lower part of hi.   nd i thi b4oe bWn  t0</t>
  </si>
  <si>
    <t>                                           LOCAL REALMITES are in aeriform spirits as they await the ninth annual spring prom of the Kappa Alpha Psi fraternity, tomorrow night, 10 till 2, on the Roof Garden. Kappa's 1933 affair was one of the most delightful dances Atlanta people ever had the pleasure of attending. The local Kappas have gone out of their way to guarantee another ball on the same high level of the one last spring ....Friday night on the Roof Garden. 10 till 2, the Phi Beta Sigma Fraternity is coming to the foreground of...</t>
  </si>
  <si>
    <t>                                           WE ARE met upon the commons of ... day in the annals of the lives of the lives American upon which we are all agreed in theme and in spirit. It takes no rousing war songs, no blowing of trumpets and sounding of drums to tingle the blood in order to send men to their feet awaken the fervor to carry forward the most magnificent anniversary in honor of the mothers of America, in whose bosom was soothed and sustained the statesmen the patriot.</t>
  </si>
  <si>
    <t>                                           PRIOR to the last session of the Bishop's council of the AME church, quite a protest went up from those who felt keenly offended by a statement credited to the mayor of Jackson, Miss., the seat of that session, handed out to a group of civic workers who had sought his favor in the line of Negro projects for that city. "Not a damn thing for Negroes," was the mayor's curt reply. African Methodists everywhere reacted to that unfavorable stimulus and...</t>
  </si>
  <si>
    <t>                                           TRICKERY IS CLAIM IN NASHVILLE                 Kluction Commissioner Has Votes Thrown Oul After Negro l)oi;lor Wins                 HA I. I..OT KOX STOLEN                 NASHVILLE. Ti-nn.  AXI"~ Ncqro voters in the 14th wan! u I  Thursday  elected Dr. H. II. Walker, a colored physician, t.i represent the  in the city council.                 t:ui the while election              now says thai the election .lid not cot.nl. The l- ward is preponderantly colored and has been represented bv a  man. Recently, this whit., man  nut of the ward and  his council scat. Thursday, a special election w.i; held. There were three candidates two whites and onn         . Dr. Walker, the colored candidate,  211 votes. Thomas King, white . polled 07 votes, and IV I. H'arfield. a white huckster, was Riven 93. Altec the votes had been counted and certified, llic  were suddenly thrown off in the ; place Thursday night ami the ballot box stolen. Asked what lie was Roinc to do about tin; theft, the chairman oi the county election commission. \7. M. Carr. sairi   ,c theft did not make any difference because none of the candidates h.iil filed expense accounts in the timc specified by law and that therefore no . date was qualified. Thus, although nr. Walker won. he will be denied the fruit:; of vie. tory uti a technicality, unless  can find some  "law". He is the first Xcrto to Ji; elected to the council in more than twenty years. After the election, the Associated Negro 1-i-ess correspondent called the Nashville Tcnnessean. white daily, and posed as white, so as to get  reaction to Dr. Walker's ; The ANP reporter asked of "the n r got elected." '~Hell, yes." n-plit d a -~ from the Tenncsscan, "but the bal. lot box was stolen, and I don't  the election will hold.' "Well." continued the ANl' re.~ porter. "I hope they keep the n x out of it.'1 'Me/ io,\'\ .i.1 the Tor. voice, "we ilon i want no damned n r in council .." The ANp reporter  and asked who was  the talking. i "Tom ." replied the TVnncssean voice. 1</t>
  </si>
  <si>
    <t>                                           NASHVILLE, Tenn. (ANP) -- Negro voters in the 14th ward get together Thursday and elected Dr. H. H. Walker, a colored physician, to represent the wald in the city council.</t>
  </si>
  <si>
    <t>                                           ATLANTA DAILY WORLD EMPLOYES CLUB ADDS $100 TO REWARD FOR CAPTURE OF MURDERER                 BOOSTS SUM                 A tids to .KeVvufil "Posted By Family for Apprehension of Publishers Slayer                 OTHERS MAY HELP OUT                 \V. A. Seott. publisher and found* or or The Atlanta Daily World, is dead.                 The  n Jury ruled that H19  young business man I who has given the world its only daily Nop-o newspaper, met his death at the hands of parties      " to-them. lie was shot in the back. N Those to whom he has given"" employment, some 6t them fop throe and four years awing tho depression which has been goner* ally recognized, as the worst      in the history of tho United Stales, are anxious that tho man who so foully murdered their employer he  to justice. At a regular weekly meeting    - Allantn Daily World Employes f.lub Monday evening, the mem* bers of that organization voted to take their first step in the  of the slaver bv adding the sum of $100 to the $200 already offered by -members of the Scolt family for information leading to tho arrest and conviction of tho ~; . This reward will bo a standing one. The employes of the Atlanta Dailv "World keenly  tho  of their  lender,  in the prime of his life. Tlie 'cltv nf Atlanta, too, suffer, "d a creat inss when one ot their lending business men. head of a or.n,.~rTi  eave  tc 50 full        workers while a still l^             nf  men   tn support th*~  of their family, some,  v "'ml     "~ in . Mnny prea* civic ii*~Hor^      ! bp"e b-~~n made possil Tp ?h The World. TCer-'Ui'-'r     Ill's, an  's bcii.w ri'.-tde In the well tl*i"      ,.;t: ....in n(  'ores 'n Atlnnty  i   '   doing       in br;n^I"" io light the pc  of this c!  -'l A"*- o^c having  ib itions or* nip/i..rs (n m-''Vo 'S  to  iii.. (,"i-c nf Tin; Atlanta DalljWcrW. "If Au'"'"'~ /\~"nue, or  WAlnut 1459 or 1-W0.</t>
  </si>
  <si>
    <t>                                           W. A. Scott, publisher and founder of The Atlanta, Daily World, is dead.</t>
  </si>
  <si>
    <t>                                           NEW DEAL 1$ BUSTED AT NEW YORK MEETING i                 NBA CHIEFS  D.C. MEET                 Foreman, Oxley, Peck Face Critics at Public Forum; New Deal Blasted                 LEADERS PRESENT                 NEW -ANF) While high  official* and  work*   explained and       National Recovery Art at the Labor  held b^re Friday  Sut^rday l*w         the  of the BrothPrhnod of Sloepln* Our Porterm                  worker* a colle** . ima       laymen            tlic New Deal and  it of            lo the Negro. The Institute, divided into four . was held at the W* 135th Street. Library. Dr. Clark Foreman, adviser on Nteto affair* in the Unlred Stale* Department of the Interior and Dr. Gnxtar Pack, executive irector of the Labor Advisory Board of the NBA. both white, together with Lawrence A. Oxler, chief of the Negro division the U. S. Department of Tabor, ' -the' point of view of the KOvenunem. com. mended the Roosevelt .ttm: tlon and the New Deal, and. in turn, faced  challenge the . Prof. Emmett Dorsey, professor of political Science, Howard university; John P. Davis, Decretory of the Negro Industrial Lcuruo. Washincton D. C; and Gcoree W. , former managing edi. tor of Tbe CriHis. were the  speakers who could not  ec eye to eye with the government experts. Ira IX-A. Reid, research director of the Nutlouul  Leugat saw that Negro labor hml benefited from tUe recovery . Leaders Differ Prominent unions the people in the audience who questioned, criticized, condemned various  of the New Deal program were Kuy ~\Vilkins.  secretary of the (Continuca  n P*   3; Col. 5)                 HI CHIEF (Continued from. PKr S) X. A. A. C. I'.; Kdaiir . Jour- j        SuMiime 1-a Kollettf. nister if ihc well known liberal M-: collier Ji'hn IjiKarw1. leading I'mlmlif  unit  pi-:: VleOr UiiKpcr, revent So-Uilift  for  from the 2      :                *lt lor         a militant   Burial worker;      C A. Walki-r. :i young .veil worker. Also .lames E. Allen.  of I tin- New Yurk .h ,,f the X. A. A. 1'., WiJIi.mi 11. Kavis put.- Mshor. Mrs. I- M. Column n. -ir.  of -s: i:. J; s n.- and Clcv.- Allen, .lour.  and T. E. A. W.-l.-h. . Altcniilun I'liiml'crs, Steam. [    -rs and         1'nion, a      .    -  t   ' several sessions       . William l.lo.vd lm"f,         ..f St. .tames Tresliyterian. Imrrh: A. Philip           .  nt ihe ~.             . and KMiK'laurin.   of I he - l.        :ion leaders .vete  ii.~     Sclunier. author' mil j.': Aan.n Unuu-las. I  artist! .lames II. . I  .- * of the  1 I'rssm ? (J    . Strcatcr. Givrs Biichcroiiml 'I'll'.' initial s.' was civ.'n ver a de^ ..f thp   :ick. :i*~. .Mil ~.f \    *h Hi.- i;iiH.tj:".      ?~   .n  rCw t.y l*rof. John 1*. Troxrll.                  . atid T. i a  ..f -Wiiiit Nl:.\ is and II..\v it Fiuvt  v  Miller .1r.. white s-.r... :m "f    . \Vork''rs l*du.-ar ion I .iih-iiii t.r Ameriea. "-liii li latter; r^ .-..  itli the'  in : the in. . The  si-       Avliere dynamite V\v was     Kr.ilay evening when  r. Foreman  on "The S.~- ial i ouse.~Ufnci's of tlie Nli.V fur. he Ni-sni." I In tr.vins t.~ answer tho "e hat Xe: have heon losing ji.hs j nder XltA . Foreman read a  furnished hy t le Southern '~Miimlssloii on  I'unili. I ' anil  report is i. m have Ih-cii ih.' result ..f a survey j of industry l.y a   if                 leading whites :        *     . "In every      'ry*s ~-     ." hM   tin' . 'the lower wag"* if the South has )n-n:~liv.Cil mmv white  .NV-r" workers." Still  fp iii what lie point- ~(I out :is ;i mm- or- j Siin]y.;ni he C"Utinntcd No has differentiated on I i-.,lor "Ne;:     hav.*  under the i NKA Tin- immediate HV.i-t of thi. Xls.v j has Ut-n of more !* than harm tn the No;:r "There         -n loss of jobs to Nesr.ies: some have I wen displaced by white        . luit more mi account of t le closing down nf m:i r^inal *   .'* Claims Negroes  Not I.nst Jolts )~r. Foreman wi itt  several p;i^cs   f till* *\      *li n*- port :  "Ut ~*    *~     *h hi- . -d th:it  t:ilk of. Xrarofs l"           the UlUf l--:' w:is wit lOut  in f:ict. Jn ^- rases h*1        . he ~.*"!. that NV:.-rocs who h:id Imsi !h**ir   hs   -r :my  :it .-ill. h;ul  iho . 1-iit. had not i ii ten iiv. ip Ulilf t" IWi! out  in :m v .r   f case,  r Ne- j  iOt :h.- pla.-cs ..f  dis- i *e"l. "Wliilo Ni--s who Iom-  tall; ii ^r.'Tit Meal : that fart." hr rt n itnl"il his ln-*. " wh" ^.it ,i"l.^ were more in.- 10 Ui-'-p  t  the matter. *l-'i.\v whih-^." hf i- have        '-'.il N'r^ro .' .Hid in .n..     ' i-        -ir       -r than employ Ni'jjross" In answer t" a charge that the j ^-iii whs         - Ne^rors. t  i\ l-*..r.-m:iti r(rrl;   .(l that " in- ,-.,   ,i ~.e  :is far as tV \c:rn is '~"it..Tii't'l than to havn tli.. u""t i^iiMr** him    ji r.i'~lai ^. ; t"  him l-~ ai-l as \     "  ;       I'l'lisiilli'T*.. Ira Kciil Acrprs With Foreman l.iki- Mr. . who pn^e.].'c! h^ni on the tiro^mm the        -r  tn N'-uro AITairs. saw the Ne^rn      - J lit oil lif.- section 7A of tin  aft ^ives  th'* . \ all other workers t  /.e. t"     represented hy tn "Vu ^ ami to ;i'n 'Mllfctivi1l.v. Members "f the au Ii'-n..". who see the  failing he!p -'. ^eil tl l.iims ..f I  r-    *'" ami r"*    ' fie Interraeial       .-s''~n    f i as      le:'*~l.          'ti his net Imvii civ..., m-tii-ral I'tn-ii. Ijitien. "Who actually  that report'''* "Whi* wi-re tlio 'leading' white and Ni-ai s ~..mpri^iiii 'li" " -Illfl ~*   \V c\\e was the '-' they made'.'" and "How are we     know  the report was net intended te .': 111'Ilimhlrii wal'.'  .  li wen- i isi"r as th? li- ef i.  . di^pla." Were S'-llie of the             Wllir'.l -ers ef the audience  front the tle..r. Mr. Keid  iw the XUA  to  and  the ills which i ii-       "s have always suffered, hut he  imt liml MtA j              for those ills, lie said thai there have always'        displacement ef Nc^ro workers Iiy whites nnd    . wa^e  UlVeretitials. "A  asset of tbc MtA.'" Mr Held declared. Ms that the r.iI  front nf tin- Negro worker has heen broken by labor exigencies  we Ilnd  workers '; in recent lahor troubles both as strikers and strikebreakers, and of  of the conservative unit of the radical unions. 111' also saw as an advantage the fact that "for tin- first time Ne.  are functioning in  movement ami activities from the insl.h..." Mr. Relil, however,  or. ;: ( labor ut  shown itself monstrously       when it htm hail Its greatest opportunity to work for ull workers."</t>
  </si>
  <si>
    <t>                                           NEW YORK--(ANP)--While high government officials and social workers explained and extolled the National Recovery Act at the Labor Institute held here Friday and Saturday last week unnder the auspices of the Brotherhood of Sleeping Our Porters, skilled...</t>
  </si>
  <si>
    <t>                                           I PERMANENTLY LOCATED MADAM MINGY I Palmist and Life Reader I  WOMAN WHO KNOWS Tell* , protect und future. I Gives advice on all affairs ot life. Love, Marriage J and Speculations  all kind*. Don't fall      to nee this  HMH Palmist. PolBtn the CWSSjCf way of all troubles  k5n*]   and  you bow           to overcome me- ^ggt^m . Madam Minify I bait helped  tod mbe TELLS  DA.'S AND J caa  yoo.  NUSrBKItS J 1 Satisfaction  Office Boor*: 9 a. m.    I) p. n. i 638 HcJDonouch Uotd (Arrow Irom Federal Prlaoo) J I SPECIAL HEADINGS- Mo Take Federal Prison ear to end of line. Look (or Name on Sign. 1 Madam Mlnry       Nu Homo Cklla Not In Tent.</t>
  </si>
  <si>
    <t>                                           James Weldon Johnson Is Recovering                 NASHVir,r,E,- (- Dr. W A. Beck, professor of clinical medicine at Mchurry Medical  and  physician to Dr James Weldon Johnson, announced thig week Hint the famous author  s "well on the roud to recovery." "Mr. Johnson underwent an ope ration for a  "  Dr. Beck, -To which his immediate reaction wag poor. Aftor adequate heart stimulation, lie slowly recovered and on the third day wan apparently out of . "Two days ago he had a normal temperature and ,  throat  vun  ami he hud a good tin petite.     seems to be well on the roud to recovery, r think ho will bo able to leave for hi* summer home In possibly a weeks time/ SPINGARN MEDAL HOLDER BACKS URBAN LEAGUE W^^iu^wi.W-a number of years has served as Reid representative of the Anna T. Jcanes anil John F. Slater Funds and who in Dean of the  Department of Tuskegee institute, has accepted "hip on the "Comniitte or One Hundred for Negro Worker*11 which in affiliated with the National Urban League's Labor Pro. Kram. Editor Robert S. Abbott jf the CHICAGO DEFENDER is Chairman of tbe Commute Dr. Williams received the Hplnmm Medal for Distinguished Ser rice at the Twenty- Annnal Session of the National Associa. lion for      Ailvancament of         People in Oklahoma City, rhis medal in given by Joel Hpln. tarn and Dr. Williams was the twentieth recipient PATS OUT LABOE 8CM8 IN SCROLAEBHtPS NASHVILLE, Tenn.- (ANP)Durlng the nine years of      the educational            of the I. B. P, of Elks of he World has  out $U0,00O In  awards to nearly 1,000  tnd  J J_</t>
  </si>
  <si>
    <t>                                           s favorite dessert ^~B^H ?        :7\M7l.iif Ci~[i:   - of' "I'liiiiidoiiiiu.-r1  cjo:im ^ni s^^^^^^m Cheese- Bt-rvi- ii fur il. -.,prl      /i^V^^^Hi jam, :    :iiid iniTi i! ~'l.il.-i,lil ^-^Svh^ \V^BHH phia," mad.: from mw i ,-. is S^^? '^^B^B -ll:(l:      ,nr.''. lli;:~i!v ~^2 V,O "^V^^H nutritious, ii  Sj^   *~\l?' ^\^^H . A'rvi' it oii.n! /^~i-'~~ "    7 \^B Remand    ^^7i^ Ii SKIN -SUCCESS WHITENS SKIN SKIN-SUCCESS HEALS SKIN SKIN- SUCCESS BEAUTIFIES SKIN Give your complexion that beautiful lightness, smoothness end velvety-feel thot the original, genuine Skin-Success Ointment gives. Be sure to get the genuine guaranteed i Polmer'  Skin-        the world s best for 92 years. J All drug stores.</t>
  </si>
  <si>
    <t>                                           2  TJA' LOCATED j MADAM MINGY j the woman wno knows 2 Palmist and Life. Header J Pells past, present and future. J Gives advice on all affairs     life, Love. Marriage J and Speculations of ^BHbI all kinds. Don't fail  Palmist. l nint  the     * ol a"  IKfC-^B anil     -s yon how '^Bff^l to overcome one- 3 mies. Madam Miocy has helped thousands and she^ can help you. ? LUCKY DAYS AND J LUCKY  -4 Satisfaction Guaranteed. Office Hours: 9 a. m. to  i. m.3 638 McDonoush       'i (Across from Federal Prison) 4 J SPECIAL RCU)INGS- Me Take Federal Prkon car to  J of line. Look for Same on Slirn.^ J Not in Tent. 4</t>
  </si>
  <si>
    <t>                                           j</t>
  </si>
  <si>
    <t>                                           ValaSda Snow Draws $100 Fine on Bigamy r"CKa^M</t>
  </si>
  <si>
    <t>                                           Summer School for Commercial Students JUNE 11-JULY 20 at Butler Street Y.M.C.A. We  to beginner, and advanced Mud.uu            in Bookktrpinj, Seen  -.-, and j. general business roar!*. Tuition is Sj.00 for lUe - period ul siv weeks. the  a .  )ii      commercial education, the         be "ill  to Mart on thp : of the "new order." J'or further , consult F. D. Mniae. 215 Mifdi-cd St., S. or cull Wu. 4317</t>
  </si>
  <si>
    <t>                                           A U Summer School' To Observe Fourth                 Fourth of July will be observed by the RtiKlenta and faculty of the Atlanta University Summer School by program of athletic event* on the  in the morning, followed hy a ! dinner on the lawn, In tho evening the Atlanta University                 mer Theatre will  ltd  presentation of the program of one-art plays of Negro life in Howe Memorial Hall, which will   * open as always to the Rcncral public. Tin; morning: events InHuclu a     of *~*round Imxcbiill between the workers training  team and the physical education coaching Has*, a ladies volley ball game in whirl) the phy sical education class will play the observation class, and a Reries nf demonstration events on the ven- j ter campuR by tlie students in physical education- CoinHdpnt with       events a tennis  ment will he . in  a women s , a men s singles, I and a men s -n will be play- 1                 ed off, commencing at 8 :.'lli o clock. The musically talented students of the summer school furnished tlie program at Monday morning B convocation. Among       appearing were Dollie I, Potlllo of North Carolina, .who played two violin solos,       's "Salvonlc Dance" and Kreisler's arrangement of a Viennese folk none: Simon Clement, tenor, of Atlanta, formerly a  of tlio Molehotme CcilleRe . who sang "Deep River" and "Oh. Didn't It Rain,' and a mixed   let,  of Willie Mae Perkins, of St. Petersburg. Florida, Evelyn Patterson, of Oklahoma, Herman McLaln, of the Georgia State Teachers College and Floyd Sullivan, of Boyd, Oklahoma. Reginald A. .Tohnson. executive secretary of the         \Jrban League will ^Uscuss at the Friday moraine convocation the part teachers may take in the state and federal  re-_ lief work.</t>
  </si>
  <si>
    <t>                                           Fourth of July will be observed by the students and faculty of the Atlanta University Summer School by a program of athletic events on the campus in the morning, followed by a picnic dinner on the lawn, In the evening the Atlanta University...</t>
  </si>
  <si>
    <t>                                           Met Friday night, May 25th at the home of Mrs. Annie Smith 447 Markham St. The business part of the meeting was carried out briefly. Cards were enjoyed by the guests after the business meeting closed. The next meeting will be June 1st at the home of...</t>
  </si>
  <si>
    <t>                                           1. That the first person to die for American independence in the Revolutionary war was a Negro, Crispus Attucks, and that on Boston Common there is a monument erected to his memory?</t>
  </si>
  <si>
    <t>                                           I AUK 1 CHURCHES CLUBS SOCIETY</t>
  </si>
  <si>
    <t>                                           Nearly 9 per cent of the student body at Virginia Union University achieved the distinction of making the Dean's List for excellence to scholarship during the first semester of the current school year. The requirements for this covered honor is minimum grade of...</t>
  </si>
  <si>
    <t>                                           The annual intrainural track meet to be held at Morehouse College Saturday, April 14. should provide local sports enthusiasts with some of the biggest thrills and most keenly competed races Atlanta has seen in many moons. The boys are practicing hard daily and should be in top form when the starter's whistle is sounded. Coach Frank Forbes will watch the performance of his proteges with careful eyes as to be well up on what the Morehouse track team can accomplish on the cinder path this spring.</t>
  </si>
  <si>
    <t>                                           WEDNE8DAY, JULY 4, 1934 ATLANTA DAILY WORLD, ATLANTA. GA. I ABE</t>
  </si>
  <si>
    <t>                                           CHICAGO, Ill.,--London writers claim that Cab Calloway has caused more controversy in the show field over there than anyone who came over from American in a decane, and comparisons with Duke Ellington were bound to arise, Both leaders have their satellities...</t>
  </si>
  <si>
    <t>                                           MOREHOUSE COACH LOSES WIFE AND V NEW BORN SON                 Mrs. Sarah Forbes ts dead. The former  Miss Saraft1 Marie Brinson. wife of Coach Frank L. Forbes, popular coach at Mnrehouse college, died shortly after 12 o clock this  at the Harrlx Memorial hospital. The Fortes Infant son. lust few sec. onds old, paused also. Mrs. Forbes, who     born In Amerlcus, Ca.. came to Atlanta a number of years ago to study at Atlanta university. After her graduation abe taught In North Carolina for a while and, until the time of tier marriage three years ago she wan a teacher at the Booker T. Washington High school. She was a member of the Delta Sigma Theta sorority. The Forbes have been making their home at the residence of Mr. and Mra. T. L. Curry. SO C street Besides her , the well known athletic mentor, she Is tur^  by two sisters. Miss Dora Brinson of Phliadolphla, Pa. and Mrs. Nannie Jarrett ot Mt. Airy. Oa. Funeral arrangements are  completed at the Ivey Brothers 'Funeral home.</t>
  </si>
  <si>
    <t>                                           World Carriers' World Fair Contest Starts Today!                 GET WOflLD'S FAIR TRIPS                 Four City, Two .Out of Town Carriers to Get Trips to Century of Progreu                 THREE WENT LAST YEARi                 On to the World'* Fair)                 Today mark* the opening of the MconU Atlanta Dally World Carrier* Conteit with trip to ChiJMp and 0m World* Fair the   major prise.                 but , three  were rewarded with: the trip and other worthwhile        and this year the Atlanta Dally World Is announcing that four   anu two oat of town carriers will be given the trip and. what lit more .other  prize* will he given in addition.       who visited the great  of Progress Exposition In Chicago last year as guests of the. Atlanta Dally World were W. 0 Bryson, now a junior at Morehouxe college Person Bronner, 1934 graduate or Booker T. Washington high ; and. James Bronner, now a sophomore, at Clark university. Are they atx.  to make the trip again? Thoy say yes and  that only one other carrier will ko with them; this time. However, the other carriers have .ng to say about it an,~ feel as though tuey should lie the lucky ones. A great contest is ahead, especially since the carrier will receive $25 in cash If he doesn't care to make the trip! In addition to the trip",  other prizes will be awarded. This money will go to the next seven highest carriers in the following order: $10. $16, three prizes of $3 and two prizes of $2. In order to qualify for- tue big trip, the carriers must earn a total, of 40,000  during the Itpipht  of the contest. "We are .out to make, -our delivery service prompt' and' accurate,'' W. C Kelley .circulation manager states," for that reason carriers who fail to pick up their papers on time will lose 200 points carriers  a subscriber, 200 points; carrion losing a subcriber. 100 points; while discourtesy to a subscriber will set toe, carrier back 600 points. We mean to see that nur readers get prompt , and efficient service." Carriers may get others to help them and  will be given to all carriers when the solicitor  that carrier as the one to receive credit for the new start. Carriers with routes of more than 200 papers will he given double credit for new starts while a carrier will be able to get new starts in another carrier'* territory  that carrier has agreed to such an arrangement In that event the points will be divided equally. Much of the success of the con. test, as far an the carriers art concerned, will be the prompt pay. ment of bills. 1,000 point* being given for prompt payment of  100 Percent while no points will he given for anything If the carrier does not pay at least 85 percent of       in all. the content promises to be one of more than         interest and the race, which start"  will be just about as hot a? the       ( weather Atlanta ha? experienced.</t>
  </si>
  <si>
    <t>                                           On to the World's Fair!</t>
  </si>
  <si>
    <t>                                           [f RY THIS ON YOUR HAIR 7 Days (~3^0r^Then Let Your Mirror Prove RESULTS ff^W t ^3 S'our hair need not. be short, scraggy, r.or need E* ^L. ?     f *r it be dried out. faded and lifeless. for there is a nf^ff f9'f\^ -JT way to overcome the poor condition that de- v #r  s the natural  of hair. This new. different method Tvill  long, lustrous, glossy, silken hair,   itch, letter, dry scalp and dried out hair condition by .K and  tlw  of tin-  lor men and  women. Send this Coupon now before it is too late lor the FREE Treatise 7:  trial o3cr. FREE coupon f7     I LOU KAY CO. OcpL 505. 412 V. Eric St. i          Chicago. Illinois -51? Plcase  i-REE Treatise 7 day Trial Oflcr i "3y i without any cost at all to me. f-S'JIjial Offer- Kamc Address I City State</t>
  </si>
  <si>
    <t>                                           Capitol Theater Has Interesting Crime Narrative                 The  ,  I figure (if picture* ; with the  or criminal, la  .      In "Tin- Crime-' Doctor,"  comes to I lie Cnpl-~ In] today ami in which Olio Km-! ger, Knrvn Morley tint] Nils Anther, ure .                 There tire plenty of detectives In the picture.  Krui;cr himself  n Kruut. mnn hunter but I hoy are till quiet, Intelligent  of  type   man lUu police departments of tile country. The , dumb ! who is  rendy to fly off on n  Irnll, In only a       fiction created lu provide  relief,  to Ciiptaln Don Wilkic, former Me of the United Sliili's, Secret Service   director of "The Crime TJnetor." The plot of  he picture center about n strange murder,  the   enacted from Its inception In Hie killer s mind to the final solution of the raise. The com cil.v relief is Provided by n Chinese ,  by Willie Fnnn,   of the Chinese theatre In Snn Francisco. Tohn Roliermon directed Uie picture, which  adapted from n story hy Isrnol Znnswlll. On the stage, "tile Ciipllol offers a TBriety of  ,  hy "Tlic Southlnnd Revue" show. Red hot music Is also another fen lure of the  how Wine ployed hy III Clark and his recording  of thirteen pieces. The  show   n complete  In it.T Program (.</t>
  </si>
  <si>
    <t>                                           The dumb detective, traditional figure of pictures dealing with the apprehension of criminals, is conspicuously absent in "The Crime Doctor," which comes to the Capitol today and in which Otte Kruger, Karen Morley and Nils Asther are featured.</t>
  </si>
  <si>
    <t>                                           THE Negro in the South understood long ago that his light for power and that consideration that makes for his educational and industrial well being was squarely up to him. Ever since his adoption as an American citizen his life has of needs been one long protest. Powerful leaders have striven for generations to move his status through arbitration. In the line for securing for him those educational and industrial advantages, the stride has been miserably slow. In the system where there must be a...</t>
  </si>
  <si>
    <t>                                           .               4.   *AAA. MADAM ESTELLE .E AT PRESENT !S POWER IN TllE  This lady will teU you everything you wish to know without: asking any questions. No matter who or what you are or what your hope, fear or trouble la, ask her advice. She will help you. Gives advice on bu:ii-_^^g^^M ness matter?*, lawsuits, j^^fff^l investments v: i 1 1 s, ^B'l'-l W\ deeds, or lost or stol- ^~'~J MM U you are unhappy, wT I discouraged. !n trou- I ble or in bad health. U call and see her. She ~^SB will help you. Tells how to have success in business, love,          . divorce, law sulu. and speculations of all kinds. The best class of people consult her and     ? tbeir friends. Slv? has been consulted .by more noted and  persons than any other Adviser. Don't be discouraged it others have f: to help you! She will positively tell you oJ the  that stands between you and success. 'I'hou- h.    prof- i:ed by         her advice. AH readings strictly confidential. Ab-'-.       ;ly private-.               GUARANTEED. Heading Dally aad Sunday from 9 A.M. lo 9 P.M. GIVES LUCKY DAYS. 13G2 Lakewood Avenue Wa. 4339 r Special Number for Saturday</t>
  </si>
  <si>
    <t>                                           MESSENGER B 0 Y S PLAN SPECIAL MEET TONIGHT.                 Members of the Public Messengers and Labor  are urged to be present tonight at a special meeting in -the Atlanta. Urban league room, it was -announced yesterday. All            who play .ny kind of .musical^', instrument .re especially urged, to lie present nd a surprise, has' been 'announced .or all those who attend.tonight s . The  thc club' .vas held last Wednesday night at Jic Urban League "AsseniHy^.Mr. Stimblejv. ^club \,' gave a talk on "Organization-' and the Benefit .of Organisation;" which was followed by :~    _. delivered by Wljliain Scott.'club' president on Cooperation- and;Unity."After             .'1 a social period '~, observed in which a new' kind-  was : SevVral"spring;' outings are being  and a larger number of timbers than ^ js expected to attend M meetings.                 Launch Drive to C lean-Up Atlanta Today Under the sponsorship of  NcMlorhood Union, the ClwmTj'p campaign being staged as purt oC the National Negro Health Week    and extends through next Sunday, will begin in Atlanta today At the Jiamc time other . will be carried on according to the j program . Dr. S. A. Petcrs Is chairman of the entire Health Week committee. Everybody Is being urged to sec their family doctor during Httilth Week for an examination The AU.inta Jledic.-.l Association' ljs arranged for local physicians to make this examination during this special period for tue reduced price of $1. This same message is being flashed on the screens of Kiotlon picture theatres this week. (Jcncral chairman of the Cleanup Campaijfn opening today is Carrie Taylor. 418 Markham St., S. W.. Mrs. Ida S. H1U is secretary with Mrs. M. Agnes Jones, ^ar of public schools and public health nurses, her assistant. ^^Ulantans^^ct, Schind every ' Week activity     : Improve not only their health hut their   which are knoWn to be conducive to good health when kept in a clean condition</t>
  </si>
  <si>
    <t>                                           TO GO WEST                 Enid Raphael, who  won acclaim for her .remarkable performances In (he "lynch     "  'The Tree." mar wast for a break in the movie*, It la rumored.</t>
  </si>
  <si>
    <t>                                           To DESCRIBE THE NEW COIFFURE would require a regiment of adjectives. It is almost unbelievable yet the hair-dress of this particular moment is both simple and elegant, decorative and casual. There's a feast of styles. Any woman who is going round with rag-tags and shredded hair should be scowled upon and beset with sneers. There are smart designs for everyone whose pate hears hirsute foliage.</t>
  </si>
  <si>
    <t>                                           Atlanta a To Memorialize Madam Carter                 Special services in memory of i the late Madam Carter, founder oj the Student Girl's Center. 92 1 High St, wh , several months mo at     home, in Chicago. nL. will bp held at St. Paul'a Episcopal church, Asbby  at Mavson Turner, the Bev. Henry                 j. ." rector. This program in honor of Madam Carter, is being planned to help those who wish to perpetuate her splendid work here for ambitious young women, to do so, and a special offering will be  for the Student Girls Center. Mrs. Carter, a graduate of Spelman college, who spent a number of years teaching in rural sections as well as establishing branches of her beauty culture in various places, early discovered that there wen many  women who would like to go to school but who. because- of the educational systems in many  could not do so, not even being able to attend nigh school. With rural beset her path but the  folks without funds, more troubles and the Student Girls Center here (Continued on Pate 4: Col. 6)                 (Continued front Face 1) which is now receiving support from all ports of the country, is the result Through its agency, [many deserving young women have been able to receive college educations. The Sunday afternoon program, to which the public is invited, will be opened with an invocation by Father Bowdcn followed by a prelude by Miss Cecil Long; a sr-lection by the church choir, a vocal solo by Miss Alma Long; a  T. J. Flanagan, associate editor of the Atlanta Dally World, and well known writer and poet, an address by Mr. D. H. Stanton, divisional secretary of the American Bible Society, and i other features.</t>
  </si>
  <si>
    <t>                                           Special services in memory of the late Madam Carter, founder of the Student Girl's Center, 92 High St., wh odled, several months ago at her home, in Chicago, Ill., will be held at St. Paul's Episcopal church. Ashby street at Mayson Turner, the Rev. Henry...</t>
  </si>
  <si>
    <t>                                           Great speakers, heroes and other out standing people are perpetually remembered by their devotion to a cause. Yet there has never been in history a person who deserves as much distinction for their sincere devotion to a cause as Mother.</t>
  </si>
  <si>
    <t>                                           i Patronize Our t Advertisers Prompt Relief From Itching Eczema It's wonderful the way Boothlng, cooling Zemo  prompt rebel to itching, burning skin, even in severe eases. ItchingstopsthemomentZemo touches the tender and inflamed skin because of its rare ingredients. To clear away Rashes, Pimples, Eczema, Ringworm and restore the skin to normal, always     clean, soothing Zemo. Insist on genuine Zemo; it s worth the price, because it brings relief. 35c, GOe and $1 All druggist*'.</t>
  </si>
  <si>
    <t>                                           Adds Much Needed Punch The addition of Floush gives the Robert Hall  three  batters. The other two are "Dok" Berry, third ; nnd Catcher Harold, not to be confused with Ralph Harrcll, former J'ullman Hurricane . Hill. Judtfc Bcnton, Robert Hail himself, nnd a number oilier Eust Atlnnta wizards, including Pitchers Qacr and Lamur, ore all  batters. Tomorrow afternoon Remount is  to commence ;i busy City League week by playing the Jonesboro Block Caps at Jonesboro: Suturduy, four games nre slated: Highland Stars versus the East Side Slues at MBU; Atlanta Murdocks versus College Park at College Park: Scrip'/ versus the East Atlanta Stars ut Reynoldstown; and the Fulton Tigers                 sus the Atlanta White Sox at Morcliousc'. All the  will be .</t>
  </si>
  <si>
    <t>                                           Culminating a ten weeks investigation led by Albert T. Allen, Sr., in conjunction with the Columbus Urban League, to determine why forty-seven Negro workers holding responsible jobs had been dropped from the government payrolls in the shift from C. W. A. to F. E. R. A., it is held that W. H. Hartsough, county relief commissioner, declared "if we do finally make up our minds to put on colored supervisors we reserve the right to select our own personnel"</t>
  </si>
  <si>
    <t>                                           TUBBY Proof Enough.                 DOROTHY DARNIT  R   /-T T-~ By Charles* McMantis                 "ITS ."A. GREAT. LIFE IF, YOU DONT .WEAKEN" By Jack RabbiT                 TULLY TUPPER</t>
  </si>
  <si>
    <t>                                           buying 2 TREMENDOUS SHIPMENT! JUST UNPACKED! ADVANCED STYLES! Suninur comes  uith (his ma; felons of t\  of frocks. You van build your  wardrobe from Ihi.s aide . *^~$ A^ v^jN^i* sap***-.**,  v % ^SS^^sso^^^*"  3? Boltor Dre"cs *,'~%'/ ==SSc?A^S9/.~K El* frock. Wi.bfcS.l, f-:\sl^1 J/V^ ^^V^M^m Who: Con You Match /K.s vn/tfc in t c v. COTTON PURE SILK One a Customer j^^^ durene FROCKS for w HOSE CDAri/C Prints! Checks! V108^^ :""'""'"r  Stripes! Plaido! ij 'V^ ,.,.vi,,. $~H Sizes 14 to r;n ^ij    r\\ ICCC  H SILKS and COTTONS! I m Rayon and Mesh 100% Pure Silk .-i:im ,~i;,:,^. M,n. fl JL STEP-INS SLIPS "u"$i.oo I ,"^rins'.lir!v,!lur,!!:^. For Fridny Only I s,,x,,, 4 for $1.00 $1.00  I Snnppy Stylos in Cotton B PASTELS! French Crepe Ho,,., ami Sloping I :5: GOWNS and PAJAMAS   r-w'- I Flesh,        and blue. Fancy lace trim, f* An $~i0 QQ I Sizes 14 to 40 r . Sices 15. 1G Find 17. .    .UU I' 'S *N r For Friday Only J f I</t>
  </si>
  <si>
    <t>                                           1 ,-w -JH.^^^* MARCH 25. 1934 ATLANTA DAILY WOULD. ATLANTA. CA. PAGE</t>
  </si>
  <si>
    <t>                                           Heh heh!--Everybody is all up in the air bout a certain ill collim in last Wednesday's issue of this paper. Well, I did not know a thing about it but whoever did it sure needs pat on the wishbone-- I'm tell in you! By the way the same crew was present at the ball...</t>
  </si>
  <si>
    <t>                                           AMERICAN WORLD WAR VETS WILL MEET TONIGHT                 The American World War Veterans will hold their meeting tonight at 7:30 at 380 1-2 Auburn Ave.. N. E. Recording to the  made by the National 1 Commnndcr, Lt. K. R. Gaston. Lt. Ganon stolen that" there are nearly 3,000 veto in the city who are not drawing  from the government and they are advised to come to this office (or Instruction as Onpt. T. L. Pope Is woking :.'ly   the Natlotuil Runk and File, Committee of Wash ngton. D. C. on this work for vets. He also said that there arc a great many of these veto and others that itb  n the Federal Rcfliol and for their protection they must qualify for work on the Federal project. Lt. McClain, Sgy Holland. Commnndcr Brown will  on Adjtuted Service CerUficate, followed by others. An Invitation Is given all friends os well as vc is to be present at this meeting. GIRL MUSING Mrs. Lillian Sheppard, of 48 Daniel :. appe*:ed to local police Thursday evening for *M in locating her 1? year old . Miss Ante Sheppard. who waa last  about two o clock (Wednesday afternoon when she left home to go to the Battle Hill Sanltorlam. The  woman was wearing a blue checked gingham dress with white sleeves, white slippers, and no  at the lime. She was accompanied by Miss Lilly Wright, of a rear Howell street adores* sud a  mut.  name has not been learned. Miss 8hep. pard would appreciate any Information aa to the whereabout* of her daughter.</t>
  </si>
  <si>
    <t>                                           KEN (Himself)</t>
  </si>
  <si>
    <t>                                           ,~   '         .               *                   *~ CAMP CAMILLA i July 7 August 4 ^.Exclusive Girl's Camp. At Log Cnbfn Center. 3 hours .from Atlanta. Clean,  Country life. Swim- 1 ,, hiking, riding, tennis, fishing, . College ^Counselers, Camp Mother, Nurse nnd Doctor. Aires, 10- '20. Extremely low fees. For further information  i CORA R. DOUTHARD, Director 1500 Blvd. Drive, Atlanta, Ga. t AfX APPLICATIONS MUST BE IN BEFORE JUNE 5 .n....... J</t>
  </si>
  <si>
    <t>                                           Everyone who attended the st, James church last Sunday enjoyed the services very much Sunday, May 19th is Communion day at our church and we are asking all of the members and friends to be present.</t>
  </si>
  <si>
    <t>                                           Held its last meeting with Miss Annie S Mack. Bridge was the main feature of the evening. Mis; Mack Mr. Stoke, and Mr. Gunn are willing to teach any friends how to play bridge, so why not visit our next meeting, with Mr. Eddie Russell. 533 Stonewall at...</t>
  </si>
  <si>
    <t>                                           OUT at Jackson, Michigan, the other day, under the leadership of Henry P. Fletcher, the new chairman of the Republican National Committee, the GOP sounded its keynote and made definite plans looking towards coming back into power and the prestige it has known in former years. The blessings of many old timers came in to bid Bon voyage to the old vessel as she cut loose the ropes and pulled in the anchor to capture lost seats and to land...</t>
  </si>
  <si>
    <t>                                           A Quicker Way To Ease Headaches T7TilReiAM...A816DiNNER.1 I  2 BEFORfc THE. DINNER PARTY ON HANO... AMD ANOTHER THAT B AVER ASPIRIN VOO OF MY BAD HEADACHES. WHAT j SUGGESTED IS SIMPLY WONOERFUi.1 [CAN I 00 mY HEADACHE WAS ENTIRELY V r  IN A FEW MINUTES f  BAYER ASPIRINi? l^"___________l___J I TAKE 2 TABLETS AMD y f  YOUR HEADACHE I I KNEW IT WOULD BE. PfBr^^% WILL BE GONE I BAYER ASPIRIN WORKS I A Discovery that s Bringing Fast Relief to Millions !\'ow conies amazingly quick relief r- 'mm headaches, rheumatism, - rf5r7 Ih. \gia ...tht fastest safe relief. ~)*^C?   WHY BAYER if is .laid, net discovered. Wl%\**$ a u i p I M Those results ;irc due to a scien- ff Cv         tific discovery by which a Bayer Cf WORKS SO FAST Aspirin Tablet  to dissolve, or n n T          .alc, in the ama/.       ;icc of W-, inT  Scr. two seconds  touching moisture. { w **rl5 .Not" BEFORE /Vnd hence to start "taking hold" of (E*l3-~4  5    ,.it pnin a few minutes after laW   ^J !n.  '" The  of the , , R I n vv),ai ii docs in this  story. A Bayer Tdhlet starts 1 I  ch  5?T" to   instantly you R.H ra fast action, swallow it. Ami thus is ready to go la W ,   (*r/i" almost instantly. fi ,1;^ *8SBir When you buy, though, sne that fcr2 ^2? wS"     '~;~     BAYliR Aspirin. ^S^S^ V9^ ~^- Ag.-""iCr      Dr. James Corry Ex-Army Doctor 76 Ivy Street, N. B., Rooms 2-11-U 1 Between Houston and Auburn $ I find many colored people unable to pa;. These t t serve free, only charge lor medicine. Home calls, $1.00 f Office .Hours: 9 A. M., to 8 L\ M. Daily- Sundayw, 10 2 A. M. to 3 P. M. MA. 6873. Res. MA. 3087 3 16 Year3 Experience in America and Abroad</t>
  </si>
  <si>
    <t>                                           *?W DANCE TOMORROW ff^UBk  WITH THE Iff^^^H JOLLY 3ER5 W* ^^^V  l  Bcantlfal SAVOY *a ^H Mustc by Joou Brown           9 p- Admtaslon 2 o</t>
  </si>
  <si>
    <t>                                           EASTER SUNDAY an ideal day to "blew off", in even if we spent it and be broke and try to hit the Rag for a penny on Monday ... to the place now instead of parents the children save pennies to par in Sunday ... is...</t>
  </si>
  <si>
    <t>                                           "It is further considered ordered and decreed that the said Jeannette M. Dryer (owner of property in which Negroes now live at 80 Burt street) immediately eject and remove from her real estate the persons of color now using and occupying said real estate, or any part thereof, except as a servant working for any white family...etc." said Judge Robert Duncan when he passed on the now famous burt street residential case of January, 1934.</t>
  </si>
  <si>
    <t>                                           COUGHS Don't let them get wrangle hold,!' Rght semu . Cieooiil.        .7   )Or Wp, fc, one. Powerful but . Pleaunt to take. No oar.i . Tout own ^ht fe   c . money on. the       Ifi your  or .cold i. not  br' Creomuluoo, ;(r-~.)],' MDC^^Wn ARiaiociun''      ^    Wf GEORGE O'BRIEN^j^  I MARY BRIAN W IK ,    Mm Hlltrliut             * Cva AU Tfi* A#~   an^ ^B "Whwi HtPllRM* ChIi    Llttl*" Bal. I5o V DOUBLE SHOW TODAY! C FOOTBALL!! M "SATURDAY S M S MILLIONS"* with- "Billic The Kid"f 9 (JOnV MACK BROWN) m MARY CARLISLE "THE R V COLLEGE HUMOR GIRL'~B LUCILLE LUND "THE m ALL  GIRL" m AND FOOTBALL STARS!! W f "SECRETS OF THE BLUE 1 1 ROOM" 1 WITH 10 STARS'! m M LIONEL ^- PAUL m Lt:K.";~:- C,r, STUART JP V AND ti MOKE STARS!! B M MURDER!! MYSTERY!! % !!! SEE THIS!! K M 10c- DAY OR NITE -10c V ff COMING EASTER SUNt)    W "EMPEROR JONES" 1 Wllb TAVh  H</t>
  </si>
  <si>
    <t>                                           VATES MILTON PHARMACIES SPECIAL HALF SOLE 39c LADIES' HEELS 14c MEN S (Reg. 50c) Rubber Heels, 25c ECONOMY SHOE SHOP Cor. Broad Alabama under Jacob* MADAM  This lady will tell you everything  rou wish to  without asking any questions. No matter who or what you arc or what your hope, fear or trouble is. ask her advice. She has  more satisfaction ^^^^^m^^^^m t lan a"y other jj^^^P^j^^^^H advisor known ^k tJr ^1 you arc un* I ^^k m\ ^H happy, - I ^^^^k^j^4^H ^'   ca^  n^ sco to havo success i in business, love, marriage, divorce, law suits and speculation* or all  The best class of people consult brr and take Iheir friend.. She has been consulted by more noted and prominent persons than any other Adviser. Don't be dis-i liel"1*1T!   haV*  t0 Thousands have profited by ask- ing her advice. All readings . ""'Wential. Absolulily .  Daily and Sunday V^St0 R *L GI^ '^      ?S^0a?e{- W1562 LAKEWOOD AVENUE fin_. .Iflephone Main 91 M Special Number lor Saturday</t>
  </si>
  <si>
    <t>                                           Mrs. Exa Dunson, highly entertained the Stone Mountain club at her home Tuesday evening January 30th. After business of importance was discussed a delicious menu was served, consisting of Turkey and dressing cranberry sauce, grapefruit salad...</t>
  </si>
  <si>
    <t>                                           Enjoy World Comics</t>
  </si>
  <si>
    <t>                                           I $1,000 REWARD U offered for Information .leading to the arrest and eon.  or the slayer of     late W. A. Scott, fonder of the Beott Newspaper Syndicate, thrown the kindness and ion(realty of Uw ACmnU Necro Chamber of Commerce,     AtlaaU BaptUt Mtnbten' Alliance. Uw T. I. C. . K. P. Coehran, the AUanto   of the Afro-American Ufa Inaaranee Co, the Atlanta i Dally World Employee dab. Prof. A. 8. 8, member* of the Scott family, and other relatives and friends whose names are being held In  for the time being.</t>
  </si>
  <si>
    <t>                                           Up From Georgia With My Banjo By THOMAS IF.  M V I- K I li X I) T If E TREE Tlie green readies of the tree    ; last refuge for me When the flaming cinders raid As tlie sun burns down Thru the roofs of the town And it s a  and one in the . l-'-.  ami tire Hu!      -r the t rt-~- An.!, lilting it.- . lunn It n UXrs Mluiij; A Mintliiii); song And a tlu-lter i'l u ;lity storm. our i. s, never fur me. I love lilt- I    -:  my   -d mi the j;     is made It f:      tu         ilir -       All hundred and  in the shade.</t>
  </si>
  <si>
    <t>                                           FUNERAL NOTICES                 MOODY- Mr. Ijirkln Moody pass- I cd  nt n local  I Mny 0. Funer.il announcements"! Inter. MurdauRli Bros., funeral I directors. I</t>
  </si>
  <si>
    <t>                                           SCOUTS HOLD COURT OF HONOR NEXT TUESDAY                 The August court of honor ol the colored division of the Atlanta Council of the Boy Scouts of America will be held next Tuesday night, August 28. at the Friendship Baptist church. It is expected that a large nummer of merit badges will be awarded and promotions made during the August court and that Ihe   will exceed the record breaking July session which, according to white scout officials, was the best ever staged by the local colored scouts. All scouts arc urged to send in the r applications for advancement and  badges immediately. SHOT IN LEG Clawlc Juin-s 'M 1'ratt . wtm  at ( Mutiday night ufU r lie bail lni ii  In hi*   'ft los  Frwl Crnnt of a IJmit*~r  :     '**, in iir th*~ O. .v. Orartf*   ;'~l. TillsIkwiIu^ luuk .-i' nl :i!IS   1: Ktrvrt,  to  reports. BIKE KIDER ASKS ARREST Will Jacalis, 12(S GleliniHxl , reported to police Hint nr. :  u by n  nan ran Into bix     be   at Fair and Spring -is curly MonUuy  nml that the nuin          it five his no me. Ills bike wan  t)uri:i2    jind bo   a  U'         the driver wlu-u .</t>
  </si>
  <si>
    <t>                                           A REWARD OF $660.00 is offered by ihe family  the late W. A. Scott, founder and publisher of The Atlanta Daily World and the Scott Newspaper. Syndicate, by Daily World Employes Club, the Atlanta Baptist Ministers* Union, the Atlanta Negro Chamber of Commerce, Mr. C. P. Cochran. the TIC Club, A. S. Scott, for information leading to the arrest and conviction of the persons responsible for the slaying.</t>
  </si>
  <si>
    <t>                                           Williams Of Hanley's Co. Passes Away                 Br  LOWRY WHITE                 01  both in fraternal and business '8 were shocked to learn of the sudden depth of Peter E. Williams, funeral director for ninny   d with          Cf).,- local undertakers, of this city .Snturdry night shortly                 fore 10 o clock. Mr. Williams utter a very   passed      it a local sanitarium when nn  for acute appendicitis (Conllnuod on Pine 8, Col. 8)                 IK (ConUJwed from tug* 1) proved fruitless. Mr. Williams  ill while on duty Monday night, according to the officials of the Hanloy Co., and did not appear for work the following day. So grave had become tho pain that Friday afternoon he was carried, to the hospital and. operated upon at seven o clock. According to J. H. Hanley, president of the local establishment, Mr- Williams seemed in the best of spirit and insisted that he walked to tho car and refused to go in an ambulance. Upon arriving at tho hospital he continued in the best of  except for the pain and joked with several of tho other employes. Dr. E. L. Robinson, attending physician, and hospital attendants declared his condition grave throughout the day Saturday. For years. Mr. Williams, more j common)]: known as "Pete", was associated with his father in the undertaking - The firm will be remembered as that of H. H. and P. H. Williams and Son. Young Williams' father ( on I and he shouldered the responsibility of carrying on. In 1929 he was connected with the firm of Cox Bros., and tho following year and a half connected himself with the  Co., in the  vacated by the death of the late Sydney Crurobley. Mr. Williams was a licensed " and had Just reached the age that in a  Is described as the peak of life. He was formerly secretary of the Masons. Being particular active in fraternal Hi-cles he was past exalted ruler of the Klka and also  roae rer of the Gato City Lodge No. 54 and a member of Big Dcthcl church- Mr. Williams wail anally as popular with his fellow employes as he was elsewhere,  K  the singular honor of piloting the Hanloy- Jolly Hunch, an organisation composed of the workers of the company, to an extravaganza, repeated sue4eSses with entertainments such as a "Nlitht In Chicago" and others. As president of the croup,    led them to an overwhelming victory in a  to  a country club on Simpson road. In ; his late employe, Mr  "'".i at a loss n,ot only in words but In every  find words or phrases to eulogize Mr. Williams "Besides being one of my employes," he said, "he war. also one of my elo*es friends. Tho:*e never was a moment when bo tired of serving his public and the concern. Not only shall I miss him as a worker but as a true friend. I can never have a better  or employe and I f'-el that the place vacated iw him is almost impossible to fill." Mr .Williams leaves a host of friends, throe sisters and a brother of California to mourn his I loss.</t>
  </si>
  <si>
    <t>                                           Countiess numbers of friends both in fraternal and business circle were shocked to learn of the sudden death of Peter E. Williams, funeral director for many years connected with Hanley Co., local undertakers of this city Saturday night shortly...</t>
  </si>
  <si>
    <t>                                           GOODRICH ""-1 COMMANDER I III*. \PrlM. Klit. Prin/H ~.10.tl ...MM (.7..IU V. IJUtl  I    LOW I   4 Tab*. Up Niiliii       '-4^^-' I g^Lmmgrn PISTON I in*w"lM'"1 TAN BELTS T1 MM^^^^M^^^^h    AM f I( Hi ? I MfAlt AC     ^55    ^ we FRIDAY and SATURDAY SPECIALS rim 28^ Mlrtitt 19f           MMi 79f 0, Btuprr an        OVtfft.v, KJ'.*.'" .....39* SS,1^.* 1.85 feS;011 1.79 ECONOMY AUTO STORES I Whltehtil  l Mill I.- U 1 WA. 3018</t>
  </si>
  <si>
    <t>                                           MT. OLIVE CHORUS TO BROADCAST TUESDAY                 The Chautauqua Chorus of the Vlt. Olive Baptist church will no- jcar in a radio broadcast over station WSB here Tuesday   10:30 and 11 o clock At his time, a number of special selections will be rendered. Those wishing to hear the complete program are Invited to be  at the ML Olive Baptist church, corner Butler and Harris , N. E., Monday and Tuesday evening. August 27 and 28 at 3:30 . James Me Coy is the director of the croup while Miss Wilhclmcnla Harris is organist.</t>
  </si>
  <si>
    <t>                                           ONLY NC4KO .Y NlWIPjffd IN TW WORLD POUNDED AUGUST 5, 1928, BY W. A. SCOTT MEMBER OF THE ASSOCIATED NEGRO PRESS SCOTT NEWSPAPER SYNDICATE, INC., PUBLISHES* A. SCOTT General Manafti ANK MARSHALL DAVIS Managing Edltei ._OKA0 JEFFERSON FLANAGAN Aaneiato Editor SUBSCRIPTION RATES IM*. 1    -ft.T5, I Mot.- J2.50, 3    .- Mo, 1 Mo.- Bandar Only  LM NATIONAL   I W. B. OFF CO., Chlcaco, m,  nd New Xork, N. T.  Dally  nd-Sondty at 210 Aaborn Ave, N. K. Telephone*: Walnut 1459 ud 1 M  Dttrad M Mcond  matter at tbe pott office at Atlanta, On, under the Act ot March 3, 1879  AUDIT  OF CIRCULATION</t>
  </si>
  <si>
    <t>                                           WALTER SMALL in the day time cannot hear' nor speak, but when night conies on, according to police, he magically recovers his vocal ability as well as his hearing sense. Small was hailed into police court Monday on charges a drunk and disorderly, after his landlady...</t>
  </si>
  <si>
    <t>                                           Volcano Erupts Ajw.fn                 Bursting into action for the tint time since 1930. Stromboli, the island volcano off the coast of Italy in the Mediterranean sea, is reported throwing out flames and steam while molten lava course? down slopes towards the rich vineyards nestling at its foot. Known to fishermen as the "lighthouse", due to its frequent eruptions of fire, the cone previously has destroyed much of the surrounding countryside.</t>
  </si>
  <si>
    <t>                                           R:idio Patrolmen Get Radio Call on Burglary Find Big Liquor                 ROBBERIES CONTINUE                 Despite*    !            for .1 say Easter celebration,  and              ! :is iw. nal in the Sout'h's Cat.- Cliy Satururday .                 UccoiviiiR a call to 1:0 in Jlfi' Donnlly avenue, that then- won* burglars in the house. Kadio I'liirc. JIoss nnd Jtftberls foun-1 John H. Smilli. of SI- l* -i l-an.   residence and ~-n further  found !!fHH) gallons of whiskey stored en :i I ruck in the basement. . A st*      , whom 41    officers said they smv in       . Smith was  al police       )u: on suspicion. Th,. iin^c amount of  was -;fi.   'd to police  while the truck was scut to           -r Baragi'. XolKhliorlns      !cnts told police they did  know who  tho bouse, as It       just, neon recently . Jumps Slaiiipcr., 2O- nil Billmore hotel elevator o^'. of ITJti Tii- street, was  in the left arm by a Wonlil-1"'  in :i robbery attempt as hi- w:is crossing a vacant lot. on   - j street, across from All:tnt:i tini- . The bullet entered Stamper's  and passed out near tbc elbow after  the bone. He       at Crudy  and per-  to return home. Shortly after Stamper  to police of the attempted         -, two men closely, re. those who shot-Simnner- up nnd ~'1 IhhI Floyil Dennis. M OiWT Tx.-nch streiM.- southwest; ue:ir Tiiitnnl and Mltuhull streets^ -i.v. Dennis reported to  ce tnat the r.air relieved., him 'of $23 in money :md his watch.    -         01' both men w.crc furnished police. E. J. Winjrfield, dairy  employe, Saturday was held to City Criminal court on. simple larceny . after W. II- Caldwell. white. truck driver' for a riVal dairy. 1. that WinpfieW lind bc~:n picking. up 'm lk alon^ his route -is fast as he delivered Caldwell s"id    made the  after receiving   plaints from customers who failed (Continued on page 2)                 Seize 2000 'Continued from Pace 1) j to  iih eir milk. Concealing himself in an apartment hu l. NV.rih Boulevard,. Oililuv'.l watched WinKfielrt come in ami pick up the bottle, CalUwell hail jn"t delivered. Mose Holland, of roar 1500 Boul.-vard. northeast, reported t..  Saturday that Riifus Wilson of McDonongh, Ga., had broken in his home and removed $1-1 where he had it concealed beneath :i  on his     . An  spent ? the B- and Susie show proved oor.tly for S1. L. Smith, of 89-1 Hunter street, southwest, according to police reports. Smith reported that   - had park ed his car in front of the 81 theatre about 10:30 p. m. Friday anil when he came     found that it had been rolled down below, the -t on Deeatur street. The battery was missing, he said. With the CWA -work ended. William Clayton, of 135 Logan street, finds himself in a bad pre  without a coat or trousers. Clayton reported to police that he was at work on the CWA pro. jeet just beyond the Belt Line railroad when someone twisted the lock off his door and after  entrance tn his home, broke in his  and removed the  Maud.^ Gibson, of 368 Will, born street, who works as a mai*l at 1425 Gordon street, found two  in the .van) of the T. avenue school while wMk in: to v.-ork Friday. She handed them over to her employer who knowing the owner of the , called Mrs. i W. W. McClnre. white, and Lena Sue MeClnre. both of 1437  street. The two women told police that  had entered their home the  before, but that they were under the impression that they had not cot . One of the pook..? contained 07       at the time it was stolen, it is  aid. Dcteelives 'Woodruff and Ilijdor brand besan an  Saturday into the death of V.vn -k*. who died while serving a 30-~lay        *e in the city stock ade. When admitted to the stockade . to police, the youth was suffering from a stah wound of     chest. Charles Starts. 41. of 500 L^ street, and Esther Mae JlcDonald. 2?!. of T.owe s alley were .nl Saturday in connection I with Younir Ilen'lrielc's death and j arc   on blanket ' of suspicion. They were arrested at Peters and Walker streets hy Patrolmen W. C- 1 Duncan, whs acted'  n in- formation furnished by 0- i Hill, of i?O0 Dover street, south i west, according to police report I Rill Terrell. 23. of Redan.' r.  ; was admitted to Grady hospital i .Saturday night in a serious condi. tion, with a slashed abdomen and  iab wound  the richt  that ^ into the lung. Terrell, according to DeKaib county police was cut by Alv:n Richards, also of Redan, when the two becam*  in a flgr.t ov.t a woman. Terrell was marked hold for police- Three sustained painful injuries Friday when an automobile in which they were riding turned over       colliding Into a truck at. Simpson and Ashby streets. Those injured were: Wilbur Woods. 10s2 Ashby grove: Lovo Tucker. 19. 10 Electric avenue:  Frank Collins. ."J, or 350 Hunter street, northwest. According to police reports, the truck driven !~y J. W. Grant, of! 307 Cheney street. East Point, was  northwest on Ashby street and    ? automobile was goin;                 northeast on Simpson when \ occurred. One passer.ccr in the automobile. Miss Klhel Kaf Hill. 20. 520 Magnolia street.  without injury. Th,, three persons injured were carried to Grady hosptal }or tr*at. nient. No cases' w*~re made. James I'rcssley. .Tr-. 1), of 681 Dallas street, northeast, sustained painful abrasions about the bead and face and fractured loft !    Sat. I urday when the automobil,. irt I which he was riding collided with a Btreot car at Highland avenue and Boulovard. j      driver of the auto. Early I Eanks, .~if 2SG Fclton drive, was arrest pil on Charlies of di-. driving. I Vounc . according wit. I nesses, was  on ti..-  I board of tlie truck wh,.~ it . cd with the street car. and  thrown more than t.~n tun by ih" impact j Others treated at  hospital' Saturday night        ,~d: I Ada Bell Thompson! 25. rear 354 Crow street, cut on arm r.-.-i lee Sirtney      . 103 Mnrtiii      . la i-ration on sidr of face. Annie Bell I..,n::. -Jl. 73 Arm.         tn-ot. st:    -(l .in rishi arm. Willie Ilardi'inan. 'tf.  ^!IT. Auburn  fell off  mid   r.n left side of . Ace Wtiitv. 42. 30 WooilvranI .~, hit on li.-ail with . Ji- .Moore. :tt. 4 5 Ennis all-y, burned loft         Wynn. ."W. 5    Irwin St.. 1-nrn on left foot. NVttie Itoblnson. as. .'US Town;, .  In . Hlnnehe WcM). 2S, ini Ort'as . Itineration on top of        . I Joe Ityati. m. "1 Konnedy i street stabbed In hack.</t>
  </si>
  <si>
    <t>                                           Despite preprarations for a gay Easter celebration, burglaries and holdups continued unabated as usual in the South's Gate City Satururday night.</t>
  </si>
  <si>
    <t>                                           ^^HBp^wIB^^^ -^K ^faig^^^^^B-v'/" ~^F^^'5^K:v REFRESHING RELIEF OF CONSTIPATION Avoid constipation! If you disregard Its warning ond neglect to treat It promptly, look out for sickness! You cannot hope to have good health If you do nothing to prevent or to  constipation. Some of Its disturbing effects may bo- BIllouR attack*, poor        ,   4 Urtt In thp mouth, , bid .  tongue, lick *.              ot     , Ixkhlnr up of    , . physical and  a!           , etc. Wlno you need a medicine for , you won t rind a b?     Uxatlva than NATURAL . like '8 -,  out of the  and  of certain  approved  . Dlack-Draught  Iru than   .T. to  can afford to  it and take It,      needed. II you are  bad, like you might be Ja Jlitd of Tbedford'a -Draught. take a rin^e tonight and feel belter tomorrow. 8oI4 la 23* .</t>
  </si>
  <si>
    <t>                                           Many Georgians Leave Today Seeking BigAME Meeting                 ATLANTA 1Y GET 1936 MEET                 Bishops' Council To Selllc Dispute Over Suriip-ssor to Dr. E. II. Coit                 LEAVE THIS AFTERNOON                 By E. N. D.1V1S                 ScfkiitK (he HOT. /1          ;i' Convention of  he Aft-lean Mcihodlst   .     :il  for Allnntn a Kimne clr- of  and slate A.~r.K. -i  h.v Bishop \V. A. Fotinttvin. Sr.. hrai' of the sixth  district, will li nvp Hie    o clock                 this afternoon  to Jackson Miss, nnd meetings of (he Bishop'? Council, the Connections Council The Women's Home nnd Forelsn Missionary Society, and tlie. Women's Mllp Missionary Rcrloty, In  cltv this BMk. The Goonla croup is tjr^ to the Important :. which will draw loaders of the  from all parts of thei country Ion a  train which (r  here from New Ynrk. Amonc those  on Ihe train Is ,       Haw.'kins, noted  of TVa'shlndon. P.  from NVw York. Bnlllmnrc Pliilaileinhia.  Wiishinirion. and cities and slates from Sow  Vork to this  will1 he picked up  t" Atlanta. One of i he important manors to he token up  ilie sessions of tlie Iilshopu1 Council Thursday and Friday will he the  of the missionary department of the church. Following th(e death of Dr. E. II. Colt, last year. Dr. A. L. Berry. N'ew York city, n member of the board of missions, was appointed    Dr. Colt's;*sor fit a Catherine attended  some- of ihe members of the . Short Iv af. , the Bishops' Council,  at            , Ohio,  Dr. Cnrl Flipper, don of Bishop J. S. Flipper, to fin. the vu. cany. Since that time, -e has hoen n     to the  holder of this Important  oost nnd It 1r   th* j Bishop's Council will ad^ 'he matter nt this ;. I Dr. Tlipper. whose Intest past.irn^ has   .n ihe .St. .Inhn A.M.I]. Church. Tnpokn. Kansas, arrived in Atlanta Monday : for :t  with his . Illshop J. H. Flipper, head of the Florida Kpl*. copal district, who resides on Houston . The  l  is well known in Ai'lnntn,   his youth In this rlty. lie         'd Mnrrls Brown college. Kolui; from hero to Slirw Universlltr. Kfljeigh. X. C. Dr. Flipper's    was obtained nt brew Theoloplcnl Seminary, where      his n. p.. nnd nt Witherforcc Tnlversity. where     wmi :.l his D. D. When  hy a World reporter  the . he  Unit: It was a  for Ihe  t.~ sv-Ulp Another of the major  to he  nt the connect  meet. Inirs at -lackson will ho (Jnish.-d Wednesday ne.on when the 'Vionerii' Oonferonee Commltlee for tlie nam Inc of a  for  he ini'.i! ^' conference holds Its session undi" the  of Bishop \V. A  on  Pa?e                 GEORGIA LEADER                 BISHOP W. A. FOUNTAIN  of iho  .p.il  of thp A. M. E.  uhn will Vnd ti f-^i  st-ilc_  Jolosiilion to lackson, Mi?p., tn.lii.v where the 1? Cnuni'il will meet '   several other  .it l-.      . Rfforls wil' hfcA  to bring- tlio 1S13   Quailrif*minl  of the  t-j Atfciiitn.                 Atlanta May  On      four; ;V/'ir.'-iin, oij.'j  j n t,f rail'-*'*. Aa' r.; ~.ht .'.iiJ T :ti%'.LK'~rr *v t.f-     r.:'.::\t.z 'Ti*f *:'$*. ra*-*-* id;; i .'-.ri-'ir.t-': '.'ir- i ''in I    v.i: i iMt-.-.iM'.-i i. v.   :Ay -Z\y-~- 'J.*w ...:1 C. 'li-ir.-- 7f.. r'.:.-. I r.v vv. -*.i--l ^f.'-'./-*J '/.;~n I'-''-*"?;. K-v. '  - A'iinra f +r  i'. i.'ir.-                 .'.'larr.i i;i:il '.r. r.  l r '-li:!,. .r It:, I    ,,   f ''I.-'   ,.- r ::i 1,1- II'-;:.' C..:. I, I.. !~i;.'l.   ;-r- I'l- 'i '-ih', 1 t, I;-. ...-I i-.. .Li ..I. I- I I: l: M- l:.--.r, I... i I: I I .j' .,f. I. I i:t:\:'-T Ir.i'.r.</t>
  </si>
  <si>
    <t>                                           Seeking the 1936 Quadriennial Convention of the African Methodist Episcopal church, for Atlanta a strong delegation of local and state A.M.E. leaders headed by Bishop W. A. Fountain, Sr., head of the sixth episcopal district, will leave the city about four o'clock...</t>
  </si>
  <si>
    <t>                                           Crady Nurses Are Promised Improvement.                 By  MACKAY, R. N.                 Three major improvements Sac Negro nurses at Grndy hospital wore promised Tuesday night by Superintendent J. B. Franklin at n Hncvial meeting of the Crudy Alumni 'association, composed at graduate  which wo* held at the colored nurses" home.                 Superintendent Franklin and Miss Annie      Feebeck, superintendent of nurses, \vere Invited to the meeting by officers of the , so grievances of the mimes could be placed before them. The  group nought nnd were promised: (1) The uac of the title "Nurse" by internes and doctors when addressing student nurse* Jnstciid of I culling them by their given namm. (2) A gymnasium to be  tn the moment of the col  nurses' home for basketball games and other recreational activities. (3) A specint room for student nurses when they become sick, Instend of placing them on the ward a, has been done previously. The three improvements were placed b.'fore the two  (Continued on Paga 2, Col- 7)                 L (Conttaatd from Page 1) Inls by Mrs. Euln Bennlngs, president of the . More  twenty-nine mines, ol of whom ara graduates from the Grady school were present at the meeting. Miss .Tetale Harrls lg secretary of the organization, Miss SubIo Sutler In treasurer, und Mm. Thelma Mackay reporter. OlhcrH present Included Misses Mnry Culver, Ruth Moore, Alice Gricr Martha Grler, Dessie Lawson, Arcelln William*. Theresa Brown, Eatt1la Wilson, Elolse                 on Ethel Knight, Beailo Stephen! Canr.lt. Lou Staptaton, 7 Hflr/ Frcdo^.. r_"! Joha*on,.        , 'Ball's F McMUmif' Rubr Daifat di':* LawtmiM,   )   . Salmon, .Edwujrd*.          Oader n           *   ^~ttL'-'b^fth,' f homi^  nd.    ?9. t</t>
  </si>
  <si>
    <t>                                           Three major improvements for Negro nurses at Grady hospital were promised Tuesday night by Superintendent J. B. Franklin at a special meeting of the Grady Alumni 'association, composed at graduate nurses which was held at the colored nurses' home.</t>
  </si>
  <si>
    <t>                                           Four Injured in 'Avenue'! Auto Mishap                 !-\.nr wi-iv in.i irt-'il SUnrdny .-in  ii  rr;i--  ! iti I :li,. r.-ir Hrivtrn ).y T. i*. Thur ir, in. of 1'J J \'in,. strt-i-r.  :  i'.*ipi'(l (tv*T tin' ~'nt i' walk :tt A 11 1 'inn :i vi - ;     K'M'i si   --l                 TiNiSi* ) Wito l,i;i;ilV 1111,1.. -f .".s-J W1,   'h:    *I't'rr:n-c, win i \v:is -I ;         ; ":i 1 lii(Continued on Tiic*1 X'                 Four Injured (Conlinaed from rage 1)' sidewalk  struck, bruises  his. legs. ~:""#~  I't.CKKIt'nf 137 Jncksnn place, who was also standing. od tin: sidewalk, cut wn   awl painful bruises. J1I18. DOROTHY TIjliKJIAN". who wns  in the cur 'driven  her. , cuts about ter . LET,A DEVOSS,- of 4   Vine SI.,   \'     -   , severe bruises about lter body. Aucnrdliu:  ...       Thurninti vnu ,,' vest- on Auburn  and the  driver was Kulns north on Kort.  when the two  . Thr second 611 r t  across ihr , knocking' down a  n- supported 11 shelter' over the sidewalk uml  on  Kort  without  Its rate of speed. Tlie four- injured imt.sods were t rented lit Grady  uml i^ to return home. Aeconllnx ;.  records the license tug 'on (he car driven li.v the hit-and-run ' w:is Issued to Churles WUltc, of JU'l) H, lie . Only a few minutes after the Tliiiriiiiin , Auhurn avenue .iind-i-,.    the scene nfa second unto mishap     'ii Odd Itldley. ..f Ki .Ik-ll. ,,, -i I north on Kort street drove his I . into u.  [Hilc ni-ar the corner. I i Jeitmic . Ridley's sii-p-' son  nx cut about the face, while Kfiller  Hllglit c nrs    ) bruises about  . Bcith  treated at ( . Richard Duvldann wns  to Oniily           Satun'ny after sustaining Internal injuries, the result of a. truck accident sit Htirris anil Ilutler . Kiiviilson,  on the ruIc of  1 truck   Carter Wliite, of ^4;t linker , was thrown tu the  whan the machine  Ilileil with another truck driven by A. Farkas, n hite, of JWW Svmiuole avenue. Keeman Mann, 14, of 114 Mt. avenue,    bruises when the coaster  in which lie wax riding, was  k by 1111  driven by B.-H. Beillupcr white, of (Wn Kmuivenrure Hvcnue,  Saturdny. lU--er told  be' wu*  south  m West I'eacbtrec   near Hunnlentt when the child s  ran In front of Uls ur.</t>
  </si>
  <si>
    <t>                                           Four were injured Saturday an unknown man crashed into the car driven by T. C. Thurtran, of 122 Vine street, northwest and leaped over the side walk at Auburn avenue and Fort street.</t>
  </si>
  <si>
    <t>                                           Medium Palmiat and Advisor Permanently loci  ed M private home. 1457  Kd. Take Inman       car. eel otf one stop before en 1 of line. vraa This lady arrived ^f fm 'n ~""y to d" B KSsood-tor the  ^^^^^1 by lur -u-ond^ ^BfvS power of  ^~Jju"10 hl5 ory of one s KmiJII'c.     -the hand.     { R M ^ives     *te."~IB and          ^~~ 'Wben others      bailed" see me and be convinced. I um equal to your case. If In nerd or a            or hep. pay this lady visit and he ;  . I.ni.k for  in front of Iiousr.   and read oc room, for both colored and . Hrs. 9 A JkL to 3 F. M. Sunday's too.</t>
  </si>
  <si>
    <t>                                           [pS ML T. Y. YOUNG 3 ^C-^\' A MESSAGE TO THE SUFFERERS 4 L7 LJt'f^vm. i Vuu :turd nut bv discouraged* Hbout your 2 Ff r-^~! li'-. Cliecr up! There is  for you. "J L .^gk-: Xliis is the one reliable. 2 H:^*^ DOCTOR T. Y. YOUNG 'j^t-'- ""Hi hi-- Xiimous and   mid rak^^r^fc ,- treatments which -have been u!~ed for Mn3'^V91k . and' arc highly recommended for ^^B n^y trouble of the system, such as of the a IH.sra.sc Acute or Chronic: Paint, Tjphm Fever. Catrrhat Malaria. MJIIiria. Nroml1 DOCTOR C'3- , HemlpleKia. BrnochllI bob?,- Intlaeozs aud CaalrvestorlUciia Inj y Huenia. j I-I-TOUnj^ 1cs, *),. Heart. Llvtr, KJdnej*. Wwd PuIsuil             . Calafth.       A MUHS nn.\ Neironsneiw. Bladder TrooMo,       Upallon. AppeodJclU* 8kla DbeaM and  TroaMe.  T" those whom It muy concern.       t once. Don't Rive up hope, if others fall. Tlie result    pleasing to aU who try It. Our SJl'ECIALIST  will euro many,  com;la'.pl:. Mule or female, call or write. Wo nil!  some herb medicines for your 3 25 YEARS case.--.. i  DELAY- CAit AT OffCB j in ATLANTA     ^    *    Diiry 'Savn-1 A. JL to !B P. St 'Bcnday Bonn- 7 A. BL to S P. BL  MI j 7 P. M. tq 19 r. M.</t>
  </si>
  <si>
    <t>                                           Musical Show At. Bailey's 81 Now I                 TAKE A CHANCE    "Tako a ('" tin1 year s     ?n;esl musical comply 'lit! willi J.i nit-- Dunn, June Kni^lit, Cliff Iwlu.-uds and Tinny oilier stars.</t>
  </si>
  <si>
    <t>                                           THE American people are everlastingly proud to stand out as a government of the people for the people, and by the people. Not even in the darkest hours of their deepest gloom they look back to the flash pots of ancient dictatorships. While in the crisis of this depression, politics have been somewhat adjourned and there have been occasional expressions of respect for the peerless leadership of our president in the form of sanction of many departures from established governmental...</t>
  </si>
  <si>
    <t>                                           I SAVE MONEY ON YOUR K Easter Dry Cleanings Calling Jackson 81 04 I WORK CALf-KD FOR AND DELIVERED 1 -r B A R LOW I Keep Your Skin And Hair Soft  And Beautiful With f^Z^\\ Dixie Deb H Vs Ami finally I'lmxiua l.inr I I1     *~hJ of 10c Cosiiwtics mill .t ft ^~BB*T I Dressing Call tor it at Any JHL Store or Drug Store ^^'CJL^ -'Accept no Sub- (   Yt\ x i. i. I I DIXIE D^ f{.~~. W I +me Dixie Deb, Inc. Nt-w York Dallas A damn Tunt- in WJTL Every Wednesday Evening "al 5:30 lor jj Dixie Deb Quarter Hour of Souvenir Program All-Star Colored Cast</t>
  </si>
  <si>
    <t>                                           JACKSONVILLE, Fla., Mar. 25.-- Our of the enjoyable events of the social calender for the ... week was the birthday party sponsored by the ... of Miss. Aivce B. Guyton, popular case worker of district of the Federal Weliare Agency, at the beautiful and spacious home of Mrs. L. D. Jesserson, 2140 Moncrief avenue, on Friday night. At an early hour guests began to arrive and were extended a hearty welcome at the door by Misses Edmonia Geter, Ellen Walker and Mrs. Julia Hartzog.</t>
  </si>
  <si>
    <t>                                           WANTED Newsboys and Agent* Everywhere TO REPRESENT THE WORLD S ONLY NEGRO Daily and Semi-Weekly DAILY NEWSPAPER Addroa Atlanta Dally World UO Auburn Arc, N. B. v Atlanta, Georgia W. C.</t>
  </si>
  <si>
    <t>                                           WASHINGTON--(ANP)--The scholastic aptitude of Negro students is greatly influenced by the kind and location of the high school they attend and by the occupational status of their parents, it was revealed in a Federal Office of Education bulletin titled "Background Study of Negro College Students," made available to the National Conference on Fundamental Problems in the Education of Negroes held in this city last week.</t>
  </si>
  <si>
    <t>                                           Varicose Ulcers -Old Sores j i HE.VLED AT HOME j No enforced rest. No operations j nor injections. The simple Emerald Oil home treatment permits vou to go about your daily routine as usual while those old sores and ulcers quickly heal up" and your less become as good as new. Emerald Oil acts instantly to end pain, reduce .MR A swelling, stimulate circu\kS'/^ lation. Just follow the easy aic directions yCu are sure to be helped or money back. YATES MILTON* Pharmacy: -and  every where.</t>
  </si>
  <si>
    <t>                                           WANTED Newsboys and Agents Everywhere TO REPRESENT THE WORLD S ONLY NEGRO Daily and Semi-Weekly, DAILY NEWSPAPER AddroM Atlanta Daily World 210 Auburn Arc. N. B. j Atlanta, Georgia W. C. KELLEY</t>
  </si>
  <si>
    <t>                                           a YOU WANT ' guarantee to  Klvr you a nrw start in life. No c*m*   *yond . Stnp ! Writr   - . Infnrmalliin ! M. William-.. !lill U'i;:~n Aviiuii', . City N. .1 lii-pt.    tn r m-ni j-      '^ nr       II' -i. Hi-  aC ll .^Mfcf     f i  Mfll mill  H   t.l ~.II    -~-(  un II.-. it -s^inr: I1.. hi ll.nr SlriMiKlli. Swirl *..:i.:i; Hrnv  i    -;u-!i 1', I i. c S'uwd.T, I'.Ot . Wrilr ti.il.iy f.ir Jnh :~ntl IHri'. SAMI I.K (\vh Idler. VAI-. CO.. Hrpt. to I. Ci'J (" Crovr Avr \r% f^/ l.vu I^M. fc***1 MV y^ Hair li   Inn "Iiiibii 1 I j*-^*^-  -vi_L;   : V- .v^~. U II IV N i hrmi. il '35' Co..  I*-      , Irnn</t>
  </si>
  <si>
    <t>                                           MAYOR James L. Key. in his message approving the school, budget, once more redeemed that sanguine spirit of initiative for which he is noted, in his scathing rebuke because of the low salaries paid teachers. The mayor realizes the technical nature of the teachers' work and has no desire to see a condition obtain Where common unskilled labor is paid on par with those who are compelled to take special training and garb themselves in keeping wilt the lofty profession they have chosen.</t>
  </si>
  <si>
    <t>                                           Because It Vj^CCC C/t?^^ Has The l^^^^^^^^^m EXCLUSIVE DOUBLE [^^^^^H^^H STRENGTH FEATURE ^^^BBTp^ Often before ordinary bleaches get started.  3Wfe tT^K Black and White Bleaching Cream hai done ~^J^B JT     job. ThU marvelous, safe, scientific bleach- ^J__ 7\     '-'r K--::'-' ing cream lighten! and whitens  kin rV^jg^V Xl^fe^L. quicker and more effectively because l{  } ^~sJ' of in exclu.ive double- feature'. V 5(?C ^.^^il^j^l Became it ii "double-" Black I ^^^^ff^SSSSf!^^ and White  down to- the ilin l 4th f^^. ^f^VSHsfS^^^ layer where coloring it regulated. Not ^^^j'^pS^^^ only  Black and White lighten. R^^ ^~^^^l your  10   in half Kj^^. ^Z^^~?2 the time but it      clean up  ^^^Sf^^-^^^5^^^1*^ and mole  with equally        3  Ir^S?^*   .peed. Trial  iu, only 10c. -^^y Q^^l"" A Far       Black tmi Wbllt          SSm^^M^M Skim Sotf (He)  yen tUl      W3^^      3^~   . ^^^^^^^USJj'StA^Blll^H</t>
  </si>
  <si>
    <t>                                           K^^oi^S^^ *      ^ nun. 7?^?     -l g; V 1  Vhcw Uf PtMcM.- NBC       ,bT 9 pja. CST; JO pja. EST.</t>
  </si>
  <si>
    <t>                                           Although the statue of Negroes did not differ materially from that of the white servants during the first fifty years of American colonial history, the following two hundred years regulated their Position in very definite fashion. Negro labor had a different status...</t>
  </si>
  <si>
    <t>                                           Madam Hayden Palmist and I  Idler Just arrived from New Orleaitt. Madam tells you just  you want to know about all Important millers, , domestic and lore . Sue aba tells lacky du and numbers. She bas   and happiness, to. many troubled tool*. LOCATED IN A PRIVATE HOME : V A M.     10 r. M. 513        SU1X  Hom.ii Mm Htreet    .    Ml at Door. Look lor Blfu.</t>
  </si>
  <si>
    <t>                                           'Bach' Smith Victor in Suit Against Clark                 Buchamcli Smith, former line conch came out victor Friday In the trial of hia Kiilt against Clark university, and was awarded $855, which be claimed was  luc him for  Biliary for 1UHI and ,J1~:~. Iiy n Jury In Judge L. Kosser's  ol Mnnlcipnl . Suiitii wan formerly a member ot the Clark unl\\.TslJ,y couching staff, but was  in 1KW. He  th(3,           HClioul was  held up the:  of money due him on.  wages. I'resldent S. M. Davuge anil Clitor Aikcn nnd .other Clark officials were named  H . Tbc  was represented 1 y Willis M. Kvorett, .Tr., while Attorney lton .1. Davis, Jr. appeared for Smith. VIRGINIA PASTOR DRAWS CROWDS TO LIBERTY The large crowd of.  that have attended Liberty Baptist church this week have been' literally thrilled by' Dr. P. P. Eaton': in song and sermon. Thoy acclaim him a great preacher and . Dr. Eaton is the pastor, of the great Queen S'rctst Baptist church; Norfolk, Va. Will  at Liberty Sunday, morning and night, and each TifgKt next ..    . He will be in ch urge 6f-.thc Docblon Day Service in the Sunday school' Sunday morning. ThotVwho attend these serviced do so .with profit to . The. public is cordially  d"." You always fina  a cordial  at Liberty Bnptlst church, corner -Chamberlain pnd Jackson streets, .S. E.</t>
  </si>
  <si>
    <t>                                           EARLY in the month of February, Negro History Week, one of the most important weeks in our annals, will be in full blast. For several years this feature has been one that commanded much attention throughout the country in our schools of learning. In no other racial endeavor has so much service been rendered in the cause of uplift. Through no other medium can racial appreciation be enhanced than in a review of achievement to the credit of those representing that race.</t>
  </si>
  <si>
    <t>                                           Negro Teachers Go Unpaid Wednesday                 Although the government provided a fund with which Fulton county touchers were to receive half salary checks for the past two months, despite the fact that it had been announced that i-ounty teachers would receive their pay Wednesday, a .ro group of colored teachers went unpaid  while the white teachers were" getting their money, according to information reaching The World.                 The governmental loan to Kulton I county  to an excess of I :i hundred million dollars, a sum, sufficiently larRe to enable virtual-' ly everv county 'teacher to receive i half salary checks for both of the past two months. However, when colored teachers sought their pay, they wore told  only thn salaries of those teachers making more than $100  were being . This automatically eliminated many of the Negro instructors. Feeling that they had been done an injustice many colored  referred Oio matter to local Urban League officials. Trie local branch of the National Association for the Advancement of Negro People was also informed of this seemingly unwarranted discrimination. Just whnt steps will be token by the local welfare bodies has not been decided but a course of action is being planned through which" colored (cache s of the city can get Rielr money.</t>
  </si>
  <si>
    <t>                                           b"last"times"today^ Lincoln Theatre TIN McCOY "WORLD" WING" also- Gordon of Ghost City ll ll" M Tt,. Y..1 DcnuldWooa, .CVLVVln -shk was I</t>
  </si>
  <si>
    <t>                                           .3  f OUB MOST SINCERE jj j (Congratulations i 2 1 ON YOUR GREAT "70TH ANNIVERSARY OF EMANCIPATION" i [Warren Produce Ge.~ a K J" "Stores of Quality" 195 Edgewood Ave, N. E. Ja. 1503 t I 1004 Peachtree. N. E. He. 4121 C I 116 10th St., N. E. .Ve. 91S4 j 963 Edgewood Avc. Jx 8151 t 839 Gordon St., S. W. Ra. 9253 5 20 Ashby St.. N. W. fc 4 f FOR YOUR YEAR OF YEARS, THE "70TH EMANCIPATION ANNIVERSARY" YOU HAVE OUR MOST SINCERE BEST WISHES ACME AUTO SERVICE 70 Houston SI., N. E. AVa. 4562 I EXTENDING OUR SINCERE CONGRATULATIONS -..TO OUR MANY. FRIENDS ON THEIR GREAT "70TH EMANCIPATION ANNIVERSARY" American Surgical Supply, Inc. ++. 23 Houston- St., N. E. Ja. 5522 K1ND-: AND COMPLIMENTS ON YOUlt GREAT "ANNIVERSARY" + + ARTHUR C, BROMBERG 154 Walton,- N. W. Ja. 0580  TO OUR MANY FRIENDS ON THEIR GREAT V70TH ANNIVERSARY- OF EMANCIPATION" Ail Star Manufacturing Co, Makers Of High Grade Neckwear 234'/; Mitchell St., S. W. \Va. 6523 1 "70TH EMANCIPATION ANNIVERSARY" COMPLIMENTS- AND BEST WISHES ANDERSON S DRUG STORE College Park"     2101</t>
  </si>
  <si>
    <t>                                           UEItE I'l COMES- 'rile Uik Kiishion 1''. Wanar bios., Producers of ."~Kml SlVffl. "Gold DIkkcm." "I'outllchl l " Join Forces with the World'* Klnm or Fashion lo firing You (lie Tlrst IWal       of Drutcns anil MoilrlK William Powell  c(te Davis Tomorrotv ThursdJly COMING NEXT SUNDAY "it  1 THEATRE ...,{ACK HOLT In  5/.'^Vhir1rio6r KAILEY S .      CroNhy-Mvton Davlen; In '~OING " BAILEYS STRAND Km Maynard In "1 Bucksroo" I Vf"fe:;J""' *~i!iT rSu!  * I  I '  "'' I la "IHt (If I</t>
  </si>
  <si>
    <t>                                           NEW YORK--(ANP)--Announcement was made this week from the national office of the Young Men's Christian. Association concerning the program of the forthcoming conferences of Association secretaries and laymen which are to be held at Bordentown...</t>
  </si>
  <si>
    <t>                                           Is planning to give a peanut picking. Thursday night at the home of Mrs Ruth Williams on West Peachtree for the benefit of the church All members are requested to be present and all visitors are welcome.</t>
  </si>
  <si>
    <t>                                           EMANCIPATION COMPLIMENTS OF T. ELTON DRAKE Attorney Trust Co. of Georgia Bldg. Wa. 1138 I THE I Dixie Radiator and I Welding Co. I CONGRATULATES THEIR MANY FRIENDS ON THE GREAT % K "70TH ANNIVERSARY OF EMANCIPATION" I X 24-26 Ivy St.. N. fi".    2341 I f-x--X":-^^-:-:-~:-x-x-:-   ^~~XK-Ks^^~^~~M^-^~~~~fr%^l WE WISH TO TAKE THIS OPPORTUNITY OF EXPRESSING OUR BEST WISHES ON YOUR GREAT 'EMANCIPATION ANNIVERSARY" ATLANTA TENT and AWNING CO. East Point Ca. 3101. i EXTENDING CONGRATULATIONS AND BEST WISHES FOR THE FUTURE TO OUR MANY FRIENDS ON YOUR "70TH ANNIVERSARY OF EMANCIPATION" ATLANTA MOTOR CLUB 336 W. Peachtree, N. W. Ja. 4100 !     -xk----:-xk-x-x-x-x-x-x-x-  :-x-:-:~v, YOUR SEVENTY YEARS OF GREAT PROGRESS I I IS FITTINGLY CELEBRATED BY YOUR GREAT-- f "70TH EMANCIPATION ANNIVERSARY" f AUBURN STOKER CO. f    Automatic Coal Burners X Preston Hook, Dealer X 467 Peachtree St. Atlanta^ Ga,^ ;Kx-x-x^-x-x-x-x-x-x-    -x^-:-~~^x^^^~~~~~    ^^^ i i WE WISH TO CONGRATULATE OUR MANY FRIENDS ON THEIR 70 YEARS OF. SPLENDID PROGRESS  FINDS A FITTING COMMEMORATION IN YOUR CELEBRATION OF THE I "EMANCIPATION ANNIVERSARY". Atlanta Sausage Company f 914 HoweU Mill Rd., N. W. ;'^.:i^t.$~   /'~-M'/M-M^H$ijk</t>
  </si>
  <si>
    <t>                                           Wrestles Tuesday                 -black .s- mm and! F., who mi its  Tucker, ncc of the canvas mat, Tursday'j night at Sunset Ca-sino In tho main i wrestling  of the n-. It i will Ipc a --all affair j and Promoter Frank  is ct-r- tain tint this limit  ill "1' the I crowd. I. will        be - j led frp,. u hvn  by a male j wlio nays. Tlio ~~.nnl lui\iii' until1- will he Inrlmlcd on the Tuesday card ton. Prices remain . Come early and be  of a Kood seat;;</t>
  </si>
  <si>
    <t>                                           Gone are the days of the...</t>
  </si>
  <si>
    <t>                                           Mrs. Eva Cowan, popular Washington High school teacher and well known Sunset Ave. matron is spending the summer in the beautiful hills of California as the guest of her brother.</t>
  </si>
  <si>
    <t>                                           MADAM ESTELLE KNOWLEDGE AT PRESENT IS TOWER IX THE  Tins lady will tell you ;; vou wish to know without ,- any questions. No matter who or  what you arc or what your hope,  or trouble is. usk her advice. She will help you. Gives advice on busi-^ v^M ness matters, .^^W.J^B investments wills.       deeds, or lost or -^H'1 I'Kl If you are unhappy. f7 I discouraged. In trou- \rC blc or in bad health, m  and sco her. ShciHKuiS will help you. Tells how to have success in business. love, , divorce, law suits, and speculations of all kinds. The bent class of people consult her and lake their friends. She has been consulted by moro noted and prominent pcr-sons than any other Advisor. Don't be discouraged it  havu failed to belp you! She will positively tell you of the mystery that stands between you and success. Thousands haw prof, ited by asking her advice. All readings strictly confidential. Absolutely private. SATISFACTION GUARANTEED. Readings Daily ond Sunday from 9 A.M. to S P.^L GIVES LUCKY DAYS. 1562 Lakewood Avenue Wa. 4389 Special Number for Saturday</t>
  </si>
  <si>
    <t>                                           Hear the Gospel Crusaders Orchestra at Liberty Baptist church next Sunday at 3:00. The orchestra is touring the states with Mr. W. Cornelius Barnes of New York City. Don't miss this opportunity to hear them.</t>
  </si>
  <si>
    <t>                                           NEW PRESIDENT                 T. ,.?erl/'~ P'"-y Rhode*  of Merry Hospital        0 hla         (.,, r,,.,.nU "le5t"'1 ~'r* Bertha Pcrrv Rhodes who was not a member Us  The Itonrd Is mado UP of  of (he. various auxiliaries of the hospital Mrs. Rhotios wno j, the  of thf. late Christopher J. perry one of the founders of the hospital was selected  nf hnr  of Icaderxhin as shown n   in which she u inti-. She    editor of the Womans       and treasurer of tho Philadelphia Tribune, has been president for s.1* years of th0         womans club In , the 1A"'?''t^!11' Aid,,, member nf the Jlr- Organization Commilted of the Southwest Itranch Y. H'.C.A. and treasurer of the hoard of the Lyceum an /.ation of  of Philadelphia that han necn instrumental in  to the city well known speakers and I music ans thi.i season. I</t>
  </si>
  <si>
    <t>                                           I VOICE HER FORTUNE                 I- A native of Danville, Va., Miss Marion Hairston.  mezzo-soprano, has made her fortune through her voice  She has played important pails in the Ziejjfeld "Show  Uoat" choir, and hns been with Lew Leslie's "Blackbirds"  or Itvo .seasons.</t>
  </si>
  <si>
    <t>                                           Only ten boys remain in the singles of the Inter-Playground tennis tournament now being played on the Washington Park courts. These boys are Marshall Arnold, Fred Hill, Oscar Johnson, Jerome Hubert, Joe Mitchell, Wendell Cunningham, R.Doll Johnson, Robert Spencer, Walter Briscoe and Orlando Yancy.</t>
  </si>
  <si>
    <t>                                           empire' i  vr.  I      IT. MM  M I9)   T*X in "NANA"       \V-TIT.*PAT  I.L-~IT.*II      la "Gold Digger* of 1933"     .       JACK MOLT la "Whlrtpoor' TlirKOTMT ll Hippcmd On* Nifbt" CltbUfdt Ctlbrri- Clvk       "The 9th Gutst" I Wt1    I</t>
  </si>
  <si>
    <t>                                           Notices 1                 HIGHTOWER- Master Kogcr Williams Hightower will be  from the Auburn  today at 2:00 o clock. Interment Chestnut Hills. Haugabrooks. HOUSE- The funeral of Mr.. Silas House will be announced later. Dunn's Funeral Home.</t>
  </si>
  <si>
    <t>                                           JAILED AS SUSPECTS                 Sru-n \rn-l.-.l Alirr \Vnni;in Mi-.- VVri-l Wal.i,; i-'iv aiv rtr,.-.~                 I'Oi.ici- sT.\r:r : I                 'Ilia.. n v,-.-:-.- ;,rr.--.U-.~ i.n -i:-i..n i-: Wi-.;i..--..-,~:iv   -r I,..-.,,,,! ,.....r j Lr; I v. ,-r.- ro:.M-i-.j I I  i^:t.:,.-.l uj.'ir, ':l.,';r :T...-:i I,:, I: :~i,. ,i.u.. I r.v.l.,-.,                 ~^r -M-1- l.ii.l-.- !:,-k.i r.: 1 Ir in -Itvi-i. ii..-t ;,!j,~ r-;oru'.~ In r v. ut.-h -t,.~,n. I f'"''      ::i Hie :i: -nt I n-. I 111-'.', li.;. Ire.-. A,r,. :.rn-li.i .-ar!i Wc-I:,,- .lay I,. l:.,,~,. i^;,...!,,,,.;, 1 I' Vnirk ;i.-.f! H V," Ml,-:All a-.- ir; I!-,,- ~-..,u.,. nt -f:. M Plpii.ill;; ~,,i.~ i i 1 1 in-.tl ,,r, nn.i' hint I 'I r: lii. ir l;   ,f I' ..I. i  Vi:. 'J7. ll.,..;-.t,.:, s:r.-,.t:] ~:m- Camlile. 'J.', ::::i  Minn..-. Hliic. 1\ y, I.o^an Hu;ii:i-u:i, ^i] i:..m- .l"i; li ~\v, l:.,i,,r: 'Brown. I-'T l!.--.:lfi nr.I. SMith.D--. i.,-. ,Mu.~ Kt'iley l'h. :i;   ,irwin air,.... -I ~~'~id Manii-- M-  0, ..f ::::i 1 V. :ll s^ i t Misv FI.t: ii;; r.~Ti.-f-    III"! tri- Ilii Illi.' r.I.-~i ,,f Sv--'! nial.r ..i:,i j.ad ~.-.~i.:.-. ;i j, A o:a:i whn Huimcl  i t- J. T. .la:,,.,, 1,,-n..; ar..~ J.---K Ila:ili-y. ill., :;!1,,.-:-. :iivi r tri'-- C..I.1.-,- i-i.t.-i! ... r:i^:i;. :,iin_- i-r i:? .i.i thal hi-- :- .lan-ot I. .,;.-, :i-- :i r. ,.n  ii^ir.:i I. v l:.-i.l:.. l at:-,!::i.:i I:. H.-^l, I, ::t-!~ i;. d.-. r.l iii^: c,. n-[--rs Hll.'l.-v !,,J.~ -r- ~~,!!l hr was "f -'nm.--.. ii:,,l ,l ,,,usin i,, I J'-. llar.l.-y. It,- ,.,:1J l.:1:K j:v.-,.... I :ir-i.:.-.i ,l,i, .-i.-.c-, V.'ciii.i.. I A I i,.~ir,r.l,:ik- ;.i po:;ct- Ihllt In- l-.'i.i      .-!i a  from S I f"i-.l.!- re -Krt nl T,i"..", I[i(;,~ I ii-..-ni;i ,lo,- r!.iii'..ll.-r. I1... uf MJO Tr. :iho!i:i t, .-^ul.'r.-.. si, \\u, ir.,'ii. o:i i,::i,:.-t i-i-!ir;.v ..f *-    -ici"i! ~,.r Cii.li., Pal r.,lm. i: II. D An, tin ii:n! .1. Nai-.c. l"pi::i-rs ~,a,! -.l - iin.l i\ n-i hf.hln- ),:ii! l"r tl-.,- I 1 1" i- 1-~ win ii lii.y arri.,-  , i'. \\.ih r.-i'.irl.-d. Thi' wai.-h  as n cov.-r-d the oilier^ at (.-.TS -.'ility  aid. I-Vinh.-rif tol-l - that }i fll.o sU'-pc Mn      .  .-r -'.,-u!:' i-'.p'. ^'I'-iKi-'nl of bri-'ki:i^ :ni,~ fr.-'^hl i-. nJ,,,i,: w i t h ?i,itra!  - (?l,   ,p '~[.ok.'':;, ,-,f ''.uR S\-,ifri.-l.l -l:.-,-l -.w,s i:-r. -ti-.J for invi-st,     (,:i l.y Kn.iio f  M. M. t npt.-iur.T -i.,,~ .1 li. Mitchell i- \V,. In, -.lay. Ilfhl iis mi^hcn iii :u-o r,jii .-~ in which !.,i:li vi.-tiii:- wcr.' r, lu-v.-t of ih.-ir -h.~fM ~:id k-ft lo i--:i:i. h-.n.f I, i,r. .li.hn Mcr.i,l".v. .-f 'Jm fill:,- k..r..,--t i.r.,1 Cl.arl.Kr-.vin of 17 TQlifor-o ^trf-it, wi-rc r.-l.-u-i.-.i i,v .lud-.-,, C..ll.mny \\\.,iII, ::ry K'.h-i'.t ,.f in.-,.;     -y S:~::.l -1'ihn Km -hi,,.. ,-,f f, 1-^ 'a.;,l.y -. \shf. r.-r-,rt.-'! l.i p., lice w :l:i:: tl: .ii^,-:; of each i-lh.-:- thin lh.-v hud l-c.-n rol.lM,: ,.f ;lu ir white -hc,^. 1,.I" :-,--;: i.~.-~l,fy t!u- y,.i:ih'. ir, ,-.,urt.  i.-t.-.-t;n- Clipucr cn.i Ilnlland, hou.-v.T, .' l t n.it tl-.p .~.~mil1, hn I i. i.d the lair -n u In-., -ur- tin  cre br-,iiu#lr. up In tl;r   1.i,:n f t,r r-r,-!ini' i.-ir.i . Fliioit ,^ai,~ thit hi- was rr,T,b,d m Miy-,on-Ti:r:ior  -t-ll -'.riil, \\l',:l,' Kmch-ii waH  up ai \'inp nr.'l Hunter btre.-u. M.'.]tcr V.--,' of rp;,r 40fi -Moi'.'rin^Hific dr Vi- and I.ovaR;'' Smith. mIi-. I   - 1 1,-,- that  in :h,- rear i.-f 71J ami-.i ri,!,,l ',c:r a    "-t" d "ti -"ii-~~iii-i.in hy Ua-li', I'olro'.nu-:! I). IConllDurd on Pijc 5)                 Thirteenth Of (Continued from Paffc I) VaiiL'hn  iml S C. Bunks, wbi i .d finding them ^ s'.:: j cious a t the Cunibvrland road ad- dress. The  wore later ri ft after I,     "i' V. l.ur nin, uhi'.-. who  the - at 71:: Cuinbftrlunil  tol(i -i- t!mt .Sniilh actually dirl live in   veil by Ilnrlio Patro! -    i R. V.  und W. M. Hii-- i '.n [  in tho ''"--ds ill .* and Ei'.!hth "-'u-i.-rj. Brady Ulack, UK. nf 1 uuv '.'7S j Pii-dmont  was ! 'in r ' ion aft'-r the  "n j ^ in the .^     :..". a ..".2  ri" pistol. Cniijrh atur hu had ' ;i i '~ri.-l; Uiiouuii th..' n- nf j '-uii s l'.' shop n' '.ii:'i Pct'T- -t. Tilm^in Whi!". Is.1 or    .~ I'rcidiolm street wuh Hetd to the  2anri jury under $300 bund oil c]i:ir^*.'!; of att  bur^ia-y \Vi-dm---ri:iy. V/ i:      't( that a you h j n:-d .Tol;n Wo-lry. ,~i' n rhi ju l ^Lri'ul address, \    his aci- I (in the bursary and wns the :rt:in j '.vh(t :}irc\v ilv Iirnk. \\\'_-.]:(-y e.v j aped mi a bicycle. I</t>
  </si>
  <si>
    <t>                                           Thirteen were arrested on suspicion early Wednesday, one suspect was bound over to the grand jury and five were released as local police tightened up in their efforts to halt the wave of burylaries and robberies.</t>
  </si>
  <si>
    <t>                                           PERMANENTLY LOCATED MADAM MINGY THE WOMAN WHO KNOWS Palmlft sod Life Reader Tel!s put, present and tutor*  advice  n all  of Hie, Love, Marriage and Speculations ~/t HHB all kind*. Don't fall ~{~~ to this  HAtH I*atm)st Potato the DRS*! way ot all  1      and show* yon bow Krt-n 1o overcome  ne- IhttM inlet MaJam Jflmrr U::e   and     con help yon. TELLS MJCir DATS AMD   SattafactkiD Goaraoteed Office Bonn: 9 a. m. to 9 p. ra. 8S8 MaDonoatn Read I (Across from Federal Prison) j SPECIAL - Me i Take Federal Prison ear to end I of line. Look for Name on Sign. Madam Mingy Make* No Home Call* Not In Tent</t>
  </si>
  <si>
    <t>                                           Social School May Day Fete i s Tomorrow                 Fina] rehearsal  been held and all is in readiness for the May Day Fete (0 be held at Washington  Saturday May 2?, 1934 beginning al 2 P. M. This fete Is sponsored by the Group Work' Deparlmeni of the Atlanlo school of Social "Work under the   of ,    Franko V. Acpm*. All group work agencies with i  these students have done field work during the  lust ending will be represented on the program. The"C agencies arc: Central and Warren Memorial M. E. Churches The Y. m. C. A Y. W. I'.. A. Urban League. Atlanta Tuborc. Association and the Neighborhood Union. Events on the  includ" a singing contest, story telling content,  and a Brand parade, prizes will be awarded the win. . The public is cordially invited to be present at this Fete. WF.STF.UN MORRIS BROWN ALUMNI  TO MEET AT EIGHT TONIGHT The West Side Morris Brown Alurjml club will Imvo on  meeting ;il right o clock Uiis evening at the homo of Nnlhaniel James. 8."~1 Mayson Turner *1. according to  by C. T. coles, president ot tiie Uical group. This Iwlll be the lost meeting of the group before the general alumni association meeting durini! the Morris Hrown commencement week and nil members are urged to twi present. Marietta Hi Graduation is !At 8 Tonight Graduation exercises for  Street HiKh school In Marietta will be held at eight o clock tonight in the  auditorium with Rev. (1. 11. Hubert, the   uX ihe l-'irst I i-~ Church ps the principal . I Followlnfl the proce^, the ringing of the Negro National Anlhem  the invocation, the 8le0 club will fine "Tto Tho'e Our Country." Jesnic Crawford will Klve tho solu , after which Wllllo t. Crawforfl will play nn  solo and Geneva        render the valedictory. Rev. J. II. Sanders,  Cole Street Baptist church, will Intro. duco Dr. Hubert. Another selection by the glee club and the awarding ot diplomas will close the program Principal M. J. Woodi renounces that th#~ umm*r school will open n Monday, li*y 28, with a         of 13 .</t>
  </si>
  <si>
    <t>                                           f  LOCATED I MADAM       THE  WHO KNOWS Palmist and Life Reader I tells past, present and future Gives advice on all affairs at life, Love, Marriage and Speculations ~.f 1 all kinds. Don't fall Ml HI to see this fitted  i* palmist Points the IjRjBjhI way of all troubles KSr9H r and shows ypn how BitJ-2   to overcome ene* B^r^H L mlcs. Bladum Mlnjry baa helped thousands and she I can help yon. I  I.VCS.Y DAI S AND L  NUMBERS Satisfaction Gnarunteed Office Honn: 8 a. m. to 9 p. ca. i- 638 McDononjh Itoad (Aerois from Federal Prison) I 't . SEAD1NGB- SOo Take Federal Prison ear to end ot tine. Look Cor Name on Sinn. Madam Mingy Mokes No Home Calls Not in Tent</t>
  </si>
  <si>
    <t>                                           J. C. Bankstone, white, was killed and James Yarbrough, colored of Missouri City Mo., was badly injured when the automobiles they driven by the two men crashed together at Pendleton and Park, at 10 o'clock Wednesday morning. Robert Carter, also of...</t>
  </si>
  <si>
    <t>                                           Amid the pomp and display of the American Legion Drum corps the Columbus Stars, the finest group of local talent to ever represent Columbus on the diamond, opened their season Sunday at Niel park by splitting a double bill with Indianapolis Monarchs. Columbus came out on top in the first stand, 7-4; and dropping the last to the time of 4-3.</t>
  </si>
  <si>
    <t>                                           D. N. I.--Will I graduate in the mid-term?</t>
  </si>
  <si>
    <t>                                           PETERSBURG, Va. July 11.--Entry Blanks for the Tenth Annual Southeastern Open Tennis Tournament, to be held at Virginia State College. July 30 to August 4 inclusive, are being mailed to tennis clubs throughout the land. Commmittees to handle the various features of the meet have been organized, and plans for "A Decade of Progress" celebration that will surpass anything heretofore experienced at the event are moving rapidly toward perfection.</t>
  </si>
  <si>
    <t>                                           SHE S STILL ON COAST                 Petite Glennie Cheeseman, pretty specialty dancer, is still i getting her mail on the Coast, after low these many months since her return from Continent. While abroad she appeared I in Berlin. Budapest. Paris anc many other famous cities. i</t>
  </si>
  <si>
    <t>                                           HEADS Y WORK                 By  IS. ARTHUR                 A. 101- lll.StiriKlli-~K.,l        mx- years of  mCn with the  H..!=L.  -     KuiicJ, where as  m .-. in  of Ni^to , h,. playe.l an important I'Mt in  the policies of   orc-'  or thi'.v air.- .Vccro lif.- unil                 :it:nn In Aineric--', Ccnrge R. Arthur has retired rrom the Fund 1 ;n  a p,,-t with I lie Cbir-n-o I Y. M. r. Mr. .M- will he secretary in -o        " Tfre famous Wnliash Avenue -Y" :     the .M.- . . nml is expected In develop  non Y. M. C .A.  irn(rr--~m r.f .-~~; its "flf;lr,~ u-ork  -', imt - :!!it to  . Mr. Arthur will' remain a consultant of the Kosemvalcl Fund and as such will be in ~-lo-so touch with the future  of that: "iC . In announcing Mr.' Arthur'-  to lake over I his new work. I'renMeiit IMwin R. Enilin-f of Die Hosenwald Fund, -'ivl him warmly anil  aid "WhiV Mr. Arthur returns to  -p wilh the Y. M. C. A., he retain^ a position wilh the Julius HosenwaM   f eon-utl:int in N'i'trio welfare. Our !-iation with Mr. Arthur has  a happy :ition of personal friendship and " *. \\V i-L'ly and ^'ill ~"nt in u e to rt-ly  hi- sound ;mt-iii on (lit1  ^tinny of what a foundation c:iu wi-.-ly do inf hu * the do*''-l'"'[' of -iii n)i(('h i u j-au oi AnuTii-an '."                 ms</t>
  </si>
  <si>
    <t>                                           After a distinguished and useful six years of service with the Julius Rosenwald Fund, where as an associate in charge of Negro affairs, he played an important part in shaping the policies of that useful organization insofar as they affected Negro life and...</t>
  </si>
  <si>
    <t>                                           NAACP Appeals To All Pastors                 ,/.Y OfllS LETTER                 The MA ACT is having in the city or Atlanta now a drive I for Now Members. This Drive is being directed  Kev. I. i Raymond Henderson who is assisted by Miss Josephine Murphy, K. M. Martin and a corps of workers. While it is Irut!  Atlanta is in the  of many drives, we feel lh.it there.    no cause more pressing and more challenging of our support than this Association, which for a quarter of a century has fought our battles for equality of opportunity in this country. We. recognize the leadership of the ministry among us. We are full aware that if our effort is to succeed, we must have their unstinted support to that end. We are earnestly petitioning every church in the city of Atlanta through its ministers to cooperate with the' association to the c.'id that we. may secure every well thinking Negro in the City as a member of the Association. We are appealing to the pastors to announce this drive from their pulpits both Sun- day morning and night and urge upon their members the j necessity of lining up with it. j The Atlanta World will publish the names- of all who become members and wishes to include in their list every minister, business and professional man and .woman as  well as the great rank and file of our people.. The second report meeting of the working will be held it five o clock this evening at the Butler Street YMCA. All workers are asked to report their progress to (late at this time.</t>
  </si>
  <si>
    <t>                                           VOTERS' LEAGUE IS READY FOR ACTUAL WORK                 The actual, work of the recently organized Colored Voters League of Atlanta and Fulton county will Set  and the first of a Merles of district meetings will be held. The  -,  is  for 'l ~! will We hold in    -          whli-'i Mrs. I.. C. BW'oti \i' M :in. This      t is Imunilod by I'li'ilmom.         'nru, rent, anil Nurlh Avenues. MTs. Wt"ho!~ will  iIip  x t tnp anil ~'l:ii o of i .m; within the  fi-w days. A very enthusiastic ' was held at the , 847 West Hunter  Friday  with a good number in . More newcomers pledged their  of the program of the organization which has as its main purple tho registration of every adult colored men "~nd women in the Greater Atlanta nrca. Beginning Wednesday after- noon,  of the sectional leaders will be held at 2:30 at the headquarters. Present plans call for the setting up of 12 districts. Further information .concerning the league may be obtained by calling Main 3270 during the day or Main 5830 at night. GRADY AUXILIARY PLANS MUSIC ALE NEXT SUNDAY A special  program will be featured next Sunday afternoon. July 16 at three o clock at the Uig  A. M- E. church when the Colored Women's Auxl  of Grarty Hospital will present Big Bethel Choir Number Two. H. J. Kurlowe directing (Continued on Page 8. Col. SI                 (Continued from Paje I) Thin is the first of a 'aeries of  to he staRed thin summer hv the auxiliary to  funds with which to carry on IU program of helping make the life of the patients on the colored sld\ of Grady hospital more homelike and comfortable. During: the put year, this ( of public spirited women has accomplished  and is  the cooperation nf the  in making this affairs success. Mrs. M. r,- Walker, president of the auxiliary is asking; that all who can attend tbe program A silver offerin* win be taken at the door. I</t>
  </si>
  <si>
    <t>                                           A BtBTHDAY  t*t little MJn * Heroic* Woodi of AUmaU,  Che  Mfk group ot   here</t>
  </si>
  <si>
    <t>                                           "The Greek had a word for it."</t>
  </si>
  <si>
    <t>                                           Seek Woman in Slaying of Man Sunday                 Polue Monday pressed their  for a woman  "AlIcno"' whom It U will lives near the corner or Hayncn and Thurmond street-. In connection with the        of Earl Jones, 3S, of 417 Foundry street who early Sunday was four* 'dead on the porch of hlg home. A huge knife wound was In the lower part of Jones1 abdomen, and hi* left leg appeared to have been hocked away to the bone, Radio Patrolmen Hill and Johnson, who discovered Jones' body reported Two witnesses, J. D. Tuck, of 191 Davis street and WlUle Crowder ot 428 Newton street, told police that they saw the woman .when wle stabbed Jones to death. Win Rowland, ir 49S Mtagnolla street, was being held on blanket charges of suspicion by the officers, who observed him coming from th4  of: Jones' . Jones' body wns removed to the  brothers funeral home,  burial arrangement* late monday had not been completed.</t>
  </si>
  <si>
    <t>                                           Mr. Alamanzo Sconiers has arrived in the city from Manchester, Ga. to spend several weeks with relatives here.</t>
  </si>
  <si>
    <t>                                           JOSinj/V JONES                 uy I. I'. Kfjnold*                 Ni'vur co one toun;l with a           woman  you can go      with her .</t>
  </si>
  <si>
    <t>                                           The last round up is going forward with great emphasis and strides are being made in every department at the Turner Chapel A. M. E. church, Rev. A. A. Hightower. The men of the church are anxiously watching and waiting for the coming of the great...</t>
  </si>
  <si>
    <t>                                           Thee result of the arbitration which has been conducted by the later-Racial Committee of the Columbus Urban League for the past few days in its effort to solve the situation arising out of the recent action of The Board of Directors of the Columbus Y. W. C. A. Assciation in issuing orders for the closing of the ... Triangle Branch Y. W. C. A. without consultation with the committee of Management of the Branch has indelibly stamped the Blue Triangle Branch as a "iim crow" organization.</t>
  </si>
  <si>
    <t>                                           Six Fined in Marietta St. Cafe Shooting                 ::'.:ciT.:i[  :i be. '.ween three while people and  coin:-..;!. r,.Mil:    in Aijri.n .Ii.r r-. of -i.'Ifi I).i\i-; .--1: ; yi-n: r.r;i;iv ln^ r; '(!:iy i i .T Cr:iir;:l (M:::!*  :i '.,  IlirmiSli     li-n .-:il.\ an, I si." Ijciiis linc:I in lo, -.  l                 fin disorderly c!iar^     -; in police reports. Will Green, of Til Simpson s-: l re.l ll ? r.~ i^"Si-iplo Tcrracr to. poth-r with .tones wen in a beer fi;irc:en ;u 70 1 M:iri.-lt:~ street and  dasse- of beer. After   . ini! MTvi-:l. Gr;.'!'.. ;,i\:4 u. repor s Ih':!:iii ;i  v.-i!li T. .1. Bryant, white.   72 sh,.:inn ;ivc. mic. a cu.51on-.cr in the place  slapped Brynms fare. Tiirnins to 1:1.. counter. Oroe:~ i-: s: to  a.^ Mi^'i i'l:ira Mason, white. "il.r) O- -i. a -.'s in ihe . In i;o ,m:i with dim  i to her "" Miss Mason then ran m ren.of lite place anil i. Franl; Henderson, white, who operates the beer gardon. ITciulerson   :     wiih a Run. 1 (. Jem and Green ran. .'tit Mini  while (he men wen- :  of the  . .illy wound inc Jones.  P-' summoned to the scene cruised around i block and discovered Huici.iii;: and    .i        )lun; to carry I'mkw. .loins, was carried to Crady  by. Ihe officers, while   ,c other      j men were  on disorderly . Hendersoiv was booked on :ij ICotilimicil on P.iro ni                 SIX FINED H Milmunl I rum t':isc 1' sIi....:-,i:l-  hn.-;v. v.;.jr.- 3t-y.ni'. ant1 E. W. Jvv.irh, uf Ciiri-v Pai-k. isti-1 Mi-~: :~i?~.i.i: v.-f:;-.- n:n- .,.ri . kcr: cii:iri?i.r-.iv-t!  r,.M      :md V.vM-.y^"i!   ; :n :h.-  1.  iu'.i:h:i,- So'J     -.; Hct.i], r.-.v;  27</t>
  </si>
  <si>
    <t>                                           A beer garden altercation between three white people and three colored, resulted in Aaron Jones, of 436 Davis street being sent in Grady hospital carly Thursday in a critical condition with a buller wound through his left side, and six being fined in recorder's court...</t>
  </si>
  <si>
    <t>                                           SUMMER FOODS ^^^H ATLANTA S OWN Municipal M arket EDGEWOOD and BUTLER Offers The Freshest Fruits, Vegetables, Meats WATERMELONS CORN BROILERS PEACHES TOMATOES FRYERS BEETS Atlanta1* One-Stop Food Station FREE PARKING SPACE We will stay open until  thirty P. M. next Tuesday, July 3rd. and the market will be closed all day next Wednesday, July 4th. We hope that every one of you will have a Happy and Pleasant Holiday.</t>
  </si>
  <si>
    <t>                                           WANTED Newsboys and AgenU Everywhere TO REPRESENT THE WORLD S ONLY NEGRO DAILY NEWSPAPER Daily and Semi-Weekly Address Atlanta Daily World 2 10 Anbnrti Ave., N. E. Atlanta, Goorgia W. C. KELIiEY Circulation Manager</t>
  </si>
  <si>
    <t>                                           FINED FOR LOTTERY                 SHnR Floyd Huff, 'big- shot" pick, up man. In the lottery racket was fined $150 and given n 12 months Hiiapcndcil sentence by Judcc Wood In City Criminal court Tuesday. Luther Carter and Frank Reed, named In  accusations eP-.R lottery, were each  f 42 Bad   $ SHSPfcgvffi</t>
  </si>
  <si>
    <t>                                           Y RADIO SCHOOL GETS OFF TO FINE START                 Thi- Y.M.C.A. K:icii" SfllO"l   1       Monday ni^hr with a vny  ^'-. Mr. I'hild'-. iln' director,  Mr. Srott. ilio in  lor. want io r;ikf this   In thank tin' Ailninn Wnrli! for              O't-opi.' it: ^ the st-! ln-' tho  n ol l nf AtlatitH  .-il"~i hu lii'          tn nt t r n il the  1* flu^ week. * will I*  Weiinc.- Mini Frlilny !- in the  vt  '8 mill nil  m  I'nrnll  the i-; '. For   i iiI Walnut (11:1.1 or Mr. Smtt ni t!:e ; i;3 or by appoint* EI3'-</t>
  </si>
  <si>
    <t>                                           FROM NEW STARRING TEAM                 -Busy men of medicine do  lime (or romance \nti from I his friendly  (if ('lark liable east as a doctor in "While in White," the Royal's film, showing today and Tuesday and Blizabcth Allan, his nurse.</t>
  </si>
  <si>
    <t>                                           B You'll like that I If R/i//01/^^/ I I CORNFIELD Stock Up For Your Vacation Now You'll need plenty of drug aids when you start that vacation. SOUTH SIDE PHARMACY B3S Me Daalel St. Pbnu JA. 941  4</t>
  </si>
  <si>
    <t>                                           Man Held to U. S. Court in Theft of Car                 Arrni-ned Ivfc.re United StateC. u. S. Grim,,  on Charon of theft of . property from a -m  ,.M. Jiw   -;irc.v. ~-j,,,~ ! 'nsp-c^irs nty  ti... llu-ft. v;as 1,..~.~ I,, rni.,.,1 SI;,,,-, Brand Jury  5'JnuU bund. ^cr.in!;n- to testimony .,f Wil j i;:'"ii M. Tl-.arpc. white, of Arlatita. I '"'r'"v  n automobile Ik-I.in-. rr :ios;~it:i!. n-..! +"~~  m July .7. The car wax n- I  three weeks later iu Gril- 1 tut. Georgia. Id his statement     !~: the pre- 1 Hminar.v  Wcilm-Mi:iy Sc-      : tin- car i.iit ~:iid I hat Tharpe had dv.-n him  lo  it n\v;,y. PRIZE CHOIR TO BE FETED AT BANQUET Members ef  Numbrr Two "f the Turner Monumental A M E. I'hurch. the Kcv. A I.. Bri-w- . pastor, wili ~-c si^   at nine o  when th(.y will l.c  l.y the church with a banquet for winning second place in the recent state wide choir contest at the A. M. E. TriConvcntion An  program ha? I'l-i-n . a !       ;lit       ; the presentation or the banner by Dr. \V. Koyil I,. presiding floor of the Atlanta  ct.       spi-aki rx will t... P:-,,r. Pla'V- of Morris Hro-vn. Mrs.     ..ci:. I   r   . 2 of Flipper Temple A. M. E. ihi:rch choir  I Rev. \V \V. Stcph?ns. pastor of the Austell Ihurcli. Tnc        Monumentnl choir is . hy i Miss Sallie Brewer while Mrs. Helen Hrewster is  An invitation is  extended to the put lic and friends of tin- I choir members to attend this vie- I tory celebration event . j .IAI1.KD KOK . Wanted since Saturday In -  of his      . Mi-1vln Morris, 22. or IH!~ Klimlos SI.. , was              Radio Putrolnn-n It. 1!. Bradfonl  F. L. Smith. Mrs. Morris was -d. to return '  l. tront^l at fim.ly hospital Saturdny .</t>
  </si>
  <si>
    <t>                                           g- ONLY NEGRO DAILY NEWSPAPER IN THE WORLD I^^JMMi^J^~~ VOLUME 7, NUMBER 169 ATLANTA, GA., FRIDAY, AUGUST 17, 1934 PRICE FIVE CENTS'</t>
  </si>
  <si>
    <t>                                           Rev. Thurman Will Speak Here Sunday                 Rev. Howard Thurnuin of How- ard university will preach the Buc- t r.' sermon Sunday. May 27th. ;it the City Auditorium ;it which time -ds of boys ;ind j Hirls arc expected to attend ns the services will climax the movement! (.~^ tht?  of the city j                 in the matter of attending church! service?;. Another fey lure of the program Sunday morning will be ;he mammoth choir consisting of over thn.'e hundred voices, directed by Miss Essie M. Groves. Leaders I of choirs, teachers from - j lary ;  school students will i no he.-ird m th-ir rendition of. some of the most difficult numbers i Tuesday. May 2EJth. the seniors I will have I heir  class day j exorcises promptly at 1:30 p. m. Thursday. May 31st. at 8:30 p. m I .i: Iho BcthlOioni Churrh of God. j the Junior nigh school promotion I exercises will be held. The  play. "Graduation Pains", prom-  to be u treat to the larue crowd of patrons and friends who jare expected to be present. Thursday. May 31st. from ;i:00 ; GOO the alumni association will ibc host to the senior cluss ;it n reception on th.- lawn of ihe hi^li school. President Ira .1 Kfirrelson nf ;  ' I Board of Kducntinn u-iH  the main :      ;s o-i .lune 1st. .it     - Citv Auditor nun where nv-r 300  tud"nts u-il!  their di:pl"mas. To ,i!l nf Jhn i x*~      - iho : cla-^. prin- mul f  , -ir iii;m;v tj-</t>
  </si>
  <si>
    <t>                                           Rev. Howard Thurman of Howard university will preach the Baccalaureate sermon Sunday, May 27th, at the City Auditorium at which time hundreds of boys and girls are expected to attend as the services will climax the movement encouraging the youth at the city...</t>
  </si>
  <si>
    <t>                                           -because St. Jorepli Aipirin is Eenuioe toil  .          . Jcirroym*  la the tit  rob St.        Ajpirio of its o: purity and lull  because 1  icb  Li  uid  in - proof cellophane. V'eriJ'i LarttnSttittaitOi. ASK FOR IT BY NAME  HIES  WEEK Tuna in Vtattni       Ptugt4m. N6C. .W*       . 9~) n-.O5*1"* 'n P- m-. EAT. i KNOWLEDGE AT PRESENT IS POWER IN  KUTURti This lady will tell you  sou wish to know without asking any questions. No matter who or what you are or what your hope fear or trouble is. ask her advice! She will help you. Gives advice on - ness matters, lawsuits, ^  -E^~ investments -wills, ^~'l-l Wl deeds, or lost or stol- ^M'\ YWi en articles.  H^-*-^M If you are unhappy, tf k I discouraged. In trou- I ble or in bad health, call and see her. She ^^E3M will help you. Tells t how to have success In business, love, marriage, divorce, law suits, and speculations of all kinds. The best class of people consult ber and take their friends. She has been consulted by morn noted and prominent persons than any other Adviser. Don't be dls- 1 couraged If others have failed to help you! She will positively      you of the mystery that stands between you and success. Thousands havo prof, ited by asking her . All reading strictly confidential Abs^}VtQh' JSiJS!*- SATISFACTION GUARANTEED. Readings Dally  nd Sunday from 9 A.M.I0 9 P.M. GIVES LUCKY DAYS. 1562 Lakewood Avenue Wfw 4389     ^ Number for Saturday</t>
  </si>
  <si>
    <t>                                           J08HCA                  By I. t, Rtnuild*                 "Yon shall  whnt you noun, Is very Komi \i,   m* " hut tr, Pro..     li U i ^Kt^ he hm         discord ttt j^</t>
  </si>
  <si>
    <t>                                           IN^TtfB'  REALM^</t>
  </si>
  <si>
    <t>                                           ott*  "Ttrc SouthKANKH  lAnd RAni*** i. a Btm -The Crjmn    ,0.',"^       ' .il  EXTRA! Tonile 9 P. M. Amateur Contest I FUN FOR ALL!</t>
  </si>
  <si>
    <t>                                           Bro. Crawford of the old school brings out his old time trusty musket of Faith and trains it on the young Raymond Henderson. Handle it with care "Brer" Crawford as those Muzzle loaders kick some times, but Bro. Crawford says young "Feller" I have been using...</t>
  </si>
  <si>
    <t>                                           NEW YORK.--The dismissal of Dr. M. C. Dubissette from his post as chairman of the Sanction committee of the American Tennis Association has focused the spotlight on the intrigue and poitical machinations of the New York faction of the tennis body in its...</t>
  </si>
  <si>
    <t>                                           BOY BADLY HURT BY AUTO                 Si- Year Old Lud in Grady With Fructured Skull After Being Hit by Automobile                 TRUCK GRAZES OLD                      Knocked down by an automobile  by W. A. Gallion. 80S Flat Shoals avenue, Wednesday morning, seven year old Claudle Me (. of 34 Cornelia street,! was in a serious condition at Gra-I dy hospital early this morning.                 according to reports made at  headquarters by Gallion the lad darter from behind another car and ran across the street in front of his machine as he was driving along at Edgewood and Cornelia about eight o clock Wednesday morning. Mr. Gallion says that he did not ue the boy until he was two      In front of his bumper. "As soon as I hit him." the motorist told officers, I stopper my car and ran and picked him up. Some white ma  anj auken if he could take him to the hospital." Young Me Cormack'n condition Is said to be serious. He suffered a fractured skull. -              ;-53.of-27 Woodwarrf avenue, was given emergency treatment at Qrady early Wodnesday afternoon alter he is  to have been struck by a truck on the Hunter Street side of the State Capitol. B. R. Johnson, 700 Sims street, I East Point , officers that he I was backing an Electric Storage Battery Co. truck at that spot about two o clock that afternoon when he heard someon* yell "look out." Re stated that he found Weaver, sitting on the curb,  his foot and complaining of hls^ack. It Is thought that the  man might have sprained his back. He was taken to Grady when doctors examined him and pronounced his condition as not serious. Will Rlley. 252H Houston street, i well known employe of Rass Brown and a familiar Auburn Avenue personage, hit T. H. Morman. white, who says that he lives ot 725 Rawson street, at Capitol avenue near Central place, shortly before eight o clock .Wednesday Witnesses told Officers E. S. Me Cray and H. E. King that Rlley, who picked Morgan up and took him to Grady hospital, was not to blame for the accident No case was made against him. A case of ) driving was made lute Wednesday afternoon by city police  Joe Cluster. 50 Tlilllnrd , after Special Officer V. II. Elsberry of the Georgia Power company reported  on Tuesday afternoon, the machine i Cluster wns driving figured In nn accident with a street car named     J. B. Ivcry at young aud Auburn. The automobile is said to  tore a stop teem the. street enr while the car, Itself, suffered shattered  and the Iohr of n tire. Tho case was set for 4:30 on the afternoon ot July sixth. j Marion Griffin, six years nia, 518 David street, Was admitted" to G rally hospital Jate Weduusdiiy  light after he had fallen and broken his leg. After undergoing an emergency operation as- the        of an abdominal  tab around nine o clock Wednesday night, Mrs. Lynell Porter of 604 .Markham street was n-ported as -j/ nicely at Grady hospital. Little I^.rahy Grant, six ; old daughter of Mrs. Ullie , UKll Si\lth , wus  emergency  at Qrady  ut six o clock Wednesday . She was shot in her left Ick. After her wound was dressed, the  wns  to return to her home.</t>
  </si>
  <si>
    <t>                                           Knocked down by an automobile drven by W. A. Gallion, 809 Flat Shoals avenue, Wednesday morning, seven year old Claudie Mc Cormack, of 34 Cornelia street, was in a serious condition at Grady hospital early this morning.</t>
  </si>
  <si>
    <t>                                           PERMANENTLY LOCATED MADAM MINGY THR WOMAN WHO KNOWS Palmist and Lite Header relli past, present and future Gives advice en til affairs ot life, Love, Marriage tad Speculations  ell kinds. Don't  to   PalmJ-rt. Point* ^~l wmt at ~!1  KinSI and allows ypo bow Kfe.fV    overcome ene- ^ mid. Madaxn Mingy bm helped  and  Jte can help yon. TEU-8 l. DATS AND i- NOMBEna Bathfactlon Guaranteed Offlee : 8 a. m. to 9 p. a CM MeDononth Road I (AeroM from Federal Prlwnl SPECIAL READINGS-     j Take Federal Prlioo r*r to end ot line. Look for Name on Sl.n. Madam Mingy Makes No Rome CalU Not In Tent</t>
  </si>
  <si>
    <t>                                           NI-LATE New Low Price 10c Formerly 25c 50c On Sale at your Neighborhood Store WANTED Newsboys and Agents Everywhere TO REPRESENT THE WORLD S ONLY NEGRO Daily and Sam-Weekly,.. DAILY NEWSPAPER Address Atlanta Daily World 210 Auburn Are., N. E. Atlanta, Georjrla W. C. KELLEY</t>
  </si>
  <si>
    <t>                                           MEMBERS of     1S34 Graduating  of David T. Howard Evening School Atlanta, Ga.</t>
  </si>
  <si>
    <t>                                           MEMBERS of the Meharry I Alumni Association, who attended the 1934 commencement                 cisen at Meharry Photo by George H. Anderson, Nashville, Tenn.</t>
  </si>
  <si>
    <t>                                           R. S. ABBOTT OF DEFENDER REMARRIES                 Chicago Editor is Wed to Col. Denison's Widow After Divorce                 MARRIED IN INDIANA                 CHICAGO Robert S. Abbott, editor of the Chicago Defender, was quietly married Tuesday at Crown Point, Ind. to Mrs. Edna Brown Denison, 43 year old; by Justice Harvey Minas, The marriage came a little less  a year following the sensational df"                 vorce of the editor from his wife, Mrs. Helen Thornton Abbott. Mrs. Denison, well  in Chicago social circles, was the second wife of the late Col KrankIin Augustus Denison, overseas commander of tbe Eighth IUionis Infantry, who died about a year and u half aj;o. Col. Denison is one of the six colored men listed in "Who's Who in Chicago," issue !or 1926     Lawyer The colonel was a lawyer, born in San Antonio, Tex., in 18G3. He was a graduate of Lincoln  sity. Pa.,  man of his class in 1888. He was class orator and valedictorian at the Union College of Law, Chicago, in 1890. He was the  of five children, Franklin. A.. Dorothy,       , George Stanton and . by his second wife. Col. Denison was admitted to the Illinois Bar in 1890 and was assistant prosecuting attorney from 1885 to 1897. He was' later assistant corporation counsel; Inheritance tax commissioner from 1900 'to 1904 and was a candidate for the Republican nomination for jud;:e of the municipal court In 1916. (Continued on Page 8. Col. 6)                 R. (Continued from Pate 1) Aist Att'r General Hi? was assistant attorney general of Illluoia in 1917 aud major in the 8th Illinois Infantry  .lune 28, 1898 to April 3, 1899 during the         -Amerii.-an War. He served in Cuba and was  major, chief, quartermaster of the 4th Brigade, Illinois National Guard. July 23, 1903. to rank from June 28, 1898 and ser-1 ved until June 17. 1907. lie was major of tlie 8tn Infau try Illinois National Guard from 1907 to 1914 when he was appointed colonel of tbe 8th Regiment ou Jan. 12, 1914, lie was mustered into federal service, ci. June 27, 1916 and served ou the Mexican border and In Texas. As  of tbe 8th Iufaatry Illinois Nudonal Guard ou Oct. 27, 191C. he was mustered  federal  again on Aug. .1.1917 and served iu Francv from April .2 to Sept. 1918.      Member of Sijnu "Boute" He was u                from the U. S. army, Marcu 12, 1913. Col Dcuison, wno was a Kepublican. lived with bis family at 4d4b'            avenue and had of flew at 36 W. Bantreets. In addition lo ius honors dolph  and at 10 S. UlSalie      dead colonel was a                  of the exclusive Slpnii Pi Phi ("Boule") Fraternity, to  very few Chicacoans .</t>
  </si>
  <si>
    <t>                                           CHICAGO--Robert S. Abbott, editor of the Chicago Defender, was quietly married Tuesday at Crown Point, Ind. to Mrs. Edna Brown Denison, 42 year old, by Justice Harvey Minas. The marriage came a little less than a year following the sensational...</t>
  </si>
  <si>
    <t>                                           Chicago--Out in Philadelphia WDAS bas started a program "Negro Achievement Hour", an all sepia broadcast. The program eminates from the Pearl Theatre using the lending Negro civic, professional and business leaders.</t>
  </si>
  <si>
    <t>                                           Tonight, the devil will be on the "Avenue" looking the boys over. He Says that he had better look around as he will be seeing some of them very soon. One of the members of the Devil's party rushes up and tells him Mason Johnson and John Rush, the two letter...</t>
  </si>
  <si>
    <t>                                           HOLLYWOOD (WS) -- Oscar Mischaux, New York motion picture producer and Clarence Brooks, one of the better known movie actors of Hollywood, will leave here for New York City Monday, so he informed newspaper reporters last week. He will have one of the leading...</t>
  </si>
  <si>
    <t>                                           i* Rm.LN.Dmmy  y* I h*ot  nothing    put tO   em tele* th*      Dr. UOtt AnO-Paim Sciatic*. ^Sf? Neuritis,                even hoped for. Countless Aiaeriant       * wive* would no nan ^^V '11* house ^*   .    *    -  0n Pilb thu without flour or . Keep a pack.     In    aod   . AtDptgStorta-35ea%d$lM I</t>
  </si>
  <si>
    <t>                                           WHAT TO READ                 \vy win he  holp you  your hook . jilan outlines i'~t wur.~    or study tn any                 -t     clv,~      !oto  in rhf  ho!cf of fcx**.                 Inqiitrhv      -~ont to MISS  . .lW Adri.   . Harlrm Ailult Eilncntlou Committee. JAS i\Vs: i.v. Stiwr Sec Vorte City.    . L. B. of -Brooklyn, x. Y. "anrs to   nmp novel* hr     :andin; Tromon other . R-nnm. Vlcki. Gr:ind hold. A dramatic, swiftly         tale of iulr.- nml ^!:is        of    -o d:    in tht-  of a  of  in a  ^n:! in Kerlin. ,!s. Cr.\z\a. Tho Mi^thor. A  of the         : s?         In      souls of "         in a bill villaire iu S:ir.li:ii:i. I'nrtwt. . Kritjn Lavransdattor A  whli-h is;;in epic of woman . laid lu the first l aft of The   in Xorw;i\\ Rntpl. . The " in the bills. A French version  5f the et-.TimJ , which is Jiere             to the chief note in th? story muti-rinl  in its highest spiritual power. T^ Selnja Jerusalem. A story of   as it takes"! of a  of Swwlisli . Impcllinc them to leave their northern     - ana Fettle in the Hulv I-    . Miss .1. C. of New York City                      for some up-to-date information u Slit modern  machines. LrtfiugwvU. W. 11. Toe office appliance . "Numerous devices necessary tp mi efficient ~- !irc   Iih1 and described. Bestov niliS  Ilii- ;         ':il  * iu: i.-;:     , . . ,? sii.il :,  an.- (. Katenkamp. C II. Offico 1 practice.    vol. Volume 3 Munrac OHk'iiliiiiu: .*. Vidumc 3- Tho. Burri.. calculator. Volume 3- Suiidstrnnd a d ilio;: :im) listing t)j;K*. Volume 1- The Ualton  ^ *. Volume 5 Thv . Foster, L. T. Moileru .-e .  A   on -flic .  of work. etc. uf lhe must  tMw of fice machinery. Morse, Per'.ey. Bnslness  Their practical  and educational requirements. Sticbivy, Itnfus ami B. G. Office ami secretarial training. Cliiuiter takes up all the important office machines, ^ brief descriptions, illu..us  directions fur tli.'ir use. If yon lire interested in re:     , further along this line, eir any other line, you lire .1 ro  with MfSS  - FF. ' A(lri:~r. Harlem Adult   ;.u Cu'nmtttec 1113 West ^(.'.th Street Sew Yurk City.</t>
  </si>
  <si>
    <t>                                           We will be glad to help you solve your book problems, plan outlines for courses of study in any desired subject or give complete direction in the choice of books.</t>
  </si>
  <si>
    <t>                                           Tonight at 7:30 at the Butler street YMCA, the annual YMCA girls basketball tournament will get underway when the D. T. Howard lassies will encounter the powerful B. T. Washington High School girls quinter in what promises to be one of the best names of the season. Both teams are primed for this ... game is predicted.</t>
  </si>
  <si>
    <t>                                           BISHOP FOUNTAIN WILL PREACH AT BETHEL SUNDAY                 Ei.-     \V. A. Fountain, Sr.. head  f the sixth episcopal district :hc African Methodist Episcopal  will be the guest  :it tile  Bethel AME church Sunday,  according to no. /ci-munts made late 1'riday  by Rev. George %V. Scott, tho Pastor of the historic Auburn avenue church. Bishop Kountain, who is ruled as one  the must eloquent  crs on the AME  s beuch, is rarely heard in such a capacity la this section and his     ;4j at Big Bcihcl Sunday  ac 11:00 will mark his first sermon at that church since the        o{ Dr. Scutt to l he pastorale of the church last Auausr. It is -'atl that a  crowd will In- present to hear the ui.i3      of this gi-eat pn .  the puli. lie is invited to be present. Tbera will also be      the choir.</t>
  </si>
  <si>
    <t>                                           ^^t "BROADWAY WHIRL' T^R ^H *J^, *J ",s "":.i and H    'i i *      'i f: ^H 1    ibw 1'~"~"^*^55^^S52SSI^^ A ' i'. JOHN BARRYMORE { Kg             ^-       Cook ^B  i ^^j^^ ^^^B ^^^ P' I</t>
  </si>
  <si>
    <t>                                           Don't forget the new rally Sunday night at eight o'clock. Every board in the church is requested to report $15. Let us put $500 on the table. The pastor will call the roll for all boards. We're counting on you. By all means attend the Drama "The modern...</t>
  </si>
  <si>
    <t>                                           Wedding bells have sounded for two well known Atlanta couples more will ring ti is September for a third well Known couple of former Atlantans Anent all three matrimonial journeys. Atlanta Society is rampant with aeriform chatter.</t>
  </si>
  <si>
    <t>                                           WASHINGTON,--(ANP) A conference on proposed resident camps and homes for needy unemployed women was held at the White House, on Monday, under the auspices of the Federal Emergency Relief Administration.</t>
  </si>
  <si>
    <t>                                           PITY WELCOMES DE PRIEST TODAY                 NOTED MAN TO SPEAK TONIGHT                 C'ltiHrr-MMiiii Will [{each City ~'i K:3() Tin- Morning;     (livi ii Polk-f Escort                 I 'I. AN BANQUET, TOUR                 in. .ruins, ;it s when Smiilii.rn Train N'ijioImt ;in       the  .il .Stutl,.,, fn,n. ~'!^r.in. ti. c..  i       f  i;i!Hi-n;crs .inf  f rh"        '.l ,,f :,nil   ,~,.~v .ll^.-u^,. '~'I Nf;rii,.. in tli..  l I '... mni ii,,.:,r I),.p,io..-~.  "f                 ihi-  d Siali-R House ~,f Kep ii;.-~ rr.M,) ". Thj. t rn in  In. I,,,. I In- (~,.~o::.v:"ii headed by .1. T. Cirlcton i:i'l     ,.l,~~, purt- Int .~-mi ,,nri secretary respectively xi( Atlanta r., JIi.Ti- Ai. i.iii'.n, V Toomer, iiu  of Atlanta r.lfi. Ins., ran, i',,lu. I1-"11 :'H I I B. Klavton.  ..f    . Arlanta .Vc^'fi, ~". i"-r "r r.. ami ;i  iT jT- n,-nt I^      . Ti:.-  r..   ,      s.-..rt.-.l to th.. n-.:,!i.M,-,. ,,f    ht .1i.hn HuP"   f .I'iNllM   l.y :i *~ip,'lnl 'li-i-n! ..f ni Miiri'vcli'  i inen :- M:,,,,r Key ,,,,,1 ,,(Ti,.~nN ,.t l-'i'i:',. dt p.irl Iliflli hiMl- ;~,,sUf "I M-M.v. li.; Unit    . ,'-siri:in will In' kIvi-ii M -vi-ii- ,-si,.rt ' his  tny hi-ri.. A -I ,if ~,,,y .,,,,15,      ^ :i- :i:ilv- I.. Mr ))~~(~  ,^t. A nur. i.f  h.ivr beCn l hnm.^1 f,,r Ih,. --f     'jr who Is /il in  in M^ Itoth..] a. M. K. .-Imrch ut ''-''t ''~.loi k this ;,      ~.f Hi,,  ir  licini: m . 'M'li- r.f the i-Ity  from th,^ ACMA . M7 WchHunter Street at noon. Mnny tqc.il "I'lzens lire ; their mo. tor    In     moti)  nil it      n ;  win Ol. company him on this tuur. Folliiwlni: the , I'oiitfrcwiiuii Derrltst will return     th,. Ih,~i,. ..-,. - be "111     until time fur the evening pro-. Tlmt  will :  lie  In  t ..; of ticket" mid the '-rul In. tt-'ri'^t In the public: In this wmj   nnd rm-lol Iwidcr whn is  one u( his  ^ t,~ the        Siiiiili of lilt **  nt  tl Although. Mr IiePriest     not  hl^ .', it is lu-lk- thut lie will . a ini.n!~           . . i" 'ill ) re^' xs of  An Interesting .uram. over -li Mr. ToomiT will          ". 'Continued on race 2)                 Noted Man  ii from J'ajf,. has (.1-.-M  il fur tin, ; I lie   ies ,,f Mil' ]ii-.,-~-,,,,, will  oi iiii,~,'rw,-,y 7:i.-, u,u1kM with .Mr. Uel'i-le-.!1* ,.^ s[u,.(. intf lit  o clock sharp.     ,e expecting in lu ur lj[u,  utj:vi\ In-  before I hut time jr  .arc t,, - his L'ntlru speech. Tlie  is :is follows: si; lot lion. n. 'I'. Wupliliijfloii  Mliool. Mis. I,\sI,. m. Grove*, clin.'flor: , Kuv. (J. U' Semi,  Bit -i A .'.M.I':',  li;  tu ihc i- ()f ,\, Mayor .I.'ihr s I,. Ki-v; re   .-i'. 1'ivm(Il' ii Will i^ .1. k ih^ ,,f i  nif.,~,,Bi,-!,~ Si-:,,-}- flu- j  i.f .icl Ul.li  ul'   win. h:,vi ..-in  dii' AC.M.v in en  il l ntf t hi'  hui,'~ in' ln IU'1-  i'i-\i. til,. ~, .1 en. IOIl.li I Sll.il I l;~~l,, will ~,y  Ill's, s II A.Tli.'i- ,,f .Mnivli.iu.e; I i-.-: .Mr.-: .\unt:ji h-.'.I   .,i i.- . nu    '- .-r.-nn FlunaKim ms- I ~-i! ,li,' Athiniu   :lii, "'"~~III: ii.l -I. It. Illiiyi.jn, pi-e-i. cl'-m .'f ill.' .\il:nii:c Ni-L-rn  lwm ,Imt in i  .-f. I An. . .-(.'li LMinn by Mu' UuokiT T. Winliiimii.n      , ,,h(,,,~ I rl111' "I -i''-i!il.' tbi- m:           "I1 tlie I'venliii; by .Mr. lie! I 'riot,  \v. A.' i-' m .Murris Itrnwn  will K--.l I.. fh(r -pcf-ch. Imilh'lliiill'ly ' I In; .i , a ii'.-  will"! U'Dtluri.'ll  hl.. 1''~'.     ;~~I mi' fhu Morris Ilrown i-. in  to ('liable all win,  in :.'inl Hiis b:      ! I., I,,; j,n--,nt.  Mr. i.' ::i'-i thai rev  fnp (lie   : may be'  id the Ai'.MA bi uili ,is. SIT Wi-sl  l- HIre.'t. any linn.'!  inn II  i.'. Mr. liel riu^i is leaving h,,..       lifter ^h'!.</t>
  </si>
  <si>
    <t>                                           This morning, at 8:50, when Southern Train Number 39 rolls into the Terminal Station from Washington, D. C., it will have as one of its passengers one of the most talked of and widely discussed Negroes in the world, Congressman Oscar DePriest, member of...</t>
  </si>
  <si>
    <t>                                           Eir.irr .s executed                 Only one of the  Stgnts who wen* executed In thr south Friday admitted  guilt before .their deaths. John Downer, whose case will    down as one of the hardest fought and most spectacular 5n the history of the state, contended to the last that another Nerro, wearing: his shoe*, was R- for the  on an Elberton white wo- man In 1931. The executions were: Hernando, Miss, Kiar Ucward. Ernest Me Che* and Jimmy Jones  for an attack upon a 1" year n;d whIU; , a crime which they admitted. MiUrdjrevlll*. Oa. John Downer and Sandy Walker,            -d. The latter lor the murder of Mr. and Mrs. Clifford Kearce, prominent and -wealthy Worth County Nejro farm        in 19.12. Mr. Kearce was very active In Republican politics at oni' time. Ralccli. N. C.        Brooke, uho killed a detective In Durham, and James Johnson, condemned for  hK su- Both were electrocuted. I Tupelo. .Miss. Bob .Owens. i hanced, slew R. }\. Johnson, I  .</t>
  </si>
  <si>
    <t>                                           The semi-pro activity today centers around a feature doubleheader on the old Morris Brown athletic field at 2 o'clock between the strong Macon Peaches and the Highland Stars. The two teams met yesterday and engaged in a herculean nine inning tussle that wound up in a 5-5 tie. The Goolsby men almost had the game cinched, going into the final frame out in front by the substantial margin of 5-2, but Leroy Jackson, who had relieved Brooks in the first half of the eighth, was unable to protect his...</t>
  </si>
  <si>
    <t>                                           DIES AT GRADY                 A victim of heart troubles. Harvey Oiliu. :!4, of 40." Miller"* alley was dead on arrival at Grady Uosgital }. Saturday .</t>
  </si>
  <si>
    <t>                                           NOTICE     Nejtrc 'Laundry Workers of Atlanta installed Local onion No. 168 May 24 with fifty, nine members. We aw ,'  every Laundry worker Join -us, that is your only hope..TJio  o(t of living b rapidly mounting sky hUTS,           wages are on the 'low trade and will remain so until deal through collective 'bargaining. This can be done only by a local union.        7-A -National Recovery Act provides that (A) Employee shall have the right to  and  e*   of their . In Union there Is strength and we osk ' that' 70a Join as and make oars a powerful organized labor union,  Thurtdav  promptly at 7 o clock  t the Laborer's Temple, 91 Trinity Ave., Is Ilio time and place of our  Mr. J. S. -Ktoif,  for the \ Federation of Labor, 312 I.cc St, N. W, hi oar actinic president, Mr. r. L. Taylor, 548 Ellxa Alley, vice president, Miss Emma HuRhrs. iSS TMgtM St.. Financial Serretarr, Mhs BealHec Kay. 167 Battle St. Hccordlnc Sec, and Mrs. Pauline Carrlkrr, treasurer.</t>
  </si>
  <si>
    <t>                                           Dr. James Corry, Ex-Army Doctor I find so many colored people who are unable to oay, these I serve free, charge only for medicine. Medical Dental Offices At Last You Can Now Have The Very Best of Dental Work and Make Small Weekly Payments. I Have Associated With Me A Very Competent Licensed Dentist With Many Years of Experience Office Hours: S A. M. to 8 P. M, DR. E. H. HAWKINS, Dentist Office: Ma. 6873 Res.: Ma. 3087 COT THIS AD OUT AN1   FOB FT3           75 MX ST_ N. E, (Between Houston and Aobarn)</t>
  </si>
  <si>
    <t>                                           ONLY  DAILY  PAPeK IN TH1 WOM.O FOUNDED AUGUST 5, 1928, BY W. A. SCOTT MEMBER OP TBB ASSOCIATED NEGRO PRESS  COW NEW8 SYNDICATE, INC., PUBLISHES* ; da^s SCLfEE1  BOMAS JEFFERSON FLANAGAN *~~% SUBSCRIPTION RATES 1 TrJ^Ifw* M0i-*!-M' 3 M--90O, 1 Mo._8Bnd.y Onl, ftM NATIONAL ADVERTISING REPRESENTATIVE8 w. a ziff co., , in.,  Now  N  T     7 Sanitj 210        AT*. N. Tritphnnei; Walnut 1451  nd 1480        u second class matter  t tho post office .t AttanU.  lT under the Act of March 3, 1878 MEMBER AUDIT BUREAU OF CIRCULATION</t>
  </si>
  <si>
    <t>                                           [      ONLY NEGRO DAILY NEWSPAPER IN THE WORLD PtTUl I ION VOLUME 7, NUMBER 76 ATLANTA, G A., .IviAYTr^T^i^"^ "TRlcYFrV EVENTS'</t>
  </si>
  <si>
    <t>                                           Pllcrlm Utr Health Ins. Co. May 10. 1931 PAID 465** Fraser Street Desr Sirs: 14 I  like to My Just a word Fboot the sweet       -f yon and your kind . Mr. V. pi  Upshaw. rendered me Inroush my lone spell ot  sickness. I ^Tas sick  weeks and yoo paid ...........I every   a word of complaint. Yon? WITHuUT  was jut  while paying claims as he wms when : hU weekly . h I bold that the Pl'CTlm Is one of America's finest Life Insurance Companies.  I M- A- . I 329 White St. Deeatnr. Ga. Pilgrim Life Health Insurance Co. 465!i  ST. MAIN 3061 HOME OFFICE: AUGUSTA, GA.</t>
  </si>
  <si>
    <t>                                           m lv. 7:00 AM 9:00 AM 11 :30 AM 1:00 FM 4:00 FM 7:30 FM 11:59 FM More frequent service assures 1 departure to suit your own convenience, leave at almost any time in the morning, at noon, afternoon and night for all the North. Saves time, and money too. No long layovers between connections travel straight through or' stop tn  at no extra charge. More frequent service at lower fares One Hound Way Trip Chattanooga ....$2.15 $3.90 Cincinnati 0-75 12.15 Nashville 4.1)0 S.85 Louisville 0-75 12.15 Chicago 1-1.45 20.6.' Indianapolis 8.55 15.4C UNION BUS STATION CAINtClE WAY fr  STMr *"1 A 3 0</t>
  </si>
  <si>
    <t>                                           IT S NEW- GRAND OPENING TONIGHT Cooper's Country Inn DINE AND DANCE S. L. COOPER, Proprietor BAR-B-Q FRIED CHICKEN With Hot Biscuits CATERING TO PARTIES, LARGE AND SMALL This is going to be the  up-to-date place in Atlanta. A  await* you on the opening date. The bent of order will be maintained. Come an* bring the family. "WHAT A TIME! WHAT A TIMEI Wednesday May 30th Simpson Road f Two Miles from Ashby Street- -No Cover Charge %</t>
  </si>
  <si>
    <t>                                           Rowe Guns for Pitching Record                 SCIIOOMtOY 1M)WK N L-i-ILilij.- his .l :i nkl"- in jii-.  1i:ij.c ili:il In- ran  lr, ..       " in Ihr Alii;'rir:ni l.r:i^nr. . 17 n. jvr . Tin- ^ .il hurl. t h;   wmi I'! iiiii n.\v.:i       : ..nly l.y ihr - ..f ilir ^ir;.l. .. r..vi-, ai"l W.hh!. This .l.          Mkr in IMiil:     .~iia i.n         :iv.</t>
  </si>
  <si>
    <t>                                           Germany Wants Her Colonies Returned                 By VICTOR BLOMBERG                 (I.I.N.) When General Hermann Goerinc, Nazi chancellor of Prussia, stood in the barracks of his special state police corps to  some formerly -clad troopers march by in the new green uniforms of the old Imperial pre-war East African                 police, the occasion                 was in the nature of a demand for the return of Germany's  colonial empire. For the Versailles) treaty hail plucked from the fallen Hohenzollern crown a score of territorial possessions totaling. 3.140.115 square miles (almost 34 times greater than the mother country), and  more than                 000   a white - tion of 27.340. More Room h Nazi Plea To General Gocring. son of a former German colonial official one of the cardinal tenets of the new Nazi regime was an unqualified return of the former territories. To the traditional (Continued on Page 3, Col. 7)                 Natives of Eut AfricK, (oj mw Ctrau colour.                 C*B^       .                 GERMANY (Cnnr.Tiiird from PaB(. honis  Onnany lost, t Inwar l. "I In. traitors1 . in the :k." was added H,,. -\B!V ,,r the t-.s "We must  room tn          \u- Cpriuan people, must have     .,nial  ~,r Ilicy will  ii(Toralp at ." N;iji I'-nders sni.l . The  .il statistics -out  of I hi-   in liii.t, just  Ihc n. of thi- World war. while Impciinlist Ccrmnny  us  ni(t on a pi-  arc .UiiK. I'm- Ihc Hohcnzollern .;. only -d in Kurope since 1871. found itself forced to pick up crumbs in the inter- 1 national rwe at ; "thewhite man s Imnlen" ; uncivilized lands. Out. of r.n.mm.imn surr...-ai.ini;  mans  in     ai;n-old                 li-xs than 20.00(1 colonist*  -~      to Germany's  I'ossi'ssionii in order l.o breath more easily. To the cry  n nerd for fn"'  demanded ;.   Hint mil of Ititnl Herman export Irndc of $2,700,000,000 in .'l, her  colonies               than l^ii.non.non, /. thl.    fSII..OOO worth or roo Ib, such ns ~:opra, rubber, ivory, nnd cocoa , "lit of total Roirh   $2.    .oon,ooo. Took Impovcriahrd Area CJeiiiiriny-B  i- .? n colonial empire, ; n( iiisi^niii.ant  In      I'acilic  . vant arena in Africa, nnd port Icamw in Chinti, wai that or  the          :ii. , and workTo France, Kncland. and Holland several  aso fell Ihn  prizes, ami to their - classes fell the traditional pro. Ivssional spoil, that of ^ civil .'c  ruling the  . Here were  for I'xtra sons of aristocrats, of politicians, who were loo  m for  at. homo. France and EnclBml. who partitioned most of Germany's gigantic colonies in South Africa, have yet to sec thorn, mandated areas, the Cnnicroiinn  with  Kuropenns. ,\nd In tin; Pacific, t hu tiny  that           the  of Kal.ser William II, haw boon  erred Ui .Japan. Knvlnml. Australia, and Prance. Only the Mippnnei Wur  lo exploit their nc\v poi .t with  improvements and an intensive - to make the natives '.'I'liy ..se."</t>
  </si>
  <si>
    <t>                                           BERLIN--(L.I.N.)-- When General Hermann Goering, Nazi chancellor of Prussia, stood in the barracks of his special state police corps to watch some formerly blue-clad troopers march by in the new green uniforms of the old Imperial pre-war East African...</t>
  </si>
  <si>
    <t>                                           This is a wonderful old world, just full of wonderful things and wonderful people. What color and variety! What sameness and oddness What strange and interesting human beings!</t>
  </si>
  <si>
    <t>                                           Newest Tarzan Film at the 81                 nil1. MOST * attempt ever made by a motion picture studio to briny r.n adventure story to the screen has just  -rl v.itli the filming of "Tarzan and His Mate." new Mctro-Goldwin-Mavcr thrill picture featuring Johnny Wfissnuillcr niu'        I'Sullivan to Ik;  ii Sunday. Monda, and Tuesday at Railt-yV Kt Thcsttrc.                 Efforts to . nil previous  pictures made -ary the creation or a hundred nerc  packed  with tree?  nd undergrowth into which At-  animals of all kinds were I released. Boasts thai are shown in fiction include a herd of more than twenty elephants, more than fifty lion'. -    !nK . - I Been,             -~. Knzsllc3. hippopotami, boa-cm-  and a hundred or  tner- of rare jungle life. I Two of the biggest  01  the picture Bhow herd of           elephants charging a -.atwi of natives and white men       Inlcr { an Rtfack of dozens or lions upon a camp. Wild ( men ami a :re\v of 1,000 production men were recruited from all part* of (He country to an-iist the studio in obtaining the Brenes. The new Ktory "ontinue^ Ihc 1 ventures of Tarriin. played hy Wclwiniillcr.  a s?fnr! of white men ntx-mnt to ~"i' Hi-: '-elephants        pround" of m. of AolVx'H worth or . Tarzan's attempts to protect inn   hoard rci him Into -  s Hint far puss 1h-5 thrills of "Tarzan thu AiieTv'nn."1 Of  ;-4 in Ihc f- "'"e fire ; taken under w:nV, L.. j a Hpccial  that has        "-'cl tlie s^PnRmt       c-vor if-een by human eye, n " be tween n man an l a Riant ro- '. Thp   ca                 eludes many player* remembered for their roles In "Tnrzan, the Ape Man," including Nell Hamilton, Forrester Harvey,       Lloyd of the   and l nul Cavanaush. William Sick.  Itoberti ami Natrpn Curry added. Oedric Gibbons, long known tor hi* work ui nn fift director and dc-Jqncr of unique . maken hl.i debut n-~ director with the new film and I* said to Jyve Incorporated many new ideas In hU  technique.</t>
  </si>
  <si>
    <t>                                           THE MOST ambitions attempt ever made by a motion picture studio to bring a adventure story to the screen has just been completed with the filming of "Tarzan and His Mate." new Metro-Goldwin-Mayer thrill picture featuring Johnny Weissnudler and Maureen O'Sullivan to be shown Sunday. Monday and Tuesday at Bailey's 81 Theatre.</t>
  </si>
  <si>
    <t>                                           PETER WILLIAMS TO BE BURIED THURSDAY                 Funeral services for the  Peter R. Williams, generally  as one ot the most  business min   leaders in Atlunlu. will he held at 2:30  thi.v , July nth from the Big Bethel  , Rev. C'.eo. W. Scolt, .                 Mr. WlIliamB, who died late1 Saturday night following a vets short Illness, was a member of one of the pioneer families of Atlautu. His father, the late Henry Will, , St\, was a veteran railway mull  as well an one of the first Negro undertakers in tlie Atlanta area. At one  the Renlor Mr. Williams, a graduate of Atlanta university, operated an undertaking establishment at tue corner of Ati* hum mid Butler,  Jordan's store 1h now located. Mr. Willmms. who, with his  sisters   Atluuta university, conducted the 1*. 10. Williams FuneruC Home at Butler und (, prior to affiliating with the  Com. Puny. Mr. Williams win very  in  affairs, bi lng " Sccrctury for  time. It waff with the I. B. P. 0. E. \V.  his  activities took pin* lie  served as exalted    t (Continued on Pile 2, Col. 1)                 JT_ (Continued from Pap 1) Hate Cii.v ~..Hlp. I. It. 1\ i). K. W.  i hun any other mini in Allauui. Hy tenure of office covered                 nearly six year* and Jic vn bead of the local lodge when the group  from its headquarters at Edgewood nnd Young jo its present situ on Port . Following bis defeat for election by Ben Davis, Sr., he was swept  Into office for another term that lasted two yearn. At the time of bis death, Mr. Williams, who has also served us secretary of the Mtate Elks Association, was treasurer of tho Oate City Lodge Exalted  E. It. Auder.  on states that the. local croup wilt pay tribute to Mr. William* with regular Elk  at the church and all Elks of the Greater Atlanta area are requested to moi t at the ElkH Best at one o clock Thursday afternoon to go to the church In a group. A bachelor, Peter Williams made his home at the Shaw hotel until he was stricken with appendicitis early last week. lie failed to rally following an emergency operation, nnd died Saturday night Mr. Willlnm*  by a brother Henry Williams. Jr., in  anil three sinters, Mrs Milton Guy, of Gary, Indiana, and                 Miss Gertrude Williams and Mrs. Janie Butler of this city. Interment will he in the old family plot in Oakland cemetery with the Hanley company In .</t>
  </si>
  <si>
    <t>                                           Funeral services for the late Peter R. Williams, generally rated as one of the most popular business men and fraternal leaders in Atlanta, will he held at 2:30 Thursday afternoon. July 5th from the Big Bethel AME church, Rev. Gleo W. Scott, pastor.</t>
  </si>
  <si>
    <t>                                           PAGE TWO HZ!, TA DAILY WOR^, A1 By WEP^DA^.Jt^^ W</t>
  </si>
  <si>
    <t>                                           ^ ^TS?nBT?IT3kr^ARGE JARS I FOR SKIN IRRITATIONS, ^H k A I W I V I k* ^^HL C .MM #% THB HAIR AND MANY IHll^^Am^^A^lL^M^^V ^C AND 1 Oc  HOME USES- ^HBMBBBBlBlllMlllir^            10c</t>
  </si>
  <si>
    <t>                                           ARREST PAIR FOB PERJURY IN "RA0" CASE                 TESTIMONY!!! BURNS CASE IS FALSE?                 Davis "Sqia-al*" on Pee Wee Hums Then Denies it in Open Court                 BLR.VS IS FOUND GUILTY                 CORDON                  Tiii- afi.- of  glv 'n  nir tlie   Thnnu ilay  of "    We*" Pn-ns             stot^-'i \        . 0. D. Dnv*      Rwmevelt Enjrilth were     - held  bond mi  chares by Solicitor General                 .loi.ii E. Boykin. Both a few minutes before bein; sworn in as witnesses 'in the Hums ense. had entered pleas of  to lottery operations and were        SSO and Riven eighteen months suspended sentences by Jucice W. C. . of Cutbbert, who is  this w-~;lc over i lii- special ~'ca.r.Minj" division of Pull on Superior court. Rums' arrest t*v.~ months apo, followed an affidavit made by 0. D. Davis, after his capture by So. lii Uor Boykin'a special gambling squad. Davis In the signed statement according to the solicitor s office   Burns as the man for i whom he was working. Roosevelt English, in whose coat was found several lottery books and a "ribI bun." wus also jailed at the same time. A "ribbon" is the lottery " parlance for the adding machine strip on which are totaled the days' receipts. Taking the stand as a state s witness Thursday afternoon, Davis declared that "he didn't remember" having made the statement-to attaches of the solicitor s, of f ice and denied that he had signed his name to the affidavit, after testifying that he could neither read nor write. But put through a grilling direct examination by Solicitor Boykin, Davis 'broke' and admitted (Continued on puce 4: Col. 1J                 TESTIMONY (CominU'-i! fr.in paw Our) that hv  having come to the icon house with Sjwcial Investigator S. D. Vaughn, head of the Rambling squad ami mado the statement. Roosevelt Enelisb on  1li. Ucnirii havin;:  :i pK-a to lottery             shortly bcf"rc the Bums' ca.T was cal!    or thai he hart .'Wr had anything rtu with the " of ih.. pam.*. Tin-  to v.iiii-h Kn^JisL lia.l  his      nf  was  in tin-  I'.v       -itor Boykin in an  ti"n ic                 impeach the witness. Questioned by Knykin. English testified that Davis  write. but denied that it was his . in which officers testified they found the lottery . After both witnesses had left the . Solicitor Boykin ordered Uejmtius in tin- courtroom to look  up fur  testimony. Burns who was  %vith lottery an poss**      of ^; machinery  -s) was found   f the latter       ' und at first given eighteen months by Judge Worrill. l.:\     chancing tbe sentence, Juiljrr Worriil permitted Burns to pay a S'iOO fine anil Mispvndud. the  term.</t>
  </si>
  <si>
    <t>                                           The aftermath of ... given during the dramatic trail Thursday afternoon of "Pee Wee" ... white alleged number banker. two state's witness, O. D. Davis and Roosevelt English were ordered held without bond on ... charges by Solicitor General...</t>
  </si>
  <si>
    <t>                                           CHICAGO, June 27.--I've been requested to name my selections of all-time sun-down pace setters in their respective sports brackets. These requests have come from Chicago readers of the column, from a bunch of devotees in Atlanta, Ga., a reader down in Texas, and six, one a girl (whom I hope is as charming as the dainty letter she writes) out on the coast. There might be some fallacy or room for dispute in the selections I make. I'm naming individual stars and where honors are most too close for...</t>
  </si>
  <si>
    <t>                                           MADAM JOHNSON Medium Palmist and Advisor permanently located at private home. 1457 Marietta Rd. Take Inman Yards ear. Ret oft one stop before end of line. This lady arrived fly^~E In your city to do W rl -ood for the public  K C^H by ber wonderful Vj^^MH power of readme ^Hj^H the  of one s  KLluttfe. by the hand.  also elves  days and        -iS When others have  kf-^T- see me and be convinced. I am equal to I your ease. If in need of Pml1 mist s advice or hep. nay this lady a visit and be convinced; satisfaction (. Look for  in 'ront of house, private  and  room, for both colored and white. Hrs. 9 A M. to P. M. Snnday's too.</t>
  </si>
  <si>
    <t>                                           Weather permitting, the Beacon miniature golf course out on Monroe this afternoon will be the scene of a putting tourney. Several of society's standouts are listed among the entrants who are slated to push the oval over the turf.</t>
  </si>
  <si>
    <t>                                           SEEKS POST                 JOHN B. . JH  mid editor of Tin* OmaIifL Chronic tc, who has I'ilril us a  * I'tir thr * asNi  ill' N'cliruska. Primary W*v(       uill he lit*ld. Autcusl 14. 11 fU-d.-tl. h(~ will    - the first             servo in the state    ;l-.</t>
  </si>
  <si>
    <t>                                           Last Sunday, I went with Harlem to Rockaway Beach to spend the day. Whatever troubles Harlem Negroes may have, if there is any possible way to get to the Beach on Sunday, they go and forget their troubles, at least for one day. Many Negroes who are...</t>
  </si>
  <si>
    <t>                                           ^li^^I^^i^-J Z7ZI ATLANTA DAILY       . ATl.AN-^TOA. CS^^aS^^Ea^B^^gB. PACK THREE</t>
  </si>
  <si>
    <t>                                           55 CHORUSES TO MEET IN CONTEST                 City AinliloriiiiiL is Sixmh: of  Lvciil lor Ilolluuiiy Cup On Night of June Fifth                 TO A III SUNDAY SCHOOLS                 Hy j.  COOKE, .IR.                 II Ikk  i  some timi' ~!ncc 111., music lover., of Atlanta have bad the pleasure of "U :i rare          treat of the   is to be presented bv I'"- All;nit:i Sunrtav Sflionl As^ in its   Sunday School                 i  Oonte.4 to be stalled at t tie City Auditorium Tuesday niL-ht 1 June 5, 1034. 1 The -es     tho Sunday schools participating composed of the lending local talented singers, and conducted and directed by ~-ome of the city s best directors, have for Hie past two weeks rehearsed / to prepare themselves Mr this big event. With two weeks remaining for addition- ol , the abolishing of Imperfections, the knocking off of rough edges, and the applying of the technique of musical adaptation, the night of June fifth will find the singers in fine condition to stage an evening which will \or\K be remembered in the  of Negro music In Atlanta, i In addition to assuring their Many friends of an evening of enjoyment, the singers are endeavor ing to bring fame and fortune to  respective schools. The i; prize, a  loving cun. is being presented, by and i* on display, at, the HoMiway Jow'eleryVCo The proceeds from the admissions will be distributed equally  the participating Sunday schools by the Atlanta Sunday School Association, for us by the treasuries of iht respective schools A nominal admission  j will be charged pnd the ministers of Mi  arc (.~/^ this  which wil do much to encourage and help trc Sunday schools of the city arc endorsing this effect which will do much to er.cour</t>
  </si>
  <si>
    <t>                                           It has been quite some time since the music lover, of Atlanta had the pleasure of enjoying a rare musical treat of the kind that is to be presented by the Atlanta Sunday School Association in its mammoth inter-denominational Sunday School...</t>
  </si>
  <si>
    <t>                                           AJmSBh Therc'i no  in tin- world why you can t haw h.iir just .n long, silken and luxurious as the girl you  ee in (ho picture. Juil uic IlKick and %'hid- Il.nr Growrr. Cont.iim four        innr.- that go  doun info  to  and - tin  gl.inds. Soon you aro amazed at I In* quick way your hair begins to  ro10ft and long and . Get .t can of Black jnd ^X'hitc Hair Grower today only 25c. *[ff hair from burning ~^\\i w'1^ ^ot 'roni      I III , me Black and 1111 III ^l-"* Glotitne. Give* 1 1 1 III lovely  and ih*~n.  To make , wiry hair lay right down, use Black and White Pomade Drriiing the favorite of all the bobbed hair girl* and goodlooking men and boy I. 23c a can. AUTOMOBILE f Uli fi  WEEK      in Vmctni       Pro^rtm. NBC          . V rm CST. 10 pm ES V.</t>
  </si>
  <si>
    <t>                                           Was entertained by Arnetty and Avn Ella Burdett.Thursday after noon,May 3, at thier home,1072 Fortress avenue.Business was transacted briefly,There new mem bers were added to the roll.The members are basy making aprons, which briags a very invous pasttime...</t>
  </si>
  <si>
    <t>                                           Pres. Holmes Says Dixie is Kind To Race                 ROCKMART. Ca, AuB._(Speclnll-     Htixcns of ,     were  entertained Sunday by the visit of Rtv. B. R. Holmex,  and founder of the Holmex Inntitute Atlanta. The -Kntitm ~.f tlie  A. Jr. E. church wait  with the                 weat sermon delivered hy Rev! Holmes Sunday morning In the prelude of his sermon he save valuable information touch, me his recent tour in the largest cities in the United States advis-1 in? the citizens there is no place better tor the advancement of the colored people alone all lines than in Uie South. "The depression" the speaker as. sorted has reached its climax and thousands of colored people ; in most of the lan;c cities includ. inc Nun.- York. Boston. Philalclphia. Buffalo. Cleveland and Chicaco arc without food and shelter and are sleeping in parks and unrented house not prepared for tenants to live in. "No   exists in the South Rev. Holmes continued. M'i       who live In Northern :iml Eastern cities have not the spirit to help individuals whose assistance from relief organizations does not fully support them. In the South no such condition .:iins .f.it 's  known. "There are more than two million people  off the federal government who should be  on farms where they can produce what they need. My advice to the Colo, cd people is to stay on the farms, educate your children to be useful and constructive citizens. Kev .Holmes preached a very thous^tul sermon Sunday afternoon in Tarbletown to a large audience, many  for miles to hear the message "f (Joml will. At the evening service Rev. Holmes  at a ; which was attended by citizens from all  of the county.</t>
  </si>
  <si>
    <t>                                           ROCKMART, Ga. Aug.--()--The citizens of Rockmart, Ga., were highly entertained Sunday by the visit of Rev. B. R. Holmes, president and founder of the Holmes Institute, Atlanta. The congregation of the first A. M. E. church was delighted with the...</t>
  </si>
  <si>
    <t>                                           A WEE BIT of Sunshine    t*- I ing brought daily Into the home I ot Mr. and Mrs. Rufus Drawn of I Cleveland, as Baby Madeline coos I and strives to gi-t In motion. I                 -Photo by Mclvln Hawkins.</t>
  </si>
  <si>
    <t>                                           ATLANTA SOCIETY feels rather keenly the passing yesterday of the well known Mr. Cornelius King, Sr., prominent real estate dealer and pioneer Atlanta resident and business man ... Final rites for the late Mrs. Eliza Browning Harmon, wife of the Rev. John Harmon, Presiding Elder of the Washington District of the African Methodist Episcopal Church, are being held this afternoon at 2 o'clock at Big Bethel A. M. E. Church with the Rev. G. W. Scott, pastor, presiding.</t>
  </si>
  <si>
    <t>http://search.proquest.com/docview/490431476/</t>
  </si>
  <si>
    <t>                                           f^^^SlOROLINE ]f^^~^T^^kr LARGE JARS 1 I FOR SKIN IRRITATIONS, ^H I A l^PJ ^~Wl W *K^^ Sr. AND 1 Or I THE HAIR AND MANY ~^^^^^^^^^^^^^^^^^^^^^^^^^^^^^^^HT ^c Mnu I UC ^OTiiE^Ji^ME^^J^^^^^^^^^^^^^^^^^^^^^^^^^^^^^^^^^ Also In Tubes 1 0c</t>
  </si>
  <si>
    <t>                                           famed Mills Brothers in Civil War Film at Bailey's 8f\</t>
  </si>
  <si>
    <t>                                           SUNDAY BASEBALL, among the colored populace of Atlanta has come into its own. This afternoon at 2 o'clock another exciting baseball card is billed for the old Morris Brown athletic field and the strong East Side Blues and the nine representing the Remount Tigers will be principals in the gory battles for diamond supremacy. Something approaching a crowd of 1,000 rabid fans has given assurance of filling the stands and all available standing room...</t>
  </si>
  <si>
    <t>                                           Atlanta Men Placed on Official StaH at CME Meet                 INTEREST OF! CHrS UN BISHOPS                 1.0(1(1 \,,w S.-iid All.- Mfft inu in 1 .on is l.'.i-n     1' i'                 LYNCHING I.AMI'.ASTKDi                 ST. LOUIS-- The - I Iccnth quadrennial session of the General Conference of the Colored Methodist Episcopal Church, began here Wednesday morning with five hundred bona tide delegates equally divided between laymen nnd clergymen in attendance, and moro                 than two thousand visitors. The attendance is said to be the largest In the history of the C. M. K. denomination. This Is due to the Interest manifested in the various phases of the work, and because of the spirited balloting anticipated over filling the vacancy of .three bishops, the tilling of the editorship of the  INDEX, as well as the Book Agents of the Mammoth Publishing Housu at Jackson. Tcnn. In ice ^:mi:u.-:iU'.:;i. JVnf. V.\ A M.I. wiii: Kov .1 Trx;,,: W I.. I.,,i,i,;i. i,,,: j A T S:,v,:,n,!, I CI'-.-ivc-:. Ok\:i\\-~::-:, C/i1;.-. .l:,i;lI-:. Cil:  )ll!;ill. K'iii.-.-i- City, i ~:^.x,,i:, ,,,;:s '.v';^.,,-';-.'.-.-.-:'-.: i!1:;,^ I H:ivr Six l;       = li- C l'h Hip. I: i A r ti..n: b-l! :i:l'i \V :.:.-i-::-.::,.y Hi:.'::-,.-. j .~=._-;-.~:...-'.:;.-~ m',,,-/::. 1 v.-w:- ;,..H I   i.,~ nil r:i:;,- ill                 Interest Of (Continued from Pace One) mammoth, celebration in his honor in his homo town, .Tackson. Tcnn. One of the chief issues before the conference is the liberalization of the laws as regards the rights and privileges of the laymen of the general church, and particularly a:;  of the Episcopal Committee. Laymen Reek More Power In adopting the rules a special resolution was offered stipulating that the law would be changed ns relates lo each Annual Conference delegation placing one representative on each standing committee in the General Conference ad that instead there would be one clergyman and one layman on each of the standing committees of the Gen-,                 oral Conference. The quadrennial addr^^ from the College of  was delivered Credential Committee read by C. r. Chapman, Kansas City. The Quadrennial Message from the College of Hlshops is always looked forward to with much interest as it is construed as a guido j to the legislation of the session. Amont? the topics dealt with by the I Quadrennial Message were: "The World". "Our Country". "The New I Deal and ine Negro", "The Repeal of the 18th Amendment". "America's Shame". "Scoltsboro Case and the Menace of Communism", "Race Prejudice and the Negro", "The    (jro Church", "The Young Pcoj pie". "I-ay Activities", ''departmental Activities, Retrenchment j and Reorganization'*, "StrenRthening the Episcopacy". In  "Amerca's Sliame", the Kplseopal Jl. said: It is th.-~ profound shame of these United States that it is the only                 country on this globe whose citi- 1 f zens. have recurring periods of indulging in tlip - pastime of taking the business of trying and punishing alleged criminals out of the hands of the constituted authorities. It is the only country claiming to be civilized whose men. women und children seem to enjoy the horrible and sadistic si;;lii of burning liv. ing human beings.   Opposition 10 Lynching from the year Itfli'j, when records of this "vile form of collective n.", as the President of   stales so aptly termed ii,  began to be kept, to the year li)3.'i, I!.772 people were lynched in the  States, three-fourths of . were Negroes. The apologists or lynching  that Negroes are lynt.  I foe one crime only- rape or attempted rape of white women. What answer does the record make of      charge? Of the total number ol persons lynched during the  years in which a record ha; been kept, less than one- werf even accused of \ Accordjir; to the records kept at Tuskegee Institute, of the 28 persons lynched in 1933, only live were accused ol rape. Thone records show that                 Broes are lynched for almost any trivial cause. A particularly revolting aspect of this sordid record id that of the total  of persons lynched in the last 44 years, 83 were women. The majority of -, if not all, were Negro women. Since the defenders of lynching persist in  that Negroes are  for the crime ut rape only. i( is 10 be presumed that  Negro women who were lynched were record wklc'.i maker, the civilized world stand aghast. Serk  Behind l. What are the real reasons for ; Negroes? Let as hear the opinion at the scholarly white man, and the rca- soned conclusions of an organization composed nf the very women whom the lynchers claim they lynch Negroes In protect. Dr. Tl. Charltun Wrlj-hl in thf 1033 April number of the Virgin!* Quarterly , published at the l*niv(:rsity of Virginia, gives as a reason for  Negroes, ''OfHeial c-  cid political an.bition"' of Southern offi.-ers of the law. Says be, 'The life of a poor ' the substitute for circuses of the Roman tyrant, was a small thing if. its destruction kept the                 rural savages content   political overlords the cheap politicians''</t>
  </si>
  <si>
    <t>                                           ST. LOUIS--(ANP)--The seventeenth quadrennial session of the General Conference of the colored Methodist Episcopal Church, began here Wednesday morning with five hundred bona fide delegates equally divided between laymen and clergymen in attendance, and more...</t>
  </si>
  <si>
    <t>                                           Dr.Henderson to Preach in City Sunday                 Rev. J. Raymond Hendeiton,, eminent Pastor of Wheat Street Baptist church, who has been out of the city for thj vast two weeks will be in Atliinta on Sunday and will preach at Wheat Street Sunday morning at the ll::00 o clock hour.                 On his  tour Rev. Henderson has attended the commencement exercises and das, re-union of Virginia Union University: the New England Convention at New York, and he Is now at the National Baptist Sunday School and B. Y. P. U. Congress in session at Washington, D. C. According to present inf  thl, will be the lost Sunday that Rov. Henderson will appear nt Wheat Street before he makes his departure for Europe, where h# will attend the Baptist World1* Alliance. Whoat Street takes this occassion to invite all of her friend* nnd the friends ot hcr pastor to worship with her all day Sunday and bid her beloved Minister Bon Voyage. At the evening hour Dr J Wllherspoon Dodge. Radio Min. Ister of Atlanta, will be the messenger. At this same service the Church ha, planned to burn the (Continued on Page 4, Col. 2)                 HENDERSON (Continued from         mortgage that was recently paid in mil through the co-operative efforts of this  religious body and it. most efficient Minister. This particular feature promise to bo one of a nature that will cause every possible space tor  and standing within Wheat Street Baptist Church to bc occupied by people who sold it could not bo done. The Church-going people of Atlanta know that the services at Wheat Street aro brief, but highly spiritual at all times. To come late simply meang that you hive missed an important part of the worship :md that you may not l md a vacant seat. Morning Church begins promptly at 10:55 and Evening Church promptly at 7:55.</t>
  </si>
  <si>
    <t>                                           Rev. J. Raymond Henderson., eminent Pastor of Wheat Street Baptist church, who has been out of the city for gild past two weeks will be in Atlanta on Sunday and will preach at Wheat Street Sunday morning at the 11:00 o'clock hour.</t>
  </si>
  <si>
    <t>                                           HOLLYWOOD, Calif.--In fear of her life, Mae West has walked between armed beryguards and has inquired about the purchase of an armored car. But it was not underworld guns but a microphone boom on her own set that recently gave the blonde star her...</t>
  </si>
  <si>
    <t>                                           . ~?~~v7. C-.-.-"y h-r ,vVv 7'V ^ur IT ;je..-j  J.,i: r. r.,^ Wi,. -.'c? Dr. ,';~j Auf.-Pcai ;"~mv ur* c sura  jot .       ." :^'-;r? from Headach* '.:rr_'y.a. Toothache, Rni-lmz-hy  i*.'.sa, Rhcjmatlsm. Lumbago, Kvifi?".. Muscular Pains, Peri- i  i;v P? jia. writ* th2t the7 havt u.-ii i Urs Anti-Pain Pil]s i v\\: ,^;iar results than they h*i evf.c r.opcd for. Cc^^ American houses would no more think of r =      house without Dr. Xil s Anti-Pain Pills than 1. .""jur or sugar. Keep a package in your medicine cabinet and  ave yourself needless . At   -uj       -2Sc and SI 00 m</t>
  </si>
  <si>
    <t>                                           IN COLORFUL WEDDING                 In one of the most beautiful and outstanding-  of the year, Miss Johnnie Evelyn Fuller, second .daughter of Bishop \V. E. Fuller became the bride of Mr. Percy Williamson, of Chicaco. The ceremonies, at which! Dr. Thomas H. Amos of New York City presided, were held at the palatial home of the bride s father, on Houston I                 street. Staff Photo by IHaekay.</t>
  </si>
  <si>
    <t>                                           I am taking you at your word and accepting your kind Invitation to make a visit to Altanta, Ga., and see Auburn avenue in particular.</t>
  </si>
  <si>
    <t>                                           SAFE BURGLAR IS GREETED WITH ONLY PAPERS                 Police were Making an unknown NVsro   Sunday  who Ik until      broken Into JiickMinV SluivlnR Crniiimny, 71 ~.'         !):4."i in the  unil  thv Mtfi-. Only -rK :     ild to  Invm In I hi-      . I- ll..  d. who    'i ps ill Ihc ,  -r B. K. Miidii  In-  llw lit.isr ami.             tho scT.- .if th,     '    . siw a  mini running ofT. Iturxlnrs    -  to have en        sc     Wins,  Smul;iy. A *  si v.tii!         n-cri' ri p  ; the  : li S.                 MAN CRITICALLY STABBED, TWO ARE JAILED While Hnbhird' Rlley. 2M Re^d Kfreot remained In a  ron  at Grady hospital  tbi.~ moraine,  were holding a nun and n  for n,  *~ In connection with the maiming that wnt him to  hospital about four o clock .Sunday morning critically wounded. Riley was accompanied to the hospital by Miss Jlnry Little or 77 Butler street, who told Officer C. D. Hardctnun. stationed at. Grady. that the :: took place at her house. She was locked tip on  of suspicion as Riley informed the  that she knew who did the ;:. Shortly afterwards Detective; ScusKiiM and Armstrong cam.; by the I'nierseni'.v clinic with Milton Brcwster of an Old Wheat address. I in custody. Brwster, the '.-; , admitted that he did tin- cut- tins,  that tbe affray  i over a crap same. Itilcy, who was  In the back of, his  upper .side,     I admitted to the hospital. I SS  IS MEETING AT EIGHT TONIGHT    -      'ar   the Atlnn'n Sunri?v  As^.i-  will      at e^ln nv j "lock  at the' Zion ni;i ~!a:~'ist.    -C" to an- j ~"~ by Dr. C D. P.- I- r;. n, c;ty w-,i,. S'inday school . This  will be of .t to all Sunday school workers as there will be musical selections by several Bible  groups while a         will be presented by representatives of the  Baptist Sunday school.      pace, ant will depict the origin and  of the Sunday school. I Rev. J. T. Johnson, pastor of j the church and one of the best Bible scholars of the race and J. i T. Harris who has been superin- I tendent of the Sunday school for j many years, arc both slated to ap- pear on the .  FOR SLAYING i WHITE FARMER i Shrevepnrl. l,a. (A. N. P.) Kusene Woods. 2n. was arrested   -rc Wednesday and  by I officers with the  of Uny Gorhani. white farmer. July -J2 Gorham is said    have attacked Witods with a knife which Woods to-~k and fatally slabbed Gorham with.</t>
  </si>
  <si>
    <t>                                           A. W. P. RR Announces Lowest OneWay Coach Fares Ever Offered Tickets on Sale Daily ATLANTA To- Newnan .69 Moreland .68 Grontville .77 Hogansville .88 LaGrange 1.07 West Point 1.31 Opelika 1.64 Auburn 1.75 Chehaw 2.0S Montgomery 2.63 Also Bargain Roond-Trip Week Bnd Fares To All Local Points Montgomery only $3.00 Special Coaches for Week End Club Parties J. A. HIGGINS General Passenger Agent  AM   lady wUl teU you  rou  to know without  my question*. No matter who or      you are or what your hop*. tour or trouble la, aik her advice.     hai riven more          %i han any other -  or known to data. I^^^^H 3lves advice on bull- not , , BKH  will*, ^~H^l lead*, or loat or atol-  HH  d ,  ml Uyou are unhappy, ^fl UaeouraseiL in trou* ^Vn9 bla or in bad health. Ml WU mU and her. She ^L 1M wUl help you. TUli ^^OM mw to have  in  , love, , divorce, Uw , ind (peculations of all , Ihe beat * of people n-M bar and take the* Mmoh.  he has been   r more noted and prominent  thaa uy other Advlier. Dtmt be             If  have  to bate you! '~be will '    ] you of the Witery that   rou ud . TnouaaiuU bare prot.  private. Reedina Dally nd Sunday from A. It ib  J Dtvxsuxacy</t>
  </si>
  <si>
    <t>                                           ALL MEMBERS OF CLUB FEDERATION ASKED TO MEET TODAY                 A meeting of the City Fedoratlon of Woman's  It Bcheduled\to be held at 4 p. m. this afternoon at the branch Y.W.C.A, according to an announcement made lut night All members ore urged to be, present u  of importance relative to -the coming state meetIng at Valdosta Is to be transacted. SENTENCE  I Itotwrt Cox, well known to police 'ax' a  wan Rlren  month* on the  In 1 three ease* of cheating ami an- ling hy Juiiiro Woort Friduy.  I hid . Daisy who worked with I him In     case was given alx S9*t*h. ...,M</t>
  </si>
  <si>
    <t>                                           Many Coming to Atlanta to See De Priest                 Sfnr.-i of pc,,~,~,. fm,,, ,,   .,.ir, "f ' will !w n, Atliuilii N. fn sen ~,,.,lr Coi^r- li,P,i,.M d,.. lii-.TM ,-in -s nic Itli: n.Hum A.MK ch,,,vh ,,i  I.,.,  .,!.- to inr,,r        from .1. T. CnrlHon                 Merchant, A-"^.-!..."^.""//.'^ T""t Clll.v        . j Mr I),.~- s , ,n At,,,,,,..,.!   -1 A. Kmuiror Noun,    Ihls cny. hl, 0 1~, nf in.-  Yw r,l-f,,        IIIKMl     ,.~, '~'s doe,. ,,,u,h ,l,,r Ins iw.. ,,. h,   (i ,.~~~~H) Wsii.-s II, .us,. ,,f II,.pr,.s..,,i,,,iw,-~ his f;,v..nlc trips ~,!1  ,,U. ~~.,.n I,,,,,,,; ii.m.1.. I,. ri,.ri,l.,. of     !1j         .,r or lii.~-~ ll:,v,. .i.mn.Ts si? ih,,,u,,. - fir .-iil.,., r,,H(,.      (. Ihi.  ,,f ,1,,. .~  ,,..~l ,,^,,.^,,,;,,, ~,,.r',i,.s, U In-          ^ion IVl.lin- ...fi.T,,,,,,,! I  h,T,. m ii:ini S:ilm-,~,,v m. ..tiiu,.~y ~,N ,,   ,.;,j  Continued ,m Pace Si                 Many Coming        ?d       1) t)w        if.,. t-. a.Ij.--  ftM-  L(. -! r, th* ACMA    .J     -r- u. Hui,   . At no,jll'  -.f '.I. ;.;,r-. of Lu/er^,t i;, Atl.if.. .-n-l-dins ih^ Miiooi* iod I l/nr*r.~~~ .-  ,  i-'-nn. will i*. yia l- -a::..- n.'ict, tj^     I  Hv'~'~"! ir.' thf time I'sr bu    .:-*- Th* i j j i v(                .    !i*l()  t         *h*i r^rrv Vib'jrn =~nd Bailor ill ~^a!' 7 v, c  ~/:en- nr sd i'^*-- prt/ at As. yi: ttt" -HKW-rh W 'Xwi'-xJ"! ."i-ji-r wjJJ ^f   J '1... W--\ Tth'Tt I^    *-t if :v -'Jii*-] In Li*,  On tb" M"r-i- k'.~c "~:      ~]9rt- :~-i ~~/*.l'~ij  U- lift .~f"M.~ b+A/i-        -r'  i v" H-t.Vr i !  -)iy^    \~A:r ^- Mr. H-^ i j (BoIuiiOf. Mia 1</t>
  </si>
  <si>
    <t>                                           Scores of people from all part, of Georgia will be in Atlanta Saturday to see and hear Congress man Oscar DePriest when he delivers an address at the Big Bethel AME church at 8:00 that evening according to information received from J. T. Carleton general agent of the Atlanta...</t>
  </si>
  <si>
    <t>                                           I 1 SATURDAY, AUGUST IS. 1934 ATLANTA DAILY . ATLANTA. GA. PAGEfFIVE</t>
  </si>
  <si>
    <t>                                           PETERSBURG, Va.--Two national champions went down to defeat as four new champions ascended Southeastern open championship thrones in the "Decade of Progress" celebration which closed at Virginia State College here Saturday.</t>
  </si>
  <si>
    <t>                                           Bailey's ROYAL" TODAY TOMORROW</t>
  </si>
  <si>
    <t>                                           Pep up! Enjoy Youthful flf^ Vitality! V1, the JW d perfected Gland  \ positive quick ro^BBCSBr suits- AcU Iiltc ma" V^^ k ic. It's marvelous pyi^*y^~*~y^  the         ^AWJIil       '. ^^^^H For men who ^pT*   ^H want new energy I U    Utf -for  fc^BL^BJilipi  and tuning p;:J powers. Enjoy     11 Till of  younK Main. Try - only $2 00 tor  th. full .size - fOR Sn.OO. C. D. ISc extra. Money bark . Don't waste precious - OflDER NOW HEIt MtO . C6.  20-J Whllo Pltliu, S. Y.</t>
  </si>
  <si>
    <t>                                           AUBURN MARKET BEST OF MEATS AT THE LOWEST PRICES Pure Lard ib. 7H$ 8 Lean Baoon it. ioc Pure fork Country Sausage loe We Deliver   . 1189</t>
  </si>
  <si>
    <t>                                           GRADUATES  White Shoes Need an Extra Special CLEANING j for Comiricncen\ent. Our Method Makes Stained Dirty Shoes Like New. j Shoes Repaired Soles Vulcanized BETHUNE 6c WH1 j Shoe Rebuilders 41 Peachtrec Near 5 Points j BROKEN y sC=3n:oV  W^*7 \C^7 TERMS DUPLICATED EYES EXAMINED CLASSES FITTED DR. H. WEINBERG OPTOMETRIST 4 OPTICIAN .~~~~~.^.^.m m, j LJ..</t>
  </si>
  <si>
    <t>                                           PATRONIZE I Our Advertisers</t>
  </si>
  <si>
    <t>                                           MARSHALL., Tex.--After a year's absence Harry "Little" Long has returned to the Wiley coaching staff for the 1931 foot-last year at the University of Michigan doing some advance work in the department of biology there. His return takes away some of the gloom surrounding the coming season of the Wiley Wildcats and brings together again one of the country's strongest coaching combines.</t>
  </si>
  <si>
    <t>http://search.proquest.com/docview/490431955/</t>
  </si>
  <si>
    <t>                                           JM  Vaseltoa oa the far H^MH^^JAM^ Ii   that you arc (idling [BmpBBBBME8HBB^^   tbe * Safe. DepcndablL*. Abso*  BBHBBt^BMBiKEI^BlB^       pure. Kefiuc  nude IfSjwmQlTQMffiJ^^Sf . ChesebroughMfg.Co.. X^H^^BBfy CoojU, 17 State Street, New York. ^o!!^^^^^!7 2'</t>
  </si>
  <si>
    <t>                                           For the purpose of enabling rural teachers to promote better living conditions in their communities, the annual rural teachers institute of the Atlanta University Summer School will...</t>
  </si>
  <si>
    <t>                                           IempTr?  qa. avi. at omw tr. ma, mm B        ) ~"I Am Suzanne" an  HAHVir K^^^l .TDBUUl Bi^HH WIU.  la i Vavld Harunf  'Frontfar Marshal'      te. chik  'No Mora Woman' -n      minAT 'Hold That OlrT I</t>
  </si>
  <si>
    <t>                                           a 1 ONLY NEGRO DAILY NEWSPAPER. IN THE WORLD iJ^            ^fl ~'PLUME 7, NUMBER 171 x ATLANTA. GA., SUNDAY. AUGUST 19, 1934 PPirp Pir^?</t>
  </si>
  <si>
    <t>                                           j0gB^ SO-GOOD HAIR GROWER /^m A QUININE POMADE k*d^^^L Cm*      ,  kair fro. 1 to 1 fr*Sa^^M ImU par . Racoaaiaaaad ay  I^^^^^B     Tatter, Eczma. FalUag Hair aad IUlu.~  T^^^^M         HAIR  ^^^^Hfl^        *nu aay Uaa  f     (k kair ^~~nk  Hat PmOara. ar Hat Oak. awl mr fO^mj^^ Uomty       ar        7 ^^^K^^^m Wa pay  2'1~^-             Hair        BOc -J-m^-      4 Hair StraickUMr OOc SaMb7        *rS-~ Hair St^^Umm We Otkar TaOat ArtScU* am Orcmlar SO-GOOD CHEMICAL CO. 75 Fair St, S. E, AthaU. Ga.</t>
  </si>
  <si>
    <t>                                           Saturday May 19th HIGH S MAY DAY SALE! ONE DAY PRICE SMASH! STORE OPEN TILL 6P,M. TAKE ADVANTAGE OF THESE SATURDAY Be Here Promptly at 9 A.M. Odd Lots for Clearance! PLEASE! NO PHONE OR MAIL ORDERS 450 Yds. Cretonnes, yd. 17c 353 Cotton 'Kerchiefs 3c 1077 Hottlcs Perfume, Keg. 30c. LiRht and dark colors R"B- Sc. Men's. Women's. Plains. c.( .-c Ifil "       "1     47c BCrK..,- FragVant-,. Gcnorous S,;.C. Z ^rS end, 27 7  Women's BJouses, odd Lot Snoods 2c -87 Boy^ F'OOr .r^-v^-Sn: u^C .o^m^ror    , Knickers 88c       Floor Women's Conts and Vniues to  i.89. Light and durk 2,000 Yds. Laces, yd 5c Suits Vi price. patterns. Different patterns designs Spring - sizes 14 to 44. Boy*' Dept. Street Floor Street Floor  Floor 125 Prs. Men's Socks ...17c 75 Women's Neckwear 10c 70 Popular Fiction 29c 35c values. First quality. Spring RcS- 5!)c. Slightly Soiled. Rcg j2 and $2 50 Your favorite shades. Street Floor authors: Men's Dept.- Street Floor 63 Prs. Kid GlOVCS 59c Street Floor 216 Women's Wnsh Light colors. SiiRhiiy soiled. Girls' Sheer Frocks 19c Dresses 5'Jc la  i0'' va;     Kast colors. 3 toR.. Iteg. $1 Sheers ..Prints It to S3 KOBen J8W flat Bmement Third Floor Silver, ca 29c Men's Socks, pr 5c Infants' Wear ....10c to 79c Values to $I4.00 doz. Closcout. Reg ioc BlacK, Brown 10^ Values to *2.08. Bonnets. Shawls       - Strret Floor to IIS. Rompers, Pantlw, etc. 18 Sets Furniture Basement ,Th'rd Fl0~~- Covers 69c Girls' Beach Pajamas... 16c 77 Girls (rocks 59c Reg. $1.40. Grand for Summer 50c values. Fast colors. 3 to 8. $1 values. Qioadcloths and Prints Notions- Street Floor Attractive designs. cnn va T^rd F'ior j 2l Stamped Silhouettes 10c BMement 600 Yds. Organdy, yd. 29c neB. $1. on linen with frames Chiffon Hose 29c 60c value. White or Blue polka and glass. Mock fashion. Turc Silk. 8 to 10 doU. Notions- Strret Floor Ewement 1  5          Fl""r 55 PkKs. Envelopes 9c Roys' Wash Loniries....96c 3 Secretaries 119.95 Rtg. 15c. Hlgn p.   .  Reg. $150. 3. Solid White. Reg. )39.0S. Mahogany veneer new Basement Tlnlsh 8treet Floor Batiste Gowns 7 LouiST'rKlMlltiiSBn 35 Women's Hand BaRR 88c Pajamas 94c       ?l; B   5 V8lU0'          "nd SUede $11B '"1                - 2 P'Keg. W0.K). Comfortapic. Roomy slightly soiled pajamas, full length gowns.1^ Furniture Dept. 8treet Floor Buement</t>
  </si>
  <si>
    <t>                                           MARKET DATA THURSDAY, JUNE 21, 1931 Total N. Y. Stock Exchange Tnntaetieas 49J.100 8       Total N. Y. Curb Exchange Bond Salts $3400,000 ToUt NT. Y. Stock Exchange Bond Sales S13.tW.000</t>
  </si>
  <si>
    <t>                                           LOS ANGELES--(WS)--The proposed marriage of Young Peter Jackson and Miss Lillian Nash of South Los Angeles, has been postponed because the fighter is reported to be invited to New York for a boxing campaign. Jackson is one of the leading...</t>
  </si>
  <si>
    <t>                                           LOS ANGELES, Calif.--(WS)--"Gorilla" Jones versus Oscar Rankins and Lee Ramage versus Leroy Haynes! Those are the bouts that Matchmaker Tom Gallery would like to line up for a double main event at the Olympic auditorium here August 14th.</t>
  </si>
  <si>
    <t>                                           Jim Glass manages and M. Jones, president of the cincinnati Tigers Baseball team, the Queen City against Nation. al league and Southern league teams, announced the signing of Milton ("Mighty Blood") Smith, star catcher, as the first step in...</t>
  </si>
  <si>
    <t>                                           Met with Mr. Wynn, at 028 Houston street. The meeting opened at the usual hour and we had a very interesting meeting. There was one visitor, Mr. E. M. Walton. He gave some very interesting remarks which were enjoyed by all. The next meeting...</t>
  </si>
  <si>
    <t>                                           "Come let us reason together." saith the lord.</t>
  </si>
  <si>
    <t>                                           PROTECTION WOVEN STEEL  ORNAMENTAL IRON BURGLAR GUARDS CALL VS FOR ESTIMATE NATIONAL WIRE IRON WORKS IIS Edfewood Ave, WA. 7995 TODAY ONLY BAILEY S 81 THEATRE DRES5LER Also 3 Otlicr Comcdle* TODAY TOMORROW Bailey's ROYAL "fife s CtfTas    --f" ~^Ui LORETTA YOUNc' (R1CARDO CORTEZ, ANDY DEVINE  TONE Bailey's STRAND LAST TIMES TODAY "HEADLINE SHOOTER" BALni BELLAMY FRANCES DEE JACK    SUNDAY "81" "20 Million Sweethearts" ROYAL ' AND HIS MATE" STRAND  RmER^8      J Bailey Theatres WELCOME THE GEORGIA STATE MED. ASSO.</t>
  </si>
  <si>
    <t>                                           THREE GRADUATES from the Senior High school department at Edward Waters college, Jacksonville. Fla. Left to right: Inez Blackshear, Thelma Douglass, and Clara Campbell.</t>
  </si>
  <si>
    <t>                                           SPECIAL THIf. MONTH ON? A'   $g.cc LANG S BRAKE SERVICE 215 Spring St. WA. K15 j I Wrrrkcr Service MADAM ESTELLE  larty will  you  vou wish to know without a*kinc any questions. No :       who ot what you arc or what your li"ne tear or trouble is. ;~sk her advice. She has Riven more satisfaction than any other to have success in business. love, marriage, di- 1 . law suits and speculations of a!! kinds. The bent class of people consult her and take  friends. She has been consulted by more noted and prominent person* than any other Adviser. Don't bo  if others have foiled to Telephone Stain 9114 Rnrrlal Numhrr for Sllturdar help you! thousands have profited by ask- 1 inR her advice. All readings strictly confidential. Absolutely private. Readings Daily and Sunday from 9 A. M. to 8 P. M. GIVES f. DAYS, Take Wnshinirton-Lakewood can i:el off at Marcnivt St. 15G2  AVENUE</t>
  </si>
  <si>
    <t>                                           LOVELY MISS DRUCILLA* HOLMES, popular young high school student of Tampa,    .-                 ~- Dy fti-M studio, Tampa.</t>
  </si>
  <si>
    <t>                                           As I said goodbye to M.s. Barnette, a feeling a apprehension swept over me: for I knew that a loyal friend of mine was leaving me not for always, but for a short while which would seen years to me....And I wish her God speed on her journey and a swellegant...</t>
  </si>
  <si>
    <t>                                           CHICAGO--The white folks down in Atlanta jammed the Atlanta auditorium-armory as spectators a couple of Tuesday nights ago when Duke Ellington, the artistocrat of Harlem, and his internationally known orchestra and floor show played a dance...</t>
  </si>
  <si>
    <t>                                           DOCTORS ARE MEETING III ATLANTA                 Slate Medical Association Will Begin 41st Annual Session on Tuesday                 EXPECT MANY MEDICS                 Practically  is in  for Ihe  or I lie -tin annual session of the Ocorcla State Mcdlvnl Association which will moot in Atlanta, June 12, 13, and 11 according to announcement* lait Saturday  Dr. ii. B.     ,. KenernI secretary of the state .                 Several hundred  of the medical  along with  wires and families are expert od to bo Iii i ho Onto City for this event which is expected to he of  Intnrut. A  of the meetings wilt he       to the public while clinics will I* held to which h large group of patient* from ail  of lhB Ktuli!  already   nt in  for . The Kcncrul sessions will he held nt   Street y with           Iming  nt the Willltim A. IlnrrlH Memorial hospital und the. DonclnsM Infirmary. Some of the  white and colored     . ~.' of the  will hu in ul  to hud   (ContUufd on      8)                 DOCTORS (Continued from Page 1) and advice -with Dr. J. E. Hall, Professor of surgery at Mcharry Medical college, Nashville, Tenn. and president elect of the American- Medical Association as the.         . Tuesday noon, the opening session will be held at the Butler St. ' while at eight o clock  evening an elaborate welcome progran will be staged at the Butler 8 CME , the Rev. A. F. Bailer; pastor,. BnUer Street, and Coca-Gdta Place. The      of the  clinics Will be stifled from fire until eight o clock Wednesday morning at the. Harris Memorial hospital and Douglas Infirmary. Amou; those serving on the staff of these* clinics will be Drs. 1. D. William* and W. A. liar ris, Savannah: W. -Powell, C, W, Rcevet, and John W. Burney, Atlanta A. B, Johnson nnd 8. S. Johniron. Augusta W. Xenl Frayiter and C. W, Dyer, Ma con H. Van Buren. Stntcthoro: J, II. Orltfln, Baintirlilu-e; nnd J.- B, Bryitnt, Rome, Ga. Dr. Halo of Naithvllle! is the guest . Wednpsda.T night, June 13, public   will be   .i(~ at th,~ Mt. Olive  church, the Kov. J. M. Nnbrit, , corner Harris and Butler streets. This mei-tini; will be of much interest to all citizens and Atlantan.s nrc  to  attend this program which will be highly valuable to the laymen. i Another  clinic Is scheduled for Thursday  at the two local  from five   while a medical  will be held at      Rutler Y from six until eight. Simultaneously with those mod), cal  there will be programs  nd sessions of tho Dental Section of the CeorRln Srate Medical Association nt the Bnllor Street Y. Dr. 1). T. Walton. Jlacnn Is prow. dent of this denial croup. Tho. Women'H Auxlliury if the Georsla Stntc Miilicnl Sm-iet.v will bare Us initial session In the assembly room of the Uutler Y ut 1 :.1            afternoon with Mrs. V. W. ',                ^ tary . Wednesday , at 10 o , Rpcviiil health                 cram, to which all women are invited will be held at the First Congregational church. Another Id.  program has been arranged at the YMCA for Thursday morning at which time officers tor the next two years will be Introduced by Mrs. j. W. Jamcrson, SavInnnah, Ga., the retiring president.    . Marcus B Hutton, Balnbrldge, Is the retiring president The final  will l* held at high noon at Friday nt the Log Cabin center .Mayfleld. Ga. Because of the number of important papers to be discussed at the meeting and due to the fact  the sessions on all of the days, start Ing with the  at  in tho morning, will consume much time, most of the  affairs, with the exception of the entertainment for the wives, sweethearts and daughters of the  medics, hare been slated for the end of the . Thuminy night, at eight o clock, tUR  dance will be held on the Itonf Garden while on Vrlday morning a motorcade will leave the i ity at seven o clock for Mayfleld, On., nnd the Log Cabin Community Center where Prof. Ben P. Hubert, president of the Georgia State InUujtrUil college has prepared u big Iwirlwcue  ml outing for the dele Bates. Tbnsc making the trip will bo  to  the new health  which Is rapidly  completion at the Log Cabin Center. J'r. R. X. .Tnckson, Brunswick is president ot the genera] association while Drs. M. T, Walton     enn, nnd .1 0. Kyles, Macon are pre.  of the dental and pharma.  .s respectively. The Atlanta JIwHcnl Association will  ei us     !. ihc . OfficeT nt the local Kronp arc Dr. W. A. I'di-rs. Sr.,            : Or R. n, Jnokson, vice pre.y. Dr, A, U Iliiriier. we.. Hi S. A. Pviprs, Jr. ii  t. se.-.  ir. T, 0. 'Jones,  Hr. J. W. R, l.,  nnd IT. I.. M. Illll, Parl..</t>
  </si>
  <si>
    <t>                                           Practically everything is in readiness for the convening of the 41st annual session of the Georgia State Medical Association which will meet in Atlanta, June 12, 13, and 14 according to announcements last Saturday by Dr. H. E. Nash, general secretary of the state association.</t>
  </si>
  <si>
    <t>                                           GET HOTCHA, evahbody; tonight's the night for the hilarious and breezy treat on the Roof Garden, 10 till 2, with the epicurean brothers of Phi Bela Sigma "dishing out" their enticing brand of social exhilaration. The Troubadours, jazz princes of the Gate City, will for the affair......for a full half hour, 11.30 till midnight, the gay dance will be broadcast over Station WJTL. Don't miss this novel feature!</t>
  </si>
  <si>
    <t>                                           LOS ANGELES, Calif.--(WS) --Political circles are stirred this week on account of the resignation of Mrs. Vada Somerville, from the Women's Political Study Clubs, which was formerly known as the Women's Republican Study Clubs under the direct supervision...</t>
  </si>
  <si>
    <t>                                           I K[- " Ef 'S"O C TA. L Tft, E ALl</t>
  </si>
  <si>
    <t>                                           S.S. Workers Will Open School Soon                 The third 111111111   of Mi'tlh'.iN fur Sunday si-  i-.s will set  way in Central M. R. church on Mitchell street,  . Murcli l.'f. with onp if  h(.    Inspirlnc  ever  to in Alluntn audience.                 The (.;  will Inke the  (if tin: it-Eiilnr *  of the Atlnnia Sunday' School Assocl:iti(in. At Mils time a spc.                 "Id 1 ( o ri. of A. .1. Davis. Mrs. IVarl Hecsp. W. II. Inmiin. luis secured the;          of numerous. Sunday school to furnish papers iind music. Nov. M. U King, pastor of Kbeniv.fr Baptist I'hiiri'li will make lie key note  on tills   will set. the bull (i  i for the remainder of the school session. On Wednesday, Tlnirsdiiy  nd Friday , March 11. 13. lti. ii corps of instructors will hold tw"! class  poch i)lR]it. The well known 1\{b\c Instructor. Mrs. Vvunk Wells nf Ilnpevllle. will c ve a  of the International Sunday School lessons for the quarter, which Is found In the  of Matthews. Sunday School Administration conference will he  hy Frank T. Walsoii1 of Hie (JtM- Sunday School Association Toon nzc group conference will be held hy MImh I/oIm I. of at. I'mil Methodist church who IK director of HcIIkIous Education for her church; while  work In the Children's Division of Cite Sunday school will be taught each  hy MT. J. J, Simpson of the Georgia         School AsBoclation. Tho  will open ut 7:1B p. m. with a short soni; service. ThU will be followed by a class period. At 8:ir.   a de- (Continued on Page 6) I                 SS Workers (Cont.nui il from Pane 1)  p Timl will In* 1h*1   at wii H h linn- various Sunday .iU of i!   i  will furnish iho. , :tiit)     *h;ii  :n In will bo ' hy   )ffi:t! -tcil sneakers.   -*s. c"lt:is. M. Iful'.ri, rh: K. Ilil! ami A. .1. Itatt's will j^ . This Srhool .if Mi.- will lie fop all p^MpI/' inter, - in Snmtny   Ih)    . This vt- has boon  T.-cd hy all ministers unions anil i In- pastors will ple-'iM- *1     rial :        (-i- of il :)  1 u rue I heir WurUi-rs to ui .</t>
  </si>
  <si>
    <t>                                           The third anual school of Methods for Sunday school workers will get under way at Central M. E. church on Mitchell street, Tuesday night, March 13, with one of the most complete and inspiring programs ever presented to an Atlanta audience.</t>
  </si>
  <si>
    <t>                                           Funeral Notices                 BURCK- Mr. Miles Burch, 565 Rear Howell Place, paused away Aucust 6. Funeral announce, ments will be made later. Mutdaugh Brothers Funeral Directors. CASH- Mrs. Mamie Heard Cash passed away Monday afternoon Funeral will be announced later David T. Howard Co. COLLIE- Mrs. Josle Collie or rear of 78 Hilliard St. S. E. died Sunday night. Funeral will be announced later. Dsvid T. Ho Co. George H. Hill Funeral Ambulance Service   . 331</t>
  </si>
  <si>
    <t>                                           SPECIAL 1 1 THIS MONTH ONLY FORDS BRAKES .RELINED $5.00 LANG S DRAKE SERVICE 215 Sprint St. WA. 0215 Wrecker Service</t>
  </si>
  <si>
    <t>                                           NEGROES ARE ACTIVE III                  Interesting Observations Arc Mude by J. 0. Thomas on Economic Survey                 I HAVE MANY LIVE ISSUES                 Niotiiim in Oklahoma uru  m    to .      Tli(    , southern   tor for (lie .Vuflounl IJrlran I^'~   ! who lms JnKt           a 1,001) mile tour of Hint  In  with Killtor Hosrov Duiibpc of      Black                 . Oklahoma City. Okln..  up on  hc j; economic  of tin; Ncirnx* In   an. I the extent to which lln-y have ln cn lH- hy the   force*. Mr. TIkii'ikis stales  his trip  ns one uf the most InttTfsi Injr In his wide and  period of  the southern states In I1I.1  /il capacity. In diseasing the relief situation In Oklnliumn. the TJrh:in tan cue. i reader says that the Negro has I   Its proportionate share  t thn CWA jobs while the relief tins Ihmmi  as equitably as possible under the conditions which have  ro date. It      be recalled  I*,', I, .nil Relief A'lmlnlsirator J Tarry Hopkins tins  removed life staVe relief  from the  of Cov. "Airnir.i HIM" Murray. Many             .~ had  made that the                for this work ha 'I  made on :i  IuikIs and Mint  were fevr. if any trained   . "In       cities like McAllister. Oklahnina City, and MiisWokw." IVIr. Thomns . 'Nccrnps  g-lven ~-:inli:i!  work  is such :is school auditoriums,  fields,  and  . hath . and (he Mkc. Outside of Oklahoma City, no .Voirroes have                     for anointment us so. rial workers. As the result of our conferences, we hare  ahle to set promises of colored case workers   n Enid. McAllister,  Musoojrce.** Tin- survey, which was  In '~ with Mr.          .  February 10 and ended on February2S. The Blank  editor Is regarded as one of the  . tireless,  and fearless N'e:;ro journalists In America. In adit Ion to his newspaper work, he Is chairman of the state N.A. A.C.P. and has recently assumed the arduous duties of state Emergency Advisory Council chairman. II was this militant editor who "O(! tlic role of prime mover In '~~ a fair trial for .Teysp Flplland. Creek county \.  was  with ;: a white woman. Tonne TTullnml was  and sentenced to the elec- 1 trie chair last wei k despite the' fact that witness after witness  that they had danced with her mill that, she itns a constant visitor at houses of 111 repute In Scgrn districts. She denied this. . one colored minister told of having warned his son about  around with her and of : to a "speakeasy" one day nud  his son. his son-in-law and the owner of the "Joint" dead drunk on the floor of the place with the white woman besides them. The case is now being appealed. Tinrtnc the course of their trip, which Included four "nil Negro" towns, communities governed hy Necnx's themselves, a number of Interesting observations were made. "All Negro" towns visited were . with Its 874 colored people. Tuft, -with a population ~\t CilO, T. with n colored citizenry of .I'll aside from the school (Contlnued on Page S)                 Negroes Are (Continued from Pace 1) lace and Vern'on, a  country Imuii of several hundred located  33 milos from Wetuninkn. Mr. Thonms points ant that these places, prosperous ut one time    : (licy were centers whore  products reigned supreme,  suffering  now due lo the fact that there is  or no Industrial life or Imslness activity, tho low prevailing agriculture prices having .had n dire . Among oilier towns visited  tills survey were Snpuljw, Tulsii. Oklahoma City. Muskogee, McAllister, Ada. Colgate. Okmulgcc, Bristow, Guthrie, dishing, Chundler, El Ucuo, Enid, and Klugflshit. A number of meetings were  In these places, many of them attended by scores of white citizens interested  economic status of the Negro and  is being done to help him In the recovery program. That the Negro Is being regarded aa a  power is seen by Mr. Thonins In the fact that all five candidates for the , among flK-m ex-Governor Walton who was impeached as. an aftermath for his fight against tho Ku Klux Klau In    :S, are seeking the Negro vote. Due lo this fact, a. questionnaire is being sent to all of the candidates asking for n definite stand on the new Insane asylum situation, .lust a half  from the railroad at Taft, one of the four ''all Negro" towns of the state, a state hospital for Negro  patients is rapidly waring completion. A white                  has been olios- en lo head this institution which Is  "to cost more  a million dollars. This appointment, and rumors that an all white staff of nurses and doctors In charge would be named, has led to a vigorous protest. So far. a tentative compromise has been mado for the naming of several Negro doctors on the staff. At the present time, both sides are awaiting further action, the colored citizens demanding the removal of the I while superintendent to be, and the  of an all Negro staff. Tills situation promises to be one of the live issues of the gubernatorial race. Much interest is also being  on the fate of Langston university,  the discovery, last Sunday. February 25, of oil about 110 feet from the north oust corner of the . Some predict that Langston, a land grant college, teaching a  of trades in addition to u literary course, but placing special emphasis on agriculture, will be moved lo a more urban location (It Is now situated at Langston, about 11 miles from , the nearest town of any size.) 1' Young has announced that 100 acres of the 1U0 acres comprising the campus has been leased and feels sure thut the remainder will be leased shortly. The Urban League executive had a clone escape from serious injury upon  return to Atlanta Friday afternoon aboard the Kansas City Special , about 2:30 the front wheels of the engine left the track on a hill between Jasper and Birmingham, Ala. Although a number of passengers were shaken tip, no one was seriously hurt, Mr. Thomas  that bad the train been going down grade that a terrible disaster could not have been averted. The train. I scheduled to reach Atlunta at 8:10 Friday night, did not arrive in the Gntu City until .'1:15 Saturday morning.</t>
  </si>
  <si>
    <t>                                           Negroes in Oklahoma are exceedingly active politically according to Jesse O. Thomas, southern field director for the National Urban League who has just returned from a 1,000 mile tour of that state in company with Editor Roscoe Dungee of the Black...</t>
  </si>
  <si>
    <t>                                           IjjKOHOMICAL I AND EFFICIENT li DoubteTested/ i Double Action! Vhmmmii</t>
  </si>
  <si>
    <t>                                           \\ff\ll("i^li REALM of CULTURE '^H  Pfl .''~V/P..1"0 A'l'LANTA DAILY WORLD. ATLANTA. GA.     " SUNDAY ftJ^TY 2K 19;</t>
  </si>
  <si>
    <t>                                           Kress Bows to Job Fight in Cal.; to Hire 24 Girls                 L JfcOS.. ANGELES- (,WS) rTw*nty-f6or  will be hired by, I Kress five and ten cents store    the result of a militant fight waged by Publisher Leon Washington. Jr.. owner and publisher of the Los .Angeles Sentinel,- an advertising medium of this city.                 for the last few months W'ssh1 ington has waged his fight singlehandedly through the editorial and news columns of the paper. He has secured pictures of tho fight waged by the Chicago Whip in the  city and placed them in his paper. The most stubborn of the Central  merchants has been the Kress store but he has had trouble with others. Zerg's furniture store was one -of. those who bucked his policy and upon one occasion he was ordered arrested by owners. Charges against him were not pushed and soon afterwards the store placed a worker therein- Later they moved out of the district and are now operating In another section of the city. The Allum drue company, located at Vernon and Central avenue fr-ight the efforts of Washington f V a time but Inter added a colored person to the staff. That 'tore is now carrying an ad in hia paper thus he has built a -r Vltpect for the militant Ncpru press in this city. /Thirteen of tho- girls are to start work as utility clerks In tho Los Angeles stores while the other eleven will be distributed to i Loni; Beach. Pasadena, dominie, Santa Monica, Huntington Park, I Inglewood. Bakersflcld Riverside, Alhambra and Kan Bernardino. -I Six of tho local placement* will be made downtown at a store where four  and two - tor operators will be hired. One. clerk will be placed at the Central avenue store where a girl has been employed on part timo. she will undoubtedly Ret the position. Tho girls aro to get the status of utility clerks and. not maids. They will  (10 per week, according to the code which coven this  of employment and thier duties will be the  I aa utility clerks of other . The fight of the Sentinel was based on the large percentage of colored trade which Is had by the store. After tho paper started its       many civic organization* aid. ed and were instrumental in the hard battle. The California Eagle, oldest paper on the coast, waged a similar fight about five yean ago but were not successful. Color Question About lo Crop Up In Selection of Girl. Now that the battle has been won the color question within the race has reared its head. According to gossip along the  nothing but dark-skinned girls will be given employment. Lightskinned girls have begun to cry that they are being discriminated against in tho selection and the good work which has been accomplished may be  to Washington, there Is no color bar in the selection of work,~s, The only consideration                 is .fitness for, the. work to. be performed. Each applicant must have credentials as to her ability and i have a decent appearance. They must have had experience as  or stock girls while the elevator operators must have their licenses. I</t>
  </si>
  <si>
    <t>                                           LOS ANGELES, -- (WS) -- Twenty-four girls will be hired by Kress five and ten cents store as the result of a militant fight waged by Publisher Leon Washington, Jr., owner and publisher of the Los Angeles Sentinel, an advertising medium of this city.</t>
  </si>
  <si>
    <t>                                           HEIGH-HO, evahbody, the stage is all set for the big floor show extravaganza at Sunset Casino tonight, 10 till 2, with the Troubadours setting off the fuse for a glo-ritous" evening of jazz, featuring a series of torrid Harlem numbers and a corking good ensemble of entertainers. The LION'S CLUB, host of the occasion is giving you Jennie Weaver in a wealth of contagious bodily gyrations which you'll be safe in...</t>
  </si>
  <si>
    <t>                                           SUAVE AND DYNAMIC. Mrs. Mary Taylor Gates of Cleveland, Ohio,  history at the lint      woman to bead tbe mixed traitee board of the Fhyllla                 ley association.- Fboio by Cole, Cleveland.</t>
  </si>
  <si>
    <t>                                           H HAS HE STARTED I H FOOLING AROUND? I r A %/ J^~7~~~~~/^i ^~~l SB Sm we I k.'^^fl Make your hair a beautiful lustrous jet black again Too often, love dies with the coming of gray, streaked and ugly, off -color hair. Then tears won t win him back. You can bet the other woman s hair is a lustrous coal black, that makes her lovelier and mere youthful. Why should you  lonely nights? when in a few  Godefroy's Laricuse French Hair Coloring will make you look years younger because it will change your hair to the most beautiful jet black you have ever seen. i Be the girl _v,,u used In lie. Get SI. 2)  oj Godejroy't Lancuie /rom your  or beautician today. GODEFROY S f^^r (V I K U W C froy i Laticuse Hair f I f A f Culucinit lias  iu*4 trench HAIR coloring ^!^,Tv^ 3506 OLIVE STREET ST. LOUIS, MO. {"cqT.'nTS.j lig</t>
  </si>
  <si>
    <t>                                           Streams in The Desert I HILL NOT LET TlfEE GO,  THOt/ BLESS ME, AMI ire BLESSED HIM THERE.- (Gen. 32:26.  1)). Jacob 501 the victory and the  not by wrestling, but by . We will nof gel victory In pi-iyer until we cease our ?, living up our own will and tlu-ow our arms about our Father!  In         IVEY BROS. MORTICIANS "The Institution With A Soul" AMBULANCE SERVICE 492 LuUi St., S. W., AUanU, Ga. Pbonej:      1567 Js. M15</t>
  </si>
  <si>
    <t>                                           Men's. -g \Hk )w^ Added to This Great-        i s4k ^mf esf a^ue years'. tow       m S* ^W^ SENSATIONAL! Becau".-  f t ho mau- r^~" f$~L      SENSATIONAL! Bo. there irt    ! K .'- c-l- Hj^H f lar--d:       -~       : siar.-lu-.l   ;:.ir ji- I HyftWH r y i^.to'-is'."' J ia^H STREET FLOOR ^T Fl A fl 1 j^^ I HfftW.   ^B^BhI</t>
  </si>
  <si>
    <t>                                           Tri-Convention of AME's to Hold Local Spotlight; Many Expected to Attend Meet                 MANY K EXPECTED IN CITY                 Georgia A. C. E. League, S.S, and Missionary Workers to Hold Annual Meet Here                 BIG SINGING CONTEST,                 By REV. C. A.                  Plans are about completed for the  Catherine of young and old from all parts of Georgia as the  of the hospitable Gate City  ready to entertain the Trl Convention of toe A. M. E. church this week.                 The sessions will open Wednesday morning; at 10 o clock and several thousand delegates and visitors are expected to be in the city as this great Trl Convention of the A. M. E. Church, consisting of tbe A. M. E. Sunday schools,  by Dr. C. A. Wlngfield. general state superintendent: the Allen Christian Endeavor Lengae, Prof. C. H. Harrold. state presi. dent: and the State Women'* Home ana Foreign Missionary So. ciety, Mrs. .1. A. Fountain,  state superintendent and Mrs. H. Dunn, state president, convenes here. The fact that. Bishop TV. A. Foim. , Ph.D.. D.D., preached the keynote sermon at the l  People's Conuwtional Congress in Washington, D. C, this past week and attended this great gathering of  importance, is due to add considerable interest to     meeting tbis year as he will  echoes from that national gather. ing along with Reve. H. M. Parker  A. L. Brewster who represent* cd the Atlanta Ministers' Union at the D. C. meeting:.. The housing committee reports that a few more homes are  to  the increasing number of ministerial and  -who arc sending in  that they will be in attendance at the state meeting. At 11 o clock, Wednesday morning:, tbe key note sermon of tho convention will be delivered at the Cosmopolitan A. M. E. Church, (Continued on Pa*e 8. CoL 2)                 m (Continued from Page 1) H-v. .1. s. .  tisl..r. bv Kisliop W. A. :iiii. : f which "thi:innn:il c .!          M-rvi.cs will InIwM with Hie lii.. pri- elib-rs : (~     'i:uin-^. Wi'lcunn- t- will held                 Wednesday nii;ht at their Flipper Temple A. M. E. church, the Rev. II. XI. Parker, pastor and chair, mun of the housing committee. "EvauKvlinil" services wilt be held Thursday night at the St. Paul A. M. E. church, Dr. D. T. Bnbcock. pastor, the  J. E. Brown, D.D., of Miicuti, Georgia preaching the . Friday ni^-lit. at the BIk Bethel A.^.M. ll.  on Auburn avenue the liev. W. Scott pastor, Ih8t colorful event lhat attracts considerably  throughout    -Mate ami which brings many   ors to Atlanta,  Groat State Wide choir and Sulo ,     In- slaved. It will be ri tni-mlK-reil how t-x. citing  tv.-nr has been So much so that It li Justly -d the high-    ;ht of tlu- convention. Amons  anil Sunday school choirs  Iaiiil tt, take Part. in this went I arc:  Bi-tbi-1, Atlanta First A. M. E. '.i. Athens: Stcwurd Chap. -1. Mai-on: First church, Komc: Turni-r Chanel, Marietta: Allen t . i.': St. Paul, Val. losta st. Thumus and St. Mark, Thomasrlllc: ami St. Paul P.runswick. St. Phillips,  anil       Broad sri-et. Savannah; St. Phil, lips Monumental. Savannah: First , Mnultrlc: St. Phillips. St. Mark. Flipper '. Allen Ti-m!~U-. Trinity, St. Paul. Cosmopolitan, Turner Monumental and   of Atlanta First A. M: K. I I'liurcb. Austell, Ga. Gaiues Ch:i]~.. 'l he e choirs represent some of tin- best in the state and 11IJ win. may attend this great  will lie  paid for the small admission charge. Tlic  sessions will lip held :it the f!    'ter Morris Brown "M which is the headquarters for the convention. Fiftei-n hundred         -rs and delegates arc expected to be in attendance as well as several visiting  and .il officers. The local churches are  with one. another In preparing for the entertainment of this large, .</t>
  </si>
  <si>
    <t>                                           Plans are about completed for the huge gathering of young and old from all parts of Georgia as the guests of the hospitable Gate City gets ready to entertain the Tri Convention of the A. M. E. church this week.</t>
  </si>
  <si>
    <t>                                           Chicago--(ANP)--Public exercises featured the close of the National Conference of students held here, when Dean William Pickens, addressed an open meeting Sunday, evening at the Y. M. C. A. on the subjects "Youth's Contribution...</t>
  </si>
  <si>
    <t>                                           Reopen Case Of 'Pompano Boys 'in Fla.                 ..I,E. Fla. -Hope loomed brighter today for Florida's four famous Tompann Boys" who were informed that the reopening of their case has been grunted by the Supreme Court of the state and a date for oral argument set at September 11th. The 'Pompano Case' achieved national fame last year when a hasty :~    apparently prn- trial  ihem  in tin- killing ol Hubert      "y, white resident of !*~~nii*   . jin-i n- in ;i death   f.e- a l four boys. The dc'"-i. :r,ai:ih Chambers, Jack I (":.ri!- PBris axl \   . ti-r WVndvrard, were  ntly sent to the death chamber at the state prison In Ralford to await execution. The          interested in the case, and through the instrumentality of that organization some of the foremost legal talent in Amerlca. including n. w  S. D. McGM and -VVilli.-m, Kolin. son was brought into the fi-bi to secure a fairer trial f..r thv lads. A motion for a rehearing n-.-ts Hi. ed a a series of  tilts occurred between attaches of the- lowor court aud the  corps. Tinannouncement   Jiatl been panted the defense to appl.t for a writ of error followed a previous stand of the upper judicial body which had upheld the lower court s conviction. WORLD CARRIERS WILL MEET AT FOUR FRIDAY An ;;  peppy      i.lann.'d for 4:W Friday  i when tlic AtlnnUi Daily World Carriers       will  its  meeting,           I". A. SfcU.           ot the . Some fi- are being  that will nuke this meeting one of the  ever  raRed during the past 7eur and thom*   fail to ntt-nd will mir,~ a real      . In the meantime, the ncw*b iys and runte-nien are working Kurd in an effort to win out- of tho/.c coveted trip* to C'hieagu nml     World's Fair. anu.  the conten:  underway, the contest 1  ( very keen. TtKJiiy.  hoys an?  their  in an effort to bring in 1(10 per cent reporta that will enable them    add          10 their  and to help them forge ahead of their   for tor honor of making this trip. Cuph * are alto to    awarded In thin rum ami i/[c  are appealing to their  to e'~uble them to win. The next report on the standings ot the contestants \vill be made at the  Friday afternoon 'ill the puller Street Y.</t>
  </si>
  <si>
    <t>                                           THREE the many hundreds of colored June high school graduates of the Pittsburgh, Pa. district are then students who are completing their  at the South High School; Ruth Jackson,  ; Whitman Saundera, acad*mic, a member of the senior orchestra and active in extra-curricular activities, and Kathryn Far. academic, who hat been outstanding as a student ot Spanish.</t>
  </si>
  <si>
    <t>                                           The fled Sox will throw aside Southern League competition tomorrow, Sunday and Monday, to give Memphis a glance at the famed 24th infantry club of Fort Benning. The soldiers who have been breezing to easy victories here recently anticipate stiff...</t>
  </si>
  <si>
    <t>                                           Playground Evenrs Listedfor Thursday                 According to Superintendent Bennett nt Washington Park1 everything trill     In  a*  tor tlie annual  day  of the ~- pln.  which will be held tomorrow at tbe WnshliiRlun park.                 Tlio program, which will  at 0:30 in the moraine and  wilt Urt throughout Uie day, will feature athletic . tournament* and game* until 11 :1S a. m, at which time the  program will be In order. From 12:30 until 1:45 a picnic Imieh will lie held, with all   their  pla. directors ou         ut IMS to set  for the track events which start at two. The handicraft exhibit wilt  at three o clock in the pavilion mid will last for an hour. Jinny useful and  articles made with I lie ukc of simple loots, inexpensive, or, for the most part, waste   ns cigar '. Woclj?  ft yood,  cartons,                 slim-    .\es, jurs. cardboard, old  s, spools, and  articles will     mi display. The   will beKin promptly ul four o clock, while, 15  later, the stunt  dunce  wlU tuke place la tlic pavilion. The playgrounds winning tlic  number of points iu   S.  .  ball, :/., . handicraft and the dunces ami stunts nill be given prizes. Judsvs for 1110 handicraft mid folk * will be-WIss Until Hull, teacher of art and handicraft :H tlic Washington high school; Jllsa MnMc, Hall of the Knsllsli department at the  school and  i-tor of the school s Junior dramatic ; Miss Brenday Yanct'J",  graduate of Humptoa Institute: John II. Ucll.  recreation worker, Anjrust Fischer,  of recreation for Atlanta and Falton county. All of the events are free and the public,     ! parents, Is ,</t>
  </si>
  <si>
    <t>                                           According to Superintendent Bennett of Washington Park everything will he in readiness as usual for the annual field day exercises of the colored playground children which will be held tomorrow at the Washington park.</t>
  </si>
  <si>
    <t>                                           Fire and Wreckage Caused by Rioting Convicts                 Burning  of one of the buildings of the Easttrn State penitentiary at Graterford. Pa., following a not in  more than 200.           witb clubs                 and torches too!~ part, are shown at the top. Below is a view of one of the main cell blocks, showing wreckage caused before the rioters were subdued.</t>
  </si>
  <si>
    <t>                                           In the April 30-May 4 issue of Current. Science there appeared a poem written by Dorethea Boston of the 11th grade Dorethea's poem "Siring at Work" won honorable mention out of nearly 250 others sublated....on Thursday, at the regular assembly period...</t>
  </si>
  <si>
    <t>                                           MADAM JOHNSON Medium Palmist and Advisor permanently located at       vate home. 1457 Marietta EJ. Take Inman Yards car.  et off I  on before end of line. I BThls lady arrived I *n your city to do i ;ood for the public by her wonderful  ower of readme he  of one s tfe. by the hand. ?he also fives luc"ty days and  other* have 'ailed we me and be convinced. I am equal to your case. If In need of a Palmist's advice or hep, pay thb lady a visit and be convinced; satisfaction guaranteed. Look for  In front of house, private waU nr and reading room, for both colored and white. Bra. 9 A JU. to 9 P. M. Sunday's too.</t>
  </si>
  <si>
    <t>                                           A  of six of Pittsburgh's colored high school graduates, both June and January of the school term lust ended. Bottom, left to right: Lydla Taylor, Clarence Morton. South Side agent and correspondent (or the { Pittsburgh Criterion; Rachel Cllffin. Top. Manford Sales. Charlc Mae Russell and Daniel Lee.-                 Criterion Staff Photos.</t>
  </si>
  <si>
    <t>                                           .ii..i..tit...n.iy.t....f........w Dr. James Corry, Ex-Army Doctor 16 Years Experience in America and Abroad 7  TVT ST. N. E. (Drivero Fionitofl u4 Asfrvn) I served with both the American and British Armies  the World War holding the rauk of Captain in the Medical Department I find ho many colored people who are  to pay- These I serve tree- Only charge for medicine. Home calk WOO if left at My residence before 7:30 A- M. Te colored people only (Men, Women and ChlWren) I in offering for only $1.00 a week- To those unable to pay Biore- My $25.90 course in Physical Cult arc and Muscle BuiMiag. Office Hoars: 9 A. M. U 8 P. H Of nee: Ma. 6873 Rea.: lu. J087  rras ad oct axd  fok  3ii.-b</t>
  </si>
  <si>
    <t>                                           Managers and players of the various semi-pro clubs of the City League are meeting this evening at 7 o'clock at the Atlanta World to transact more important business pertinent to the affairs of the league. Included in the business of the night will be the formal acceptance into the league of the E. Point Tigers and the assignment of games for the rest of the season to all teams of the loop. There will also be some matter concerning player eligibility and player tranfer and draft to iron out. The...</t>
  </si>
  <si>
    <t>                                           STARRING IN DETROIT                 FLASHING the same form thai carried him the nai Uonal and dixie titles in l!l.'!2 and the dixie title  this summer. John Dendy. brilliant ;; Morehonse junior. I pictured in a characteristic pose, is ranking third in the fast field AX the National Golf Championships at Detroit, which 1 end today. Dendy has a 78. while the leader holds a 71. Wheeler, defending champion and another Atlanta boy. holds fourth place with an S2. Joel Smith. WORLD scribe.  bulletins that all scores are justifiably  because of the' fact lh:V. the holes and markers have been modified to 1 point of .</t>
  </si>
  <si>
    <t>http://search.proquest.com/docview/490432856/</t>
  </si>
  <si>
    <t>                                           PatronizeOur Advertisers</t>
  </si>
  <si>
    <t>                                           m sport sgi WEDNESDAY, MAY 2. 1934 ati.  .TT.7m;^r: -r</t>
  </si>
  <si>
    <t>                                           PATRONIZE OUR ADVERTISERS PATRONIZE OUR ADVERTISERS</t>
  </si>
  <si>
    <t>                                           MADAM ALLEN  Marietta St. N. W. 8T AND LIFE READER This - docs good tor the public By  powers In reading the history of    's life Dy examining the hand. Shu tolls the post .present and future. Also gives advice on all amirs of life, such as love mid family affairs, wills and divorces. Advises on business matters and tells what business you arc best adapted to. Tells about absent friends, whether living or dead. She is different from all other palmists because sh* not only tells of your troubles but points the way out For instance, what good would It to be told you had a rival or enemy in your path unless you were told how to overcome them. Take Marietta St Inman Vard car. Readings private uti strictly confidential. Special for Monday and Tuesday, Lucky Numbers. Satisfaction guaranteed. Look for the Palmist sign.</t>
  </si>
  <si>
    <t>                                           ^~^^55Sn When fall  (W^^SfSrA blow, youf  pom [s5-^-';1^n caJ'')r become clogged V^~ "jT^ with  s.--^^^^    - utcs. Keep your skin clean and yout complexion flawless by using Black and White Qeansing*CreAtn regularly. It penetrates deep down into the poret to remove all dirt and impurities. Ask for Black and White Cleansing Cream. Large can 25 c. Trial size 10c, Your skin, like oth-  9=^^ cr part* of your body, 1^^m3t  nourishment in /j\~y^^\S\ order to be healthy. /// Thero it no better ( "skin food" than \v%UB9   / Black and W*ite ^SWwffi"? Cold Cream, 25c. Trial size 10c 1  4C Tuai in "          .and" 'fC Vumu Gur Lonbirdfl'i Oreh*~tr* '~kt V.         Night. NBC tUe*t*i Oac sees from this most \nn and ; U.iok now far the iwu ^ still are from one another, how little chance  have really to understand each ether. Tli,, "Wave of White Folk" arc sorry ways Indeed. I especially  lite book to the Caucasian reader.</t>
  </si>
  <si>
    <t>                                           AME BISHOP FROWNS UPON FAKING OF TITLES                 FIE TITLES HIT BY AME                  Graces,' 'Divines' Cheapen and Degrade Religion Says Noah Williams                 LAMBASTS EVANGELISTS                 ST. I/H IS. I ASP) Bitterly ; " i- Ididcrs", whom he HJiiil reflected upon true  people unil organ)-1  mill who were bringing the ' of "Bishop" Into ,         Nonh W. WillinitiK nf the African Mcthodlnt Eplxconnl                  men of the type of "" Divlno ami "        " Grace Iwfor* the Quadrennial Convention of the Colored McUioiIIk, Episcopal church bcrc lust week. "I want to Kpenlc of u mutter which Is  to \ MctliodistlNin" mid BiBhop Wlllinms ( Hie  nf hlM     a  delegate from the AMB .       'o Bixht U Title "It Im that of M'lf- "bishops" In non-  .   Christlun ClmrchPM.         lire two Kont'rnl  of Kovemment iln the Chrlut i Inn i.'hurch viz.. The Episcopal Korm nnd TIip Conurpgntional' Form of Oovemmeiit Tlic Komnu Catholic Church, Andlcan or State (Continued on      4. Col. 2) I                 FALSE TITLES (Continued from Paffe 1) Church of Knsliiuil. the Protestnot Eplscnpul C'hurcii,      nil branches of Molhndist KplseopnlInns. have \vh:it is known ns the Episcopal Pnrm of . with nn historical -, directly or Indirectly,  to the.       of ilio Apostles. Ml of these Tvnominnilons   mi .~ .il Rlshnps  -Inoc  determines the ; of a word, no Imllridiuil Ims Hie  to  thi' title, of Bishop unless he   regularly fliM-K'il tn Hint office and !ins licen         :ifi"d or  fn-i*   1ln(r to tho  and ceremonies of :in TTlstorlenl  with the Episcopal Form of f?ov.  rnment. I nm referring specifically    the seif-i5 "bishops"  and Divine. Says Newspapers Shonia DItcrlmtnate When a Bishop of n  His  Church act*  the office. (     hnt      In nil npea and all branches of the Church from the . of Judas down ro the present time). It is looked upon as the Individual act of an individual prelate, ana It is  that the church of which ho is n member has to be afflicted  with such n character in high office; hnt the self-styled '-"  t spurious sects do, by   conduct, nnd tht-ir : with the title of "Wshop- tend lo  the "office" of  and reflect upon all Di'nomlniitloiis n-ith the Kplwopnl Form ot (Joteminent nud in    reflect  on all three Denomination* (~f Xecro Methodist Kjilscopnllnns Hn,i in. d.wt the entire nice. Th,, African Jtcthmlisl Bplscopnllnns,  call "n I lie editors of Xetro na-1 \ws ,,nd respectively   k them, in ihc IniorcBi of th,. Kneo mi,l out uf      .t of Uk-sc (hree church i'.. with the           Form  if BoverniniMit. nut to use the title Blsliup" in connection with pera-ns or , If 11Ot   )llr. Inns  M without nt least  they are connected. Neither     1      COmf"rf *~Pport lo the   of the J.iv.~.v:     -ille ty,* who   c,.             the OlirisiiuQ</t>
  </si>
  <si>
    <t>                                           ST. Louts, -- (ASP)-- Bitterly branding "spurious religious leaders", whom he said reflected upon true christian people and organizations and who were bringing the title of "Bishop" into disrepute, Bishop Nosh W. Williams of the African Methodist Episcopal church...</t>
  </si>
  <si>
    <t>                                           i EJ^r^Jpffifn lit @ 5 V I f Br.wm  i(~  M v^A l^1*** Jp^jr l^ck Oac* ^   ^i^vta XL^Jy      CiinKl. S NP35 GOLDEN \48f</t>
  </si>
  <si>
    <t>http://search.proquest.com/docview/490432971/</t>
  </si>
  <si>
    <t>                                           One of the outstanding, events on the calendar of Bennett. College for Woman is the "Sophomore Week-End", a traditional social activity sponsored by the sophomore class. The Sophomore Week-End for this scholastic year was held April 27, 28, and 29. This...</t>
  </si>
  <si>
    <t>                                           Dr. James Corry, Ex-Army Doctor 16 Yean Experience in America and Abroad Medical Dental Offices Tl IVT ST.. N. B. (Bctwcca Houtofl Mi      I served with both the American and British* Armies during the World War holding the rank of Captain In the Medical Department. I find so many colored people who are unable to pay- These I serve free- Only charge for medicine. Home calls $1.00 if left at my residence before 7:30 A. M. I have a very able dentist with 15 years' expert* ence associated with me. You can have your dental work done and make small weekly payments. Office Hours: A. M. to 8 P. M, Office: Ma. 6873 Bee: Ma. 8087  THU AD OUT AND HSO FOB</t>
  </si>
  <si>
    <t>                                           Forsyth, Georgia. -- () -- Systematic planning of one's own life and abandonment of the costly "trial and error" method of existence is necessary in the highly dynamic and mechanized are Professor Adolphus B. Wright of the Department of...</t>
  </si>
  <si>
    <t>                                           Eager Public Waits Coming of De Priest                 I'vidcnllv  over :hc cn,nof Con^:, Oscar Dc Priesi. only Xeqro -sph'. in t ho United stales -i's-;. in Atlanta ths Satt.Tuny. ss.-oi-c.-i of '.  arc s-nn-.ini; into  headquarters of iht- Atlanta M7 West Humor Strict, asking fur        distinguished ^ to be. Mr. l.ie I'ricst. who is now Servi"s Ilis - term in :hc House uf Representatives from the Stato '  ' Illinois, will speak at i.-ij;lr.  Saturdn.v ni^'lit. May 14 at Hie Biff Bethel A. M. E chu n:, under thP d, ruction or A CM A. Jutal nri:;          ! ol -K) odd s.-clor(.-d -. Th(~ con. KrosMiiiin will present nn addn.-stha; will be highly .-vo i- an       :icc is -led m hear this man uho.i' Jtiiuneh stand on many questions  - Aincricnn eili'/ens of  has w-nn his  '. A ..ljs i- i.f affairs an- bcii-,-,planned n; In, luni-ir.   -.._- ;ix  with        ,-t to -h Ilir .c i-  on Ills? .Murns r.~-r(\-.n campus (!y Itill . ths- ls:i-ti:re. Rcpn-ss-::'- l.- J)i. I'rir-.i u-ill arrive in lli-j '~:y early Sat-ai lay iwi;  j \Va.-,~l.m. I) C :v:uni!i:: ~:lori Iv .-Uli-i- .^h;</t>
  </si>
  <si>
    <t>                                           Local NAACP Branch Plans Outing Soon                 On the afternoon of Auctist nt   the Atlanta Branel, the National Association for the Advancement of Colored People's inviting all of the friends of the Association m join with them 'n picnic         mi the .Morris Brown Campus. It is tin* wish of tho --. I Iliat every one will cum prepared to serve supper at six o clock t  a  board in order That nil may establish n  ~"e.         between the members r.ud  ls of th.~ .. Tile  will furnish free of charge ice tea nnd a plenty of col.i water. Let all  Atlnnta taki" ^o of this spier-'  .v to  itself  and start, a force of real workers f.,r our cause here in ow own . One thing is  the NAACP can t have a \   /^ if the people who   y   s In I          .s n..t throw I themselves behind this r.r-anl/..i j  y being present to help make the rules vole issues up or , in other words lie "11     i. tlic       /.-s of / for il is yours as  as nurs. May we  on ytm now tn .omc and to do something after     Ket there?                 Wifey Takes Bank Account of Ex-Pastor-Hubby; Jailed                 ST. l,oriS. (AXPi- Mrs. Susi.' M. Johnson. vmr       wi(V i.f tin- Ufv. WiiIiit I., .( or Kininck Turk, was   ens  .v n',1 Im-1.1 in Ihc     h;ui In.,.,, ,;  1   ~,,r  of   Circuit .Imlur Miilloy f"r failure lo dcp.isit *l. :i7d with the  n*   - hml unl. . She will rvm:iin in jail mull *~M.  ihf iii'.mcy. Mrs. .ImIihsojj was  Int.i I .-Diirt hist .Inly in, when li.-r !uis. , from  slti* is si  atti  t.i  ;in i.-l inn I ; hrr  -;                 iny -y from a SI'uiT .inl I in :i -.wn Lank. Me  l:i- 1 Icr Ihut     win.  withdrawn-' nil but .~1 of the moni'.v. She  tin- JiulKe .      Ii-hk than $1  li ft.  she      to do Pi'sil with ihi- court hy August a. Vi-                 and  flic hail lust nil or Itii- .v. JuclKc Mulli.y t lien nave her until Saturday     . it In to court. When she    ft, hr -rud h-.r to Jail. The  in what ri- of,      whi.-h il..- It.'v. Mr.    1ii1SOii! '8 his wife took  Mioir I humc when    - Ic-ri him.</t>
  </si>
  <si>
    <t>                                           j PAGE TWO ATLANTA DAILY WORLD, ATLANTA, GA. v MONDAY, AUGUST 13, 1934</t>
  </si>
  <si>
    <t>                                           "I've Searched the World j Fora GirlJustLike You"                 Victor Mc-I-Tlen. as a roistering stoker, fresh from the hold of a Chinrf steamer, tells of his ardent feeling for  he most beautiful of the Itarbnry Coast . Dorothy Dell, while Alison SUimvorth. as the wise old saloon-keeper, looks on. It is a scene from I'aramomifs stirring ro- I  of San Francisco's  waterfront. "Wharf Anfrel" on the screen of the Eighty-One theatre. Sunday. Monday and Tuesday.</t>
  </si>
  <si>
    <t>                                           After this pleasant feeling crime over me as the result of an unexpected meeting and conversation with a friend, there came into my happy life, by an incident as strange as the first, another friend from South Georgia. He is, by faith and training, a Baptist minister.</t>
  </si>
  <si>
    <t>                                           At high noon Tuesday, August 28. Miss Oliver Lee Dilworth, beautiful daughter of Mr. and Mrs. G. H. Towns a Suffolk, Va., and popular Virginia State co-ed, became the bride of Dr. Edward Glass Trigg, Chief Veterinarian and Bacteriologist of Virginia...</t>
  </si>
  <si>
    <t>                                           For Backache, Kidney And Bladder Trouble Stop Getting Up Nights Here's ore Kood way to     *h harmful waste from kidneys and stop bladder irritation that citen causes scanty, burning and smarting *- Aflk your (.jit for l". i hj\ of OoM         Oil iV;:-uU-B    ni  diuretic iuk! Hlliriul.ini for  kll:n-~H and ir: it..n d (1 t.  KiV.llr.c- up r.ik Mn. -.~:m9  of k:itr,    tru;   - ;i:v liu . puffy U-c r.imp.M. .uu)  . b:it U- mii- i.t:.l -1 "JO1.D - !   the k l-- :mc for  kidney. i. t.^tii fri-t:i Hruiri^nt In Hollfind. WBF^WM LIFt 9URE IS 1 ^H y-%fi               ^Bt I POUND THIS Ipl^ NEW WAY TO ^v "You men who havo never  with Magic Shaving Powder can l realize how nice It Is not be both, ered with a razor and . Junt moisten ft little Magic Shaving Powder and smooth It on your face 'Wine It off and your face In perfectly shave]! Bumpj and  will go. too, became Magic Shavliyr Powder In . A 35c box will  a long time." At drugstores or direct from Music Shaving Powder Co. Dffpt. 14. Savannah. Oa "BLACK-DRAUGHT SUCH A GOOD LAXATIVE" "I have found Thedf ord s Black-Draught very quick to relieve constipation and the disagreeable feeling caused by that condition," writes Miss Oladys L Bailey. 1220 Clay St., Paducah, Ky, whose picture Is printed above. "I was feeling dull, tired and sluggish something unusual for me. A friend told me that most likely I was bilious, and told me to try BlackDraught. I am glad Indeed that I did. for I was much ^ relieved, and from then  until now I am glad to        ? recommend such a good ^c=     laxative." '  ^Sfl! For constipation, bill-  SjSjS[ , and troubles JM^lJ/ where a medicine to loosen the bowels Is needed take          's Black-Draught. Sold at stores In 25-cent packages.</t>
  </si>
  <si>
    <t>                                           I MARKET DATA )"0K 'Tltl'KSDAV. MAY X. Stork Salci 1.133,0'JO i l N. V. I'urh Sales '200,000 Total  Sales llO.t4V. I</t>
  </si>
  <si>
    <t>                                           Wman ^j ^^Y NEGRo -daily"  ti?e world KoIT I ON , 7, MJ.MRhR 7- ATLANTA, GA., . .MAY II, 1~.i:m ._._-.^_n-: = *j^=* M IMMC?,1 IPH'i.'1 /'l/M'i-o</t>
  </si>
  <si>
    <t>                                           NKvn, X\l L5"flN=l^  ^RSiWfe/l\Ll/ Smrffiiffl CO-  ONLY NEGRO DAILY NEWSPAPER IN THE WORLD M^ 41 fM VOLUME 7, NUMBER 193 ATLANTA, GA., MONDAY, SEPT. 10, 1934 PRICE FIVE CENTS</t>
  </si>
  <si>
    <t>                                           YWCA Drive For Members Opens Today                 Fnllowlnj; nn initial g.a tn.- of women Intcrcsl.vl in     work tin- Y. w. C. A. at the Phyliss  Itrancli of thi- Yoiinc Women1* Christian Association .Miir.d^iy evening,',  wan made that thi-  l mcn,I'l-p-hip drive of  organization                 v, ill start this . I Dr. Georgia Dwclle has been nrmi il general  of this effort which will  ml over a  of three week. One thousand members will he th.. go:   for  tlie 1934  and a group \of 5 captains "ill b.- in charge of I th(.  work of the drive. The first meeting of th.' captains will li'1 hold  Wednesday nii:ht. May 23, ut the branch 'in,~ all women interested in the Y. W. C. A. ar.~ asked to be present. Aoconline to Mrs. Lula Weeilen, i-"' secretary of the branch, there are two  c.f  s open, the Girl Resetres in-  those : in oko from i 12 to 18 years while ttv senior division has 18 years us its  agr requirement. Miss . Rei.'d ha.s  chosen as secretary of the drive - other appointments will be I  luter. Th.' Y. \V. C. A. is not^l for iU all around program Rnionc -tri il , business women, the Girl Reserves program in the schools of the i-ity. its health     )''ms, anil its many , ruli^'lous, '-ivic            '.~.</t>
  </si>
  <si>
    <t>                                           Following an initial get together of women interested in the work of the Y. W. C. A. at the Phyliss Wheatley Branch of the Young Women's Christian Association Monday evening, announcement was made that the annual membership drive of this organization...</t>
  </si>
  <si>
    <t>                                           NATIONAL LEADER VISITS CHURCH OF CHRIST                 Dr. 0. D. Henry. Cleveland. 0.  known evangelist aDd  .r of      -Truth magazine" published by the national publish,  board of the Churches of  Holiness, has  a series of sermons at the Beulab Chu:ch of Christ  Holim.~ .i..-ir...                 oast week as well as at the Bethlehem Church of God Holiicos, which church is the scene of  ht- national convention of that denomination. Dr. Henry was  to t]ie National Church of Christ Holiii-sa USA  Is In session at Jackson, Mixs. and which was - by Bishop C. P. Jones, O.D., L.L.D.. presiding: by first ;is:steil by BishO), J. L. I Conic, of he -rn diocese. K!dcr S. Anderson, pastor uf he local church, is at present  the meeting, and is  d to return within a . While hero. Dr. Henry  thr  of Deacon A. Haukr vho is recuperating now and on he road to . "The church has one aim and me mind  One thought that all nen. every where  repent and come to Christ and be saved lorn tlv ^ .of God in that  day of ." Elder  states." and we are  with the help of the   to hold up thc blood stained  for</t>
  </si>
  <si>
    <t>                                           Dr. O. D. Henry, Cleveland. O. nationally known evangelist and editor of the "Truth magazine" published by the national publishing board of the Churches of Christ Holiness, has preached a tries of sermons at the Beulah Church of Christ Holiness...</t>
  </si>
  <si>
    <t>                                           v.iwib, MAMMOTH INTERDENOMINATIONAL SINGING CONTEST Under the auspices of the Atlanta Sunday School Association CITY AUDITORIUM TUESDAY NIGHT JUNE 5, 1934, 8 O CLOCK Atlanta's Leading Talented Singers And Musicians Will Entertain You With An Evening of Song. PARTICIPANTS ALLEN TEMPLE A. M. E. ^B^^HBW^^^M?^liJ^SjB'k 5" r FRIENDSHIP BAPTIST EBE1NEZER BAP1IST ^^^^^^I^^^^^H^^^lS@^HfP WHEAT STREET BAPTIST ome: of contesting choruses GRAND PRIZE: HOLLOWAY SILVER LOVING CUP Admission. Arena 25c Dress Circle ISC Balcony IOC 7TTTtTTTTTTTTfV*       ?      *                           'r Q THIS AD SPONSORED AND CONTRIBUTED BY: ALLEN TEMPLE SUNDAY SCHOOL EDGEWOOD POULTRY HOUSE HOUSE OF MURPHY PRINTING  COMMITTEE OF THE ATLANTA EBENEZER SUNDAY SCHOOL I KELLY S STUDIO SUNDAY SCHOOL ASSOCIATION FLANAGAN-RILEY SERVICE STATION I I  BROS'  CLUB i BAILErS- THEATRES FOREMOST DAIRIES I LAMt MN BROS 1  CLUB H l cONLEY W. H. Ham, Representative MITCHELL S  PIT CENTRAL M. E. SUNDAY SCHOOL FRIENDSHIP SUNDAY SCHOOL I MT. OLIVE SUNDAY SCHOOL COX BROS'  HO- FULLER S SMOKE HOUSE W.M.MURRAY Mnn HOOPERS CRYSTAL MARKET NATIONAL FUNERAL HOME DOD8ON-S SERVICE STATION =iV? HANLEY CO. I NORTH CAROLINA MUTUAL LIFE INS. CO. J. W. DOBBS VI HAUGABROOK S FUNERAL HOME PETE  ECONOMY DELICATESSEN MRS. GENEVA  WHEAT STREET SUNDAY SCHOOL</t>
  </si>
  <si>
    <t>                                           Met last Monday night at ... Bell St., N. E. their new club room with the President presiding. We had a very interesting directing. Arrangements were rehearsal with Mr. L. P. Wright completed for the Dobate which is being given at Big Bethel...</t>
  </si>
  <si>
    <t>                                           The Atlanta Athletics, displayed their best form of the season behind the dazzling pitching of Lefty Reid, their seventeen car old southpaw who limited Kansas City to seven safeties while striking out eight men, succumbed to the Monarchs in a heart-breaking game, 4-3, It was an outrage on human justice that the Stone Mountain schoolboy, after his herculean exhibition of guts and nerve in staying the powerful bats of the World Champions for nine frames, should drop the hall game...</t>
  </si>
  <si>
    <t>                                           How It Happened!                 Thla , in movie fashion,         the highlights in the hip crap in New York City which ended with Max Baer ruling the heavyweight  a* champion, idler defeating Primo Carncra in the  round.                 etna</t>
  </si>
  <si>
    <t>                                           Many Women Helped Thousands and thousands of  have sold that CARDUI helped iem to overcome much useless differing at monthly periods, and that ay continued use of Cardul their  entirely disappeared. So if you have severe pains, , nervousness every month, thy not find out, by trying it, whether Cardul win help you? It bas helped so many! Cardul Is harmless for women of [v lN(]~~~ mothers ha FOR WOMEN   *~2  m their reaching womanhood. Of course. If Cardul does not bene.3t YOU, consult a physician. Sold In *1 bottles, at  store..</t>
  </si>
  <si>
    <t>                                           TEN*. SOLON AIDS CAFE FIGHT                 Rep. Taylor Only Southern Congrcssuiiui Voting for Del'rii.'sl Resolution                 NORTH, WEST FOR IT                 ]\'ASI!!NGTON'- (ANT) No  ; iho 2:'.7 . d In  of  Kosoliitlnn No. tl lft, -ly known ns tlio IV. -sl. Kosoliillrni. hist Wwlnonday"         sn - ns that nfi  Will Taylor of Ten-' . I                 Kyept for the vole of Mr. Tny. cvi ry southern -mnn voted; In  . the Nemi Is an In. I   n  not entitled to (li(. same i-Ik'IiIs nml  . it citizens my iin,~  for. i i:*      for IIii' vole of Mr. Tuy-I lor nil the fitter voles in support of. the theory- that ihe federal govern.!  hits no rl;;   to discriminate   class of  iw.  from  :ind  -s. Dclmtft on the lVI  . lion w:is  kril, :il!         m:i"y ~*~Mi^ had .^. io 4(~i  fur nml jiu  tli,~ bill. Promlncnj :        who  ini  hi'  lr  In f. of Ilic  In The UtHYird won' t nni;ri Ssin:           or Calirornin. whn hns introduced iho Costl^:          hill In the IltHiSf, ;ni(l Congressman li:lv: mill r. of Now York. Most prominent  those whn  to siK':ik In opposition \V:         .".Cochrnnoof Mmsouri.  after the Del'rlosl   . n I'Mnrldii      . he Introduced H hill to .. I Mi the House . -ii hus iK on the  of nil the  Ini'iinsi- nf ; Ncgroos. 'J'hf KlorlillHii (Vainiod Unit he Inlroiliii'oil the hill          lots of people claimed l.' re.  Ihclr           .        he did not wish to eat with. Necroos. Itep. (VCnniior of New York  ! the vole 011 the hill to prove t tin l the Del'riest petition I was without effect  out - thai deprived if. of      . lint  t is  iint lhat the  rules I'ommltleo failed     url. until Mr. IVi'ricst lm,! oh.    S to      petition for the ostensible  of ^lnp ihe    of his resolution.</t>
  </si>
  <si>
    <t>                                           TASIUNGTON--(ANP) -- No name among the 237 Registered in support of House Resolution No. 236, popularly known as the De- Priest Resolution last wednesday, shone quite so brightly as that of Congressman Will Taylor of Tennessee.</t>
  </si>
  <si>
    <t>                                           LOS ANGELES (WS)--Terrible death--a narcotic death--was the hand dealt Lillian Brown here last Thursday. She was an actress, so the police report read and that life which has for its main purpose the delight of others ost another member when she took the...</t>
  </si>
  <si>
    <t>                                           ORANGEBURG, S. C.-- The Thirty-ninth Annual session South Carolina State Agricultural and Mechanical College begins September 17th according to a preliminary announcement by... President Miller F. Whittaker, who now is entering his third year and is...</t>
  </si>
  <si>
    <t>                                           The first annual ... matches sponsored by the Lincoln Country Club to determine who will officially repre-out the club in the National Open Golf Tournament were postponed last Sunday on account of thundershowes and will be held this weekend.</t>
  </si>
  <si>
    <t>                                           FROZEN "P^ZS^ft STRAWBERRY ^ SHORT CAKE AMOS DRUG STORE Ma. 6122 Ma. 6123 Bailey's ROYAL LAST TIMES TODAY GEORGE *f RAFlJp Bailey's 81 Theatre Today- Tomorrow- BILL "Bojangles ROBINSON uH^ IS HEAVEN" ALL COLORED CAST With COTTON  rn\S. CITA8E      "'</t>
  </si>
  <si>
    <t>                                           MADAM ALLEN Character Reader and Adviser Lucky Numbers and Days.  1033 Marietta St. N. W. This lady has used wonderful Sift  childhood. She has  and helped thousands of  3n every walk of life. She can *elp YOU no matter woo or  yon are. No matter what your hope fear or trouble Is,  to this great woman and nave your mind put at ease. Tells how to have (success In business .love, marriage, and speculation* of all kinds. HOURS: 8410 A. M. to 9:00 P.M. Take Marietta and Inman Yards car. get off at Tent above Plow factory. This delicious cheese, food is DIGESTIBLE AS MILK ITSELF! ^^^bv TTidden in WIwUiV  wild Oioddar QjerM     *~- arr h           of many . It** u- for . Sm'i Kraft VVjIve^u- in MncJwicliw, in cooked dish** o/fn/</t>
  </si>
  <si>
    <t>                                           CHIFFON PRICKS AN2 KiCE PEACHTREE ~%% HOSIERY SHOPPE 12 Peachtree Street, N. E. M* Between 5 Points and Entrance to Arcade 2x SIZES 1 8 to .</t>
  </si>
  <si>
    <t>                                           IfPSPORrqKl^</t>
  </si>
  <si>
    <t>                                           Jimmie Dunlap is dead. That much is certain; it is amply evidenced by the stiff, cold corpse lying on a slab in the Wynne udertaking parlor--the only evidence left a what last week was a dapper, gav twenty-seven-year-old lad. A dark-purple hole just under the right lung mutely tells the method of his passing.</t>
  </si>
  <si>
    <t>                                           TAKE LEADS                 Eilna Thomas  plays tlie feuding   in '\Slcve- ," the. startling Theatre Guild's dram;i on race passions now play- ing at the Civic Iti  theatre. N'riv ork. In the lower photo Is .lack C'nrtcr. who has the male lead in tlie same drama.</t>
  </si>
  <si>
    <t>                                           .JFalr today wlth_ temperature' extremes near 70 ind 86 den-ees. i t . jr. ^TT' 1</t>
  </si>
  <si>
    <t>                                           NEW DISCOVERY ENDS GRAY HAIR IN 14 MINUTES OR YOUR MONEY IS RETURNED Do you sulfur tho embarrassment at gray, streaked hair? Have hot Irons ruined your hair s color and kept you from  tho good things of life? If so,' you need suffer no longer. Lady Lennox Hair Coloring, the  new discovery that Is being hailed with groat Joy everywhere, will turn streaked gray hair Into beautiful soft lustrous, coal-black hair In 14 minutes. It is easy to use, no fuss moss, stickiness and no dj-ed look. Does not wash off and lasts 6 ox 7 months.. Send $1.00 (stamps, currency or P. money order) today to Lady Lennox Co., 5401 -B Dewey Avenue. St. Louts. Missouri, for bw, double bottle treatment. It you re not satisfied with results, return the bodies and  will be refunded. Write today as this offer    Knitted. PERMANENTLY LOCATED MADAM MINGY THE WOMAN WHO KNOWS Palmist and Ufa Reader Tells pant, present and future dive* advice  a all attain of life. Love, Muriate ana Speculation* uf MM all kind*. Don't  I to ft this  Paltnlit, Polnta the WaSM j w.ty of all  tiRU anil allow* /pa bow to  ene-      . Madam Muijfy fiat   aad ana tin help you. 1- I. DAYS AND 4.TICKY  I HatUfMtloa Ouaraniord Office noun: 9 a. m. iu 0 p UU McDonoufli  (Arrow from Ftdentl Prison) SPECIAL BEAD1NG8- 5   Take Federal Prison cur to end of lino. Look for Name uit Situ, j        Mlnfy Make* No Horn*   .!   I Not In Tent.</t>
  </si>
  <si>
    <t>                                           gy^^ Wool or Wash Suit Delivery Service QiALTTV CLEANERS        7C9 XV. Hunter. Cor. Chestnut  Ja. T1S3 BETHUNE WHISENANT SHOE REBUILDERS We Recommend Vulcanized Soles. Prices are no higher than the old method. Best Shoe Cleaners 41 Peachtree "in the City</t>
  </si>
  <si>
    <t>                                           Scout Camp 'Open House' I s Thursday                 Thursday will be "open bouse" anil " Uuy" ut the Colored District Uoy Scout ol America . M*1 4x)..ou 4UcijUiuk-y Furm, according to' word  tu Scounnasier E. J. UouPcr from the tump  Tuoudny .                 pearly -10 boys, member* of the colored troop* of the Atlanta Council B. S. A. arc iu camp uud, according to all reports, ; ill highly enjoyable (line,  is the I first t!me that the  troop uf the Atlauta  has bad u district vamp unU the Uanley Farm is being  as the ideal  fur u week of out uf doors scout activities. A. J. Taylor, New York Clly, Negro member or the Nutioual Buy Scout Cuucll, is In charge ot the camp, lie Is being assisted by Scoutmasters A. J. Lewis ill and Charles Ureenlea. Dr. 11. It,       , Jr.,  of the  district committee gave all of the boys a thorough physical  und u]l u( the campers are  to b eiu  condition. Thursday , u Kigu will bo placed at the entrance of llie camp lor the guidance of the muny visitors who are expected ut tbat time. A special series of events Is being  for the "compau}" and those taking  of " duy" arc slated to have an Interesting' time. The following  has  suggested tu AtlunUiua making this motor trip- any street in town leading to Moruland avenue, S. E., out Jlorelaud to Flat Shoals roud, where a left turu Is to bo made,  Flat Sliuiils tu the Uulf     station at the Furk of the roud, turu left to , right at (ConUnuod on rap CoL 'J.                 SCOUT (Continued from Page 1) Punthersrille  n  moll wood  where ulen will point the wny fo thu  at Hanley Fiirm. The  will return to the city sometime Sunday .</t>
  </si>
  <si>
    <t>                                           Thursday will be "open house" and "visiting day" at the Colored District Boy Scout of America camp which is located on the Hanley Farm, according to word relayed to Scoutmaster E. J. Hooper from the camp late Tuesday evening.</t>
  </si>
  <si>
    <t>                                           WHEN one speaks of Auburn avenue, the center of Negro activity in Atlanta, quite naturally the next thought is of the drug store on the corner of Auburn and Butler streets, a monument to the progress of Negroes in the city.</t>
  </si>
  <si>
    <t>                                           Accused Church Worker and Slain Priest                 Dominick Mttrra (extreme left),  handyman, shown as he wus questioned by .Jersey City police  ir. slaying of I'ather Julius Most'iiti  n^)il). rector of the Konian Catholic Church of Our l.ady of                 Mount Cnrmol. The priest was shot to death when    went to the aid of his sister-in-law, Mrs. Angelina Mnscati (also shot),  altercation between ber and Marra_  for carpenter work.</t>
  </si>
  <si>
    <t>                                           a^^^^^^^^   ^~~L- .^#'~"   ~+**~^L^^^^i^^sV^r^ m rN. ^^.j^"**"*"*^^ TRIAL To look sm*rt end stylish* #~n *  is not enough. Your powder, alto, muse be correct must flatter the charm of your -complexion. Soft, "smooch and fine as silk. Black and White Complexion Powder brings out all the beauty of your skin. For it blends magically and clings lastingly. And adds the appeal of its irresistible fragrance to your person. Choose your tine from White, Flesh, Pink, Brunette, High Brown and Nut Brown. Large box, 25c You can t buy better, so why pay more? Trial size, 10c. IH Tunt in "Lombardo-Lind** 4t Featuring Guy VLonbirdo't      *cra Ewv           Night. NBC</t>
  </si>
  <si>
    <t>                                           Met Sunday night, August 7, at the home of Mr. J. B. Johnson of 328 Drummond street, with the president presiding. The club was called to order at the usual court. Brief talks were made by all of the members concerning the President Union Club and the contest...</t>
  </si>
  <si>
    <t>                                           WITH the sultry dixie sun blazing down on the Gate City many of the well known members of the local social realm are giving the old burg the wink for other places. Among those now away enjoying the courtesies of other places are Misses Ruth and Martha Singleton, who have left the city for Washington and New York where they will spend two weeks or more ...Miss Mary L. Blackston, a charming young graduate of Atlanta University is now a gay visitor at the World's Fair in...</t>
  </si>
  <si>
    <t>                                           CHICAGO -- (ANP) -- Calvin C. Bailey, youthful artist, who enjoyed the distinction last summer of being the only colored artist engaged at Greenwich Village, ill set his easel up at that World's Fair concession in A Century of Progress again this summer.</t>
  </si>
  <si>
    <t>                                           FRIDAY, AUGUST 10, 1834 ATLANTA DAILY WORLD, ATLANTA, GA. l AGE THRElfi</t>
  </si>
  <si>
    <t>                                           Tuskegee Institute--"See Tuskegee before you die or you will shorten your life" declared Henry Damon Davidson, sixty year old graduate in his commencement address at the graduating exercises of the session of Tuskegee Institute. Mr. Davidson...</t>
  </si>
  <si>
    <t>                                           A. T. Heels Morgan Eleven, Oct. 5                  Aggie Linemen Who are Expected to Meet Morgan ^^                 Seven Aggie Mules and a wind back who arc expected to be among the first   Coach Ercaux sends against the Morgan College Bears In the Stadium on Friday night, October 5, 1934. They axe. (Reading from left to right): Thomas, Burgess, Ward. Captain Kennedy Center. Shule. Marable. Burden (Wing Back) and Burnett.</t>
  </si>
  <si>
    <t>                                           NEGRO DEPUTY1 APPOINTED BY P. J. MC CARTHY                 CINPnWATI, Ohio, Mny 31-                 Pct(~r J. toi-.t. County Clerk who      from  uny Negroni In       has   ami nnr. Frldny what ho  appointed MelehpiUdOR C. Clark, MM          a a  In I he Munlriiw! i-- .      move linn   po]         as McCarthy has never  to appoint a      . for nny Job  * he would  lo In his prn- *. Mr. Clnrkc la n Demorretir work er who haa worked unobtrusively for  In the    It Is  its led he did work for Frank A. B. Hall iii his recent nice for re-election. Democrats  this Is a move of McCarthy'! to regain the             of voters, hut  to , it    too lute for McCarthy! to  now. "lip would Jmve to do  alt  to Jimtify  with   ,"      one local! .</t>
  </si>
  <si>
    <t>                                           Met with Rev. and Mrs. Collier. Business was carried out briefly. A short program was rendered.</t>
  </si>
  <si>
    <t>                                           CAPT. McHENRY VERY ILL REPORTS STATE                 Oaptnln .TiiHchou McHenry.     nf the pioneer /nw nf Atlanta  - of the         ci IonM writer*      sjM  In  section Is  HI lit the 1  t Ills  l:-r ill 17li Kori . Ills condition, aci^ to   :       : tlie  or tin.- Atlnntii Dully World, is ^      *~I.T *;il. Mr. MoIU'tiry. whose contributions to th,.  Ailiintn Inilcppnlont won for  u - circle or  ncls, ban been ; a column "Bci'U A Llstvaln'" lur the Atlunta Dully World for rami;  hut, during tho       fow duys. his articles . fulled to appear.</t>
  </si>
  <si>
    <t>                                           Baseball Summary SOUTHERN LEAGUE The Standings Clubs \V. I.. I'd. New Orleans ft S JyiS Memphis 1! It .571 Chattanooga (i 5 .S-tS  ai fi 7 .033 Nashville U . AllnnUi    .455 Knoxvillc 5 I! .3115 Little I Jock 5    .357 Yesterday's Results Little. Bock fi. Chattanooga -1 Memphis G. Knoxvule 4 AtkmUi 4. New Orleans ."i Nashville U. Birmingham 9 Today's Gutties Atlanta at New Orleans Little Rock at ChatlaTiooKa Nashvill" at Birmingham Memphis at Kn6  LEAGUE I Hie Standings 1 Clubs \V. L. I'ct. New York 8 4 ,ti67 Detroit 7 4 .03U Cleveland 6  Boston (i B .500 Washington C 7 AtX St. Louis .4 C .-400 Philadelphia 5 8 .:i"o Chirauo 4 7 .Ml Yesterday's Results Cleveland 12, Chicago 1 Detro'it 5. St. Louis 4 New York 10, Washington 5 Boston 7. Philadelphia 2 Today's Games Now S'ork at Washington I PhiladelpTua at Boston St. Louis at Detroit Clevelrind at Chicago NATIONAL. LEAGUE The Standings Clubs \V. I/. l"~t. Chicago 10 3 7UI) New York y 3 .750 Pittsburgh 6 5 .545 Boton fi 0 .500 Brooklyn    7 .417 St. Luuis a 7 .117 Philadelpliia 4 II .Xlli Cincinnati 3 S. .2  0 1 Yesterday's Result!) New York 10. Bl- 9 Philadelphia 11 Boston (i Pitt.- 4. Chicago 1 St. Louis 3, Cincinnati i (11 .i</t>
  </si>
  <si>
    <t>                                           SUNDAY SPECIAL j Half-Fried Chicken with three vegetables I Drink and Dessert 33c I ECONOMY I DELICATESSEN 233 Auburn Ave.</t>
  </si>
  <si>
    <t>                                           MARKET DATA Tursilay. May K. \'Ji\ 1'ut.i! New York Stock exchange Safes. 1.9I8.I1V shares. I'nlal New York Curb KvrhailKC Sales S5..00II J'otnl N'cm- Vnrk Stork K\;r Bond Sales. S12.U13.UIH)</t>
  </si>
  <si>
    <t>                                           "Fair today with little change In temperature, extremes near 65 and 85 degrees. j George W. Mindltau . State* MetwroUBlsV</t>
  </si>
  <si>
    <t>                                           Dr. James Corry, Ex-Army Doctor 16 Years Experience in America and Abroad Medical Dental Offices At Last You Can Now Have The Very Best of Dental Work and Make Small Weekly Payments. I Have Associated With Me A Very .Competent Licensed Dentist With Many Years of Experience Dr. E. H. Hawkins, Dentist Office Hoors: 9 A. M. 8 P. M, Office: Ma. 6873 Res.: Mm. 3087 CUT THIS AD OCT AND KEEP TOM   75 IVY ST.. N. E, (Between Houston and Anbnn)</t>
  </si>
  <si>
    <t>                                           WAKE UP. YOUR LIVER BILEt                  And You'll Jump Out of Bed in the Morning Ruin' to Go D roe /Ml mw     tank ~$ tb*   punk,   't  t lot of ulta, . and w%Ut,     *  ot  rum  n4     th*m  pm*   7    (ld*nly rw**^ tad Woy^at *a4 full ol  Fot      out do It. Tbtr only    # tht ^  od_i *  down t  t th* . Tm mi oa (or  down-~nd-oui (lini U      . It ahould pour out two ( of UijuM     Into your  dally. n thb  Is no*     *lT,  food doMa t  It Juit d*  7  la thi      , On blon* up your  . Ycj h*** , b*~S tuU *.n4 Tour        U foul.      *    3wa out in . Your hwj  tod you      dova and out. Your whoi*        U .         tho*t , otd CARTER S   PILLS to            4 Douo4  of      flowing  nd  you ImI **up and np." Tbty   , *           itr*ct#,       It  to      btl* flow fr**)?, *. AiVfor C*rt*r'( UttI* Ll*~r TflU.       for thi *       '~ lini*     Ptll* ta th* rid Ub-1.   5nt ri^~     .             (WL OlPUCM.C*.</t>
  </si>
  <si>
    <t>                                           LEAD IN BETHEL' DRIVE CHANGES ONCE MORE i                 Cainine !iy leaps ana Imnnds in Hit-     $lii,(HKi li.-tlH l drive.    . timi 15 under Mrs. Viola Sutton anil S S. Abnims, jumped  a     - lead  Section A. load     Prof. C. L. Harper anil Miss Rvlivccii Dickvr.son in the reporting Monilny . Division 1 of Sv                 non !m;t,lMl hy .Mrs. N'cljie i I);ivis reported the  amount I for any division ; tlm . :  ot into tin-  for rue grand prize offered tile ! Division Leader. JBs-i I.. Djcr of Division 3,  A Is now  for flip total r.!  any division, hut both Division led   .v Mrs. Duvis :ind 0, under Miss Kuwnia . :irc behind. -Mr.Alir.iins and Mrs. Siatou were I ri-LTOwned king and  inw;n. Amons (In- events  for) the  week arc  i  carnival on Ilillinrfl           Aiihnrn ami Easowexxl j :      . Iii!         Weilniwday  and lasting  Saturday . Many attractions : a   and              will I lie , ano  will lip in- .l,. ^mnI     ~':tt. This I  Is beins sponsored  Sec-! lion A. with Miss ItelK-usi Dick- 1 iTson directing. On Wednesday    -ction B. is  a lawn party mid yard carnival, under Mrs. ' Davis, director  Imrlvcw. . cold  and punch will make \\\i the lm-mi. Tbore will       Ik'  tiu iits and mush-.</t>
  </si>
  <si>
    <t>                                           Gaining by leaps and bounds in the big $10,000 Bethel drive, section B under Mrs. Viola Sutton and S S. Abrams, jumped into a subtantial lead over Section A. lead by Prof. C. L. Harper and Miss Rebecca Dickerson in the reporting Monday night. Division 1 of...</t>
  </si>
  <si>
    <t>                                           Burglar Slain as He Enters House                 Slain us he attempted to break into the  of Mrs. Sallic Lou I Anderson, the body of a man Idcn- j  as being Ernest Cook, of an j E street address, wc.i lying in the Crady hospital  last night. I                 UCKalb county police were hold- in-4 Willie Rogers Griffiths, of 1286 i DcKalb Mrs. Anderson's brother, j without bond.  preliminary j hearing on a murder charge. According to witnesses Cook was) attempting to force open the door  f Mrs. Anderson's residence at I 1454 Watson street. northeast, j which is in the city of Atlanta but DcKaJb county, when Griffiths I chanced to walk up and inter- 1 . i Cook. witnesses told police, seized "Jack" Mrs. Anderson's dog and hurled it in Griffith's face be- j fore the latter opened a switch- blade knife and plunged it into the I left side of the alleged burglar s chest. I Cook died ten minutes after he' was admitted to the emergency J clinic of Grady hospital where doc- 1 tors discovered that the blade ofj the knife had penetrated his heart, region. I Griffiths was arrested by Officer] JL-T-Jfcrtyr-ot- Oie-DeKaHr county police, shortly after the slaying. Mrs. Anderson declared that  had never seen Cook before. Polio, late Wednesday night were seeking Willie Johnhson in connection with      theft of SlOli                 which had been concealed in a da- venette at thc home of his cousin. Mrs. Tiny Kclly.of 705 Ira street. Mrs. Kelly told officers that  Johnson was enroute to i the home of his mother. Mrs. Alma I Sawyer at Conycns. Ga. She said i that she had not missed thc money j until alter her  had visited j the house. .lonas Cooper, of 107 Parson St. j and Henry Hunnicutt. of. 262 Dora j street were being held on suspi- cion by police Wednesday after j they had been found in possession of two cartons of writing tablets. Each of the cartons, according to  reports, contained 144 tab- 1 lets. j Radio Patrolmen Brice and i CartriRht who arrested the pair. said that they were unable to give j a satisfactory explanation as to how they Rot thc tablets. Cooper claimed, thc officers said. that he worked for thc Southland Tablet company, with offices at 141 i Ma"Rum street, southwest. I Tho two men were captured as j they were walking down Walker j street near Stonewall street I Suspected of being one of two I burglars who entered the Myers- Dickson furniture ...company, - i "ral days aao. GcorEe Ellis better known as "Swcetmilk'' was arrested Wcdriesdsv by Radio Patrol- j men R. V. Paschal and W. F. Jones. Ellis cave his address as rear 363 Whitehall street, south- i west j</t>
  </si>
  <si>
    <t>                                           Slain as he attempted to break into the home of Mrs. Sallie Lou Anderson the body of a man identified as being Ernest Cook, of an E street address, was lying in the Grady hospital morgue last night.</t>
  </si>
  <si>
    <t>                                           ELKS EDUCATION LEADER LEAVES FORN.C.                 R. E. Pharrow. Regional Dine. tor of the Elk's Education Committee, mi to leive Atlanta early this morning for Columbia, S. C whore he will reinstate a lodge of his fraternal organization before continuing on to Orangeburg where the Eighth Annual Regional oratorical contest will be hold In the State College' auditorium Friday evening. Judge W. C. Tuciton, Comrata.  of Education, who is to arrive In Columbia Thursday and motor with a delegation ot S. C. : under- the leadership ot Mr. Phartow, will be guest speaker at the contest From reservations already made, the largest crowd in the history of the work will b* present  shoots    New Orleans. ).         _ . Iff year old girl. 1717 Thalin street, was shot and wounded In the left temple, a* she was standing on a   balcony at her home           morning, by Nettie Car. son, 28 years old, who was standIng on her own gallery across the  a, 1720 Thalia street     4e,i girl win taken to the Chnrlty  and  tat a minor wound ot the left . Her assailant waj arrested.                 JOSHUA  By I. r. IqfMMi If   a only      , thra itr... b*u mutt bare Ttty      .</t>
  </si>
  <si>
    <t>                                           M. T. W.--Will this fellow ever marry me or is he using sue as a tool?</t>
  </si>
  <si>
    <t>                                           Society Girl Lightens Skin Three Shades Discovers -acting bleach Slu- had thought her durk skin was hopeless ~- she would never have the fashionable light skin of other girls. And then she found this simple wife way to ;i clear, creamy skin- Nadinola Bleaching Cream. And in an amazingly short time she discovered that her skin was actually three shades lighter! Not only thai- hut it was far softer and smoother free from blemishes and blotches. Just smooth a little Nadinola on ai bedtime- no messaging, no rubbing. Then while yuu  it immediately begins to dissolve dark pigment. And remember it has DOUBLE-ACTING qualities found in no other product that s why it is so remarkably quick and sure. Yet it is wonderfully gentle to sensitive skin. Satisfaction Guaranteed or Money Back Get a box of Nadinola Bleaching Cream at any toilet counter or by mail postpaid. 50c. If you are not more than satisfied money will be cheerfully refunded. Don't risk your delicate skin to cheap bleach creams, ointments or lotions. Insist on Nadinola- tested and trusted (or over u generation. Nadinola. Paris, Tenn. ^</t>
  </si>
  <si>
    <t>                                           -ALABAMA BOUND- Miss Pau. line Gloria Mae Gibson, who graduated last year from Booker T. Washington high school. Miami will go to Alabama State Normal college this year on a .                 Photo by Hooks.</t>
  </si>
  <si>
    <t>                                           THREE POPULAR LADIES of Antloch (N.) Baptist Church, Atlanta. Left to right: Miss Jeuie Collier. Third Prize: Miss Daisy Mae Motley. Second Prize: Miss Beatrice Marshall, First Prize.... all winners in recent B.Y.P.U. Popularity Contest</t>
  </si>
  <si>
    <t>                                           THE MONTH OF JULY will he significant for one of the active spans southeastern athletics ever experienced. Starting Sunday afternoon at 3 o'clock on the old Morris Brown athletic field when the East Side Blues play a baseball thriller against the World War Veterans, the July period of high-powered sportanic attractions will be underway. This Sunday is the opening day of July.</t>
  </si>
  <si>
    <t>                                           The Mulky Tire Company, formerly located at Spring and a Marietta streets, has changed its address to Whitehall, Forsyth and Spring Street, Junction, where a more expansive service will be rendered to the public, according to the management, in...</t>
  </si>
  <si>
    <t>                                           l a c^ct  not ^t;    _ -frf^^^rgO</t>
  </si>
  <si>
    <t>                                           Georgia MeBics Make PlamfG Reduce HigKDeatft Rate                 MB PLAN FOB STATE MEETING                 .Conservation of Health One Wip, Topics ;il -1 1st State Meet in June                 OUTLINE BIG PROGRAM                 Atlanta tins become the  for all  of *tlic Ocorifln State Mrdicil Association from Riibun Gap to Tyhoe LiRht and from Alabama In South Carolina following tin1 ! or mooting!) of th(*   here during the past  days whon                 I plans were made for lh,.  of the members oC the medical pro- 1 lesion for their   in the Gale City of the South. The theme for this year s moct  will be "Ponservalion and Pop '" and the general secret tary, Dr. II. E. Nash, has secured some of the best trained and most experienced men available to appear on the . Dr. John H. Hale, professer ol  at Meharry Medical Col lege at Nashville. Tenn.. and onu of the nation s foremost surgeons   be the f^iest surgeon. He is president of elect of the National Medical Assoentiou. Dr. W. G. Tj-son, Savannah, Oa..  road n     )er nil "Venereal Di seas-es," with case reports on 1.000 cases directly handled by him. The state president, Or. R. N. Jackson^ is urging the professional men to be real citizens by  with the foi:r  of the citizenship, obey the law. pay taxes, register, and vote. The association is Ucndlnu every effot to reduce* the  death rate among thc Negroes in Georgia. Among Hie measures -esli^l for meeting thi;: need arc *U Pub lie health  in  Jv populated county. (2) Negro health officers in counties wu.i Jarg,. Saint ""~- i3) pital  lor Negro people alid tlie * or .M.*Kro u^ctors in public   d us 'Negro'" an  by public funds." Leaders of the state medial association assert that the^e demands are just and  and that the organization is on rec(Coniinucu on VUft 5)                 Medic Plans (Continued from Vxxt- 1 orci ;ic approving thi- effort to "b" tain them.    :  .n. !'.x;  "n will        it ji 41 t w.-aion Tucyrtiiy m'/;. Juno 1?. and continue ;;h Jvru: 14. Inter c-jt is very keen :h'/ul tlic  fAfer  rnw.'tini;. The Ukenta section' has secured some very  men in their    ;~d iur the 41st . and elaborate  ,-iro l)c:nu planned v/iUi    ? very   in modern   fi-atur,-ri. j It jr. expected  the Pharrna- 1 rf; section v.-     n i :--t.'~tif!  at ths ii iK'.~iri. I</t>
  </si>
  <si>
    <t>                                           Atlanta has become the mecca for all members of the Georgia State Medical Association from Rabun Gap to Tybee Light and from Alabama to South Carolina following the holding of meetings of the executive committees here during the past few days when...</t>
  </si>
  <si>
    <t>                                           I PAGE TWO ATLANTA DAILY WORLD, ATLANTA. GA. THURSDAY, JULY 19, 1934</t>
  </si>
  <si>
    <t>                                           ' JUNE 1. 1934" ATLANTA DAILY WORLr..GA:       SeVEn"</t>
  </si>
  <si>
    <t>                                           WANTED Newsboys and Agents Everywhere TO REPRESENT THf WORLD S ONLY ( Daily and Semi-Weekly DAILY NEWSPAPER AdJreas Atlanta Daily World 210 Auburn Ave^ N. E. Atlanta, Georgia W. c KELLEY</t>
  </si>
  <si>
    <t>                                           Seat of Kidnaped Heiress                 X,ki  J  of 6-year-old Juno Kobles po .l imn ih.-ir ~?t in T 4'"t          1"'-' thu ki.     -d KJ,.) usl.(i Bit m Tucson, Ariz., public sch.x.l is .a ,~ .lt.-r I,, thun. ..f their hull, playmate. As this  w,.s  Jinu-'s Ki- Bernttbe Koblcs, was trj-iii;: to i- contact with ki.iM.im-r,</t>
  </si>
  <si>
    <t>                                           Met at the usual hour. The business part of the meeting was carried out in the usual manuel. One new members was added to the club. Mrs. L. L. Davis our teacher, left the city Monday afternoon to attend the National Baptist Convention at Oklahoma...</t>
  </si>
  <si>
    <t>                                           CHICAGO.--Sept. 2--West's best in baseball met the pick of the East here Sunday at Comiskey Park, but the East 9 rode to a beautifle 1 to 0 triumph in the second renewal of the East-West All-Star "dream game" as 25,000fans, one of the largest assemblages of Negroes on record at, a sport event sponsored by colored people, sat almost breathless through those eventful last three innings. Last year the West won the classic, 11 to 7. Victory by the East Sunday evens the score at a game a piece.</t>
  </si>
  <si>
    <t>                                           The Twenty Fourth U. S. Infantry with Colonel James M. Little, 1st Lt.: R. R. Martin, acting Adjutant: Capt. H. C. Criswood, Supply Officer, and 2nd Lt. J. M. Lamont, A. R. Officer, sponsoring its sixth annual tennis tournament, officially sanctioned by the American Lawn Tennis Association on the courts of the ... Fourth at Fort Benning, Ga., August 31, to September ... The meet is being sponsored by the Twenty Fourth Infantry Tennis Club, whose officers are I. W. Cransom...</t>
  </si>
  <si>
    <t>                                           M. E. Meeting In East Point DrawingMany                 By JA.MKS K.                  I TJiic AHnntu Hislrict I'linfi-* I nn.l Kpwiinli      - nn Suiiit:iy Srliovl I'.. mention of tin- Mclhoilisl Kplxcopul -h wns         1 Witlnc-ulay  nt      Mallnlmi Melhodlxl Kplxcnpiil chun h, Haxl I'olni, i:n.,  nn             ; unil       "~n. Afti-r                 n   of .n Hev. JDRQiAiif-y Nowmnn delivered u very inspirit!* .MCrnmn. Al lli.~ start of the afternoon . I'rnf. .1. M. (ireen of Hark t niversity. presented ihe  "f an Kpvvirth I. . :iml. following :m ; ;mil   \~n on   ir^;ini/.~ And Their Value fn The 1' i. \ I'lipmin .Imkson Mi-Henry, who was :i -_-ui s: of      -in o m Ih."   '    'sl of District Siipcrin. li- I". L. .lohn.sun, nave mi in. tpn- talk on the  of Tju- AJIii.7 L-i ~\       :    1 cited :l number   f info    the Seen In general.      . .Tnhnsrm is looking      -ard to Ihe   - of :i new re'.vi+l 'in ihis .  f mff . Tliis ^'s sr-ssion will sl:irt ;if. s::   with devotions led    - Air. Dallas :     i:. p. l.onz following'  ;i son:        -c will lieM. Th. i roll c.'ill for rash reports for ? Kpiscojinl fund, local money, pension :md . area . Kcnrrol conferen^-o . nnt.n:il  c- , nnd south, western subscriptions will come /xt. After the reports of the ills, trii-l. superintendent and the pastors. Ihe morning? sermon will Upprc.-  KCv. .1. II. Zackery. This afternoon, at S:1."i Trof. Onillc   .ivis of Gamnmn '1'"iil Seminiiry 4j-ili  nn Lho Model Cfiiin-h School. Other Wilts will                ~[    SnHie \V.- ;ipd Mrs. J. II. f,      while Papers will hp reml   from a number of :-.   n -~*hc Nwil Of I'rompt Te.- l ap. ers* and The Eftifli-ut School       .' Uev. .T. F. Demcry will preach the  sermon . Friday wil lie known 'Mis.  " with the missionary  in  ot the iiro*rams.</t>
  </si>
  <si>
    <t>                                           The Atlanta District Conference and Epworth League an Sunday School Convention of the Methodist Episcopal church was opened Wednesday morning at the Mallaion Methodist Episcopal church, ... Point, Ga., with an interesting and spirited session. After...</t>
  </si>
  <si>
    <t>                                           The ... Local of Morehouse ... will be marshalled for the ... concert of the college ... and orchestra to be given Monday evening, May 7, at eight o'clock in Sale Hall Chapel. On the diversified program beside numbers by the college orchestra of 28...</t>
  </si>
  <si>
    <t>                                           The West Sale Racquet club will meet at eight o'clock tonight at the home of Nat Arnold, co-holder of the city doubles tennis championship according to William Pullins see.</t>
  </si>
  <si>
    <t>                                           Bailey's ROYAL Thursday Friday fiS^?^   wires in   EU SPY! {7^" 'KicUUESWIfMt 2 J  HNflf h4 '.Today Tomorrow Bailey's 81 Theatre ALSO HELD OVER BALANCE OF THE WEEK ^BILL "" ROBINSON "KING FOR A DAY" ALL COLORED CAST TODAY ONLY BAILEY S ROYAL CONSTANCE BENNETT in RAFTER TONIGHT" radl. y^"^l ^1 t^S. "Moulin Kooxe ;l tell- jfa, I</t>
  </si>
  <si>
    <t>                                           South Atlanta Man Advises"Try a Hoe!                 If you think that     .Tn tractors are absolutely necessary in older to Rrow good cotton, you might stop at the home of II. L. I.ark. 57 Mwldon Avenue. South Atlanta, and see what he has to say about it. On an acre of land which neither horse, plow, tractor nor .cultivator has touched. Mr. 1-atk is growing cotton which stands today three feet in height and loaded down with blooms. From the   of ground to the last . Mr. Lark has used only a garden hoe. "Quite primitive"  the casual observer. "Yes." Is the answer, but the results arc there. Mr. Laik plans to pick more than a bale of cotton off this plot of land. If you see anyone complaining: about being unable to prow cotton with the help of modern implements, it might be wise to advise them to sec Mr. Lark and let them receive his smiling suggestion of "Try a hoe." Another interesting thing about this remarkable cotton patch is the fact that Mr. I.nrk docs not profess to be a farmer he is a railroad man. FIRST PRINCIPAL OF SUMNER HIGH SCHOOL MES IN . OKLA. LANCSToN. Okla. (AND I'rc-f. J. 10. I'nttvrsoii. well known .~ uml Urst            of tin:  r high, , Kansas City, .Mo., died       i.t Ills  Titeslay uii l I lie Imtly was shipped tn  former hi iiir for tbe funeral  xt  and burial. I'ms. l  vns - than 71)  old in Ins - Me   :i .wars jis principal of the  IiIrIi si- unil was pro.Vvsor of  at Western unl."ersity for  years. At tu*.1 !   ' uf Ills death. I'altorsou raj lean ~~{   ii nt l.un^stou ..v. Iiere. WHITE WOMEN RAP MISSISSIPPI LYNCHINGS McCOMB. M'ss.- (ANP)- "The Mississippi Association lor Prevention ot Lynchings deplores the recent double lynching in Benton county," read a statement issued Thursday night by Mrs. L W. Alford. white of this city, who Is chairman. "Its  of 3.500 citizens are unalterably opposed to this crime. We arc humiliated over the state s lynching record for 1934. We believe lynching defeats the end justice, blackens the reputation of any state, cripples a race and handicaps a nation." The double lynching was that of Robert Jones and Smith Heuey who were being taken to court by officers to stand trial for the alleged murder of a deputy .</t>
  </si>
  <si>
    <t>                                           Elks Social Club Stages Another Dance Tonight                 "Mamma, there s that nun gain!" Thifs what the crowd will be saying when that man, that roan who pleased the dance lovers at the Elks Rest Monday night with his dancing and singing, gets out and  his wares again this evening as the Elks Social club of Gate City Lodge No. 54.  off another on* of its summer season dances tonight at the Rest 73 Fort street. W. E. The music, of . will be furnished by Graham Jackson's orchestra, the aggregation that has been carrying on at the Rest twice weekly in a highly pleasing manner despite tHe tact that the old maestro is out of town. Frank L. Jones has announced that the small coverage charge will prevail but no one seems, to mind that' as the order U good and the Best Is really one of the cool spots where one may go and enjoy oneself these hot nignt*.</t>
  </si>
  <si>
    <t>                                           AME UNION HOLDS AN INTERESTING MEET TUESDAY                 By Rev. C. A. WlncfleM                 The- regular weekly meeting of the A. M. E. Ministers Union of the Greater Atlanta Area was unusually largely attended Tuesday at Big Bethel A. M. E. church. All  of regular and special committees were very inspiring und .                 Rev. D. T. Babcock presided while Rev. J. S. Bryan, pastor of tho Cosmopolitan A. M. E. church, who Is just recovering from u recent illness. was back at his post ui secretary. Rtv. c. H. S. Hunter. Jr.. and Rev. G. B. Lancaster opened the meeting, with Or. Lancaster, clue to the :         of Fev E. S. Saunders. leading the discussion or the topic of the day, "The Ethical ~.Teaching^ -of inc Book 01 fvo(Continued (Hi      6; Col. 7)                 Utf/ (Continued from      1)      ." Dr. Lnncwtcr. who 1* presiding  or the Griffin district,  an illuminating . Thc "Lookout" committee reported having  t quarterly meeting at Turner Chapel Tuesday , with the sermon by Rev. R. E. Romans. The- Trl-Statc Convention was also emphasized at the . Bishop W, A. Fountain's weekly , was fraught with Information. He released echoes from his recent trip to to the meeting of the Board of thc Missionary Department of the A. M. E. church at New York, N. Y In a patriotic vein the great prelate said, that he ua, pleased to state that the differences existing In the Missionnry            had been  settled at New York and that Dr. L. D. Berry was. by vote of the  and bishop;, declared secretary-treasurer. He concluded his address by urging the ministers to cooperate in making thc Trl Convention the best in the history of thc church In Georgia. Dean C. L. Hill of the Turner Theological Seminary reported the success of thc Ministers' Institute which ls now In progress at Gammon Theological Seminary, H, R. Word, representative of thc National Bible Press of Philadelphia,'  the Union  md displayed a copy of a special Bible being printed by the National Bible Press. Evangelist W. Cornellus Barnes, who is now engaged in a revival at Big Bethel, was presented. He spoke of the revival now In progress at Ettthol and invited the Union members, along with their congregations' to be present</t>
  </si>
  <si>
    <t>                                           The regular weekly meeting of the A. M. E. Ministers Union of the Greater Atlanta Area was unusually largely attended Tuesday at Big Bethel A. M. E. church. All reports of regular and special committees were very inspiring and interesting.</t>
  </si>
  <si>
    <t>                                           Rat Poison Rills Little Girl; 3 Others 111                 MEMPHIS. Term.. Sept. 20.- Four year old Dorothy Simmons is dead and three other children In the Simmons family arc crit. ically ill as the aftermath of an "eating contest" which took place while their parents  away from home at work in Benjcstown, Tenn. Besides little Dorothy, the other children who made the sad mistake Of swallowing rat poison are wo sisters. Erline. thre years old and Daisy, five and her baby brother, James, who is two. The other youngsters are said to be In an extremely critical condi. tion but hopes aro being given for their ultimate recovery.</t>
  </si>
  <si>
    <t>                                           MAKES THEM BEAUTIFUL                 KI.C.S AND MAKEUP Vary Grant is the fascinating,  beauty . and Genevieve To'din is his  in Paramouns-B.   . Scliuibcrjr's -Kiss ana j Mskc-up." the amusing little satin.-  m woman s search for beauty. I \ comes today to the Rnyal Theatre. Helen   and Edward Everett Ilorton also         in featured role* in  picture which pres.cnts for the first time the -. Wasnpis Biby Stars of 1U34.</t>
  </si>
  <si>
    <t>                                           \A A A A A A A A** .~JA*~~*~~^^  LOCATED MADAM MINGY THE WOMAN WHO KNOWS I Palmist mad Life Keader  put, present and fata* QWw  on all attain life. Love, Harriaf* and Speoilulon* *f ~^~~H  U UuU. Doot   HX to     thin rifted ~^hMi PalmJrt. Point* the f^ war of all *     *jU and       ypa bow ^i^j-^B to overcome ene- ^HttSH . Madam Miner lias   iaA aha can help you.  I.VCK.T DATS AND  NUMBERS Batlifaction Cnixanteed Office Doors: t a. m. to 9 p. m. I C8 McDonoofh Boad I (AeroM from  Frlaoa) I SPECIAIi READINGS- Sag Taka FederaJ Frlson ear to end I of line. Look for      on Sim. Madua Miner Maker    Home Calif Not In Trot *A*Aa4   *4Al**~*AAA*AJU</t>
  </si>
  <si>
    <t>                                           BASEMENT -9th Birthday Treat! $3.95 to $5.95 DRESSES \Vashable Silks'. Rayon Acctalji:' .V. C.-:..-.c." .?-.-=r:cs.' i^PPli Vacfcef Frocks! Prints! Soiid:! PUr.ly a,' ,S\:i.:i-  , Ewtk^mll "Mreet. Sports and Vacation Styles- lor the Hi. :'.r!..y Sa!z cr.ly Eb^^$       like   t the kind you cs: k11"^ ^~~i:     ~'*   ?*'~*'3^S**'/ 'i- v^lS^f ''i' i1^ V**2   at Ih:. ,.   :r every day. SEE Vhrm  in. ,i,..  ^ .$*m ^ATV '*T\~;,   AtM'^'* 'i oe convince:!. Ma'.rr.'a'.s, colors, trir.m, til*. '.^^2* A^S. *^'-l s .-"^Y'-/ i'-' A*V *4   you WAnt VALUES to ; we ur^e jon ,a v q fy *1?tS/w I'^^iR** Dresses $5 ^^"".^%~BJ?~^        , fin^ or   ill . ^^^^i^^f e "i Wi?'-'' ^^~lo U    1  1 navy,  and combination. It to 20 ^^"        f .*~C 7 IH SUITS 51 ^^^9 I*. 1*1. 'MHh?^  1I Of  HiU'iiL* but they LOOK d^^M^H^^^Bai^MB^^^^*^^^^^^^n^^^^^^B^H^^^HH like linen ;im! Go not muss like p^^^^ff^^Bl^^^^^^W^W^^^^^^^^B linen. Oyster white and pure winte. l^^^^^^J^^^^'Xi^'^^M^^^^O^^^^^^^^^^^M^A^^B sizes it to 2o. ^^^Kmuf^EyR^w^^SSlSSmU^R^^M^^ highs nASE\rENT ^^^    Vm i*mi ^^^ ~;HEHBBIHaHHHnHaaiMiaHBa^</t>
  </si>
  <si>
    <t>                                           LOS ANGELES--(ANP)--Funeral services were conducted from the chapel of Angelus Funeral Home this week for Rev. Eugene Johnson who died after a brief illness.</t>
  </si>
  <si>
    <t>                                           BENJAMIN--The remains of Mrs. Ida Belle Benjamin were carried to, Monticello today (Sunday) for funeral; and interment. Murdaugh\Bros, Funeral Directors.</t>
  </si>
  <si>
    <t>                                           Many Hollywood Stars Have Endeared Sepia Sermnte</t>
  </si>
  <si>
    <t>                                           Funeral Notice!                 MITTS- The  of Mr. Floy! Mitts or 199 Mayson avenue wi i be held .this '.Wednesday at i o clock irom the Auburn  at 380 Auburn avenue. Rev 1 W. Lee officiating. Interme!' Chestnut Hills cemetery Ha ESbrooks. J George H. HiU Funeral Hon AmlinUnre Service f   ?8319 ,x</t>
  </si>
  <si>
    <t>                                           TIM TYLER Apron strings j By LYM YOUNG                 Mon       1 By HUNTLEY                 FELIX THE CAT By SULLIVAN                 ITS    GREAT LIFE IF^YOU.DONT WEAKEN" By Jack Rabbit                 TUBBY A Hasty. Retreat                 TULLY TUPPER</t>
  </si>
  <si>
    <t>                                           Dr. James Corry, Ex-Army Doctor I served with both the American and British Armies during the World War, 16 Years Experience in America and Abroad holding the rank of Captain. I find so many people who are unable to pay,      I serve free at office, charge only for Medicine. Come after working hours. My offices are open daily until 8 o clock at night for your convenience. 75 Ivy St., N. E. Between HOUSTON and AUBURN Office Phone: (Cut Ad Out) Res. Phone: MAin 6873 MA5n 3087</t>
  </si>
  <si>
    <t>                                           l^BBBp j t i B^^^bb^i *%5     1ti3MMttfTRft8BiWTynlffl H hI bB ^B H^^l ^1 1 H ^Bl "*^sl *^w*^8'*' ~^j '^ ^u l\   ^BO^HU^    ^~JB9  course, yon nrc  of th.it mass ^^T^JlJ^Afl^R^^ llR y bumps and pimples on your face. jj n^^ BBHt^^^^Yfm ^ut *otI ^ not cr nKc v ''h  and ^^L ^y rWf M j a rMa  any longer. Just start using  r 7 y //4 fl Black nnd Whitr Ointment and Skin Soap. L^^  ^^^MHJfl^Bnb^H This  treatment is world^^^~H^^^^t^T^^B^^V f .~ for the quick, easy, safe way it ^^f^^i^ ^^H^r ^r M *'P  nnd pimple.*; fades out //JttV^Sw^^^S'BSIu "B'y mo c ~*'sco orat on*' PuM an  nd to TOBjjKg^   \\\ rct*~ j c iy  irritations and gives  fli^P^8^^^^^Bill nr B lt* Iicnlthy skin. ill W_ ^^^S^Jg^B j] 7"^"-' J0(" /"^".ic Ointment contain: \^XfiiI^^HH^^l[H^V^KW tif of Itltirk  Vi'hlte Skin Snttfi, only "2$r ENDER.  SKIN  H mM   \*i JBfflSfc A M ij j j 3B w natural  of Black mnA mS\t^T^HywH^^Ptf^%  Skin Wliitcncr to      it , M.*J I k 1 1 W H 1 1 HliiK] til W H'/JlaT Xnt and bright. Largo c*n only 25(. ~^^^^^^BH^^L^RLbSBbIihL^HHmI automobile Free Every Wrck-        Lopci Progtim NBC    . 9 pm CSV, 10 pn US!</t>
  </si>
  <si>
    <t>                                           a MESSAGE TO THE SUFFERERS I '-:$*~~       *d no' *e discouraged about your '$Z3    ' health. Cheer up! There is help for you. 4 ri^' This is the one reliable.   ' DOCTOR T. Y. YOUNG 2 'K*~^5SRK^i nith Ha1 famous and harmless herbs and i.-1 ^^-* roots, treatments which have' been used for 4 k^Bv :    centuries, and are  recommended, lor ^S A-.- trouble of the system.' Huch. as of the ^~L^elS^^B Disease Acute or. Chronic: Fatoi, Typbn* Fever. Catrrhal Malaria, MUlaiia, VeoralMCTIM (la.' Pronehorrhea, Hemiplefta, BronehUIbehe. Influenza and Gastroenterttache Ibftoema. r... T.T.YOinMf tow:". Stomach, Rraxl Liver. KMaen. wmh6 -Bj^, KhemwOlsm. Catarrh. Weakness, NervemDeM, Bladder Trouble. ConFAMfWTQ-' . Appendicitis. Skin Dtsemae and *AMUlJS ..-Female Troable. -mv^o those whom It mny" , can at HERB ".'Don't. up hope. If  fall. ^j,  jj pleasing to all who try it Our J medicines will cure many, many  Plaints.^ Mate or female, call or write. We wU, send some herb medicines' for your 'caie.: 25 YEARS D6MT DELAT- CALL AT ONCE .133 Edfcwood Ave. Phone- WAfaut 1189 in ATLANT-A Atlanta, Ga. holiday Hoars- 7 A. M. to t P. M. an! ...... .Zij3?Tjf</t>
  </si>
  <si>
    <t>                                           Caroline Rutledge and Howard Dunsworth become engaged despite the opposition of their fathers. Philip Rutledge and Henry Dunsworth, who have been enemies for years. Then Henry ruins Philip in business and Caroline breaks her engagement when it is obvious that...</t>
  </si>
  <si>
    <t>                                           rao vote IS DUMPED                 CANTON'. Miss.- The Madison station box in Madison county was thrown out Friday when the county Democratic executive committee ascertained thati three Negroes had been permitted to vote. The votes thrown out were Bilbo, J3; Stephens. 69; Ellzey, 71, and Me Gehee, 42. A resolution adopted by the committee stated that the three colored men had not been  with the Democratic party for thc past tw0 years and therefore should not have been permitted to vote. Negro voters have been aroused and are expected to make a fight against the Democratic executive ,</t>
  </si>
  <si>
    <t>                                           MISS MARION GANDY. charm ing daughter of Pres. and Mrs John M. Candy of Va. Stat,- colege. Petersburg. Va. received the cherished M. A. degree in Home' Economics Education from Columbia University on June fifth and an appointment to the faculty of the summer school for teachers being held in Roanoke. Va. this year.</t>
  </si>
  <si>
    <t>                                           riM TYLER "Where awe s Sntoka- v By  YOUNG                 MESCAL IKE stealing the Act By HUNTLEY                 FELIX THE CAT By SULLIVAN                 TULLY TUPPER                 TUBBY Mom Has a Mystery of Her Own.v                 rITS A GREAT LIFE IF YOU DONT WEAKEN</t>
  </si>
  <si>
    <t>                                           I SUMMER FOODS I Regular Dinners CoMTlates SANDWICHES PICNIC BOX LUNCHES It's Cool all Summer at -T NEIGHBORHOOD DELICATESSEN Hunter and Ashby SHORTER S BARBER SHOP HENRY F. SHORTER, Prop. T YOUR TRADE IS INVITED Phone JA. 9255 97 Decatur St.</t>
  </si>
  <si>
    <t>                                           The biggest track meet to be staged in the city of Atlanta this year, featured by the greatest array of athletes in local history, is scheduled for two o'clock tomorrow, Clark University will be the prou host, ably supported by the educational contingent in general.</t>
  </si>
  <si>
    <t>                                           I Mired* Bob* Sbnlonrei Faeltli  8      mj ~:--.t vf that artistic touch! f J u the thing yon  for la year  ^^^~^^H     *naoe.      m yoa      J'^^^^^^^H 'w*l^e   utd more Uun       jj   Budi u proof. f j^^^^l USE YOUNG S, ARTISTIC HAIR I EBB^^I' . FOR SALE HERE 1 !BH 3 1 ^pi. that AKT18TI0 TOUCH CAN BR  MIm CHnpben zD AT  LOW COST AT THE fe 3 Artistic Barbershop And Beauty Salon I I U   at  AVK. V Kmeb Bota Mwleww  8kM*    Steves</t>
  </si>
  <si>
    <t>                                           MAS FOUND DEAD                 .Tolinnio Harden was found  In it basement room in the ' or 11.12 WVsl: Pwirhtreo street by Miss 1' Williams n cook al  hc West IVnchtnv -i. ne.  to poll^ n POrts. Harden'-) body was removed to the Sellers brothers funeral borne.</t>
  </si>
  <si>
    <t>                                           There are divers of opinion among race leaders as to what the race should or should not do should or should not accept; should or should not believe in. That the Negro's status has been fixed for him largely by those who were not considerate of him...</t>
  </si>
  <si>
    <t>                                           Old Sol Attacks S.S. Attendances                 Old Sol got in a few heavy licks duringthe past Sunday with the result that there was a marked" decrease" in the attendances of the Sunday schools of the city according to figures compiled by John C. Coley, chairman of the executive committee of the Atlanta Sunday School Association. Mr. 'Coley is still requesting that Sunday School Superintendents or their secretaries  with him at Main 2288 as soon as possible after the close of the Sunday School sessions each Sunday in order that the attendances of their schools might be listed in the following Tuesday morning issue of The World. He is urging that the Sunday schools inaugurate special plans and features to help maintain their attendances during the hot weather months. Attendances for the past two Sundays as sent in are: Sunday School June 24 June 17 Wheat Street Baptist Church 394 (.No Report) Warren Memorial M. E. Church 385 325 Allen Temple A. M. E. Church 334 (No report) West Hunter St. Baptist Church 286 341 Big Bethel A.M.E. Church 352 256 Mt. Olive Baptist Church 217 225 Cosmopolitan A.M.E Church 201 208 Bethlehem Church of God 200 250 Friendship Baptist Church 186 205 Greater Mt Vernon Baptist Church 186 214 Beulah Baptist Church 164 154 Bethel Baptist Church + 150 200 Central M. E. Church 126 125 First Congregational Church 115 88 Shiloh Baptist Church 115 (now) Mt. Pleasant Baptist Church 97 122 St. Paul A. M. E. Church 107 149 Thankful Baptist Church (Decatur) 90 101 Little Friendship Baptist Church 86 76 Holsey Temple C. M. E. Church 47 (No report) gt John A. M- fi.  32, (new)</t>
  </si>
  <si>
    <t>                                           CHAMPAIGN-URBANA, Ill.--()--Kappa Alpha Psl. Negro fraternity, has been awarded the Sachem scholarship cup for having made the greatest gain during last semester C. R. Frederick, dean of men in charge of activities, made the official check on scholarship and...</t>
  </si>
  <si>
    <t>                                           HEADED BACK HOME                 LOUTS ARMSTRONG The world s greatest trumpeter. Louis Armstrong, after two seasons in England has suddenly grown homesick and will return to American soil within the next month. Louis, several months ago. issued a statement widely quoted in the English press that he so loved the British that he was going to forsake his fatherland.</t>
  </si>
  <si>
    <t>                                           With a Farewell Party Saturday evening at the lovely home of Mrs. Belle Jolly, 465 Gartrell street. Whist and dancing were the features of the evening.</t>
  </si>
  <si>
    <t>                                           You All Know LYD1A LPiNKHAM! Her Vegetable Compound bas been justly famous (or four generations. Endorsed in writing by more than 700.000 women. By accurate record 98 out of 100 who report sav, "It helps tnc." Let it  you, too. If vou arc nervous, weak and rundown, cross and irritable get a. bottle from your druggist today. Do you know that the Pinkhasi Medicine Co. manufactures several other medicines Lydia E. Pinkhsm's Piie Suppositories offer-welcome relief from itching, burning, bleeding piles. Simple to use. Highly recommended. Packed 12 to a box for 75 cents. USE THE COUTO.N SrXOW Lydla E. Pinkha'Ji Mcd. Co. Lynn, MMsucbtuettt. I enclose Please xad me u once boxes of Lydia E. Pinkhun's Pile Sup.  r 75 cents t box. Namt AJJrtai</t>
  </si>
  <si>
    <t>                                           ^Helba Selectot f{ze never /for lets than 10c Yon now can buy the fame  and quality for 5^_         , long Havana and imj^orted tobacco for only 5   on a FLOR do  to-.fet the mow your ni^oey cvc^. .LUwW Otir M/a, Co. Mita^ Nvvaffc, K. J. MELBA J. N.  Eirtmte, Atlanta,   . Dlstribntor</t>
  </si>
  <si>
    <t>                                           PAIR TODAY with. temPe:~ extremes near 74' and 92 degrees. GEORGE W. , United States Meteorologist,</t>
  </si>
  <si>
    <t>                                           PREDICT ARREST OF DRIVER OF DEATH CAR                 Persistent i."Torts  in ilie part of i Ioi.i!     :ni iii~'s : ii l the, driver ..f Hi'.1 hit and run am,.       !e. \'i i Siin.!;iy .       filth, ran        knock- cil (Inwii  Lizzie Knii' lt:     'V at tin- c:inuT or Walki-r :mil Hay. i ne/ . mb    1   : re.: ] with  ju-ri-si uf Mrs. l.nln I'irki'tis, ^7 . of 'SIX  '. N. K. early Tliurs day ni^ht  H. Ad:ni\~. Mrs. i*'~s. according     infor  ii -mi ii. was  in t v a ji.'mol il" that is ~:iiit    hnw -k the ' . Only u sU-tuler * \v:is left  us to tin" identity of the  but off-(vrs bi l'i Vc that his . sion is noi' far ..:T. Tin-     !~iu; held on    if i:a"  :c-ioa. J.,. Lizzie Kate . who  a -ITS Fuir strei t S.W. and ^'ho wax seven years uld was so si i- injured that       at firmly hospital the following Mun. ,!ay.</t>
  </si>
  <si>
    <t>                                           "Vton3t be misled by False Keonoaiiy" nay* wv9Uhnmrn Matron Deaund tht best. And the best ^;;w- .,-.;;i.v.;; reputation is built upon absolute                ^BHi purity. Be sure you get the genuine. Ijtt ^^TRj I^M^^Bt It is  by a special process of ~^       ^H^H[ the Chesebrough Manufacturing iH^  ^^^B^BI^BIv Company, Cons'd., 1 7 State Street,  Hj^^           ^     IOOK f Ot THI  VAiniNI ^        /f^S' WHIN TOU BUT. IfyoudoDijccilyou ^*^~$     ^ art nut  the    . Om. mi n,,i.w mu.o^.om.t.</t>
  </si>
  <si>
    <t>                                           Pals Battle; Jail Gets 1; Crady Gets 1                 Thlows Full Ouf..~                 Well,  folk* know the old , and If  made by Perry Willoagbliy, 3u, of IS Maugam street, who Is  wound ed \   correct, there wax plenty  o1ns on when It mis time to divide rhe spoil*. Willougliby, who was admitted to (.  curly Sunday morning in a critical   he hud     severely slushed by Kmwctt Gurdeu of Hear - Whitehall street, told police officers thut Garden hiid robbed an unknown man  three o clock Sunduy  and that bo was witli him- at the time. Kvtrythlnjj went well until it          to to divide the loot thut Gur- den Jumped on , : him ): That was about 3:UU Sunday :. .Wlllouidiby was  to Gnu, dy by Dorsey Johnson und Bug-em- Evang,      colored. At tou         -y clinic,   t fure so well as mure  ,  resulted In I'utrolmun J. 11. Smith  . und Evnns to the  wlM-n- they were booked on chun;en uf disorderly conduct ut the hospital. Tlie wound ed mun was admitted to the  I iu a  condition. At 4:30 Sunday . or an hour and a  curlier,  J. T. Mitchell und Jl. M. CopPt-u. Ker       a  to Garden's home,    -!ir 303 Whitehall  treet. They' found Harden in so they took hiiii to         -rs und .-d  on charges of  in - with the Wuuudiui; of I . Ourden however, hud a  story to tell, lie said that the tight wax the  of a Rambling game und that SO cents was the       of It all.. Garden also alleges that WilbuEhhy had tossed a Janfr ut him. Tho arresting  reported that Garden told them that he  have killed him. i</t>
  </si>
  <si>
    <t>                                           'When Thieves Full Out.."</t>
  </si>
  <si>
    <t>                                           SUKT7AY, JUNE 24,   34 ATLANTA DAILY WORLD, ATLANTA, GA. PAGE SEVEN</t>
  </si>
  <si>
    <t>                                           Chinese Military Hero Plots New Jap Campaign.                 rhin.Vs (Treat.-.-* military Il.to. .G.-n.-rai 1 -1: 1 K-ii who le.l '-I"' Nineteenth Kout.-  a. .  ^ battle against the Jap:in.-se m lh.~ ~!vin-!~M .-- l'-'32.  to .--a:I for, -'  world tour "--. won. fate       w  for him. An                 v..-:i: I :i C!'.:;iiic Kai-Shek, ruler al Nanking, lie      -J:ip.      . General Tsai. . thi;  poi-l-" during his heroic stand in Shanghai, is tt-; to rally together the Chi-~ ik S~- -.-  cut the Japanese. At 41 y.ars uf :   ; he has Lei-n in IT I campaigns.</t>
  </si>
  <si>
    <t>                                           Dr. B. Dean Brink, a nationally known authority on swimming and life saving, originated this system. It is known as one of the beat systems for teaching non-swimmers to swim. It is based on the psychological principle that to combat the fear with...</t>
  </si>
  <si>
    <t>                                           NEW YORK CITY LIFE By G. R. HIGGINBOTHAM ~'m tired of bright gay city life Where you rove both night and day... I'm judging by the way life folks live, 'Cause in the streets they stay; Of course there are other ways to judge: .You must pay! and pay!! and pay!!! The dogs, they watch both day and night, Poor dogs, when do they sleep? They bite and bark more when it s dark Their charge they always ; But bark or bite, either day or night, I A dog must have some sleep All-night it s bells or either yells When you come home from work; There are parties here and parties there, And you can t always shirk.... About the parties: when you go, You hardly get to bed by four. When you must be to work at eight, f Then take a nip to brace you up.... You steal a nap or two; That helps to pull you through. But nips to brace one don't last Ionjr.... They can t make a weak man strong. UP FROM GEORGIA WITH MY BANJO By THOMAS JEFFERSON FLANAGAN "MY LATEST SUN IS SINKING FAST" an old hymn Through the eyes- of youth I envisioned the dawn, And foretold it with laughter, And I was first to hold hands and shuffle the lawn With sunrise, its daughter! /J" Through treetop, over field and stream with the feg. tide 3Ei We brought 'round the April. The crimson on the rose and the umbrellas wide That swing from the Maple:  Tnen we paused at noon in the lazy amber shade Stifling and stilly. Then again we took to the non  glade Along the , hilly. Now in the wreckage of a fruitless day spent, In the few couplets that fun lets On life s ragged edge all haggard and bent We are tracking our sunsets.</t>
  </si>
  <si>
    <t>                                           FIRE  MISSISSIPPI COLLEGE GI.OSTER, Miss., opt- (ANP1-UiuIkt's , Tiii years old. was destroyed  fire of   -hero Friday, l-' sw.pt away the two Uirj;*1 frame ^s that m:ido  p the  proper. Tlio .  in 1S.S4. was operated by the   -^ro Baptist 1'.</t>
  </si>
  <si>
    <t>http://search.proquest.com/docview/490434869/</t>
  </si>
  <si>
    <t>                                           Velba Selectos t!ze never told/for leu than 10c. Yao now can buy the tame size and quality for S^Jujtthink, long Havana and imported to* bacco for only 5  Kuut  de MECfiA tp-^get the most your   J.    .         . Co.  Nvwtrfc* N, J. MELBA CIGAR ^t^m* 1. y. Hlrach Estate. AUanta.   .</t>
  </si>
  <si>
    <t>                                           GEORGIA RAILROAD Announces lowest one way Coach Fares ever offered. Tickets on sale daily, Atlanta to Lithonia .37 Conyers .47 Covington .62 Social Circle .78 Madison 1.02 Greensboro 1.33 Union Point 1.43 Crawfordville 1.61 Thomson 2.01 Augusta 2.57 Also Bargain Round-Trip Week-End Fares to All Local Points. J. A. HIGGINS General Passenger Agt</t>
  </si>
  <si>
    <t>                                           X. D. RHONE, president of to* Inter-denominational Convention of Mobile, Ala. Deacon of the Stone St. Baptlit Church. He Is popular In all the religious and civic activities of the city.</t>
  </si>
  <si>
    <t>                                           After having spent seventeen must Pleasant days in Europe. I am glad to write you again.</t>
  </si>
  <si>
    <t>                                           LUCKY MASTER INCENSE and PERFUME Are You Unlucky? Do you want to obtain the things you  Now U your chance. Why not give oar Lucky Master Incense and   Luck Perfume a trial? They will  *e you with  wonderful results. Send a money order for CUc for Incense and 30c for Perfume. If yov order both,  only 70c. Act now. Serrrt advice free with each order. YOGI   5G Indiana Ave.. Chicago, ni.</t>
  </si>
  <si>
    <t>                                           In the Big Bethel $10,000 drive many events have been planned for the current week.</t>
  </si>
  <si>
    <t>                                           QfeMBV VMMk ^MriMM% -^^**^Bf"''l B^ *"^HKf* **1B0i^* ^t^ft '^(~^^~^^'~^ifci^^^B .^^^mi^^^L. -^~~^^^^^^^^^^^^i -^i^^^^" ~^_^a</t>
  </si>
  <si>
    <t>                                           THE early sponsors of our system of government foresaw a realm of liberty, a haven in which a free people could enjoy life, liberty, the pursuit of happiness and religious freedom. To establish this province and safeguard its sanctity brave patriots poured out their life blood as a living testimony and a sacrifice that under God there would come a new birth to a nation whose watchword would ever be tolerance. From out this struggle a type of leaders came which was to shine in the galaxy of world...</t>
  </si>
  <si>
    <t>                                           Well, George Crumley won the rave. I am glad that it is over I "(BUT NOT HALF AS GLAD AS E. N. DAVIS WHO HAD TO DO THE WORK WHILE I WAS GONE) Evidently George Crumley worked a trick on Garland B. Pitts by quietly having...</t>
  </si>
  <si>
    <t>http://search.proquest.com/docview/490435147/</t>
  </si>
  <si>
    <t>                                           "V^ =__ l_B__fll ---jj-tD-j ON LY NEGRO, DAILY NEWSPAPER IN t!^    _D P__f_jlT I ON VOLUME 7, NUMBBft to ATLANTA, GA., MONDAY, JUNE 4, 1934 1' FIVE CENTO</t>
  </si>
  <si>
    <t>                                           Spiritual Rebirth Urged by Speaker                 Si. of -day        and economic  can only, he l- about hy the spiritual "K- of the men and "S! men uhn  up , Revorend Wmle Ilamptnn MvKlnnty, Pastor of the Ahtiorh Baptlrt hi. re). o/.CIereland. Ohio. .                 crt in the course or llic  sermon to the ;  of Atlanta University. Morahotmo Collene. and Spelman Collcore in Pinters Chnpcl. The  auditorium     filled to capacity  hnn the  procession of the speakers, faculties, and graduate* entered, and many stood to hear the sermon. Taking as a text the word* of Isaiah, "And a man shall he an a hiding plane from the wind, and a covert from thp :     of water In a dry place, as the shadow of a  rock in a weary land." the speaker proved by ) example and   the fallacy of salvation through  y*    !t of  or of government. Citing three great  ocal- problem* that       the world a* debt*, unfair  of wealth, and the unemployment that has been created oy the  machinery, lie declared that the underlying cause                 of       problems wid(!_ ness *nd  "A most casual  of the! rue and fall of nation* will reveal that n  of  and moral laxity in men *       and era of political and   In the state- Mr. McJunney naU. "Something Cooii wrong in the Inntr Jirci of men before  eo  In      . The          ti equally true A  of  and         must dominate the hearts and lives of men before it can manifest Itself in human  ips." Turning to the church as a   of nal ration of , he declared: "Before tho  can do anything for the world, it muat do something for . The church did its  work when it was numerically and financially weak, but spiritually anil  . Before           ChrUtlanltv can pUy her part In the work of' economic and social redemption, the most purify herself, and recapture the * and spirit of 'the primitive church." Taklne up. one by one, the ma(CooUnutd on Fap 5, Col,  J                 SffiTJM (Continued from Page U i jor social problems of the world, Mr. MeKinney pointed out how selfishness was the underlying cause of each. The problem nf war and peace can only be sol cm] hi* win. by curbing the spirit of selfishness In the hearts of men and creating within them "such a profound sense of brotherhood and the forth of numan life that they will not, even in the  of patriotism, go forth ami murder tbeir brothers." Regaiiing thr major  of the more equitable distribution of wealth and             especially to the Communist theory of economic justice, jthe speaker asserted  "no program of government or  reform can endure which has nothing- more than a  conception of life a* its I foundation of life as its foundation, and which  itself jhy fostering a spirit of strife and I Ill-will between the  of *oI ." I "'The  and economic salvation of America." ho said, "lies not in a new deal, but in new dealers, i in men whose liven Arc motivated by something other than the profit motive. The- new  will mean no more for the underprivileged than the old deal  wo have  men to do the  Preceding the address, the I scriptures wore read by Rcvcrond I John C. Wright, pastor of the  First                church, anil the prayer was  by Dr. Ryland Knisht, pastor of the Second Ponce De Leon Baptist Church. Thil -Spelman-Morohoune Chorus  "A Voice in the Wilderness" (Pringle Seott) and at the dose of the sermon, "Glory to God in the Highest" (PcrRolosi). The spiritual. "Every Time I Feel the Spirit"     sunir by the audience, nnd tin1 benediction was pronounced by Robert N. Brooks, professor of church history, Gammon Theological Seminary.</t>
  </si>
  <si>
    <t>                                           Solution of present-day serial and economic disorders can only he brought about by the spiritual regeneration of the men and women who make up society, Reverend Wade Hampton McKinney, Pastor of the Antioch Baptist church of Cleveland, Ohio...</t>
  </si>
  <si>
    <t>                                           NOTICE! We have in our files total daily Bond Sales for tht month of October, 1933: also, the daily average for that month which will compare favorably with the daily total sales of this month. We are ; the above services for only 25 cents. We are making this a monthly service and are here to serve you. Get FACTS and not GUCiJES. Mail your order NOW to F. BOX 587 ATLANTA, GA.</t>
  </si>
  <si>
    <t>                                           How does this organization differ from the Boy Scouts and the Young Men's Christin Association? The Boy Scouts of America functions only with and through existing agencies. Every scout troop must be affiliated with some fostering organization or institution. Such...</t>
  </si>
  <si>
    <t>                                           I 0</t>
  </si>
  <si>
    <t>                                           HEIGH-... realm ..... line treats of the informal variety are still in brewing in the ole hurgh ... quite so. folksies, for there was a dandy one out at Lincoln Country Club last Wednesday night, 11 till 3. "Die Madchen die ... ladies of pleasure to you were hostesses and they left no one discontented when all the fun had finally bubbled over and the guests were headed for their respective home..... As a matter of fact...</t>
  </si>
  <si>
    <t>                                           Today Tomorrow j BAILEY S ROYAL ''Fugitives From i The Big House" j Mldcc Evans i Nat Pendleton j Also Llltl- Jsck LltUe In I Musical Revue Bailey's 81 Theatre TODAY ONLY Silvia Sidney in "GOOD DAME" with Fredric March I also Jack Denny's Band Betty Boop Comedy</t>
  </si>
  <si>
    <t>                                           ON THE HOTTEST DAYS    [   j]M^H Don't Ire  heat dim the I t? 1^^K$~      : beauty of facial freshness and charm. 1 ^WBEi!^M8WK Uw Black and White Complexion Powder. vf ^^KmMmkA So soft, fine  smooth, it never ' k^tt^f9KSB8?~~ or  or clogs the pores. K ^Q^L^I^i^K^K Made by a  new process. Black             and White Complexion Powder blends IK -$~BBsaS8 i magically with your complexion and clings I It -X^MBWrnT evenly for hours even on che hottest 1 1 ^J^^C""nT''TCT day or night to keep you looking fresh. ~%^ BHi^^^^ ChooM the moit becoming cine J^sSr U^JSSSEtsiSv' Whit*, Flesh, Pink, Brunette, High J^iV,/)   .-^SBCSsMM Brown. Fragrantly perfumed. Sjr 7*   ^1?BSkS^^sIH r^^. J^4^85s^BI</t>
  </si>
  <si>
    <t>                                           Hubby Stops Party; Wifey Stops Hubby                 Rubbing his bandaged head, George Clark, of 529 Currier street, . told Hospital Patrolman J. H. Smith early Tuesday that the next  hit wife pitches ona^pf those, "hot" parties he r Ally means to itay out of                 Mr. Clark, .who appeared to Grady hospital shortly after two o clock Tuesday ? to be treated for a badly  scalp, told his tale of woe to all      cired to listen. It teems ,that he had retired and was In the midst of his  snooze, when his slumbers were  disturbed by big party at  he later discovered     wife Mm. Mtzle Clark was acting as hostess. Angered, Mr. Clark said he Rot up and cautioned the guests to be quiet, which brought no  at all. So  to physical force he bodily lifted one of the noisier of the women guests out into the I street. j .{Continue* on raje GoL 1),                 HUBBY i." (Continued from Page li Th;t apparently           jaid. So  physical force with Ilk- force, slit- smashed   over his head. Tuesday he sought the aid of polic.\ ; (hat he wanted hi? - loi-ki-d up ami he would prosecute her. Dctcrtivi-s Taylor and McGurrity were assigned to the caav.</t>
  </si>
  <si>
    <t>                                           Rubbing his bandaged head, George Clark, of 229 Currier street, northeast, told Hospital Patrolman J. H. Smith early Tuesday that the next time his wife pitches one of those "hot" parties he really means to stay out of it.</t>
  </si>
  <si>
    <t>                                           THERE SHOULD be no secret to the growing popularity of Claude Hopkins CBS jazz unit Orlando Robeson, the nimble-voiced crooner, is the answer. Varying slightly as to type, it is comparatively difficult to say whether or not Robeson is the equal or superior of Bing Crosby as a crooner. One thing, however, is fairly certain -- with the same "break" he'd...</t>
  </si>
  <si>
    <t>                                           [UGHfijn Here is the modern, *  cream that s made "double Itrcngth" to penetrate to the skin s  layer where coloring is * itcd. Use the one and only Black and r/hitc Bleaching Cream to lighten and  your skin to new beauty and .harm, and to drive away bumps, mole  and other ugly blem*  hcs In record-breaking rime For bcit results, always use Black *nd White Skin Soap (ZU) before you apply the famous Black and XVbitc Bleaching Cream. t* Tune in "Lombtrdo-Land" Oiturinc Guy Lombirdo's Orchestr*  WfdnoJiy Night. NBC Network</t>
  </si>
  <si>
    <t>                                           I warn t(.i enter in the World's Mills Brothers Imitation Contest My Name is 1 want to imitate a My address is j I am years nld.</t>
  </si>
  <si>
    <t>                                           The Friendly Neighborhood Club met at the home of the president, Mrs. R B. Ware on Hobson Circle. Although the attendance was small for this group, plenty of pep was injected into the meeting and some very important business was attended to.</t>
  </si>
  <si>
    <t>                                           scott A rr^A^tn^Wi*^^ Church  ONLY NEGRO DAILY NEWSPAPER IN THE WORLD UQlTIOri  7. NUMBER 156 ATLANTA, GA., SATURDAY, AUGUST 4, 1.934 Ttt,   ^~</t>
  </si>
  <si>
    <t>                                           Thousands of people who seem satisfied with their hope of salvation give no evidence whatever of a scriptural foundation. All are saved who have been born again into the family of God. All others are lost.</t>
  </si>
  <si>
    <t>                                           WATER FRONT WORKERS SLAIN                 Cases Made Against White and Negro Union Men as Three Negroes Die                 MORE TROUBLE FEARED                 71OUSTON. Texas. July 15(Specinl)- Three Negrots wern  an,) one seriously wounded in gun battle today in which three other Negroes  nd a white man were wounded as a longshore man s strike in sympathy with the genera] strike In Sun Francisco.                 California, got . It was early this morning when u truck and automobile containing nearly 20 Negroes, all .it longshoremen, ' tip: :'~iip channel and was fired upon from a sport coupe, which according to police contained four men. As the  of the coupe, said to havc bwn manned by (Continued on Page 5; Col. 4)                 (Continued from Page    white men, members of the Inter, rational Longshoremen's Axsocir., opener flr*.  the Negroes on the truck f.-U fatally wounded by the  of pli;o:  and shotgun discharges that (truck -them. The     wot returned by some of the Negroes on the truck and a white man was wounded. The dead: Frank Botand, colored. driver of U^ automobile  the troth. George Hardy, colored, who ws, riding ea  track. Jim Barnes, colored a .     In Roland's oar. The : C. Reeves, white, one *T toe occupant* of the , shot In neck. Joe Henry, colored, a  on the track,  In the aide will  die. Cases of assault with Intent to murder In three Instances, were charged against Rocves, who U expected to recover while a like number of  of  with /ht to murder were maae against S. P. Brown, a        union longshoreman. The general  for the San Franclnco men    slated for eight                 o cock this morning, thus making the troubles extend all along the California and Texas contal lines This strike in sympathy with the strike of 27,000 longshoremen who have been out for nearly two months on the Pacific. Tain of vandalism and looting have been numerous arid already the effect* of the shipping tlo up have been felt In a number of sections. Officials h*Ve Riven orders tha  foodstuffs must be moved at any costs and guards have been ordered out. Up in Portand, General Hugh S. Johniton, recovery  whose radio * war. well  nnd highly applauded Sun day, made a tingi;? o(..-tol for the settlement of hlx trouble by arbitration. Out in Waihinj;.~;i, t'. Sec  of Labor Frances Perkins kept In close contact with the general situation, hoping that something might happen to fore, stall the general walkout no plans were revealed of any  efforts 0( government intervention. Report* from Oakland.        . nta, state that ten men were arrc*tcu while   of food stores to  teil .Hes while the , of the     ! car system vot,,) to Pin "the Mi-tVe. In San Frur.. the 4.800 cm.  at th? Market street raili way ran their can into the barns i c. this morning, \r. to Joli i the strike in advance of     sche- j                 major . It    doubted that efforts will be mado to move  cart during thv strike, .'n the meantime, efforts at b.'tr. tion seon tr, lit fur i (.moved, telegraph   lto Jobiing the        .</t>
  </si>
  <si>
    <t>                                           HOUSTON, Texas. July 15 -- (Special)-- Three Negroes were slain and one seriously wounded in a gun battle today in which three other Negroes and a white man were wounded as a longshore man's strike in sympathy with the general strike in Sun Francisco...</t>
  </si>
  <si>
    <t>                                           Noted M.E. Pastor Diesof Pneumonia                 KANSAS CITY, Mo., (Special) One or    !  lights of the McthodlHt Kpixcopiil , the Hey. Luther Muckuy. d Is tret  of the         , und former  of tlie Ccntcnlul M, K. Church of thin city,    SiiturUuy, I lie victim of a                 , at the.WhcatleyProrldent . He wus fit . old, the youngest of fire children. He had been tatter it week and     believed tt be recovering, at the time death en me. II wiik  the leadership of Iti'v. Mm-kay tlio, the  Ihihitlfnl Cen ten in 1 M. K. church, one of t!ie  in the city was   years nan. 'rh(. property is now valued at 1300,000. m;ik..}W, 4ik!^c;       ^H.oC    Kiitisiis'Clly Konim' ' Ik todate one of the chief civic enterprises of tho city. Ite was  - and well       by all .  the social committee which nerved  free to the  anil   the Jwrlblc winters of. 132 -and 1033. Born in I-, Mo., Sept 20, 1882, IIpt Maekay wan married to .M!hs Ma.vme McPIke of Bowling Green. Mo. lie received most of his  after his - and /he   if hln three children.                 He wan first graduated from George U. Smith college, Seilalin, Mo. He next attended Illinois college nt Jacksonville, III. It was there that he made a brilliant scholastic and athletic record. After graduating from Illinois college, he went to Boston  where he was awarded hln 8. T. II. degree and lator returned to  his S, T, D, degree. He wait awarded an honorary 1). D.  from Wiley college, Marshall, Texan. He completed the four-year course at Bonton university in           , the  time In the history of tlic school,  it had ever been done. He began  In De.i Molnes, Iowa 28 years  eo and then went to SedHlla where he remained at u ;e*tet;twU?5     1 m He leaven surviving him, a widow, Mrs.  McPIke Mackoy, two daughters, MriC Charlyne Davie of Chicago and Minn Imogene Mnckay of this city, one son, Martin Luther Matkqy, Jr., of Kansas City: two brothers, John Mackay of Chicago and Rrnent MacKky "of Dtfs'Moines. Kc.his a nephew, Glltt Mackay, who Ik connected . the Hcott Newspaper Syndicate, of. Atlanln and a niece. Mist Vlrglnla-JlHckuy, a Public health  of Kamas City.</t>
  </si>
  <si>
    <t>                                           KANSAS CITY, Mo.,--()--One of the leading lights of the Methodist Episcopal church, the Rev. Luther Mackay, distret superintendent of the Sedelin district, and former pastor of the Centenial M. E. Church of this city, passed two, Saturday, the victim of a...</t>
  </si>
  <si>
    <t>                                           When Charles Edwin Markham wrote his famous: "Man with the Hoe' exactly thirty five years ago a poem which brought him immortality and is far more celebrated than Millet's great picture upon which the poem itself is based, Collis P. Huntington...</t>
  </si>
  <si>
    <t>                                           Wins Opener                 Jay (Dizzy) 0~:i i Jerome i Dizzy) Dean was again in  Wednesday a[        pitching the Cardinals lo a well-' deserved X-3 victory over the D.troit Timers, Alvin Crowilcr, who         for the Timers, was hit hard by the Cards anil  shaky support to boot.</t>
  </si>
  <si>
    <t>                                           The Mills Bros. Q 3 "OPERATOR 13" ^^^J</t>
  </si>
  <si>
    <t>                                           Bubble, bubble, toil, and trouble, Says the football witch, as she stirs her cauldron and blinks her one good eye into the pot where the fateful issue of the grudge struggle between Morris Brown and Morehouse is brewing. And none but the sad, silent hag knows what the result will be when those two old and deadly rivals untangle their horns at the closing whistle on Saturday afternoon, dispite the dact that Morris Brown boasts one of the strongest teams in the...</t>
  </si>
  <si>
    <t>                                           West Side Will Get New Flower Shop                 Mr. Edward I.. Jamry. who. for a number of  virs. ha* been rnn netted with the David T. Hnwni'd Funeral Homo, i*          an ud to thc       % flori*i .-hop at -14R j Went Mitchell street. Just a few doom below the Friendship Blip tisi churt-li. Due to Mr linn'*'  rire i" h;; (. he is making n specialty of fin.ural ^ns :i"d   ' asking that all Al!;,tan., cine in and --t his "e\v i-si; . Thi- iM ai- W,..t Side wry m.  i;1 h.: such a  i:i its section,  one  sort-ri hy (I'-*' of our mo v promis iiv: ; b"-.ss men of ih"' city.</t>
  </si>
  <si>
    <t>http://search.proquest.com/docview/490435595/</t>
  </si>
  <si>
    <t>                                           Atlantans Participate In Cartersville Church Dedicatory Event                 By Riv. C. A.                  Tuesuay. members of the Greater Atlanta A. il .E. Ministers Union, having previously  to change the nature of their meeting, journeyed 10 Car u-!Ic, Ga.. "where they mado a  '   * to" tlie s            ^ml took part in the                 ing ceremonies of the Robert Jones A. 31. E. church. j This church, which was .t ly donated to th^ A. M. E. church I through the solicitation of thi- pre siding older of the Marietta Uis- i trict. Rev. C. A. Winsfieid. is i beautiful brick . -10 Nj CO and built on the modern styles j j Among the ministers and visi- j tors from the Unioii ami :lv A. M. E. Ministers Wiws Alliam-.- i I were Prcsidint; I-:UK-rs It. E. V."- man, J. A. Hadloy. B. V. Thorn ton, J F. Moses. W. B.)yd Law- I rence, G G. Lancaster ami I i R J. Jefferson. .1. 11. KIu.-1'.or. .1 S Bryau, G. B. Hannan. J I'. Wi! kinson. J. L. MilliT. 1!. C. Cars- well ad Rev. G. Scott. Revs C. \V. Broiiirhton. A. I. Brewster. FT. II. Parker Charlc- j Peters, A C. "(    :' Mesdames .1. A. , A. L I Matthews. B. V. Thorut.'-.i. ll.-lef BrewsU-r. A L. Jackson, 11. M- Parker and Miss A. 15. Hunicul and others. j                 After appropriate religious :-:er vio.-s ~..nuu.tcd by Drs Wiikin- son. JIosCs. Rowan. Jefferson : Thornton, Bishop Fountain upon bi ins pre.- by the presiding l IcIlt. p. cached a powerful sermon on "he Biithday uf  Christian Cliurch." Tlic threat bishop beautifully" portrayed ihe I early ^'U-s and accomplish' I ments of the Chris: ia:i church in its early days and especially !n i the '.lic period.  til"  of the Hn'.y Ghnst as a   and  xe (Coutiiiued on Pa^c 6)                 (          from rscc 1) mankind. In hi.t closing. Bishop Fountaii likened th  -      of    - par ticular " in which     vras  as the birthday of u                 church in winch our racial group may gather from time to      and praise God In our own way. ;Many who had been  the bishop for years said  he was better than ever in the delivery or bis sermon. The congregation, made, con scious of thi ir duly bv the sor- I mon. quickly laid    * on table during the collection -while two ;.s jo.ucu i..c church and three  their 1                 services on the trustee board. A resolution of thanks to the officials or th  Episcopal church for this magnanimous gift, -was adopted unanimously. Following: the services, dinner was served to all present, and. although the crowd was larce. there was food In abundance, much barbecue and cold drinks being In evidence. The" presence of tiie local pat ty.  by the Bishop, as well as other group*.                 added much to the significance of the granting of this church to the colored residents of that section and      history for African Methodism in Bartow county..</t>
  </si>
  <si>
    <t>                                           Tuesday, members of the Greater Atlanta A. M. E. Ministers Union, having previously voted to change the nature of their meeting, journeyed to Cartersville, Ga., where they made a the Cartersville, Ga., where they made a ... to the suburban church and took part in the...</t>
  </si>
  <si>
    <t>                                           *~f BAKING I HlV POWDER Sime Price Todatf- I as44 L 25 ounces 25  I</t>
  </si>
  <si>
    <t>                                           14 Great Stars 2IW Most if2*k Beautiful Girls. n^WSS Most Lavish   HeJ 1' .^^^^El Ever Made ^^^^^^^H^ Warner Uros. V^^^^^Hjl Kuby Heeler  K Gtnrrr        H^^. und others  BAILEY S STRAND Tuduy Tomorrow Tues</t>
  </si>
  <si>
    <t>                                           Californian Sues NAACP for Slander                 VAI-LEJO, fall. ~\VA)- Ptuatin^ evidence was introduced in Un* .S-'S.IKiO suit, of II. Toney, one time principal of :i   school for hoys, :  ;: the !oo:il  of the XAACl' on the  ot  of,  as the  was tried                 iH- [i Superior Court, of justice here last week. Toney lind filed I1I9 suit against the organization  funds for Ills school had dwindled to        and he asserted Ilint the       caused (he community In stop supporting him. lie wild I list t In JO JS school fees and  averaged 5500 per month :iml now there was no income. When questioned by Attorney [.aw.  Sledj^, ot OnWnnd, California he endeavored lo bring out financial transactions of the school hut was unable to do so Ho admitted  hnt he kept no hooks on payments and receipts and was unable lo           t lie transactions. Numerous  witnesses wore placed on the  hy the XAACf In an effort to show thai Toney's  in the  was hail. One of the leading witnesses for the defendants was a comely school ,   at the school."" 'She. was ^iss Ernestine MoCrenry, a former student of Washington who came lo California from that stale to work for the Occupants of th0 courtroom were stunned when the  school teacher told how she was made lo love Toncy and offi r.'d marriage. She inld that T.moy thought she hud a beautiful shape and wanted her lo hare a  made In the nude for him. These  werp made over a long period and lie continuously hedged hor to     . Another broadcast was fired at the principal when Mrs. lone Hlakely laid how lie had fired at her four limes when she called at Ihc school to take hor son from his . Others who were pa.   the stand In an effort to establish his had reputation  those who rebutted the testimony of Ihe XAACP's witnesses were L. .1. Williams,  Cordon, Klsii" f . (J. ,~Jiuith. Sheriff Jack Thornton. Mrs. Carrie McGhee mid John H. Oliver /or the defendants and 0. II. Toney. Real rice Illghhee. Hose Toncy. I.ucl.'in Toncy anil Hen Toney. for (lie plaintiff. After all testimony was proffered. Judge Percy King ordered on the cuso submitted on .</t>
  </si>
  <si>
    <t>                                           WALLEJO, Call.--(WA)--Situating evidence was introduced in the $25,000 suit of C. H. Toney, one time principal of a segregated industrial school for boys, against the local branch of the NAACP on the charges of defamation of character as the case was tried...</t>
  </si>
  <si>
    <t>                                           Interdenominational Alliance M a k e s Plans for Big Youth Conference to Be Held Here Saturday, Nov. 13                 By Rev. N. A. Bride                 in order to facilitate and make more  the work thc A. M. K. Zion. C. M. E.. M. E.. Episcop:il. Presbyterian nnd Congregational Ministers Union, the union, by unanimous     ! Tuesday, adopted the "Interdenominational Ministers"                 ce" as its lame, retaining      some officers and standing com-! .s as under the old title. Tht. .ee. leaders sti.ts is byname and spirit ope nto any und all ministers of all              churches for membership. Rev. A. X. Bailey, the chairman, reporter on the Youth Conference, Central M. E. church on, West Mitchell street was select- j ea as the meeting place for the; opening get together night, which i has been set for Tuesday,                 bc-r 13. while the meeting places fnr the three f i:cc-c? night1;     announced later. j Subject's to be discussed will in- elude economics. labor, race, re-  and religion. j Working with the ministers are committee s of young people from j the churches represented In the; alliance and a meeting of the commit!(\. was held at the War- 1 ren Memon.il M. E. church Mon- 1 ('ay afternoon. This committee i will hold its next meeting MOn- i dny . October 8. a' the! Ariel Bnwen M. E. church, the j Rev. P. L. Inman. pastor. All churches- are urged to send their r  of young people to this meeting. Mr. E. X. Firestone. president and founder of the Kirestone (Continued on Page 6)                 Interdenominational (Coatinued from Paga 1) Products Co. .was presented to the alliance. He brought a message of how our racial group might improve its economic status. i: Rev. E. M. Hurley, the presi- dent, was in charge of the meet- i ing wit), Rev- J. A- Creen as sec- J1 j retary.</t>
  </si>
  <si>
    <t>                                           In order to facilitate and make more distinguishable the work of the A. M. E. Zion, C. M. E., M. E. Episcopal, Presbyterian and Congregational Ministers Union, the union, by unanimous vote Tuesday, adopted the "Interdenominational Ministers'...</t>
  </si>
  <si>
    <t>                                           The Stars of Bethleheem of Ward No. 3 of the Greater Mt. Zion Baptist church met in their usual meeting October 17th at the home of the matron 510 Hunt street. Devotional exercises and a program were rendered. Business for the uplifting of the club was discussed.</t>
  </si>
  <si>
    <t>                                           ALMOST DISCOVERED                 Marion Da vies and Russell Hardic in a. from "Operator 13") -Almost discovered, Marion Davies who appears in this scene disputed as a Nepro . is attempting  herself f.r0 nmp K"^" Hardie, a Confederate soldier in the MGM  Opeator 13  Bailey-S Royal theatre Sundav ManthoRlm ~% ThC MMLS          are aIso ^ h,</t>
  </si>
  <si>
    <t>                                           Church of God Convention is Hearing Close!                 Many :u :i"s will fi  to- 1 il:i.   si-.".-      thr Ilili !        - at the Church ..r i;..a Iliilim-ss :u      Kvtbvlhem ( or  nil WVst HULtlT     .'l :is a Jai-t- ^r ol!  an* x- il thai will flud      ^~   r 4*si to visitors a*                 "I'll :is -  the   *.aily this ^, :it Ui ix.iri. I'. K. H. Uiirrus, )u-;ul i'l' :lu' ( ll will U^IIvlt ;l ^p^ci:^l nn s-i:i^ ut * sor(C'ontinucd on Page 8, Col. 8)                 CHURCH OF (Continued from Pace One) vices. Sunday school, at 10:30 m the ; presided over by C. B. Reed, will come next on the program. At 2:30 In the afternoon, nev. W. , pastor of the 1ft. Ssinl Church of God, Anderson, South Cnrollmi. will preach. Rev: Doom is rated as one of the most powerful preachers of the . Tonight, at 7:45, union services will be held with the Rev. C. B. Mlckens, pastor of the Mt. Calvary Church of God, Chicago, m., one of the outstanding divines of the church, preaching on "Feelings Withont Pacts" based upon the famous parable of "The Prodigal Sou." Monday morning at 10:30, the business sessions will continue. During the afternoon meeting, which will start at 2:30, the  of rider* will lie featured, after which Hev. .T.,.WlUlams.  of Jtae Mt. Zlon Church of God, Cincinnati. Ohio, will preach devotional sermon. In the . u grand musical program will be presented with Urn. G. E. Audewrex. Atlanta, Miss KhodaBocg!); Greenrllle, S. C, and Mls.s B. M. Amirews, Atlanta as soloists. Tliere will     music' by the Ciimous Silver St:ir Qimrtet Greenville, S..~5^ and addresses by several . The meeting will come to a close Tuesday night with Buptlsmul  with the incident.</t>
  </si>
  <si>
    <t>                                           Many activities will feature todays sessions of the 11th annual national convention of the Church of God Holiness at the Bethelhem Church of the God on West Hunter street as a large number of events are scheduled that will find many things of interest to visitors as...</t>
  </si>
  <si>
    <t>                                           HOLLYWOOD--(WS)-- According to news items in local papers, Duke Ellington and his orchestra will visit the coast soon to work in more pictures. They recently left the coast after completing "Murder in the Vanities." and "Belle of the Nineties."</t>
  </si>
  <si>
    <t>                                           6000 AT ELLINGTON DANCE                 By contrast, however, I was in Detroit two Saturdays ago. Duke XUtngton played for a dance at the Craystone, a white dance hall 'turned over for the night to colored patrons.  iit on in connection- with the election of a local                 "mayor," the                   stupendous. More than 6000 people crowded Into that dance ball that torrid night Tt was "the largest crowd I have -ever seen on a dance floor, but the decorum was good. If there was a jingle bit at trou-t                 I did not cm 'it</t>
  </si>
  <si>
    <t>                                           THIS HAPPY and unruly bunch Is composed of the members of the Coca-Cola Courtesy Club, known as the 4 Cs, and their . They were special guests of the Photographers Club ball held at the HotclmcnV Improvement Club. Memphis recently. Photo by Clarence H. BJakelcy, president of the Photographers- Club and Court of Memphis.</t>
  </si>
  <si>
    <t>                                           A. W. P. RR. Announces lowest One-, Way Coach fares ever offered. Ticket* en Sale Daily ATLANTA ro- Newnan .59 Moreland .68 Grantville .77 Hogansviltc .88 La Grange 1.07 West Point 1.31 Opelika 1.64 Auburn 1.75 Chehaw 2.05 I Montgomery 2.C! ALso Bargain Round-Trip Week End Fares to All Local Points Montgomery only $3.00 Special Coaches for weekend club parties. J. A. Hiccins General          Agent</t>
  </si>
  <si>
    <t>                                           SAY YOU! LISTEN! L You that are interested in the daily TOTAL BONO    SALES: We have ini^ information that will Rtarile you. Those of the. snorting blood that arc not afraid to spend a few  for this REAL INFORMATION.- Mail your order NOW with twenty*   *  to- P.O. Box 587 Atlanta, Ga.</t>
  </si>
  <si>
    <t>                                           If rumors no float are well founded. Atlanta, next basketball season, ill be the home of One of the classiest semi-professional quintets ever assembled in the South... cording the thinly clad reports, such an aggregation is being organized from leading collegiate stars of old by an outstanding local business man interested in the venture. A suitable name is to be given the outfit, and, later, representative gears...</t>
  </si>
  <si>
    <t>                                           ATHiET: ICS PLAY BLUES SATURDAY AT MOREHOUSE</t>
  </si>
  <si>
    <t>                                           IN MEMORIAM                 In loving memory of our darling ion, brother and uncle. Mr. Artin Rmwvelt Phelpit, Who departed  bin life ,one year ago today. Ho Id (rone but not forgotten Sadnens in our heart*  dwell '~ a vacancy in our home That no ono elms can fill. Tbnrc's. a wound within '6iir hearts That will never bo healed Cone,     gone, but not forgotten Ilin voice now lingers  For as to think that life wax  tad yet thin life was ". Mr. ami Mm. W. ft. Phrfrw, parents. Mr. ami Mm. Thoo Berrian, Chattanooga, Tcnn. Mr*. M. R.       Lamnkin ami daughter. Fhelma D. Jone", Atlonti': Mr. iiid Mrs. Xred Rurrell, Rome, Gn.. Mr. Cliester A. and Jerry   . Phftlpe.  nnd Mir8P9 Mary Beth and Julian Phelpn, . +  Rot In  c "li Mother       , Our  with fond  As the day is  npar. Our    thp first Our   nil dlo. Oar  idol* turn to  Too Rwlftly they  by. Oh life, how  thy limit Is. I,  Just r dny We Rcarrc begin the work of life Ere we       . In ind memory our  mother, Mm Xorn ^II, who   two         (inrt, Mr. \V. M. Thnppcll. Dnuchtern MrB. II. I,. Smith, Mrs. .1. E. Arnold, and Mm. Katherlno Davis. +</t>
  </si>
  <si>
    <t>                                           VAIR and warmer-     ? with 'ten           extremes'       60 and 78 *~.  w. kindling .Uni'.yd Suites Meteorologist,</t>
  </si>
  <si>
    <t>                                           Bailey's 81 Theatre Today Tomorrow 'r\ CHARLIE r RUGGLES A Bailey's ROYAL Today Tomorrow  r</t>
  </si>
  <si>
    <t>                                           When the doctor leaves a prescription to be filled it is understood that so much depends upon the druggist as to HOW it is filled.</t>
  </si>
  <si>
    <t>                                           The regular program will be contacted at the usual time Sunday morning and night. Our Sunday School department has increased. The superintendent is requiring all parents to send their children to Sunday School and church. We welcome you one and all to attend...</t>
  </si>
  <si>
    <t>                                           DANCE TONIGHT WITH THE ELKS Benefit of Delegates to National Convention nd a Good Time Will be Had by All ELKS REST, 73 Fort St. Admission 25c Good Mask Good Order Don't Mint This Dance Frolic</t>
  </si>
  <si>
    <t>                                           Susan Broderick and her aunt. Lutic, who had seen more prosperous times, order a pillow at Hart's department store where the family had a charge account for years. They are summoned to the office of the manager. Mr Dillon. who informs them the account has...</t>
  </si>
  <si>
    <t>                                           wear "1 GOOD-LOOKING 6LASSES that (ire  FITTED Brine your prescription Ifl Doctetiader's. for          lenses in frames that cult your personality. Personal attention to color* ed patients In their own tie. . (terms ).</t>
  </si>
  <si>
    <t>                                           TfM TYLER By LYM                  MtbtAL iKt By ^,                 FELIX THE CAT By SULLIVAN                 TTS A GREAT, nira if i mir  .WfcARfcfN JJy JacE RaUiit                 TUBBY This Baby is Sure Harduo.                 TULLYTUWek</t>
  </si>
  <si>
    <t>                                           Streams in The Desert MY EXPECTATION IS FROM THM- (Psalms G2:3) Our (no  neglect of looking for  to what we i ask.  how  art- in ~- in oar petitions. A  is not  without his harvest: a marksman will observe whether the' hall hits the target; a physician watches the effect of the medicine which he Rives; and shall the Christian be careless about the effect of his labor? IVEY BROS. MORTICIANS "The Institution With A Soul" AMBULANCE SERVICE : Main 2567 Ja. 8B75 LarWn SI. s. W. Mtmtl YOU are never      sight of here 1 1 Your account here is not merely a number on a ledger sheet. You are a name and a person to us. This bank is a friend to you. Our officers want to know you 1 so that they may serve you individually to your best advantage. No services or attentions arc forced upon you. But you always know that someone here is really interested, and ready to give you prompt attention whenever you ask for it. .~~p CITIZENS^ jc^, THE BANK ON AUBURN</t>
  </si>
  <si>
    <t>                                           THE POSSESSION of whiskey might coast Will Grier his liberty after officers testified how they caught him with some whiskey. Grier was ordered held under $100 bord for trial in the city criminal court.</t>
  </si>
  <si>
    <t>                                           CHICAGO.--Sept. 2--Doug Turner ascende the throne as men's singles champion of the Mid-West when he decisively defeated Dick Hudlin, defending champion is straight sets, 7-5, 6-3, 6-4 on the courts of Mother Seames here last week.</t>
  </si>
  <si>
    <t>                                           I i</t>
  </si>
  <si>
    <t>                                           teal /ssm^^mm)     V*" M M_J ONLV NEGRO DAILY NEWSPAPER IN THE WORLD BUSb KTSWCVfE ^VOLUME 7, 2 ATLANTA, GaTsTtURDAY, JUKE 30, 1934 WtaTroSS</t>
  </si>
  <si>
    <t>                                           TikJii v- Tomorrow Bailey's ROYAL ^lEE TRACY HEIEN MACiT ^/^HEU^MORGAN.-' Last Times Today Bailey's 81 Theatre</t>
  </si>
  <si>
    <t>                                           A i I"c^FkMPM^^^SHEK^^=:rs Church BW ^gl^^S  NEGRO DAILY NEWSPAPER IN THE WORLD CQITIOri VOLUME 7, NUMBER 170 ATLANTA, GA., SATURDAY, AUGUST 18, 1934              CENTS</t>
  </si>
  <si>
    <t>                                           j ^^--==11 ,..^p^ WEEK ENDIKfi AUGUST 4. 1934 j- J V__- J</t>
  </si>
  <si>
    <t>                                           The first and second grades are busy working on the Indian Unit. We hope to have many beautiful trickets on display. The Red cross drive is progressing and we are almost 100 percent.</t>
  </si>
  <si>
    <t>                                           CHIFFON  PRICES and SERVICE JL MMMli HOSIERY 59c t0 5100 STOCKING SHOPPE 1 Eroad St at Viaduct Sizes SSL We Appreciate Your Pctronatjc t0</t>
  </si>
  <si>
    <t>                                           Every woman in the world can't be a Cleopatra and the factor in the downfall of a mighty empire, but she can be a powerful force in the little group that makes up her particular empire. History and the influence of beautiful women tell a significant story--and Cleopatia's...</t>
  </si>
  <si>
    <t>                                           EM P I R E OA. isTE; AT- IT.  A.     TODAY- SUNDAY ONLY1   TREVOR I KOrOJAT-</t>
  </si>
  <si>
    <t>                                           DAI^NIWIMVlK IN TM* WOkTd FOUNDED AUGUST 5, 1928, BY W. A. SCOTT MEMBER OF THE ASSOCIATED NEGRO PBE88  COTT NEW8 SYNDICATE, INC.,  A. 8COTT  MAB8HALL DAVIS Manaflnf Edttoi THOMAS JEFFERSON FLANAGAN AMoeUU Ultot SUBSCRIPTION RATES 1 Tr.- 14.75, I Moi.- $2.50, 3 Mos.- Mo, I Mo.-      7 Only flH NATIONAL  REPRESENTATIVES W. B. ZIFF CO, Chlcafo, 111, and New York, N. T.           Dilly tad Sand., at 210 Auburn Are, N. E. Telepbonn: Walnut 1459 and 1460 BnteMd u Mcond clau matter at tho post office at Atlanta,   7" under the Act of March 3, 187P MKMBKa AUDIT BUREAU OF CIRCULATION</t>
  </si>
  <si>
    <t>                                           BLUES DADDY S DAUGHTER                 KATHERINE E. HANDY daughter jof the famous composer of the St. LouU Bines, who Has won" laurels oh the silage as a singer. SHe has appeared as a featured star over the Columbia Broadcasting System. Another daughter of W. C. Handy was recently married to a  of Cab Calloway's band.</t>
  </si>
  <si>
    <t>                                           HOLMES INSTITUTE WILL OPEN THIS MORNING                 Holmes Institute will be opeD this morning at 10:00 for the registration of students who live in the City. All parents who are planning to send their children to Holmes Institute arc urged to begin work on the opening day. Special attention will      parents wlio have more than student to board or put in  l:iv school. j For further information * c i ~.~ill K. K. Holmes, President, ::;.T  Place, N". E-, Phone JAvkxtiti suns.                 Ford to Run Again; Eyes CongressNow                 NEW  (.VNP)- According    :ui announcement froio campaign h.'            -s ihc Communist parly in su K.  street, James W. Ford, win) ran for Vice President of tile l/ States iu l!W2. will  .war  for congressman from    ! 21st Assembly District and Mrs Wllliaua J. Burroughs,  schoolteacher of Jamaica, L. 1.. will ruu for Llculvuuul-Uovcrnor ut New York. Commuuisr -al leaders bavo  Negro candidates for smb  ;   Uiik'f Justice of       Court of Appeals, five cou^ scats.  in tbe           , five in the slate senate, tu\~ county clerkships, a county , one as a district attorney, three as justices uf the state supreme court and ouc for .il court judge. .Mrs. Burroughs, who was a  for City Comptroller iu l!i:C, is prominently identified with the Coniniuidsc  here,  dismissed from the school system for working actively for tbe defense of the Scousboro boys. Kiic led a large delegation of teachers to the board of education to demand  of Isidore Bluniberg, u white teacher, who was expelled for acting as  u of a teacher s salary committee, i or this action the militant  was expelled. Since leaving the public . she has  us chief %L the  Workers School. NEW YORK SURRENDERS I'iUSONEK 10 GEORGIA NEW YORK CITY, Sept.- (A.N. 1*.)- Paul Smith, 21-year old fugitive from a Georgia chain gang, started on bis way hack to that state Wednesday  after a  of efforts to  his case hud foiled.</t>
  </si>
  <si>
    <t>                                           "^aaaM WEEK ENDING OCTOBER 14. 19M i</t>
  </si>
  <si>
    <t>                                           PAGE TWO THE ATLANTA DAILY WORLD. ATLANTA. CA. THURSlXvY,~OCTOBER 11, 1934.</t>
  </si>
  <si>
    <t>                                           Many baskets of food were made available to a large group of Atlantans of both groups at the Municipal Market on Edgewood, Thursday, as the result of a big co-operative effort on the part of the officials of the popular city market and the booth owners in the...</t>
  </si>
  <si>
    <t>                                           Atlantans to be Active at NAACP Meet                 Delegates from the Atlanta  of the Nutloonl Awociutlon for the Advnnvpment of Colored People will piny important roles ut the 125th  or Silver Jubilee national ; of the   nt Oklahoma City, Oklahoma, this week, a perusal of the                 for the  . Tlie local delegation will leave  tho Southern  at 7:10  morning. Included in tho Kroup will be Attorney A. T. Wulden. who for n number of yearn          of the  branch;     .IMCphinc l)      Murphy, pros Idfnt of the Woman's Auxiliary of the Atlanta branch Her. J. Ruymond Hi'mlenon. militant  of tho Circntcr Whciit Strerl Hupfist , who in a member of the executive committee of the brunch untl who directed the JII34 I  : and       Ilosa M. Copliy, branch . Thi- Henslniis \ start Wndnea(ConHnned on      S, Col. 7)                 ATLflHTAHS (Continued from rue II day evening with a mammoth pub. lie meeting. At the tint regular  meeting. ThurWny morning, Attorney X. T. Wulden will preside. Tlie  of tbU meeting. "Law Enforcement" in expected to  much comment,  In .view of tlic efforts K-inn made to  nil Amei/.nn  from mob violence* oud  h law. Friday night. Itev. Henderton will he Riven the honor of making the Spingarn medal  . Thin .     lire eated to tlie  making   contribution during the year or during a period of yean will be awarded for this year to !*ae W. T. B. WUUunis,  ot                 Tuskcgee Institute tor hts  contribution in the field of . Tlioso AtlnntauB who hare radio* of  type     be able to hear the closing program of (he meetIng which will be  from Station. WKr, 0(10 k or 33.t m. a fc 2:30 Sunday afternoon. Con6% ,  Is slated to  I while Waller White, a former At, I . will give bin annual  J- I . J^S</t>
  </si>
  <si>
    <t>                                           Delegates from the Atlanta branch of the National Association for the Advancement of Colored People will play important roles at the 5th annual or silver Jubilee national meeting of the organization at Oklahoma City, Oklahoma, this week, a perusal of the...</t>
  </si>
  <si>
    <t>                                           INTERESTING MATCHES will be had all day today in the second day of play in the annual City Championships being held on the Washington Park courts. The matches are being pushed at a brisk gait and reaching the important rounds so early insures Atlantans of getting an eyeful from now on. Starting today, important hangs on every match. The most expectant morsel of the day is the three out of five set semifinals encounter between Dr. A. B. (Pete) Harper and Ralph (Joe)...</t>
  </si>
  <si>
    <t>                                           TERRY ST. CHURf H Will BE  OF MEETINGS                 Vi-~-:~n -01 K-~  in     t^rlo''1; nt     tv.^,. street Baptist -h!  of Mnrtin. and Lofan ='~ i wi h nn Intrrrstlnc  that: "in -. n number of ^'e'- 1 lions by the Busy      ! th^ introductory sermon by Rev I Wallace. I Sessions will be hold every  Ihis week with representatives from a number of churches taking part. Tomorrow- nisht. '.ho Welcome Grove Baptist  croup will b'- in  of the devotion- 1 ils       Rev. .1. j. Joncs will I preach .1 doctrinal sermon. Wed- i  nicht. Rev. J. H. Mann will I  :m  sermon  member?: of Sunnysicle Bap-1 list church will be in charge of . The  win  Surnioy whi-n special * will be hell; in the  climaxed by a missionary sermon at. 11:30 by Pcv. .1. H. W: and a '.  at 2:30. BUCK HEAD MAM ) Ous Rn.*cr ..f Buckhead anil wlm gave h-s address as living on Irby Alley was admitted to          Hr. for a - stab wound In his left arm. Kiicker  11 Worl.l -r that he was attacked by tw(1 ,        known only to him as Preachr and '(till Folks'. Rucker couM civc no ri-Hson for the stahl.in^ which li,. sai.l i.o^i^ in Kuik j lica^l. 1</t>
  </si>
  <si>
    <t>                                           Society Girl Lightens Skin Three Shades Discovers magic double-acting bleach She had thought her dark skin was hopeless that she would never have Unfashionable light skin of other girls. And then she found this simple sate way to a clear, creamy skin Nadinola Bleaching Cream. And in an amazingly short time she discovered that her skin was actually three shades lighter! Not only that but it was Car softer and smoother- tree from blemishes and blotches. Just smooth a little Nadinola on at bedtime no massaging, no rubbing. Then while you sleep it immediately begins to dissolve dark pigment. And remember it has DOUBLE-ACTING qualities found in no other product that s why it is so remarkably quick and sure. Yet it is wonderfully gentle to sensitive skin. Satisfaction Guarantttd or Money Back Get a box of Namnota Bleaching Cream at any toilet counter or by mail postpaid. 50c If you are not more than satisfied money will be cheerfully refunded. Don't risk your delicate skin to cheap bleach creams, ointments or lotions. Insist on Nadinola tested and trusted for over a generation. Nadinola. Paris. Term.   Phxdmt0rrm When Poisons Clog Kidneys And Irritate Bladder JUST DO THIS Go to your druggist today and get this grand diuretic and stimulant-ask for Gold Medal Haarlem Oil .Capsules and start at once to flush kidneys of waste matter saturated with acids and poisons. That's the- way to bring about healthy kidney activity and stop that bladder irritation which oft. en causes scanty passage with smarting and burning as well as restless nights. Remember, the- kidneys oft- need flushing as well as the bo-. els. and some symptoms of kl- i ney weakness arc: Getting up on- or twice during the night- puf eyes- cramps in leg . i and moist palms. But be sure ar net GOLD MEDAL Haarl.m C". Capsules- the original and    - i  the price is small (Jj cents), the good results will fu:. fill your expectations. 1</t>
  </si>
  <si>
    <t>                                           i OPENS TODAY AT ROYAL  has been  "Ever Since Eve, in. 2pA c/ thai tide, featuring the too players.</t>
  </si>
  <si>
    <t>                                           At Royal Theatre j Sun.-Mon.-Tues.-Wed. j Children under 1   Not I Admitted I "V *3 I  ou owe it to i Yourstlf- x Hjg        ,7y_ 'our Fritndt- J ?! At last a picture that j I [,~~ troths that''! . should know.' BAILEY S ROYAL TODAY ONLY Return Fnsiagcmcnl Cecil B. OeMille'a :**The Sign of The j Cross'' j With FREDRIC MARCH i i I CUudette Colbert Ch... Lkntbton T!irM)ins! Mighty! Powfrfu!! I Se-    =!.~1. WOMl, ~,..,.{ Je-      Sp!   ?or. j j  OF "BIG BROTHERS'^ j</t>
  </si>
  <si>
    <t>                                           FERA School Here Creates Interest                 Relief workers from Reven southern states were present Tuesday' morning us the opening classes of the special summer school of Atlanta School of Sooinl work for the training of relief, workers tit government expense cot .                 Speakers for the occasion, which marked an epoch in the efforts of! thp federal government, to  make ltd   what it I Hhould be. were Dr. will W. Alex-! ander, president of Dlllnrd                      versity, Now Orleans, La.; Mlsj' Guy B, Shepiwrson, federal emergency relief director for Georgia: aud Dr. Tims. Sinter, prominent1  ( and a on- of the board of trustees jt the Atluntu .School of Social Work. According 10 Forrester B. Washington, head of the Atlanta School of Social Work and director ot  work ; Necrovs, the news of the  of the school _JConUnued on Page 4. Col 2)                 FERA (Cuntlnued from Pate 1)  has attracted  attention, telegrams of Inquiry having been received from as fur away as Syracuse, New York. In outlining the program of the government in this new recovery undertaking which bus been  by Uarry Hopkins, federal adm. and  leading ot , an u means of providing trained uncial workers to cure for Xcitro relief cases, Mr. Washingtun  out that only those lier sons now being employed in the relict administration systems of the vii r ions states Are  accepted by tbe school under the federal plan. However, regular students are  accented for slimmer school courses and for the fan term. All must bave the minimum entrance requirements of the  school nature demanded     th0 Atlanta Schoul of Social Work. ft is expected by the  of the week that students from nil of the southern * will bt-  at tlie M-hool. At present ihe I'nrollmi-ui  relief worker* from Georgia. Al.. Tynnvsaee, MiMlssiPpl. KlorlUa, VirKlnin, und . Another r  is  to shirt its studies on  firm quarter, the present croup  to their posts to work until the second winter term. Thus alternating work and study will  the i-dm^ pro mum of the relief  with the ultimate result .that trained N'enro    be avail uble to curry out the relief  of the government, which,  to        in the 'know' will     u necessity for a  of I year" to come. A similar  is to       't up nt  Knlvcrdlty of (     ;l:i.</t>
  </si>
  <si>
    <t>                                           Relief workers from seren southern states were present Tuesday morning us the opening classes of the special summer school of Atlanta School of Social work for the training of relief, workers at government expense cot started.</t>
  </si>
  <si>
    <t>                                           Reno, Nevada--Oscar H. Hammonds, observer of the United States Wisther Bureau at Reno is the only Negro, so far as known/employed in such a capacity in America. Mr. Hammonds formerly a school teacher, entered the serivce in 1907...</t>
  </si>
  <si>
    <t>                                           DR. FOSTER Day and       Daatbt Cleaning. Filling Cf\n Excractins (PaiaUu) JUC 30K Bro.d St. Cor. AU.</t>
  </si>
  <si>
    <t>                                           His Roaring Guns *!i.Venaeaace OuUhot KHler*, \*     - law.~. Rapid F:rr       .    - i  Adventure I GE03GE I O'BRIEN "FRONTIER MARSHALL" Baiiey's 81 Theatre Today Tumornr.v I</t>
  </si>
  <si>
    <t>                                           America, seemingly has always been willing to try new experiments, and many have proved suceessful. The "Brain Trust" experiment, perhaps is the President's idea, and has received most of its knocks from hard--headed business men, who seem to...</t>
  </si>
  <si>
    <t>                                           TICKETS are already on sale at the Bailey theatres and Amos Drng store for the sensational Cab Calloway attraction here this Thursday night. 9 till 2, at the City Auditorium. It's a very wise idea, good peepul, to get your tickets now and avoid the rush.......Special car service will be of forded and, even after the-attraction is over, you'll be able to get a tramway home.</t>
  </si>
  <si>
    <t>                                           ATLANTA MAY OPEN MUNICIPAL LIQUOR STORE                 COUNCIL II TAKE STEPS                 Mayor Key Advocates Establishment of Liquor Store                 TO AID REVENUE                 T!i:il Wty employes nny not bo i'~r.-."l t.i undergo n  cot in  i:iy   I lie : i liri tm.is  may    nude ni.:ry in :lm       ~.~il f: pri-~~            :i .    .,     poy.       :in the city cf AMiin'a  rapidly Tuosilay t" si t 111.                 ry to  the   owned and operated         -Nire in  5   in an effort to Imlan"1 the budget. Mayor Junes L. Key. who Chan*  tho establishment of the store. 'during the afternoon, was ]  f roe use of a        store  at S3 Nona Pryof       Roy Toua;r. holder of Ions torm leas* on that place. Mayor Koy. who proposes tiv  of the  store In order to "pour the  Into a depleted municipal treasury to furni-h  liquors and to outlaw th* Uotteacwi" .^1 d-po1uU uut- i lie voters, in the recent  Democratic primary voted thrie to       a- prohibition. He pi.- .U that nearly $500,000 .l .~mo  u  ^ic first year  tin: expenditures for 1835 are     exceed the anticipated  l-y nearly Sl,000,000. I'roponcnts of the establishment f a liquor store as n  of -' tho city finances aru hopeful of the passage of the Mil Monday while Mayor Key expr^-sno tout of * from tlu. booi/~5 crs ~':g3n, bs vr^. be     l-e abi-~ to f.cr c-i* *C     be  set good Uounr and sell i(Cootinaed on  5, Col 2)                 Council May j (Continurd from    ? 1) .~~.-:    . I i- m !.;.l:.  .-.- ill.- i.iMi^'-t Iti i ivi.          if     - rity :;..\.-.Mit ui!l  i\~~ mi' lh'- ::ui1niri:j n tin*  i..n-~ Hi.'   .-~.-.-"    -   f ih' i-itv l I'm !~~il l.;i.. I m* .iti in- wli.n I *ny. I'll i-i t-n li.,n..r' I..,-.- :iii.I .i.  " ilay " pi"  -r I'.H'tins fn-ni . U j is III.' )  1 (~'fi-U'.i' th.'     i- Ml !n:ik.. ill 111'" f: f .t.'.-r-M*.'~l pif. 1 nii^ ~''-'l w\\ ~~':ir I     .~-.~ -II ..nly L-"\"iil I 1 -lull, .in.) il  II..' I--I \v. I cm W." All  "i.-     .T:il ^~~i.Tlim.lil t. iiii.'n-i.il in fn.iu Hi" -i.in.  ".iiii ..f . wine ;ili.l l'.-.-r i- thai Hi.- im\.'~  ln.' Hi.'  -in i p:ii.l  wh-ii .1". l.'.iar.'il i \V. K. I'.iso, w.llc-l ir nt iriN-rn.-il I !~'  '!   ', wli**ii .~iii/ :il-. it; t li*-   *t I  up ~.f ;i  s:-..r.' ami                 I li Hiili il ..ui l)i:il All:.)   1 'II tin- li.pior ...tup s il wmil.1 iu-i n- li.ug :is tin. ta.           .l. Mii- .-i Ij.ury wli.,         I'.-iri].- n-aiii'-t tin- ~-rli-' of ln'~r in Alhinl;!, \v:is  :is 1   what -li-~~ lie u- t:ili"-, ih . Ins    !  tl pi    r tin- ^i. In ~*\l ^ his ^t: tin the mail r. .u iii.i 1 1 HuLK  l:il.-l  tin*         nf his  IJMt.  to I'll! Ihr lH^~tlr^^fr mil ill' -.* anil  Ihc Ni-^rn        'i;;;'.   li.iv.-   .n-hl tin- I'lml.iM   i lli    of *  frum      *y * in ^         .</t>
  </si>
  <si>
    <t>                                           That city employes may not be ... to undergo a 30 percent out in pay and that the approaching Christmas holidays may be made merry in the good old fashioned pre-prohibition days loomed possible as the city of Atlanta moved rapidly Tuesday to set up...</t>
  </si>
  <si>
    <t>                                           AU Publicity Director To Take Old Job                 Simplicity and an air of deep sincerity  n,~ regret at his depar-l turP. marked a farewell reception! held at the Atlanta university! dormitories Friday night by mem-] bers or the faculties of Atlanta I niversity.          and More-j house Colleges for Harold B.                 len, publicity director of the Urn.; system, who is leaving    -, city j late this evening to resume his du- j ties with the Tamblyn and Brown I Company of New York city, na- tionally known promotional  c-~ per! organization Mr. Allen, for        ! '-ear. ha. been - e,~ "'h '   Unh-~r;i-. ty Systr.'n . been "loaned"'] by  hc New York ' on b lci ve of absence 'he loc.il in. 5' of higher rd ication       coming to Atlanta, he has made wonderful iir.   33ion as a' hard and conscientious worker.l      'in"!~t         ,                 U PUBLICITY I'ontinui-d from Pas* I) .1 ig up very frie. relations 11 four of the Atlanta dail.  rs, the      . the Georgian. urnal and the Constitution. to coming to Atlanta. he, wide varied experience. ;ith the  with which ]-~    - :iS one of their best r :      men and jn Washing. r C. in official circles. i:.dent .lohn Hope of Atlanta sity. \in announcing Mr. . expressed keen at the loss of the man who complished much during his n 'he '~ca' campuses and ini a World representative .'or the. time being, no appointment would be made to the post vacated by Mr. Allen. the news releases Jrom the three schools being handled through the presidential offices. Mr. Allen, he .d .had been "loaned" to the university system, which is now starting its MXtn year of successful operation, with the understanding That he could be released any time upon 30 days notice Irom the Tamblyn and Brown Co.</t>
  </si>
  <si>
    <t>                                           Simplicity and an air of deep sincerity and regret at his departure marked a farewell reception held at the Atlanta university dormitories Friday night by members of the faculties of Atlanta university. Spelman and Morehouse Colleges for Harold...</t>
  </si>
  <si>
    <t>                                           i COME SCAT, DANCE r ami /-HODEhO/ COTTON CLUD ORCHESTRA IN PERSON CITY AUDITORIUM Sept 13, 9 Til Admission 65c  ON RALF'aT ROYAL THEATRE 81 THEATRE AMOS DRUG STORE</t>
  </si>
  <si>
    <t>                                           Baseball Summary I! i SOUTHERN LEAGi;E Final Standings i CLUBS W. L. Pct.j New Orleans M 6W\ Chattanooga 44 34 .564, Memphis 42 38 .52b I Nashville 41 3D .513' Atlanta 10  1 .404 1 Knoxvillc 3S 43 .456 1 Little Rock 32 .4101 Birmingham 28 48 368 1 Yesterday's Results I Atlanta 3: Nashville 0:  rain cd out) i Birmingham 5-5: New Orleans 2-1 Knox\-lUe 3-4: Lit Rock. 5-7 Chattanooga 4-5; Memphis 7-5: (second called fifth.) j NATIONAL LEAGUE j The Standings CLUBS vr. li. Pet. New York 88 53 .624 St. Louis 84 56 .600 Chicago HO .58 .580 Boston "1 68 .511 Pittsburgh 68 67 .504 Brooklyn 61 77 .442 Philadelphia 50 85 370 Cincinnati SO 88 .362 Yesterday's Results Chicago 6-4: Brooklyn 11-5. Cincinnati 2-5; Boston 1-2 St. Louis 5-3: New York 3-1 Philadelphia-Pittsburgh (rain) Today's Games Chicago at Philadelphia Pittsburgh at Brooklyn Cincinnati at New York (Only cames scheduled*       4    AMERICAN LEAGUE 1^*                 v_ Vr.    Pc'Detroit ~**M\ S2 49 .652 New Yorfr  JIf" 87 55 .613 Cleveland  '8 65 .539 i Boston     10 7l ~*96 6t.  *tJ_x 63 71 .458- Wasium;ton bl 78 MM Philadelphia 60 18 .435 I Chicago 51 87 .370 YestcnU;'s Kesnlts Boston 1-10: Chicago 2-12 Phlla. 2-2: SL Louis l-o Washington 1: Detroit 2 New York 2; Cleveland 5 j^j. Todaj't Games Waslilnston at 'Cleveland :NrT7 Tork at Detroit Phlla. at Chlcugo ki I Boston at gt. Loub VA/*-':~ji</t>
  </si>
  <si>
    <t>                                           f Rer. L N. Demy *yx I    4  ft*, port 20 years that coa-* As I^-   of Dr.      Airti- SuSerew from          Soataca, RheumaUsm, Ltnabaaa Neuritis, Muscular P.^~ Pfrf ^hu, write that they     used Dr. MUes Anti-     , with setter  than  iMd even hoped fat Counties Americaa  would no mar* fy*nl al keeping   Di MUa Anti-Pain Pills than without  kmr or sugar. Keep a package in your medicine cabinet and   needless   ^i P^~ff Storcr-2Se  ad SUS  y o5^S7SSaav^5!y</t>
  </si>
  <si>
    <t>                                           MAN BADLY                  Itlchnrd Parks, 40 Boon State Alley a city laborer, was admitted to Grudy hospital In n serious condition Friday . Parks bad been Knot  the neck one time while tbe second bullet        rated bis  leg NEW TAGS TO BE  AND BLUE The 1935 Georgia automobile tags will be orange and blue according to information released Friday by W. L. Joiner, succes.     to Marcus McWhorter as hrad or the tag division or the state revenue commission. So far. 388.. BOO 1934 tags have been issued, toe largest number of licenses ever sold in Georgia. The new plates will  blue letters on an orange background. MAN EXECUTED FOR KILLING GUARD Milledgeyille. Ga. (Special) Convicted of slaying a prison guard in Washington county about eight months ago. Frank Johnson, a Washington county Negro, was e.  at the state prison Friday.</t>
  </si>
  <si>
    <t>                                           SUPPOSE A major oil company would aak you for a suggestion to inject in their business, to give you belter service. How would you feel? SUPPOSE They would ask you to be district manager at $1200 per month. How would you feel then? SUPPOSE 1 You had the opportunity of making a job like that for your son, just by being careful where and how you spend your pennies? SUPPOSE You call or drive by to see DODSON Anborn Aronao at Jaeluon, N. E.   . 8084 McDonotjjh Boulevard  t Gammon</t>
  </si>
  <si>
    <t>                                           p Rer. L N. Dtmy *y* 1   nothing fa. (JU post 20  that aw take     *~W* i my ' % Suflerew from         . NninUgi^ Toothache, B^lnch^ ScatiOL, Rheumatism. LnmW Neuritis, Muscular PjaMTpcriodfc Paias, write that      hava used Dr. MUes Antl-PiS PJD.. with better results than they h^ even hoped far. Countless A^^i^ *. rives would bo max* think of keeping house, without Dt     Anti-Pain pin,      without flour or sugar. Keep a  in your   and  ve yourself seedless tutoring. At     0 Store*- 25e sad  r   . MILKS' AKTt- PltLS</t>
  </si>
  <si>
    <t>                                           CUT AS RESULT OF TWO WEEf FEUD                 TAMPA. FUu_                 Leo Brown, 1224  St. wan admitted tn the Tampu Negro hop   0:00 P. M. Friday, .Tune 10, im tho  of   iiit by a man, Willie Levlno, with whom Brown hart hurt nn argument more than two wooky aso. Brown told  that Levln'e  om that     would kill him at the time of the . When Uvlne came out "f nn alloy  tho      which Brnwn won  Friday1   nd  aw thn mnn with whom he linit the . It la  that h, crept upon Brown and   the  man In the hark. I- ninde hig  be/ore police arrived.</t>
  </si>
  <si>
    <t>                                           Madame ZeHa PALMIST AND BUSINESS ADVISOR Consult lh4.Wo.nan Who SPECIAL. ONE WEEK WITH THIS AD Three question* answered  If you want     . and not promise*,  this" woman. 1/     m down hearted, having trouble at , or failure in , lore, marriage, or J'tom, THIS  IS FOR YOU. I Civrs . date* and lucky numbers- All  guaranteed or no . SPECIAL, a   MUr  far doUar. oaw wrrk . Wl   -      . Road la Backb*~J. C*.-    in tana. Ilouri: 9 A. M. to P. M. Cool far BIm Eloclric-Slfs in Front uf Storn.</t>
  </si>
  <si>
    <t>                                           OBJECTED                 LAWRENCE O.\LF.y one or the few World War Veteran Officers of color who fO Jghl "Over Tncre" and carried on "Over Here" by sheer aim of his ,. and equipment, and a member of President Roosevelt's so-called "Black Cabinet," strenuously objected to the proposed deal for Hie reopening of the Montgomery 'Ala.) plant of the Southland Manufacturing Co.. In a hearin;; before Uv NRA Appeals Board recently in Washington, a plea was made by Dr. C. Lake Imes of Tuskcjjee for the reopening of the plant  employed 300 Negro Eiris. at a salary below that set by the code. Lieut. Oxloy objected.</t>
  </si>
  <si>
    <t>                                           Rev. Glenn to Preach at 8  At Ebenezer                 Key. I..    -.i. pastor of    ? i - ViiM I'.ryan Baptist I chin oil of Savannah. Georgia, the j oldest .\'e;~ro Baptist .vh in ~'.ho country, will preach at  o clock this i- at thy Ebcnc/.cr Baptist . coiner Au-i '~urn am! Jackson, according to i announcements lato Saturday  hy Rev. L. ?.I. Kinp. pastor of tin. ~,,cal church. Dr. Glenn is no newcomer to' At!am;~ns as he will hr n\_vm-' IiCred as th" pastor of the Piovlili.net.  st  of this city 'ir.d Jin. p; and builder of the "' liai tist chn:.-li of Hast I'oint. Ga. lie lias i-~nil"~-r...~ successful r- at the Wheat Stroot and J!t. Zion Baptist churches anil is coii. as om; of America's h^ ;:cists. All church (roers and former friends of Rev. Glvim arc Invited f  him t.Miijrlit as this i.; the first time lie has preached in Atlanta in some time. Winter Playground Program Proves Quite Popular According to reports of the piny Kroiiutl leaders, tin- children of Ai lauta an.'  with tli- new  of tile FliHA which ik making it  for the ' to I'tijny supervised piny          Iinurs  the winter    " sion. Although the program was not started until Tuesday, n Inrse num Ikt n-  '      tlie first . The Institute for lenders, which     lii- held nt the Central M. i: church in the :. hus Ih-'L-'u rated a" very successful uud help fill to the stuff. Xeiv workers tire   to the stuff which, at the present time Is now In operation at the Book er T. Wellington IiIrIi, David T. Ilownrd, li. P. Johnson and CroKma . The hours for the playground period will In; from three I until ave- dull}-. I</t>
  </si>
  <si>
    <t>                                           Tillotson College adds to its faculty for the coming year Prof. C. L. Reynolds, A. B., Morehouse, M. A. in business administration, Atlanta university, Prof. of Economics and secretary-treasurer: Prof. L. E. Kelly, Ph. C., Detroit Technical College, A.B., M. S., Detroit...</t>
  </si>
  <si>
    <t>                                           Prominent A, M. E. Layman Will Be Buried Sunday                 Funeral  for Alonsca H. Smith, prominent Snmmcrblll resident, who died Tuesday, will be held at two o clock Sunday afternoon from the Allen Temple A. SI. E. church, the Rev. R, J. Jefferson. Iiastor. Mr. Smith, who was reared in the community, has been a very (Continued on      6: Col. 1)                 JpOMINENT AME (Continued from Pace 1) *^BRHve civic worker, aud, although JjMi demeanor has generally been ~* and , his ^)M1 have long beld a high regard   ,   because of lib  and Rencrous support of ^~DjjBortliy causes. ^5~* hit      kept      , quite bony, Mr. Smith, who  y/10*  with the General ::-.*    Bxtlnguliiber company for a . of .years, spent .^*We.tlme and. energy in the  of tbe Allen Temple A. gTt."B.' . of which he was a e^ lay, UMimber.      ^^; w mount Iflo ^                 h\~ trif. mill two , Mr*. Smtfh.         Br*~wn rol1~~~* ~*n.ivl nnd AIl**n</t>
  </si>
  <si>
    <t>                                           Centra! M. E. WUlj Push Plans For Closing Year                 Last minute plans have caused the change of the progam for this coming Sunday at the Central M. E. church as the date of the big "Homecoming" has been postponed until the first Sunday In Novem- ber.                 Sunday, October the seventh 's communion day. and a large lumber of communicants Is expect!d-' Sunday. October M. "Clark -GamContinued on Pane 6; Col. 1)                 CENTRAL ME (Continued from Page 1) mon" Day will be . The congregation has been grouped into 68 "family groups"' and each family Is responsible for five dollars. Members are urged to watch carefully Tor their family groups and have 11 per cent registration on that day. President Willis J. King of Gammon Theological Scm 1  will preach at 11 o clock while- President M. S. Davage of Clark university will speak at I night. Tfie faU roll 'call for World Ser- i  reports will be featured on October 15 and Central, Is expecting to bring a full report which wiU 'enable the pastor. Rev. J. A. Baxter, to leave on the following day, October 16, for Brunswick -where he will make' his annual report at tbe conference. Plans for this big tall drive arc -under the general direction of the pastor and J. B. Blgham, chair.     'al the steward board and R. , chairman of the</t>
  </si>
  <si>
    <t>                                           Last minute plans have caused the change of the progam for this coming Sunday at the Central M. E. church as the date of the big "Homecoming" has been postponed until the first Sunday in November.</t>
  </si>
  <si>
    <t>                                           Fancy Western Corn-Fed  III  HH "*H I' ^^^M Fancy Beef Round \^M ^k ^M I ^^^H t^L^B^M ^1 Large Sizm /^^m^w POUND j^^^^B P 1 1 f*.* "l 1 B bm M I I jj .b^bT^-I_LLI_bCJ^^b^bm I POUND fp*m*4l-l^) j[ P"RE HOG LARD 2 S 2SC jj[ 22C. WM^~ Sugar ill RogersBMt ci,cu, I Corned Deef j \J DOMINO GriRulatsd pure I Pto" Srif-     Pto or Self-Ristng ARMOUR STAR Ouality-A   ^I3ii^B    ^SS^=*\ J .T'"' '~r / /\l IB Ustv     for any meal  ust I J^^^k n '".m .A ec FLOUR FLOUR I J^S  Sil  T   59 w$l*~ s 99  2 29c jgH ^Bk White Lily Flour uu.  ao  7c m-ls. us $1.29 ^~B C^ll^^^tf^ I Ballard'          u-lb.  ao  5c w-ur. has $1.25 I^AI lot ^TlOCI     IT^TTT1 I Smff's Brookfield Maxwell House        -ii c t i B^ 1 fcL. I Butter^ ^29c Coffee ~=^ 31c 11^~^-^^ WL J *^e?' American O^i^tcs aged room tissue. ~^~W ii.st  for fine flavor. Cloverbloom Fttll Cream Ptllsbuty's Pancake ^^m Sa E-^Cl ie. Bu-S^: l^jfc- 4-ouS25c L^0''/ ^^H *ww Butter 27c Cake Flour 29c ^^St^l SS^^SHB      i^i^HliHB '-0'"' O'IMfs Sweet Cream Ei'emonl ~~^~~~~~~l^^HH VBKSEikjSHi f^af cun Bu-^: ^lc Gingor Snapg w 17c Rir** ^^^^-f 1J --For-Cltamn; Aluminum All 3c Uneeda Bakers'    ^V Brillo 3 fK03 25c Crackers 3 13c K llS I Good Jjtek PH ar Crrscent F"lcy who1' Krain Blue Rf'se l^ I  ^r^-U-.r. Margarine 15%c Matches 3 13, ^k5 "P "ghl-  ft^xJ ^B^d     Uundry Soap Large Sue C LBS J^tf* I %~~ Bfrr^iH 11OZ OR Octagon 2 9c Lima Beans 3 25c    ^C LA @ U ^H B0T?; T^C O,-/     Il'oWi-nj B/act Eye JHk ^U^ H ^~~~^^~^^m Powder 2 *TOi- 9c Peas 4 25c ^am^^ ^^^L^m ^m Tntfr/ .Sour Orr Favorite MB Corn  TTr- 3 ak" i4c com 3^2sc Tomato Juice Tf Quick Surfs Minute Esfr"-~n ^"^1;~      Rt\-*i. Super Suds 9c Tapioca rss 15c  finest-       . V I ^ys I xa^iK-li because  td from fineM pedigreed V  fc.f-*^" I W^^s\ I Octo:on Bakers Milk Pack matoes  fnr ,h(.ir , Httt^^^v. I ~$^\\ J    Ocanser 5c Coconut ~="* 15c Hr^^^W i Lv^VV 9C BL4B0 X3C TniK, Saor PUun or .'d CAN ^C  fsa^^MB fc\^'\^1 Octagon c*" 5c Morton's Salt'01 9c ~^      ML. ,rl ~*Pl ~~~^~^~^~~i Chili C0K I""~1 CAy 10c Ivory Soap 5T/2C .^MfflH ^Snowdrift  3^i0c a^^'.^ii. Doggie Dinner ^^3 r/^M*11 .^y^^^aic. Chocolate 45c iJt!* Ab21tCid l^g^J HK B^r73c IHor?KOl8c      ^d'5S2ie 2 15c K^l iff^^'f Fruits Vegetables Wk^A I I FANCY C'R'mES GOLDEN f 101.11* life^ J ^^,^= APPLES 3 20c        1  JH fair. about the J10.000  con-        J lmE^Tel A Tokay or Thompson Orapts 2    15e teit WJA T^bL I I ISl^JI lb 23c Cri*p 7c  $1-19 KlUfeu \^        FANCY N. Y. WELL-BLEACHED H;^eur''M ^\^S S"'" Lb. 19. ^n PDY fit 83e -B*- B HjJ^^^iM w LLb Im 3umbo stalk OC J( -y j PA9 U. S. No. 1 Cobbler PototOM i m Se ITlAllia         ?9 Fancy Yollow Onions m. 3c  W ^=\ I GEORGIA PORTO       GOLD MEDAL-Kltchen test- M H m^_~7^\J ARGO luscious California A RJ1 C E *10-000 in cash for lln- HB U I l^e 1 rSte!- ti!h^ ! TMIVlO *j- pounds SC ^.*5"00""1" Br^ I A (2~?1 no si   % Calif.     Ban Oransm mi. tSc 'bag' $1 .25 ^~^/ ^A vZ^^ I can   ^C Sour Juicy Lanwww not. 10c ~^~^^^~^i *4 l^am i*kC**2 I ^K. vS?' ^B</t>
  </si>
  <si>
    <t>                                           All East Tenn. is awaiting next Saturday afternoon, the date of one of the biggest "grudge" games of football to be played in these parts. Coach W. O. Hawkins will take his small hand of football players to Morristown where they will be matched against those meeting Black Knights of Coach Artiss Graves, it will be recalled at K C took a severe beating from Morristown last fall, and that humilation has not been forgotten by any of the Garnet and Blue Warriors.</t>
  </si>
  <si>
    <t>                                           I have heard a lots of praise of the singing of the Mt. Olive Baptist church and Thankful Baptist church (Decatur) choirs at the State Sunday school and BYPU convention. One of these churches took second and the other took third puze in the statewide...</t>
  </si>
  <si>
    <t>                                           Sturts Tomorrow Bailey's ROYAL DIETRICH '+~$</t>
  </si>
  <si>
    <t>                                           n,^                            wmt tM and 78 degrees.  W.  United States              '</t>
  </si>
  <si>
    <t>                                           "BELIEVE IT OR NOT" OWENS NOT MARRIED"                 -c u u. nUt ,,  . tut ^.. l^.er, tne Baltimore Afro-American, the Associated Press, and a flock of other outstanding, press authorities are "ali wrong about me being married," says Jesse Owens to a Columns Advocate                  The denial came on the  of press notices to the effect that Owens. 21 -year-old dash star of Ohio State University was married to Miss Minnie Ruth Solomon. 2327 E. 89th Street, Cleveland, 'Ohio: Owens. who is now attending Ohio State University, with a bright future on the cinder path, is a part time employes; at the] Linco Filling Station, corner of Long Street and Ga'fiold Avenue, whose manager is A. T. Ovorton. With that broad, boyish smile that has characterized the completion of many record breaking sprint performance Owens said, "I am going to dig into my books. I train hard for the coming winter' track season. and go out for all1 records.." The above picture illustrates Robert (Believe It or Not) Ripley. - Overs for his1  on the -path.</t>
  </si>
  <si>
    <t>                                           "He was her Man." a new Warner Bros. production with an unique love theme, opens at Bailey's Eighty-one Theatre with James Cagney and John Bloodell in the stellar roles.</t>
  </si>
  <si>
    <t>                                           ON THE AIR--(And getting eh ... from the listening ...) "Father" Hines and his Grand Terrace crew who ... their merry hope over C. B. S. outlet by name WBBM. Noble Sissle, swings from the French Casino over WBBM at 12:45 a.m....</t>
  </si>
  <si>
    <t>                                           It takes big shots to brine down the big game. The firing however, must be timed, and good aim taken, in order for the big shots to hit the mark. Cross firing should be avoided if possible, and no gunner should suddenly with-draw and brain firing in another...</t>
  </si>
  <si>
    <t>                                           XIM TYLER S LOCK ^^Wf                 MESCAL IKE B"                  F^ihe ^T B*                  -DOODLES ry HUNGERFORD:                 ay Charles MCMOm^                   TWO ORPHANS</t>
  </si>
  <si>
    <t>                                           Funeral Notices                 BANKS- Mr. John Santa i.- ;7-'J away at n local .;/. .26. Funeral announced later. Cox Bros. Co.</t>
  </si>
  <si>
    <t>                                           _J I</t>
  </si>
  <si>
    <t>                                           MISS GLADYS ARNOLD. charming daughter of Mr. and Mrs. H. R. C. Arnold. Memphis. Tenn, has return to Ttukegee after spending the  with her parents. Betides majoring in Homer Economics. Mia Arnold Is abo a member of the" Institute- Choir and Ki-YI Club.</t>
  </si>
  <si>
    <t>                                           WIFE BEATS! HIM; ASKS! DIVORCE                 Husband Charges Cruelty, Desertion and Fraud to Obtain His Property                 CASE AIRED IN D.                    WASHINGTON. D. C- Cruelty administering beatings, desertion, and obtained     property thru fraud are the principal charge* made by Charles Lcmcul          cl,~rk in the War Department against Mm. Inez Just Harris, in his suit for a limited divorce filed                 In the Supreme Court of the District of Columbia last Monday... In hid bill of complaint, flint through Howard and Hayes, attorneys. Mr. Harris states that from the time of their marriage until the filing of his suit, his wife has not shown a lack of affection such as should exist between a  and wife  has "Increasingly demonstrated that the marriage was engineered solely from a mercenary point of view by her and with the intent to obtain title  to certain property belo  to him." Shortly after their marriage he says, she refused to live In .the  ame Voom with '-and denied him even ordinary companionship,' refusing to accompany him into the street on any occasion and treating him with contempt and derision, in his own home. After obtaining title to the property in which they were liv- ing through fraud, falsehood and trickery, ho alleges, she brought i into their home roomers and boarders and also her brother, I Hunter E. Just, of Philadelphia, to live with them indefinitely. He chance* she administered to him a. physical beating, driving him from his home and causing hint to stay away for fear of bodily harm and thi; precipitation of, more serious trouble. He declares that file and her brother on February 25 last struck and beat him about the face and body, driving him from US home and doing him  Injury which necessitated the care of physician. He says he has been in such fear that he has remained way from his home ever since. Even if he wanted to return, he adds he could not do so because the locks on the premise* have been changed so as to bar him. Although nearly all the furniture was acquired by him prior to their marriage, he states. Mrs. Harris has refused to allow him to remove any articles other than his personal effects. And to slid Insult to injury, he complains, she is  for rent the room in which he lived. He charges that Bhe has been guilty of malicious extravagance, has created large grocery bills, and has supported her brother and others whom she has invited into their home at his expense. Thesethings she     done he say', in her expressed desire to pauperize him. Before driving him from their (Continued on Pate 61                 WIFE BEATS (Cottwitd from lace 1) home, he asserts,  he subjected him to  mental cruelty. For       t the time while they were living together, she states, she would not even speak to him. UnabVto talk with her, he claims. he would write notes ; her to      him with common decency. She refused to prepare his weals, he say* and would allow food ho had brought Into the home lor family consumption to spoil rather than use it, forcing him to CO out for his meals*. He alleges that prior to their marriage she set about to obtain title to the Third street property in which she Uves. At that time  h4 taut the estranged wife of Montgomery Bruce who was then employed at Freedmen's hospital. He charges that she induced him to deed the  to her Oil the ground that her husband would probably sue him for alienation of her affections. The prop, arty, he says represented his life . Mrs. Harris obtained a divorce in Virginia from Bruce in April, 1032. She and Harris were married in Fredericksburg, Va., October 18. 1932, as soon as the decree permitted her marriage.</t>
  </si>
  <si>
    <t>                                           WASHINGTON, D. C.--Cruelty administering beatings, desertion, and obtained his property thru fraud are the principal charges made by Chance Lemeul Harris, a clerk in the War Department against Mrs. Inez Just Harris, in his suit for a limited divorce filed...</t>
  </si>
  <si>
    <t>                                           I m TUESDAY. AUGUST 7, 1934 ATLA        ILV WORLlTTfiTANT aTg XT piTT^TilVK</t>
  </si>
  <si>
    <t>                                           One of the most remarkable creatures of the animal kingdom is the proud strutting Penguins from way down at the South Page.</t>
  </si>
  <si>
    <t>                                           I ASK FOR "GOLDEN RULE" N0N5 CERTIFICATES THRIFT CIVIC FUNDS COOPERATION COMMUNITY WELFARE i Everybody Shares In The 111 II Ili3 mm Kill It* Alii UULUinil nUL^ l LAN. Here Are Your Golden Rule Merchants That Give "Golden Rule Non sectarian" Certificates Of CASH VALUE      certificate, arc elven -iv rr.-e I., the Mores dis- *"S ht""n sl-t asI?" f"r w" rh*'    *- Vou are not only   the Golden Rule Sign and h.. ,urr to usk for vour Gold.-n ~'~ur-...-ir by savin* money hut you are   hat you Rule Certificate.  in thi- Goldrn Rulu or hi- your .  .  i^-Jrh?ink yOU, tu' y"Ur P""""'"!.'!.- ^nd for the -upport     an- :ind ~"ur C'OMJVIUNfrY in iti-neral by  i: "Golden Rule" Klvnt the ,,,s  Ool.l-n Kule" M.-r,!,:-.;,,., are helping .,.,rrs ,nii ,~oing your bit i,, bribing back prosperity. SAVE FOREMOST  LABELS!! TO SECURE ~^^B^^KH^^^^^^^^B GOLDEN GOLDEN m^^^^^^^^M  r y^ ^^^^^^^^H RULE RULE ^^^^^J*7T7 H^^B CERTIFICATES CERTIFICATES ^^W ^M^^ FOREMOST ^Ly^^X ^^^^m ISSUED F0R -milk caps 1  \ ^fe^H F0REM0ST -BUTTER CARTONS 9 W 1 i* f Vyf^t*^!^" ^^^^^^B ITEMS -ORANGEADE CAI S V ^PX^^^^ ^^^^1 AT OUK -ice cream /^^t^^i^r^-^r ^^^^^^H CARTONS I KJj*^ hH D r I  ^^^H  FFICE TARZAN ICE ^^^^^tf^ft pi fl f* I ^^^^^^H ON THE cream  H^^H r:;J--   :~' ^^HB -KING K0L1) LIDS ^^^^^^^^B I I ^^^^^^H DIXIE  X ^^^^^Klj EACH HAGS ^^^^^^^^^t^ ^^.^^^^^^^^H MONTH  DAIRIES ARE HAI PY TO MAKE THIS CONTRIBUTION TO AID THE SOCIAL AND  WELFARE HERE.           Dairies, Inc. 127 ELLIS ST.. N. E. WA. 6508 LAUNDRY DRY CLEANERS GAS STATION 1 INDEPENDENT PRIMROSE CLEANERS JOHN STONE, INC. I A II N n R Y EdirewiKid Ave. 24 Hour Service L H U n U n I '2  Williams St. I 149 ArmstnoK. S. E.       I'hune WAlnut 3482 j PHONE W. 77r.il CLOTH1ERS HABERDASHERS MEN^SHOES,  YOUNG S, INC, NEWMAN HOLLEY NEWMAN HOLLEY 1 S IVachtrct (;.t peachtree St.. X. W. 64 Peachtrey St.. N. W. 1)  TIRES ACCESSORIES mens shoes NEWMAN HOLLEY JOHN STONE, INC. VAI,  Ua Hear of Ansley Hotel YOUNG S, INC. M IVacl.- M.. V Ho(Jr Stfrvice 168 Peachtree (.ARA(:E.{A(;E  20 WilHam* St. Phone WAlnut    !. i DEPARTMENT STORE J0HN , INC. CLOTHIER SILVERMAN S     YOUNG S INC Atlanta. Ga. Austell. Ga. Williams Street 102-104 Decatur St. GROCERIES     I  MEN S HATS  W^T F0 CASK NEWMAN  H0lLi7 SILVERMAN S MARKET Peachtree, N. W. Atlanta, Ga. Austell. Ga. 22S Forrest Av(. SHOE REPAIR SHOP SH0E ..REP^!U SH0!~ Vieuca Grocery Co. United Shoe Repairers SHOE  ^v- and Hat Cleaners 4 Auburn Avenue Bui- 10g Peachtree i WAlnut 2310 WAlnut 1142 Additional Classifications Will Be Announced Next Week IF YOU WANT YOUR NEIGHBORHOOD MERCHANT TO BECOME A } GOLDEN RULE STORE. PHONE WALNUT (Ili77 AND WE WILL CONTACT HIM COPYRIGHT OWNERS and ORIGINATORS of the NATIONAL National Headquarters "GOLDEN RULE" PLAN 503 Norris      Atlanta, Ga.</t>
  </si>
  <si>
    <t>                                           Edgar Brown Negro FERA Mouthpiece                 WASHINGTON. D. C. (Special) Adxtnistrator Harry L. Hopkins last week appointed Edgar Brown of Chicago as director of Negro publicity In the Federal He!lel Administration. If its is the i first recognition of this character which has come to the race m any                 of the New Deal administrations in (Continued on Pace 4)                 E.  (Continued from Page 1) Washington. Brown will be assigned to tine Public Relations Division under the direction of Morton M. MUford: Thls is the first government position ever held by Edgar G. Brown well known throughout the nation as  he four times National tennis Singles champion of the A. T. A. He is president of the National Lawn Tennis Association of Chicago; director of the National plan Beautifcl and the Ten Year progress Plan aad Program for the Colored citizens. Brown first became an outstanding newspaper rep resentative as advertising manager of the Madam C. J. Walker Manufacturing company and for a number of years he has. served as Head of the Chicago Defender's Public Relations Bureau as well, as general representative for a number of race publications and national organizations. He Is married and has two boys, one five years of age and the other, two. He Is a member of the Kappa Alpha Psl Fraternity. "It Is distinct honor to Join up i with President Koosevelts great * program which has come to me through this appointment by Administrator Hopkins of the FERA" said Brown. The race pub lications throughout the country can now be assured of the fullest and most reliable information on the official transactions of ^hls department of 'the government from day to day throughout the country touching as It does the lives of over sixteen million American citizens and spending upwards of one Hundred Million Dollars monthly.*'</t>
  </si>
  <si>
    <t>                                           WASHINGTON, D. C.,() --Administrator Harry L. Hopkins last week appointed Edgar G. Brown of Chicago as director of Negro publicity in the Federal Relief Administration. This is the first recognition of tins character which has come to the race in any...</t>
  </si>
  <si>
    <t>                                           Funeral Notices Funeral Notices                 TALLEY- Mrs. Elua TaUey of 5al Robblns street died August IS, Funeral announced later. Ham . w/ Mrs. Geneva Ward of d Howcll street will be funeral:] ized this Tuesday at 2 o clock J the Auburn chapel, 380 Auburl avenue. She leaves to mourn hj loss a husband. Mr. James Wares two children, one aunt and j3 host of other relatives an*] friends. Rev. E.B. McNalr ofl . Interment Lincoln crl . Haugabrooks. H WRIGHT- Mr. John Wright       very suddenly. Funeral aoQ  later. Cox Bros. "I TALLEY- Mrs. Elua TaUey of 5al Robblns street died August IS, Funeral announced later. Ham . w/ Mrs. Geneva Ward of d Howcll street will be funeral:] ized this Tuesday at 2 o clock J the Auburn chapel, 380 Auburl avenue. She leaves to mourn hj loss a husband. Mr. James Wares two children, one aunt and j3 host of other relatives an*] friends. Rev. E.B. McNalr ofl . Interment Lincoln crl . Haugabrooks. H WRIGHT- Mr. John Wright       very suddenly. Funeral aoQ  later. Cox Bros. "I                 CARD OFJ-HANKS Wo arc deeply grateful to ou1 Triends for tlic many 1 expressions shown us in life form u floral . telegrams of cod , visitations and the use v automobiles during our recent bo  These gestures the part of our friends went     towards making our sorrows  and our burden easier to beat* The many acts will, be appreciate  remembered by us. We al so  Mrs. Sipplc who enm' from Montgomery. Alabama to b, with us during the funeral service of Our son, brother and uncle     late .Mr. Lonnie Suttou. Signed: Mrs. Nancy Sutton, Mrs. Etta Hines. Mrs. Estelle Jones, Mx. Joe Sutton, Mr_ David Mclls. CARD OFJ-HANKS Wo arc deeply grateful to ou1 Triends for tlic many 1 expressions shown us in life form u floral . telegrams of cod , visitations and the use v automobiles during our recent bo  These gestures the part of our friends went     towards making our sorrows  and our burden easier to beat* The many acts will, be appreciate  remembered by us. We al so  Mrs. Sipplc who enm' from Montgomery. Alabama to b, with us during the funeral service of Our son, brother and uncle     late .Mr. Lonnie Suttou. Signed: Mrs. Nancy Sutton, Mrs. Etta Hines. Mrs. Estelle Jones, Mx. Joe Sutton, Mr_ David Mclls.</t>
  </si>
  <si>
    <t>                                           Mt. Calvary Will Move Into New Home Today                 By a.       TIip Jit. Olivary Rnptlnt. -t - ! tind                of its i- pastor, - Jtrv. K. J. Jol'W.. Jr..             Its ni W i- holm*, the former  Slnt't Ruptlal   Clcun nii l Smllh . Rev, ., the wi-ll- . ' pastor. Ktjiics  Out.-  l hn no spi-f.'    *in*instr:ill"ii "I L-r:nil i.~i. til till' Illlllnl si-rvi iv Tl.f  nf tin-  will Im;  :is rr^lsi nil ion ~];i.v mill  nii  r   l IA  to * will . Ml. Calvary IlaPtlst church h:i"  a  pri*^n:Ms  ill: - of tin-    . B. J. .1.ii. Jr..      u ^ of tho S. J  Illdi KC- 11 mi of tlu- IlieoIi-L'iciil  Ot ot Morvlimisi C'ltc^i*. Hi- Is Hit- ' moderator   ( I In i Atlanta Miss! ir.v Buptlvt A.*. V- of- tile Atliint;' Snmlny Sclimil BtiptlHt .  of iIr- MaiTdnnlit Baplls church. .InrUson, Cia.. and the First Uaptist . ltm-, Ga. Tin* m^ anil  of I In  wish him  success ail'' many an* i X Mft(Kl to In; presi-ir at tin' Initial si- u the new   t*Hluy. Dr. Louie D. Newton Is Spelman Speaker Dr. I.iiiiI- li. Newton, pastor ot tin- .l Hills Rnpllm  In- -        'r ill tin*          Vwpifr Scrvlei', ut Ilirw  k ii Si-iiT'        , Spi'lmnn CnllfB . Tl'.           Is . GRIDDERS HURT Two football         wort' treated in the emergency clir.    Grptty hospital Saturdny. They  Eildic Drake. 16. of 248 Forl Hlrect. who injured hi* left  George Mycri. 15,; of 360 JVnser , who sprained      tight ankle.</t>
  </si>
  <si>
    <t>                                           WANTED Newsboy* and Agents Everywhere CO REPRESENT T H B j WORLDS ONLY NEGRO Daily and Semi-Weekly DAILY NEWSPAPER AMrew Atlanta Daily World Atlanta, Georgia UO Auburn Are^ N. K.</t>
  </si>
  <si>
    <t>                                           CHICAGO, Ill. (dist&gt;ANP)--Interviewed during her recent visit to Chicago, Mme. Lillian Evanti paid tribute to another woman. Florence B. Price, who though the general public is just beginning to know of her work, has achieved much in the field of composition.</t>
  </si>
  <si>
    <t>                                           IN WHO S WHO                 PROF. A. W. McDONAIJD One of the outstanding  educators of the Southland. Mr. McDonald Is a. past president or the Slate teachers association and served one term as Chairman of its Directorate. He is Interested in all things calculated t*  his group  and otherwise. lie  in Central high school of Galveston, Texas</t>
  </si>
  <si>
    <t>                                           DOKOTttY DARM'f                 WCharies McMamis                 ^IT^ UFE IFi YOU DONT WEAKEN";                 Ey Jack Rabbit                 TULLY                  TUBBY Foiled!</t>
  </si>
  <si>
    <t>                                           MERCHANTS LINING UP BEHIND GOLDEN RULE PLAN HERE                 With  Atlanta" merchants already  up. tlie OolUcu  Plan which begins  among Nogruvs tomorrow Is showIng every indication of becoming a   from the sturt, ae  to the sponsors. Urbanizations  us churches, lodges,  nnd Cliu like ure rallying . the Movement which promises bo un excellent way *~f aiding their treasuries without additional cost the member*. The Uoldeii  l lau will continue from Friday  Jnuuury 1. During that period every dollar spent with u Uolden Rule  may be cashed in on by any organization su desiring. A Uo'ldeu Kulc  will give  who UBk fur them Uuldeu little IX-TtUiciilteH with every Purchusc of '25 vents, 50 vents, $1 or more. These tt- may lie presented at Uolden Hule               , 503 Norris building, where they will be redeemed lit cash out of the escrow fund on de. posit lu a  bank. Any merchant  to be Uolden Uule Merchunt, just us   may              In the the plans. Further details may be  by culling WAlnut (HHI7 Tomorrow's World will carry  list of Uolden itule . Pet Show To Bc Featured This F-riday The Mntlfc public Is .v invited lo Uiko part In the l ct Show which is being staged  I the  children of the David T. Howard School, ou Frl. day afternoon  at 2:80 :~     . Thcro will be Pets of ull kinds on exhibition,  with put potters mu do by thn   this, their "Kindness to Animal Week", which will  on Friday.. 1' uro to bo          the  iu pets of each variety. Tuo  are to 1    uad will be contributed by local  to tho  In euch Icpurtmeiit.     judges will bo  later on in the week. Any person  to  their pels in this show can do so by getting iu touch with the  director!. Miss B. M. Foley nud B. C. Uoro, at once as all 'pets entered must be , before being entered. There are to be , chickens, , rabbits, cuts,     dogs, from poodles to Chows. The first and second prizes for the best dogs  been donated \~y tho II.    Husting Seed Co., on Mitchell street.</t>
  </si>
  <si>
    <t>                                           Chest Colds Rub on Musterole. Used by millions fur 25 years. NOT just a saive, but a "counter-irritant." All druggists. Three strengths.</t>
  </si>
  <si>
    <t>                                           Kelly Miller Rallies H. U. Alumni; Hits Prexy, Board                 WASHINGTON (ANP) Sneaking before a gathering of over 200 at tho annual banquet and reunion of the General Alumni Allocation of Howard . alty In the Sojourner Truth hall Friday nisht, Dean Kelly Miller, retired  at the university.                 In  terms that "Howard haa come to " and  something la dona soon "We are ." The elderly dean swung his axe  in ( of and honor  his views on what ho .  the  state of turmoil at Howard while Proldent Morderat Johnson sat directly across1 the room- Dean Miller who has spent S4 years of his life at Howud. told the alumni that he w*,t                 "loyal to Howard," that the  is now in a state or discord, and that the Btudonta     more demoralized today than they have been at any time tinea I have been here." He declared that the president of the university should not be a minister of the gospel, that the alumni now exist in a state of Imbecility and that the trustees were a high-hatted and self- body. He treed that the trustee! come down off their high horses, that the alumni throw off their cloak of imbecility and cooperate for the perpetuation of Howard university. Dean Miller charged that the j trustees change the course of stu.dy .consulting faculty .members.                 He exclaimed that If the faculty of the university can not make out the        of study, they should put it nut and get n faculty that could. The Board of Truttees which in now  of 24 members  not have more than nine members. Dean Miller declared. In a, dramatic conclusion, Dean Miller voiced his opinion that the alumni should run the school, but that Howard's Alumni is not ready yet  of lack of power and finance, adding that "unless wisdom enough is found somewhere In the board of trustees. In the alumni body, or the (Continued on Par* 8, Col, 3).                 KELLYM1LLER (Continued from Pare 1) faculty, then, we are hopeless." I       Miller*  was the! high-point on tho evoking pro- ciam which saw the retiring dean, i a member of the class of 1882. 1 Mlas Ellen  Fisher, class '71, i and the Rev. Daniel Wiseman. Class '84, presented with - rates for distinguished nnd faithful service. Dr. Howard It- Longi served as  and Presi-' dent Johnson pave the welcoming i address.      Rev. George A. Parkor, last year s president of the General Alumni Association, in- troduced the presiding officer. I Music was furnished by the uni-!   en^ with Louin i Vauchn JonoH directing. At an earlier  of tho Alumni Association. Dr. Maurice M. Curtis was elected president for the ensuing year. Other offi- j 'ers eluded were Sirs. Alma J. Scott, vice president; Mrs. Ethel Grulihs.   Mi- 1  Jones, executive secretary: I Dr. .1. n. Stubbs. treasurer; and the Rev. S. A. Younp. chaplain. Members of the executive comm ttee elected included Dr.- Howrnl II. JjOng, Attorney George H. Parker, Isaac; J. Nutter. Dr. J. H. Stroud.  Locke, Dr. K. C. Terry, Dr. Shorwood I,. Catlett, Judge James A. Cobb. Mrs. E. K. Jackson, Atty. Nathan A. Dobbins. Mrs. Harriett Hurd, Dean Lucy D. Slowc, Dean Dwight-' W. Holmes and Mrs. F. II. Xorris</t>
  </si>
  <si>
    <t>                                           WASHINGTON -- (ANP) -- Speaking before a gathering of over 200 at the annual banquet and reunion of the General Alumni Association of Howard university in the Sojourner Truth hall Friday night, Dean Kelly Miller, retired professor at the university.</t>
  </si>
  <si>
    <t>                                           MISS WILLIE PEARL GREW, charming niece of Dr. CarrltL. WO.                 con, Nashville.     .- Photo by George H. Anderson, NaihviUe.</t>
  </si>
  <si>
    <t>                                           The Inter-Denominational Ministerial Alliance of New Bern nod Craven county, brought its activities to a close here last Tuesday night, Juno 12th, in order to give its members summer' recess. The Rev. M. B. Spruell, Dean of ministers and Vice President of the...</t>
  </si>
  <si>
    <t>                                           Claim 'Cornbread1 Rilled Man With Single Bullet                 Shot once over the heart by an- Uicr colored man. whose best known name is -Com Bread" and. vho is ?aid to live around Wood-j ward ave.nue and Jennings alley. William Criggs of 413 Conn.-illy street was almost instantly killed, late Sunday afternoon.                 According to  -ii dicers C. P. Whalcy and Ok-n .Vilson, the shooting took place it the corner of Rawson and Fra,or street. "Corn Bread", who is charged with shooting Grigfri. C J Grier alias "Dummy-, of j S7 Solomon Stre-t told Officers! S. T. Etheridge and G. R. Elliott Sunday night at ~:45 p. in. that he was slabbed with    ice  oy a woman named Maggie. w^gsl- address and surname he didn't know. Grier. who was --d at the Grady Clinic, said that he was  tabbed at 74 A Hayms Street. Mrs. Eul.i Mae Harvey of 283 1 Venion l  "li J wa* cut the button!" Sunday ", according to Grauy .es. told Oihcxis V. U     .-y and B. W. Mai atJ  she i-aJ bee" shot, not tut. at ab^.i lu o clock in Kipli-y Alley. The Police say    ; Itirviv woman had been drinking  and that she probably had no cu"n .-.s oi whether she was ti;a or cut. Stabbij J in the left chest by Mae Wii. m. or b75 Martin Street. S. E. Sa  I'Vcnine at the corner oi A jOurn Avenue and Fort Su-d-l art and S:40 p. m.. Luven1 1      . ;B. uf 368 Houston St.. \p\ ':1 \v;   tii.-ited at the Ufauy Lanie 'la.-i "i    " and \.Os said tc in a sor. condition.</t>
  </si>
  <si>
    <t>                                           Shot once over the heart by another colored man, whose best known name is "Corn Bread" and who is said to live around Woodward avenue and Jennings alley, William Griggs of 413 Connally street was almost instantly killed late Sunday afternoon.</t>
  </si>
  <si>
    <t>                                           SJO^ ONLY NEGRO DAILY NEWSPAPER IN THE WORLD WfWMlMklWIllhMMi VOLUME 7. NUMBER 116 ATLANTA. GA_ MONDAY. OCTOBER 1. 1934 PRICE FIVE CENTS</t>
  </si>
  <si>
    <t>                                           FADED, or GRAY HAIR ^l^fe^ WILL NEVER WIN HIM! ^SBfe ^~fff HER DUa. HE S wild Gleaming, Black Hair- ^Br^ "^^^^^B ^~1 FADED hair about Ceorae fights for V^ 1HK HVJwiu CAUSE HER- ITS TOO Bet Attention Now g^ ^HH 09n HER TO BAD SHE    f ^V^^. ~'^^^HH i B^ffl L0SE DOtSNtUSE SORRY- 1 SAY- 1 I '^^6-^^   V^^BH I        IF-j [ GEORGE. WHOSE ^W ]^BW Don't let ". faded      rob you of love and      your youthful appearance. Itetn your luxuriant, Jct- .  S      your man! Do what           of    C'~n atara and *m*r m* mm 9 w**m w w other  do. Oet a bottle of      Godefroy*a Larleuae IBItllCC Krench Hair CoVnim at your (  i . It he can t  up- IRKUWJt ply you  S1.2S *or      * money order) direct to    ^^^U LI Alfft* ^   _~*    Mfg.   .. 3404   t-,  t. Louit. mo. hM/tch HAIK Coloring</t>
  </si>
  <si>
    <t>                                           LONDON.--Duke Ellington and his crack orchestra have been refused a permit by the ministry of labor to come to England on a new tour. This official announcement is made from the office of The ministry of labor.</t>
  </si>
  <si>
    <t>                                           MESCAL IKE By Huntley</t>
  </si>
  <si>
    <t>                                           Several Automobile Accidents Occur; Nothing Serious                 Smvral :   of -m ~"f" major , l"~'U    :u MniuUy   ; :         ^ t.i * rt . "~ir Wiloiv iil i. to       hit :i .:ir mi Kjiir  . just off I-V;imt  mi  \vom:in     *kil Iht  from I lie . Hi- ~:ii.l thai  wciu on :           Iht l.' wits **l. ('iiw1)! of r"          :~: :ui- Ulniuon. 'XV\ MiH..,i.      .~r:ircl nml J. .M.      4 ii.       -, .if t!C  Si.. S K. of offin-rs Mioloy . IJownuiu -r tin- two machines  on Mi'IfcniiiuKh  S'awicll. NHtlii-r ui:u - was         Unmaciil. AIhuil t-  k  ni^lit, 11 whit.- mull Ik  In  a csir    Ilntvard,    "r TI'.I Wi-si IVuvhtrcrt St.. which   In front of -\"'i IVitforil pl.-MN', :n .':               '      rs  ami TnriKT. Slight .LinuiCf whs - lo Ihith ~-.    - i*         S. Hrown of rjs r.   tni r. \     was iu Ih,. .iil mat-UliM-. il.ilmi il  .mIu* \vu*~  ^h JiK'tor:. at .r        :il. tin- .    su:itl, ^i ill that thi-y        uo lr w  uf .</t>
  </si>
  <si>
    <t>                                           Rev.Clementsi First Revival is a Success!                 JBy L P. Kemolds Rev. E. G. Clements, better known to many Atlantans as the mail-carrier-parson, and a staunch member of the Cosmopolitan A. M. E. church of this city, has just returned from his home town, town. Monticello, Ga., where he conducted a week s revival at the AgatesvOle AME  o. the Rev. V. J, Davis, pastor. Although it was his first revival. Rev. Clements covered himself with glory and was greeted with a crowded house in which standing room was at a premium every night during the prolonged soul saving campaign. As a result of his activities, 24 converts were added to the church rolls and President Elder Romans expressed himself as pleased with the line work of this young minister. Rev. Clements is a local letter carrier and a member of the Atlanta conference of the A. M. E. church. i^*im Pittsburgh Folk To Form Voters League Group The formation of a strong  in the Pittsburgh Section which will be known as Distilct Number Five, is be:ug plann.  U by the Colored Voters League of Atlanta and Fukou county  the announcement by J.. T Carlton president of the organization, uf tlie acceptance of G. \V.. Wrighi as chairman of that section. Mr. Wright, Is a well known  man on McDauiel street, cu ; a shoe,  - HaUnieut. The Kev. P.. L. Inmaii,  of the Ariel Boweu Jl. K. church has assured the league 01 Iili full support and has  to - a mass mc.- to be held iu his church  '3day   gut, Scptumber 25. A mass , of the Fourth Waid (list. ict, wh.eh Is headed by .Mrs.. Maltie Freeman of Highlai.u u\ and which has been designated as District .Number Nine, will be staged In the very avar future. further plans for the program of league, which culls for tbu ' of several ca  in the winter , will be  .~..am a few   ^s, World reporters were, .                 FIRST REVIVAL                 KEV. E. C. CLEMENTS Local mail carrier, whose initial evangelistic campaign was crowned -with success when he added 24 converts to the tolls of the Agatesville A. M. E. church at Monticello, Ca.</t>
  </si>
  <si>
    <t>                                           LOCAL WOMAN IN ATHENS WRECK, BROUGHT HOME                 After receiving; a call to en to Athenj. Guonrla a Cox Brother*' ambulance piloted by Gilbert and Carroll made a   to the General' Hospital there and returned to Atlanta with Mr*. Carrie Harris of 206 Harrlii street, who wan painfully Injured in an  accident Snnday  in Athens. Tlic cur a 1931 Ford  which cari-led six occupants     being driven Hy .lames Younc of a Bnulcvarri address when it turned . Mm. Harris, the  woman wns  to the Grady hospital and an x-ray picture revealed a frai  leg nnd  wounds. After - Rivon Tirst aid  '-nt she was admitted tu  ht hospital. MANY EAST INDIANS W  NEW YORK.- (ANP) Tn a" article entitled           Wcxt Indiana Aspirations."' in Current History. W. Adolphp Roberts, a Jumnlcan. makes th-t claim thx: one        of the population of Trinidad 1  Fast Indian.'</t>
  </si>
  <si>
    <t>                                           TIM TYLER S LUCK K^. ii B^ tYM:      j                 nra By Runtley                 FELIX, THE CAT BTf SULLIVAN                 DOROTHY  ^BrfChjDtrlSIMcwKeSpB..                 $</t>
  </si>
  <si>
    <t>                                           SUNDAY, JUNE 17, 1934 ATLANTA DAILY WORLpTAfLANTATGA: l PAGE SEVEN</t>
  </si>
  <si>
    <t>                                           Dr. Jamei Corry, Ex-Army Doctor 18 Year* Experience in America and Abroad Medical Dental Officos 75 IVY ST., N. E., (Bet wren Hotuton ind Aabarn) -At Last You Can Now Have The Very Best of Dental Work and 'Make Small Weekly Payments. I Have Associated With Me A Very Competent Licensed Dentist With Many Years of Experience i Office Boon: A. M. to 8 P. M, "tiMeat Ma.  873 See.: Ma. 8087 COT THM AD OUT AMD BSD  FtJTW  ^t</t>
  </si>
  <si>
    <t>                                           ^TAUGwOjj^rgJ^ STORES jV^A  Pcmcdy for RfccMMbcVrc* Zander. Mikes thin      9k)i  nd HuUy. Bold. So,^.     Vv. Al-.y, E8. ii,~ VM,,     ? fv</t>
  </si>
  <si>
    <t>                                           Rev. Clements Will Preach Today at New Charge                 The Rev. E. Clement*, well known local mall carrier, whose church activities have lej to j,~M taking .1 creator interest in tho work of the  and who has boon ordained for tome  an A.M.E. minister, will  his first sermon at hU      regular  at 11 o clock i this . The Hev. Mr. Clcraontji. who     of the Ebcnozcr A.M.E. Church win preach at 11 o- thin  at the Sterllni; Chnpol m.k. Church on Brown* Mill Rood at Hapovillo. The j -Kiitlon of the Ebvnczfr Chur.-h Is now worshipping at the Happvinc Church. "What Think Yo of ChrUf will bo the Kev. Mr. dementi topic for Ms Initial mormon at his new  anil 1:  H -Ml that a InrBO number wilt ho out to heal' tho "mail ;" par. son</t>
  </si>
  <si>
    <t>                                           We Can Take ========= 1000 ORDERS DURING AUGUST FOR THESE 'Custom Built" RINGS Something New! Custom-Built Rings! By Special arrangement with a leading manufacturer we are of.  these massive-looking  at about one-fifth of what heir appearance Indicates their price would be. These rings most be ordered In August and delivery cannot be guaranteed under 10 days. A nominal deposit with the order the balance on Schneer's Easy Terms. PLACE ORDERS NOW FOR CHRISTMAS ^j Onvv           INITIAL RING iii9        STERLING SILVER RHODIUM /^'Iifwfvh FINISH-        As Illustrated Looks like a ^H ten-dollar out H fit. Gent's Massive Pyramided y- j. y Tiger-Eye 'Cameo'  Wth Natural Cold Trim on Each AmW^BK^W enjoy. 50c Weekly Gent's Newest Style DOUBLE HEAD BLACK AMpffiSS* AND WHITE CAMEO ^            Exactly  s IllusL^^Wl^HHffl^ ?old               m^k KLT^^BHB-9 (his ring was solid I IQC ^Ullnr ffl^M^ mM jt .wouId cost ^^1 50c Weekly Gent's Diamond-Set BOLD TOP SIGNET RING       ^X Exactly As Illustrated //A 1~$R 2 August DIAMOND Specials! 5 DIAMOND ^tf^^ WEDDING BAND! .^teS^^^S^^j White -5-dia. gm #t WW^^ mond "Love Step' a T J ft r; \if2r Wedding Bond. /S I ^..95 WZf special for a limit. am 50c Weekly "GREAT OAKS" yt/-t^sa-^ DIAMOND SOLITAIRE ^^L^^ C-^^^^ QC "Ln attractive white gold ring with tf 93 exquisite carved  and spark. H^^IJ ling diamond. We will allow you $12^0 for this ring if traded for a larger ring at any later date.  64 WHITEHALL ST. OPEX SATURDAY UNTIL 9:00 P. M.</t>
  </si>
  <si>
    <t>                                           and Montine to       ,      3ncl    .!*!~7 "Eye Beauty,," B^?1' Mcn=tCo-.l)'rl.U.S..0E.0!u;!~5</t>
  </si>
  <si>
    <t>                                           i I want to enter in the World's Mills Brothers1 i Imitation Contest My Name is I want to imitate a My address is j I am years old. Uatt i</t>
  </si>
  <si>
    <t>                                           WANTED! Newsboyi and AfenU Everywhere I CO REPRESENT TBS WORLD S ONLY NEGRO I Daily and Semi-Weekly, DAILY NEWSPAPER Atlanta OaUy World 210 Anbnra Atb, N. E. Atlanta, Georgls</t>
  </si>
  <si>
    <t>                                           .1-. J    WEEK ENDING AUGUST 11, 1934 U= =L</t>
  </si>
  <si>
    <t>                                           y SAUL S CHOOSE YOUR NEW "cj f MJI S1 0/~J I GAY, YOUTHFUL SHOES OF PERSONALITY V J IS THE ANSWER TO THE DEMAND FOR f, T/, STYLE- SMART FOOTWEAR AT LOW COST. K j/iA Choose From Pump*,     , Straps, Oxford* R fpH or Arch Support Shoes in Suede, Calf, Kid, Patent B I COLLEGIAN OXFORDS 1 1 I CiiB *4r ^H BLACK M^t^ 'f*^-ft'2 I y?m</t>
  </si>
  <si>
    <t>                                           Cteveland Evangelist [Tells 'Law To Leave Meeting                 "JUSTICE"!S CRY OF PASTOR                 Minister Says Our i Need Is Justice, And Not Praise                 DR FULLER IS SPEAKER!                 MEMPHIS, Tenn..' June IS-                 In a blunt and electrifying fa- I , tho Rev. Harold C Cookc. while, pastor of the Highlands Heights Metnodbt church, told a large  at tho Inter-racial  of tho Goodwill Confer-  here Wednesday that what the colored brother needed wns I                 not praise for his tinging, but clc- 1 mental Justice. 'Td like every man and woman i In this room to drive hla .auto through the alum district that the Negroes live in all the time. They wouldn't be tolerated- one Instant for even the poorest class ot whites," shouted the militant pastor, as those present  at his  and direct words. i The Rev. Cooke went on to1 point out that housing condtions (or Negroes were deplorable. "Another of his unusual remarks .was that Negroes did not have 'decent accommodations on the trains, and that .instead.. of,.       ...the colored brother on- the -back something definite should be dono. It wbb obvious that Dr. Ashby JoncH, of Atlanta, the principal speaker, did not wholly approve; Dr. Cooke's frank remarks. It1 seemed to be the idea "of Dr. Jones and other leaders of. the meating that at an executive, meeting such things as Dr. Cooke was saying were not In place, for the purpose of the. meeting wan to generate good-will from which action In the proper direction might result However, Dr. Jones himself said sonje significant things dur-l Ing his eloquent talk. Among the I high lights of his speech was this' statement "There is no such' thing as superior races." Dr.  also pouted out that when the Nogro was given the ballot In the first Instance, be was not subject to any restraint B2d.M H re*,ult'       wen banded together for their own protection; hence the growth of prejudice over the years since the Reconstruction. Kot. William Coke of Mannssas high school also struck sharply at pm of the sore spots of Negro w\ He said that Negro children ought to be taught their own history in the public schools because when the Nogro is taught to admire only, the white man lie makes a poor Negro. m.i  u Itan,         veteran    .m       ; in      of her talk said she  to thank the  'y*??,1' f?r       : The I  m 12 ?,m courtesy. She! 2JL     ..P""1 or       had1 n  to her. ,hin i J; ?r"ntl  ot Avery S?.~ f#  at *    low wage I  of co prod school teachers In (Continued on Page                 JUSTICE IS (Continued ram Fare 1) the south. He pointed out that colored school teachers dS even more work than the white teachers and received much less pay. He illustrated this point by stating that many white children heard good English at home and had the influence of culture, whereas the Negro child only too often heard poor language at home and the school teacher had to wort a lot harder for that reason. Dr. Grant also related how the public library here was, to all intents and purposes, dosed to NePresident Frank Sweeney, of LeMoyne college, spoke on clearance of the slums and was appointed on a committee with the Rev. John Petrle and Father E. M. Wright to revive the old Memphis inter-racial league. The formal papers of the                 Ing were delivered by Dr. Jonet and Dr. T. Fuller, prominent Memphis minister and educator of. renown. Dr. Fuller's address was regarded as one of the most scholarly of the session and evoked much favorable comment (or the truths It contained. Among the things Dr. Fuller said were: "Our Unit and' most powerful organization Is the church from which our leadership comes. And the pulpit and the press- are the most effective agencies .for molding sentiment. It Is our impression that the pulpit and the press In other groups are for the most part the Indicators of. rather than the moulders of, public sentiment "In the promotion of good-will the mental attitudes of. all parties to the effort Is an important /actor, because the extent to which we are willing to go in I promoting the welfare of another i group depends very largely upon the degree of worth and charac- tor we are willing to impute to the members of that group. "In other races  are good, law-abiding citizens who have a fine sense of justice and fair play. These should be pointed' out and commended. It is not wise to give the wides* publicity to the faults in other  while their virtues are allowed to pass unnoticed. Nor should a whole race be charged with the delinquencies of a few members of it. Too often race issues grow out of small incidents not worth the attention of an entire group. "God made of one blood all nations to dwell on the face ot the earth. Let there be no strife between me and thee; we be brethren</t>
  </si>
  <si>
    <t>                                           In a blunt and electrifying fashion, the Rev. Harold G Cooke, white, pastor of the Highlands Heights Methodist church, told a large audience at the inter-racial session of the Goodwill Conference here Wednesday that what the colored brother needed was...</t>
  </si>
  <si>
    <t>                                           WITH THIS WORLD FAMOUS GymifUudionJneattHetU Use Black and White Ointment and Skin Soap to drive away ugly bumps and ; to dry up itchy  ; to fade out mole  and bring health and charm to your complexion. Remember, there s nothing just at good nothing that brings such quick and effective relief from skin trouble ai Black and White. The 50c package of Black and White Ointment contains 3 times as much as the 25c size. Trial size 10c. Large bar Black and White Skin Soap, 25c. Lasts a long time. Use Black and White Skin Whitcner to whiten and clear up your skin safely, quickly and surely. Large can 25c. STOP MONTHLY PAINS If you would hold on to the freshness of young womanhood as Ions as possible, try to avoid useless pain and nervousness at monthly periods. So much suffering from painful menstruation Is / due to poor ^U^^Jl . For that, MJSJlJMZlim take ! Thousands of women have reported that -r-^ Cardui relieved their SKS pi pains at monthly times. SjJssshII li and helped them to  build up their general  health. ^ You ought to (Ind out      ?=^1  Cardui will help X (~~J^ fou. since so  women I\^L f-!      wld it helped them. f/    The thing to do Is to try 3       '' taking Csrdul like the dl- QU9^~ ~~'i'  on etch  uf.     5 Oet a bottle, today. Ot L^g^r. course. If It dots not  ~^^W? LiJ YOU. consult a physician. 1*^ Sold at drug stores In  1 bottles. urn r^ (Iff H^^aV^a^al il tfS</t>
  </si>
  <si>
    <t>                                           Baseball Summary SOUTHERN LEAGUE The Standbies ,-LUBS W. U Pet.  41 20 .672 few Orleans 34 26 .567 ATLANTA 33 26 .559 VIemphis 30 31 .4D2 ICnoxvillH 30 32 .484 ? 30 33 .478 31 27 37 .422 Little Rock 22 43 .338 Yesterday's Result* ATLANTA 4; New Orleans 4 (tie, called in the sixth, rain) Nashville 8: Birmingham 2. Llttlo Rock 2: Chattanooga 11. (Only games played.) Today's Games ATLANTA at Memphis. Knoxville at New Orleans. Nashville at Little Rock. Chattanooga, at Birmingham AMERICAN LEAGUE The Standings CLUBS W. L. Pet How York 34 23 .596 Detroit 34 24 .586 Washington 33 28 341 Boston 31 28 .525 Cleveland 20 26 527 St. Louis 27 30 .474 Philadelphia 23 35 .397 Chicago 21 38 .329 Yesterday's Results Detroit 6; Washington 8. SI. Louis 7-2; Philadelphia 5-6. Cleveland 9; New York 5. Chicago 3-4; Boston 6-1. Today's Games Detroit at Washington. St. Louis at Philadelphia. Cleveland at New York. Chicago at Boston. NATIONAL LEAGUE The Standings CLUBS W." L. Pet. New York 39 20 .661 St. Louis 34 23 .596 Chicago 34 26 .567 Boston 31 26 .544 Pittsburgh 28 28 .500 Brooklyn 26 33 .441 Philadelphia 21 35 .375 Cincinnati 16 39 .291 Yesterday's Results Now York 0; Chicago 4. Brooklyn 2; St Louis 8. Boston 4-8: Pittsburgh 1-7. Philadelphia 1; Cincinnati 4. Today's Games Philadelphia at Cincinnati. New York at Chicago. Brooklyn at St. Louis. Boston at Pittsburgh.</t>
  </si>
  <si>
    <t>                                           Funeral Notioea                 HARMON- The funeral of Mn, Eliza Harmon, wife of Rev. John Harmon will be held today at 3 o clock from Big 'Bethel church. Rev. W. Scott, assist. ed by other ministers . elate. Interment South 'View Cemetery. David T., Howard Co. KINO-Mr. Cornelius King, a well known .. passed away Wednesday afternoon at his . 887 Auburn A ve, N. E. Funeral wUl bo announced laU er.\Davld T. Howard It Co.   ?       ^"d' 2nd          ot Mr. WllUam Myham are Invited to attend his funeral Thursday (today) at 2:30 at the residence, 75..8tM0t.-N. E. Rev.J L. Henderson will officiate. In. terment Southvlew. Haufi. . - Mr. William Sbald* Ing passed away June 20. . "ounced later. Oeorge H, Hill funeral Home.</t>
  </si>
  <si>
    <t>                                           Baseball Summary SOUTHERN LEAGUE The SUndtnp. - W. L. Pet Nashville 41. 20 .672 New Orleans 34 27 .557 ATLANTA 33 27 .550 Memphis 31 31 .500 Knoxville 31 32 .492 Chattanooga 31 33 .484 Birmingham 27 38 .415 Little Rock 22 43 .338' YeMerdays Kttolta. ATLANTA 12; Memphis 15. Knoxville 4; .New Orleans 3.                 Chattanooga 2; Birmingham 0. today s Games. ATLANTA at Memphis. Chattanooga at Birmingham. Knoxville at New Orleans. Nashville at Little Rock. AMERICAN LEACftJE The Standings. C1 .UBS- W. L. Pet. Detroit 35 24 .683 New York 34 24 .586 Boston 32 28 JS3i Washington 33 29 .532 Cleveland 30 26 .539 St. Louis 27 30 .474 Philadelphia 23 35 .397! Chicago 21 38 .350 Yesterdays Results. Boston 11; Chicago 1. Detroit It; Washington 3. Cleveland 4; New York 1. St. Louis 3; Philadelphia 3. Today's Games. Detroit at Washington. St. Louis at Phladdphia. Cleveland at New York. Chicago at Boston. NATIONAL LEAGUE Tbe Standings. CLUBS- W. L. Pet New York 39 i\ .050 St Louis 35 23 .603 Chicago 35 28 .574 Boston 31 27 .534 Pittsburgh 29 28 .509 Brooklyn 20 34 .433 Philadelphia 22 35 .380 Cincinnati 16 40 .286 Yesterdays Results. Chicago 15; New York 2. Pitsburgh 7; Boston 6. Phllndolphla 4: Cincinnati 2. St. Louis 7; Brooklyn 2. Today's Games. Philadelphia at Cincinnati (2). New York at Chicago. Brooklyn at St. Louis. Boston at Pittsburgh.</t>
  </si>
  <si>
    <t>                                           ACE U. of PITTSBURGH ATHLETE. Everest Utterback,  and track star at the Pennsylvania school and one of the most noted  men of the race has recently been appointed to the staff of the Juvenile Court in Alleghany County.</t>
  </si>
  <si>
    <t>                                           A very lovely tea was given at the residence of Mrs. Samuel Howard Archer of More house College Sunday afternoon, November 18, from 4 to 6 to ... to the many guests the following recent brides: Mrs. Brailsford H. Brazeal, Mrs. Malcolm A. Jackson...</t>
  </si>
  <si>
    <t>                                           i  ep -rore Ai_ MJiflfiHn</t>
  </si>
  <si>
    <t>                                           "Bring up the child in the way he should go, and when he is old he will not depart from it." Parents and teachers have a joint responsibility in bringing up the child, ... parent comes first. There are times, however, when parental teaching and influence...</t>
  </si>
  <si>
    <t>                                           Old Georgia AME Croup is ReadytoMeet                 By Rev. c. A. WINGFIELD                 Waycross, Ca.. (Special)- TBc Old Georgia conference, the oldest of the eight annual conferences ot the A. M. E. church ia Georgia opens here Wednesday night at the Galnes Chapel A. M. E. church," Dr. A. L Townslcy. pastor and Dr M. T. Robinson, oas.or                 Extensive preparation has been mad? (or Uv  of ihp  number of ministers ami         .-~ expected. ULslinji \v. A. FVwntaln :,nd his stuff will be the special , ut Ih.. open public welcome exercises Tuesday night on Irhuir of the .'ronce and, ;it u pre-confer   with til? Old Ovorgin. conic r.nc,. pr. elders, will Jan,, a cabinet nx- In ult effort     tiii* .nUi.iix of    and Uik?~ under          .mem.s i'i~; the      . At the Mocon . which U)^ dosed, the following appointments were made. Ulc        lol  owing ou. his polity ul  .r ul chang.s ior uic commi; -  district: Dr. E. GHgtix  elder: Turner 'l        .~~ tu be : fat. , t\. V.un-y. K;v. A. J. K-; Uraiii.. Kev. J. L. - r'-'WcikVllL' .. Kov J a. McAllister, or.: Hi yon circuit, Kev. j. H. MunuKuny: Gordon circuit. iCc V. 1-. l;. 1     ; MUl.sh:       . I ui-v Clurics lc ; si. Uik. I . C. ^HK; SI. ^:     . I . ta. M. Mann:  it-     . hev. a. m.      :ii. Irwt-is ClUMirl         . Kcv. p. u;      : AOOiiib aim Wllica(.sl.r. Kcv. A. OOlllCr:       .i MLVOuU,  CV\. t-I'lllU. Grant.  bt. .-~. m-.. i-i-yu Iliomas.  : Rev. T. J. Du- Ms. M. U,. pre-; : a. Joiin, . Hev. s. oni-n.  iind Bi'ihcl . lu  d; 'Ifxa.s circuit. tu-v.   . I. .~; t-  cin-uu, De .supplied; ML. Zu)li c-. Rev. W. N. anil.~i Jjiiipn  circuit. Rev. J W. EinjlUsli: Comity        .. Kev. A- L. Simmons: Stundsvillr ciri-uii. Ki-v. W M. Ttndjlt; Ler'.% ml.. R.-v. C. W Maxwell: Zacrury. a.-v. Rotert (Continued      4; Col; 2'L                 OLD GEORGIA (Cuiiljnun) from Paci- 1) Hargrove; Cannaun circuit. Rev. Wm. Stciubridj.-; Cross Road. Rev. S. W. DriskclU; Union Hill mis- iion. to be supplied: Dtntlst mission,   -v. J. T. Li:Ue: Eatoncon i mission. Rev. J. T. Turnfr;- Uni- 1 . Rev. John Cash: and Wll- i Uams chap^. Rev. R b. Flournoy. j East M:i con district: Rev. David j Norrif. prr.-.l(  St. PaiiL Macon. Rev. R. J. Jefferson, fonn- er pastor Allen Tomple. Atlanta: Grays Chap.-!. TU-v. J. H. TlucUcn; Camp Hone. Rt.v. a. CnilUi; Dtw- . Rev. A. Beall; Climon. Rev. J. S. McAULstcr. Jr.:  circuit Rev J. M. Jordan: S:. j James. Rt-v John Daniels; Sand I Creek, Rev. S. Starling: I'inehurst. I Rev. C. W. Washington; Vienna, i Rev M. D." Ribbon; Arab!. Rev. WolliT Bums; Katiilccn. Rev E. I C. Robinson; Bailey chapel. Rev. E. Pauldo; Grovanla. Rev. D. J. Harris. East Macon mission. Rev. Os- car Walls: CUncWlcld. Rev. J. W. i Jackson; Cordcle station. Rev. J. Ray Mooro. j MUlcdSPvUlp district: Rev. T. IV. Evans, : elder: MUlcdRe. i vile,    . D. ^W. Ealy; Warten chap vl circuit. Rev J. G Brown; Mite-  chapel. Rev R, H. KlUmnn; Butlaio. Ri-v. D. C. Clarington; Green . rsv. F Gri??s; Flipper chapel, to be suppli-d: H?ti- . R?v. S. J. Reynolds Harpc-s No. Two. Rev. S. B. Earr=li: \V: . to b,. jupp;i?.l; Cart-Up and Cranu Rev. s St ::: Pleasant Orovc minion, Riv. ^ Mo^ely; Lundy :!. Rov. Aaron Jo!:n:.un: Walker -1. i Rev, J. W. Wynn. P3rsj-th district:   -v. J. N. KUIvt . cld,-r; st Luke. Forsyth. Rev. e. j Odoro: AUcn Cnap- cL Xiicno. Rev. H. V. Green: Stir- i .? Rev. T. T. Stephens: - I ~-l. Kn.\: Wm. Dennis; Sugar HIV. circuit. Rev. J. M. Fleniister; Mt Zicn. Rev. T. M Johnson:; Culloj  Jcn. Rev. A. L. Clark Barnesvills. ;Rev. r. T. O'Neal: Ocmuls=c, R?v. S. T. Watts: Musi-Ua. Rev. K. i Hicks: KnlCTUJc. Rev. J C Samples; GrccnvlUe, Rev. B. F. O03: Robinson Tatsmaclc. Rev. N. A Ridley; BcUtenrn.    . E. Rutland; Klnas chapel. Rev. F. J i Johnson Woods Chnpel. Rev. H. I Sutton: and Gaincs . rcv. J. I P. Scamciv.           were; Rcv. G. B. Hai:. nan to the Atlanta conference:  .it St. Paul as the : or Rcv. D. T. Babcoclt. who went to Big Bethel:   -v. R. B.  to the North Georgia conference j :03d sent to Pine Grow circuit; Dr. i T. L. Unton. transferred to jelf,-r- sou .station in the North       ^ conference; and Rev. D. H. Me- Claln to the First, church at Grser.s  in the North Gvogrta confer. .</t>
  </si>
  <si>
    <t>                                           Waycross,Ga., ()--The Old Georgia conference, the oldest of tho eight annual conferences of the A. M. E. church in Georgia opens here Wednesday night at the Gaines Chapel A. E. church Dr. A. L Townsley, pallor and Dr. M. T. Robinson, pastor.</t>
  </si>
  <si>
    <t>                                           In a special message in the H. M. Miller at Montgomery, the Mobile Branch of the NAACP on Saturday, December 27, asked investigation of the removal of Clade Neat from the Browton jail by a ... which lynched him about 24 hours later near Marianna, Fla.</t>
  </si>
  <si>
    <t>                                           Will meet tonight with Mr. Edward Ashe, 500 Johnson avenue, at 8:00, Miss Cullie Bunsten, sec., of this club, wishes her many friends to see her off for Detroit, Mich., Sunday at 5:00 p.m.</t>
  </si>
  <si>
    <t>                                           Today Only ii.ll"  A Bailey's ROYAL TliauksKiviii'^      -ial "Wild ISoys of the Ko:icl' Today and Tomorrow     staked /SPPtk. all-     JT -'BSBk for a *3^SS^B Also Thelma Todd in "Three Chumps Ahead" Bailees  l</t>
  </si>
  <si>
    <t>                                           WHETHER the strikers get what they are going after for not, the appointment of an arbitration board by the president is of some significance and gives them a deal of consolation, in that they feel that the United States government will seek to settle the dispute within the boundaries of the labor code. In fact, the whole thing amounts to a difference in the application of the minimum wage code.</t>
  </si>
  <si>
    <t>                                           MARKET DATA i 8DAY, JUNE U Total N. Y. 8 Enhanre TnaneUoiu 632.US Total     York Curb Exchange Bond SUM  3,0O0,0M Total New York Stink Exchanfe Bond OUca 117^06,000</t>
  </si>
  <si>
    <t>                                           HAPPY HUNTING GROUNDS                 By G. R. H'^ I  I The autumn Irnvcf, Kissed by ttv-   un. Mulct- their U,w In thp early ;  And sny  3 Kidbye to summer. The  rods .Will  look pule nnd . The  Is making Its last 8t:. And like a worn old man, .It Is b^    drop Its Load As if It. were  and sleepy. Dnd* and ii[  3umn Iwtb. Are " For- the persimmon . The southern farmer Takes his co ton to town And gets his fill of  heese, cracker: and sardines.                 The  ir*t frost will brinn POSSUM AND TaTF.RS! ALSO, Pmiuhs. apples and cider. f.' m*. bar-lie-cues Art-   ChitterlinE suppers And : parties next. IV! squirrels In Ihe p1"** Are  srn.~     *. Kaltlilts no longer Tal;~- iij. strolls * bft^- .strolls Out in the open Bit: (ish are  to travel     suckers  bite. Thi* naming curtain rays Of tbe A- sun Seem farther awn.v. As they are runs down. The mocking  Srem tired and weary, As - sins a lonesome GOODBYE SCMilEB.</t>
  </si>
  <si>
    <t>                                           FTSSfPv " I  2i TV"r OK 1054" 1 GEORGE _r.i.ri.t- 0 B K 1 E n v.a.n     I In       1      's 1  I 'TMT DUDE I     0H'~ NBC I RMJoril"    _~'Miag;*~ L TODAY ONLY y You'H  when you     the N "Poor Rich'1    With V EDNA MAY OLIVER L "The ting of N The Arena"</t>
  </si>
  <si>
    <t>                                           i MARKET DATA j WEDNESDAY. AUGUST 1. 1934 i Total New York Stock Exchange Transactions 778,770 shares Total New York Curb Exchango I Bond Sales S2.000.000 Total New York Stock Exchange Bond Sales S10.470.000</t>
  </si>
  <si>
    <t>                                           !i.c. college president speaks                 Tar Heels Havei Most Negroes In State Schools GROUPS STATES i ,   :\. .now iti Or. .1. fc. Sh-~v.rd. president of  N'rtrlb "' Cnllec* t,it NV  made n statewide appeal for Xesro  over the capital . I'p'-i--iir Shop/inl  figures oui of Hi,.  at Ilio     . --iit t.r education to  Ills ~".ni';. It \v:is point. il ..ill that N'irlli Carolina lias  Ni'- j supp..rl,-il  than In any nth- 1 cr  rn sl:il.:, .mil Uu-     :                 ^*.  our stair Jiail inure than iho sr""P. Tin- majority of tUo Sniitlivrn states': anil l"r. S1~-~~       -il .'s I          'ni      ^s. . JMoni'.v for" vtn\o ii r two ; - Nonh Carnliaa, six. X.  is :iL (he foot or the list .in sp*^ money to * .No. tws. Tlif si i-          out      fuel Hiai a . servant, makes a 1'i tU r si-. if t-. Education -x '*. Pr. Shoparil iu Jils l.r.^ot . way. made :i lii ild      :il not for N. 0. Co11hj;o Inn for all the state .supported .schools u( Mulier education. ThrongsGreet Herndon In Cal i f or ni a LOS ANGELES. C..- AND" A packed     .nee ot l.lack and   iind   heard AtlRrlo Hern. Ion recently  on ball , having been sentenced to 1'"  on a Georgia chain ^ for activities in /.ln^ tb-unemployed in Atlanta, In th-' Ma.son         , Sunday, No-, vember IX. Hern. Ion wan convicted under :tn ~*M J.-iu- .*.inted at  insur- 1  and his cane nan .l; wid.*Hpre.ift . An ai  j Is now i  In      U. sf. sn- 1 prt Oiiiii. Money for hi:'! $ir,.o(iii t.aii wan. raised by     .. j ular subscription. I                 SPEAKS OUT                 . J. K. SHEPARD prf.' or N. C. Stau. College for N'*groes in a  address stated (hit more Negro men anil  annul -. schools in tin- "Tar Heel" sUi k than any state ir the south, lit-    our of the  s out- educator..</t>
  </si>
  <si>
    <t>                                           There has been an occasional debate ever since the Emancipation, over the Negro and the type of education for which he is best adapted or that would fit in more acceptably with his natural bent, opportunities and out look on life During the last 60 years there have been two distinct schools of thought taking prominence in the discussion. One of these schools was lead by the late Booker T. Washington, whose genius gave to the world Tuskegee Institute...</t>
  </si>
  <si>
    <t>                                           WRECK VICTIM                 THEODORE CROCKER 1 Native of Moultrie, Ga., and j Payne college graduate, who  killed in an automobile wreck near i Monroe, Mich. At the time of  leath he was* business manager ot I the Toledo 'Ohio) Enquirer, a week ly newspaper.</t>
  </si>
  <si>
    <t>                                           MOSS POINT, Miss.-- The 24th session of the West Alabama Conference of the AME Zion church passed into history last Sunday night with the resulting of the appointments by the presiding Bishop the Dr. Rev. W. J. Walls of the 8th Episcopal District of which the...</t>
  </si>
  <si>
    <t>                                           WANTED Newsboys sn* AfeaW Everywhere TO REPRESENT THE WORLD S ONLY NEGRO Daily and Semi-Weekly DAILY NEWSPAPER AMrai Atlanta OaUy World 210 Anbara Art* V. t Atlanta, GeorgU</t>
  </si>
  <si>
    <t>                                           WEST SIDE BAPTIST SUNDAY SCHOOL had a wonderful revival ty Deacon T. A. Shanks Eleven o'clock services were conducted by Rev. C. B. Sawyer, who is the assistant pastor. His text was preached from "Watch Ye therefore for no man knows the...</t>
  </si>
  <si>
    <t>                                           I LAST TIMES TODAY Bailey's 81 Theatre Also 3     ;r Vici.urps i</t>
  </si>
  <si>
    <t>                                           Congregaiionalists OpenMeetingHere                 BurinuiH im Wuomi ,,t lh.- (;.' Convention ~.r tlw O..:i  Churcli-.f   r c; xi.i :     South Carolina, ami ihv S lay I School ami Youiik ('~.pl.-'n ClirLs- Ufln Siirtoavor will .ir"-" n)  ' o clock (Ills  :it the l;    Memorial Cotii;rP5*:il  h, j                 the   -v. L,. j Ueaslcy, ..',  ail Int^; - program Thursday . Muku'uI srU-        OlarK university  anil llic choir of t!  - First. ConRrpRatlonal  were features at ihv w* rx. Tliunday   tho Kev. E. W. Richor,   , ya.itor ut  Central OoncraKatlon.il church of this city,   the principal address. Among t)i^   on this welcom* program wore E. yt. Martin.          '-"' of t)i.~ Atlanta. XJfp Insurance -any: Attorney A. T. WaMcn. Dr. George 3. Morse, city physician; J. p. Whhtakcr.  of. Atlanta university; J. \V. 'Willis, of. Rush Memorial, and Rev. Bell, Rev. John C. Wrlsht iind Hev. c. s. Ledbi-ttor, mod Tutor. who pri . Th9 session this  will1                 l.o   ..ii.-,l wit), ,l..Vntjona1s by IS.-\ I-:. A. Milllan.lil., Hi'.. :    "~-ill .if ~-~'."~-. V.'purls of , :i .1 labl1.' :iii.t      '.:    . i. a ^-lUit:*   the dir..i-ti"ii -tary 11. S. Uanivll Jiid                   for thf policy (JOV(.~; ^outh.Tn  work, under tho           of Rev. Paul Johnn. At  o cl ick thN afternoon the Sunday School and Young PcopIh'h  -M meeting will be hold with Him Cora B. Nash            .  uUU be led by tho Atlanta delegates following which enrollment and reports will b0 lea Hired, alone with, committee . the annual address, and tho election ot . Another meeting of the young  will be held Sunday - at  o clock (it  time a very int^n-  will be held  will be ot much value to  church workers of other . The Krlday ev.'; -ain will Iip upen.'d   un(Continued, uo t*    4; Col, 2)                 Congregationalists (Continued from      1) I d.M- 111.'  lii'"i  of r.'.-v.        "iv s, L.t.".r. graduate Hlu- iler-.t :it Oln-rlin Seminary, while tin- prim '  will bp  by l*i-cal L.. I'.. New Vork.  secretary or tho A. JI. A. "ii "Tin. /Council fin- i Social Acliun." Snveral-     'r..-stin^ r'*t.oru imO 'lL^. alone with 1 lie ~-li*   lion of  j* ari- s!a*,f(i f.,r tht; Siiturday   wth lhu conventional sermon l.y Ri-v. .Tohn C. Wright anil '-n    the ^ of the  utl':ay morning se;~*lon. The Yuunff People's  Sunday afternoon and the  ot *   Uie two nuite  to a .</t>
  </si>
  <si>
    <t>                                           Business sessions of the General Convention of the Congregational Churches of Georgia and South Carolina and the Sunday School and Young People's Christian Endeavor will open at nine o'clock this morning at the laush memorial Congregational church...</t>
  </si>
  <si>
    <t>                                           It's the talk et the town--Claude Hopkins and his Roseland ballroom dance orchestra! Yes, they will be here Wednesday night, June 20, at Sunset Casino where they will play a dance engagement from 8:30 unfit 1.30. This same dance orchestra thrilled President Roosevelt...</t>
  </si>
  <si>
    <t>                                           Nearly 25 per cent of the population now receives free medical treatment from the greatly increased number of clinics and dispensaries almost entirely at the expense of the physician, as is only a small proportion of instances are the physicians, furnishing the...</t>
  </si>
  <si>
    <t>                                           i\    FELICITATIONS I I I is On The Beautiful New i 1 ASHBY 4 4  4 I S.L.~ l 1112 Ridse Avenue i GENERAL CONTRACTOR I i PfTTTTTTTTTTTT T  VTVyTTTTTTTTTTrTTTTT</t>
  </si>
  <si>
    <t>                                           With four new faces in the line up the Tigers downed the Black Barons from Birmingham in a double header at Crosley Field last Sunday by a score of 3-0 and 8-7.</t>
  </si>
  <si>
    <t>                                           N. C MUTUAL WILL STAGE PICNIC ON FRIDAY                 Ktrenil thousand  arc vx. -d to attend the monster  , field day, and picnic of all of the North Curolina Mntuul Life Innurimr? Company Thrift  of Atlanta. East Point uml Pollrev       ut the Wuvhinston Park.                 Thi' . In , will  I arriving at 10:3o iu the ^ with      hour of departure ; set at :3   B.' i\ Thciv will lie plen ty of amusements and games un- 1 dor tilt direction of \V. A. Uulllkin and the other  of the North j Carolina Mutual I-ife lns. Co. Amonj the . will be "eating the  tail" 'a rope Jumpini: con. ti st" 'elastic '. 'potato ". 'potato rush," -naper  relay,' 'bottle rui-o." ' e  race," "blind man  out', anil 'get tbe bacon'. Thero wm also bo rins plays and Rames for the smaller child, ren while .100 balloon whistles will lie Siwu to the first :mrt members to arrive. S. S. Atiruni*,  of the Atl. ,     every thrift chili member to ho present and to : at least two friends nrid their parents. There will be plenty of free lemonade and Ice water on the ground but everybody Is asked to  their . A croup luncheon w{ll be spread In the old fashioned style at 1:00. August the 3rd is the .</t>
  </si>
  <si>
    <t>                                           Several thousand persons are expected to attend the monster annual outing, field day, and picnic of all of the North Carolina Mutual Life Insurance Company Thrift clubs of Atlanta, East Point and College Park at the Washington Park.</t>
  </si>
  <si>
    <t>                                           PERMANENTLY LOCATED MADAM MINGY THK WOMAN WHO KNOWS  ui Life Reader      part, present and future Give* advice an all attain life, Lore, Muriate and Bpeei Ullone  t all . Dont fan  HP to im tbU (UtedHMH PalmJft- Points the  war of  J1  and  ypa bow Kft-W to             nle*. Hadam    7 ha* helped  tmt can belp yoa. TELLS '.VCK.T OAT8 AMD i,trcK7  Battataettoa Ottarantoed OfOoe Honni a. m. to t p. av  tt MoOenMili K*~4 (Aeraw (nm Fedcra] Prkea) SPECIAL BCASmOB-Bfta Take Federal Prtoon car to ead ot line. Look for Name on Sign. Madam Miner MakM No Hams Call* Not Inltat  U1111AAL</t>
  </si>
  <si>
    <t>                                           Pittsburgh is now host to a "Divine Kingdom," a branch of the religious group which has met with instanteous acclamation in New York City, Detroit, Los Angeles; and, many other cities in various other sections of...</t>
  </si>
  <si>
    <t>                                           BALTIMORE --New recruits are showing more possibilities than he had expected, declared Coach Edward P. Hurt, of the Morgan Bears, following a few practice sessions this week.</t>
  </si>
  <si>
    <t>                                           PERMANENTLY LOCATED MADAM MINGY THE WOMAN WHO KNOWS Palmist and Lire        Tells    . present and future. Gives advice on all * of life. Love, Marriage      and Speculations of ^~ kinds. Don't fall Mgl-M to see this (      Palmist, Point* the  TftW way of all troubles ^B*^l and shows yon how in overcome  .   Mlncj has   and the Ciux help you. TELLS LL CKY DAYS AND LUCKY NUMBERS Satis/action Cnanntced Office Moon: 9 a. m. to 9 p. m. 638 McDonongh Boad (Across Trom Federal Prtwin) SPECIAL READING 50c Take Federal Prison rar to rnd of tine. Look for Name on Kign. Madam Mint/ Make* No Home Calls Not in Tent</t>
  </si>
  <si>
    <t>                                           Nearly 500 wild and enthusiastic baseball fans groaned in ... yesterday afternoon as the East Side Blues, hard fighting ... baseball club, after piling up en 8-run lead on the Atlanta Athletics in the sixth and seventh innings, let a perfectly ... ball game, slip from within their grasp when Carl Lippitt, sensational young righchander, weakened, and big Roseboro owns, the elongated righthander who replaced him, proved annual to his task. "Chinn" Evans came in from the outfield and...</t>
  </si>
  <si>
    <t>                                           TO BE REMEMBERED                 THE LATE DR. F. L. JACKSON                 Atlanta Alphas will honor two Athem  brother* members of their . Sunday (   Mrmorial          will hr held In the Classic City.</t>
  </si>
  <si>
    <t>                                           "Well, we live and learn as Lutie would say, don't we? Susan's hands dropped from her face. "She says that all good looking men are fickle, too, and I think she's right."</t>
  </si>
  <si>
    <t>                                           Years ago, Ann Haskel, dominant Ozark farmer, sent her fatherless son, John Herbert, away in the care of Judge Shannon, so that the boy could be educated properly. No one knew the heartache this sacrifice caused Ann. In John Herbert's place. Ann raised a...</t>
  </si>
  <si>
    <t>                                           Caroline Rutledge and Howard Dunsworth become engaged despite the opposition of their fathers, Philip Rutledge and Henry Dunsworth, who have been enemies for years. Then Henry ruins Philip in business and Caroline breaks her engagement when it is obvious that...</t>
  </si>
  <si>
    <t>                                           S PEC I A L Half Sole 39c LADIES'  Uc MEN S (Ucffiiiar    ) Rubber IIccJs, 25c. ECONOMY SHOE SHOP 51) DECATUR</t>
  </si>
  <si>
    <t>                                           HE TURNED FIEND TO TRAP A MONSTER! i A modern^ Jekyll-and-Hyde pits his skill against the diabolic cunning of a soul-less Svengali with the life ^^^^^^^^^^A i of beautiful girl at stake^^^B^^ ^^^^^^^^^^^^V  V *^S^*^^Hi ^^B  ^m I Ilk ^V i i LML ~^~~~~~IHI      \~   ^I^^^^H M = ..ci.,k. JT BAILEY S 81 THEATRE i Today, Tomorrow, Tues. j Mli^ IX   TAR** j</t>
  </si>
  <si>
    <t>                                           Les Pavots and recently with Mrs. Clarise Edwards Branch at her home on Martin street, S. E., with the following members present: Mesdames Allie Jackson, Callie Mac Montgomery, Ruth Harris, Vera Thomas, Johnnie Mac Lowe. Oretha Breaks Brown, Misses Bon...</t>
  </si>
  <si>
    <t>                                           A letter arrived from John, and another one from Connie. urging her to come out to Omaha and live with them. She thanked them both and refused their offer. "Please don't hold out a crutch to me now." the wrote to John. "I have a lob and I am hanging on to it like grim...</t>
  </si>
  <si>
    <t>                                           LOOK!! LOOK.!! LOOK!l hI^HI^hH^^H Famous Palmists  MHjHj^^^^M Tells put how it was: present Is: IHHi^H^B^H^HBn  you about future. Born (^~^^^^^^^~~OHU with the knowledge. Rives us the ~^B^^^^^^^^~       of every line in the palm. ~^^^^~nB9 No matter what your hope, fear or ~^  ^^^^^^^H3^H^H trouble Is.  as. Our advice is I^I^^^^^^^^^H^H BKtt b-. Lockr Nnraben. 27 I^H^^^H^^^^^H^^H Roltvirood. Take River or Almacd IHI^^^^^^^^n^^n      ctn, ask to cct off at LawcI^H^^^^^^H^^II V.rw Stop. Look for Zola's Electric HHnHQ^QBjH den only.</t>
  </si>
  <si>
    <t>                                           Bailey's Ashby Today THinrriflftl Sat. JOAN BLONDELL Friday and Saturday I 1st Chapter- "Mystery Squadron"- Charlie Chase Comedy</t>
  </si>
  <si>
    <t>                                           Middle age may or may not have her mind set On the value of a smart and presentable appearance, life having presented her with an asortment of material upon which to center her thoughts. But if she isn't to be jostled to the side lines or boosted up onto the shelf, she'll have to consider the reflection in the mirror. When she gets to the point when he doesn't 'care she is slipping.</t>
  </si>
  <si>
    <t>                                           'Midnight Mary' Story of Girl Who Faces 'Electric Chair9 After Vivid Career                 the melodramatic career of a :."sn- York tenement girl who comes perilously  to the electric chair 15 depleted in ."Midnight Mary," a    - Metro-Goldwyu-Mayer picture  Thursday and Friday at iM P. Theatre. The picture was filmed from an original Btory by                 Anlia      and features Loretta Young, Itioardo Cortez, Franchot Tone, Andy Devlue and Una Mer The .r centers on Mary Marliu. a young girl who grows up In adverse circumstances and is .v Induced to Join a group of crooks who progress rapidly from  larceny to robberies on the Kr;ind . She falls m love with                 a wealthy young attorney and tries desperately to start a new life on im honest footing. The gangster who has dominated her youth threatens to kill the man she loves, and  her will. Mary Martin is I forced back into the underworld. The pivotal role is played by Loretta Young, one of the most Populur of the screen s  stars. K.'       Corteez plays the gangster who forces her to become a crook, and the romantic phases I of the plot are handled by Miss Young and Franchot Tone, the much talked  newcomer who received outstanding notice for his work  Jouu Crawford In "Today We Live." Andy Deviuo                 ii ud Uiiu Mcrkcl insure the picture of numerous comedy moments and the group of supporting players include Frank Conroy, Warreu Uymer. Iran Simpson, Harlod Hubcr. Sandy Roth, Martha Sleep, cr, Charles Grapewin. Halliwell Hobbes and Robert Eiaraett O'Connor. The story statts with the tensely dramatic moment In which a jury Is deciding on th, fate of Mary Martin. Did she kill the gangster, and it  u why? It is during this  Im- lu which the Jury -  tbc    1 life of ih.: firl i'.  m a series ot  -. William Wcllmun. who directed "Midnight Mary," is said to hare filmed nls story from an entirely different angle than the usual crook drama. Wcllmnn has achieved a scoring reputation as a director ot the  of humanity with his . tions of "The Public Enemy" and "The Conquerors."                 UNDER THIRD DEGREE                 Loretta Young is  put through "the third degree"  scene from "Midnight Mary" her latest hich plays at Bailey's Royal Thursday and                 SHE S NEW STAR                 -Dorothy Wrick (pronounced Vceki sensational German actress unit Paramount'* latest Ilnd li  ten  t Bailey's Royal theatre Wednesday only In     dramatic Him "Cradle Sons." The story    written   - Marc Connelly, author of "Green Pastures."</t>
  </si>
  <si>
    <t>                                           The melodramatic career of a New York tenement girl who comes perilously close to the electric chair is depicted in "Midnight Mary," a new Metro-Goldwyn-Mayer picture playing Thursday and Friday at the Royal Theatre. The picture was timed from an original story by...</t>
  </si>
  <si>
    <t>                                           MAID HELD FOR JEWELRY THEFt                 WASHINGTON. Sept- (ANIM Miss Currle Weldon, n  for si  months In I he home of Mlxx Anne F. Oordou, white,       of District Suprraic Court Justice Peyton Gordon, bus been placed In Jiill  $1,000 . accused of  $5000  of Jewelry nnd heirlooms from bar employer s home. Miss Weldon   on Ancust 20 sin1 took  some old , lint denies ; ; of t\\~  Jowol.s.</t>
  </si>
  <si>
    <t>                                           ^'~~3j.KP^^TcycT^tp- mE^:^0</t>
  </si>
  <si>
    <t>                                           Miles Memorial College held its thirty-fourth commencement day exercises in the Brown Auditorium of the college at 11 a. m. Wednesday May 30.</t>
  </si>
  <si>
    <t>                                           ! Want to Buy Clean RAGS Call Wa. 1459 Atlanta World</t>
  </si>
  <si>
    <t>                                           Before an audience that demonstrated its interest in the project and showed its enthusiasm for the opening play, the Atlanta 'University Summer Theatre was inaugurated Monday evening with a performance in Howe Memorial Hall, Spelman College of Miss Lula Vollmer's drama of Western North Carolina mountain life. "Sun-Up". At the conclusion of each of the three acts the audience enthusiastically applauded the actors, and at the conclusion remained to congratulate the actors personally. The...</t>
  </si>
  <si>
    <t>                                           Colored Atlantans who have been suffering from foot troubles will be giving an opportunity to have their aliments properly cared for in a more thorough manner with the addition of several days and hours to the free clinics offered at the Georgia Collage of Chirody clinics...</t>
  </si>
  <si>
    <t>                                           'Corn Bread' Freed in Fatal Shooting                 Disorderly charges against will Culbertson  "Corn Bread'" growing out or the fatal shoeing Sunday ol Will \. were dismissed by Judge,. A. "W. Calloway Tuesday on the grounds ol "Justifiable homicide.**                 Griggs died almost instantly, as the result ol.~ boUet --wound: through his heart, which Culbertson admitted Inflicting, but claimed that he fired in self defense. Appealing as chief witness far Culbertson was Assistant Chief of Police Connally, who testified that Culbertson had come to him several weeks before seeking police protection from Origgs. Several other  witnesses were called by Swift Tyler, Jr..  tor Culbertson. all of whom testified that Grlcgs was armed with a knife at the time ol                 the fatal shooting at Rawson and Praser streets. Culbertson In his statement said that he had been attacked by Grlggs a lev minutes before the ^hoe/ling and .that he had gone home, but later returned wich a pistol. Griggs again attacked him,        ,     _}~e-~    . v Police were stOl puzzled as to the motive behind the case. Culbertson careful not to explain the nature of the trouble be had had with the slain man, merely said that "it was an old grudge." He sold that Grlggs had been Intimidating him for some time and that on one occasion he changed his residence in an effort to elude him. Detectives Chester and Holland Investigated the case.</t>
  </si>
  <si>
    <t>                                           Disorderly charges against Will Culbertson Alias "Corn Bread"' growing out of the fatal shooting Sunday of Will Griggs, were dismissed by Judge A. W. Calloway Tuesday on the grounds of "justifiable homicide."</t>
  </si>
  <si>
    <t>                                           The Medicos are here from all parts of Georgia and they are here to "swap" ideas with others ... to the best ways of fighting the diseases of mankind. They have chosen an ideal place. Atlanta, Georgia, the Gate City of the South, and the reception...</t>
  </si>
  <si>
    <t>                                           -~T^ 488 M Ass j 7W /T</t>
  </si>
  <si>
    <t>                                           Tell a heavyweight that she is lucky to be fat all over, and a steely glitter will kindle in her eye--especially if you chance to be a ... Yet, you are only giving voice to what is true. She can cut down on the good things of the table, start out on a campaign of exercise, and in due course of time the scales will offer a report that will put joy in her heart.</t>
  </si>
  <si>
    <t>                                           The pastor and officers of the Butler Street CME church are making this special appeal to ... member of the church to avail themselves of the opportunity to make the last Sunday in the Conference year a success in every way. We are asking all of...</t>
  </si>
  <si>
    <t>                                           Charles "Cliie" Snlc, Wallace Beecy, Jackie Cooper. Lionel Barrymorc in "Treasure Island"</t>
  </si>
  <si>
    <t>                                           VS7   -1 Brown Ugtrtmm ~+ I III ii iii 1- I     DrnutuicOiatncol      ~!~4 IX _~~,a. or -      . tt. Mo  At- '\^^WSje NP 41. Golden Brown s4r 1 ATLANTA Dec. 1st to 16th PRYOR WALL STS. i Belmv Kimbull Hotel FIRST TIME EVER HERE                 i See Live Penguins i From Admiral       LITTLE AMERICA.. I ADMISSION TO EVERYBODY 1 fl#~ 3. m. to 11 p. m. I UC EVERY DAY We arc Helping the i    ;  XMAS FUND.</t>
  </si>
  <si>
    <t>                                           Note--So many times I have sold my readers that if they are just going in play members anyway, to just put down any number and don't be ... and pay some one money for give them members that hay claim are sure to hit. Remember if the follow that yon 15ty to...</t>
  </si>
  <si>
    <t>                                           LOS ANGELES (WS)--In a 17-page complaint William France Saxaphonist in Leon Herriford's Cotton Club orchestra, was made defendant this week by his estranged wife, Edith France, in a suit for separate maintenance, which was fiel by the plaintiff's...</t>
  </si>
  <si>
    <t>                                           9       5     ^~:A. IK     NI/OK.UD  ATOP8T H8  BY W. A.  C, A.  General Manarer i. R.  Ant General MiO(R K. DAVIS Managing Editor       ud Sunday at 210 Anborn Avenae. N. C By SCOTT NEWSPAPER SYNDICATE Ttttpboatx Walaot 1453 and 14S0  OF THE ASSOCIATED NEGRO PRESS   BUREAU OP ClRCULATlONtJ SUBSCRIPTION RATES .- 1 Yr. H21; Mm. S4.7S; I Mot.    : I Ma. M. SUNDAY ONLY:- 1 Yr. $XCU; C Man. tlM; 2 Mos. St.OU; Caiuaa: 1 Yr. MJ4-. 0 Mos. $LTS: For.lrn: 1 Yr. S5J0: 0 Mat. *3.7S. NATIONAL ADVERTISING REPRESENTATIVE: i W. B. ZIFF CO, Chlcaco,    . and New York. N. Y. KnMced aa second  matter at the      office  t AUanla. Ca. wader the Art of Match 3.   .</t>
  </si>
  <si>
    <t>                                           BAPTISTS TO LEAVE FOR MEETING                 Georgia Delegation to S. S. and B.Y.P.U. Congress to Leave for D- C. Today                 ALA., MISS. JOIN HERE1                 A large delegation of local und         Icaderxfand work-!  M will leave the Gate City ut l2:.! 10 today from the Terminal Stn-i tlou over tbe Southern Knllrond for Washington, D. C.   will attend- the National Baptist Young Peoples Union und Snmlnv                 Bcnool Concre.SK sessions which m\ open tomorrow  ut the ML Carmel Baptist church in the Capitol City. According to Dr. D. D.- Craw ford, veteran executive  of the Gorgltt State MwHionury Baptist Convention, wbo has been confined to his life home on account of gastritis imd wbo hits completed the arrangements for the trip despite hiu ill health and the knowledge tbat he will be unable to make the trip this rear, everal other state delegations are expected, to Join the Georgian! Hendcd'liy Prof. W..J. Creed Alabama Baptists, from Blrmliigham, Tuw/, Hunlsvllle and other parts of the adjoining state  r. expected to reach the Gate Citr In time to Join tbe (Scorgiii group while a large MisalHxtppi delegation Is 'also slated to arrive In Atlanta In time to make the trip on the same train. The Georgia delegation from Sarnnjutb In expected to go up along the roust line  while other Georgia (Me Kilt*) from Augusta  nd surrounding territory will attach their hik.fial car' to the train leaving hero when It  In Charlotte. N. C. Among some of- tbc   wbo are attending the meeting as members of the Geor-i gla delegation are . J. II. Eviins of , president of the! state Sunday School department, Prof. w. I,. Ilughei, Dublin, president of the stato B. Y. P. U, department: . W. M. Hall, and L M. Terrell, of Macon. and Dr. (Continued on Fate 2, Cot. 7)                 BAPTISTS (Cbntiitad from Fat* II J. a. Godson, president of Central City college, Maeon. A number of Atlantans are  to the meeting, sessions of which will be held through Sunday. Included lu Uie list of those  tu the Mb  from Atluntu arc: Uev. J. M. Nnbrlt, pastor of Mt Olive BapUm church, president of tUo (H'liorul Miwiimaiy Baptist Convention of Georgia and secretary of the Nationul Baptist Convention, Jik\, and John 0. Ooloy, S. S. Superintendent und Wllllutn Bush. B. V. P. V. president of hi* church. Mrs Lcthiu Craig and Joe Crawford und h. Harris of Wlieut Street Biiptlst church; Rev. M. L. Klnp,      Pearl  und Mrs. Nnnine Crnwfprd of Ebenczcr Baptist -li; Kcv. J. J. Cluw and Mrs L. G. Hurrls of Libert}- Baptist church; . J. T. Johnson uml Supt. J. lit Harris of the Zion Hill BnptiSf . Hev. und Mm. A. 0. Onvln. Beutub Baptist church . C. N. Ellis and S. S. Superintendent P. J. Hnrrittm  B.Y.1MJ. Preslduiil L. D. Kellli or tho Reed Struct Baptist church; Rev. J. It. Bowen of the Went Hunter Street Baptist church: Itcv. nnd Mrs. W. Birlns of the Mt. Vcrnon Baptist church: nor. J. Xt. Tato of the Thimkful Baptist, church, Decntur; and Uev J. T. Dorsey iof thc Mt. Zlon Baptist church, and n number of others. It U expected that loo Georgia delegation will  n very  part in the  .this year.</t>
  </si>
  <si>
    <t>                                           A large delegation of local and slate Baptist leaders rand workers will leave the Gate City at 12:10 today from the Terminal Station over the Southern Railroad for Washington, D. C. where they will attend the National Baptist Young Peoples Union and Sunday...</t>
  </si>
  <si>
    <t>                                           Scout Camp Will Start on June 24                 Announcement wn made Thursday by the Atlanta Boy Scout Council that a rammer camp for the colored  will be held at Hanler* Farm  Sunday June 24, and lasting for a week.                 The fee for this camp will be *3.B0 and applications for the camp may be secured- from the Atlanta Urban Leaguer Office, Room 305, Odd Fellow* building. Thest applications  bg filed immediately. A court of Honor will ba held nt the camp and thi, wlU be arranged for by tho camp leader, so that the boys wUl be given an opportunity to pau tests on activities covered during the week. Applications for this court must be filed at the Boy Scout office, Glenn building, not later than noon, Saturday This court will    open to all , whether in camp or not Leaden state that a definite day will be set  as a visiting day for parents. as well as a day tor boys to come to camp to spend the day Who could not otherwise  on pet* f i OH.                 SCOOT CAMP I (Continued from Pace 1) tend thc camp. This camp will be conducted by A. J. Taylor, New York City, a member of thc National Scout Council, who, at the present time la conducting a camp training course tor Ieadcrs nightly. Present indications are that a large number of the colored scouts in this area will attend the camp this year. I</t>
  </si>
  <si>
    <t>                                           Announcement was made Thursday by the Atlanta Boy Scout Council that a summer camp for the colored district will be held at Hanley's Farm beginning Sunday June 24, and lasting for a week.</t>
  </si>
  <si>
    <t>                                           f r^g^i i DR. T. Y. YOUNG 3 !'f^^ MESSAGE TO THE SUFFERERS 3^~E3 r you need not be discouraged about your I r** health. Cheer up! There Is help for you. I "S This is the one reliable. --5* DOCTOR T. Y. YOUNG tii "'V-iii- with his  aiid harmless herbs and '^^:*!*^  . i    ^' treatments which have been used tor  ^~v- centuries, and are highly recommended tor II any trouble of the system, such as of the 4 Disease Acute or Chronic; Faint, Typhox fever. Catrrhal Malaria, MUiarJa, Neoral1  ^K1- r .. Ilemiplecla, BronchllIkchr. Influeou und Gastroenterltsche In2 T V V Huenza. '.T.TOUng Lunes. Stomach, Heart Liver, Kidney*, Blood Poison. Kheumatlsm, Catarrh, Weak3 CAAfrtTTQ ness. Nervousness, Bladder Trouble, Con4  . Appendicitis. Skin DLieue and Female Trouble. 3   whom it may concern, call at ) once. Don't give up hope, if others fan. J The result is pleasing to all who try it Our I SPFVfATT^T medicines will cure many, many  E-'-1A^'01 plaints. Male or female, call or -write. We will send some herb medicines for your J IC'Aua DONT DELAY-CALL AT ONCE in ATF AKTA 13?          Ave. Phone WAlnut     in AH-AfllA Atlanta, Ga. J Dally - 7 A. M. to 10 P. H. 4 Sunday Uourj 7 A. M. to 2 P. M. and i 1 P. M. to 10 P. M.</t>
  </si>
  <si>
    <t>                                           Faith which increaseth, walking in light: hope that aboundeth happy and bright; love which is perfect casting out fear--these shall insure you a happy life.</t>
  </si>
  <si>
    <t>                                           LINCOLN TODAY ONLY The Picture that Stirs your Heart. "LA CUCARACHA With Stuffl Duma Don Alvalado- also "The Girl In 419" James Dunn and Gloria Steward HtrNrt WMnJtn 1N MOODS CKaiUa kt*      to *ut* (t*ri Cut. It UKU-ft J-S;$^::-3</t>
  </si>
  <si>
    <t>                                           Society Girl Lightens Skin Three Shades Discovers magic double-acting bleach She had thought her dark skin was hopeless that the would never have the fashionable light skin of other girls. And then she found this simple safe way to a clear, creamy skin Nadinola Bleaching Cream. And in an  short time she discovered that her skin was actually three shades lighter! Not only that- but it was far softer and smoother free from blemishes and blotches. Just smooth a little Nadinola on at bedtime no massaging, no rubbing. Then while you sleep it immediately begins to dissolve dark pigment. And remember it has DOUBLE-ACTING qualities found in no other product that s why it is so remarkably quick and sure. Yet it is wonderfully gentle to sensitive skin. Satisfaction Guaranttrd or Money Back Get a box of Nadinola Bleaching Cream at any toilet counter or by mail postpaid. 30c If you are not more than satisfied money will be cheerfully refunded. Don't risk your delicate skin to cheap bleach creams, ointments or lotions. Insist on Nadinola tested and trusted for over a generation. Nadinola. Paris, Term.  SWELLING REDUCED And Short Breathing relieved when caused by unnatural collection of water in the abdomen, feet and legs, and when pressure above ankles leaves a dent. Trial package . COLLUM MEDICINE COMPANY Dept 680, Atlaata, Ga. AGENTS WANTED EVERYWHERE to adl Wavtoe F?'t Dressing and other toilet goods. Nationally advertised. Big profits. Boyd Manufacturing Company, Department R, Birmiagham, Alabama. l^w5      /7 Have money and love Send your name and  ad receive the mystic sample free. Just write Keystone Lab, Dept.. IE. Memphis, Tenn. MATURITY-MATERNITY MIDDLE AGE At these three critical periods a woman needs a ~"~*~ii-;~f she can depend on. That's why to many take Lydia E. Pinkhwn's Vegetable Compound. 98 out of 100 say, U helps me!" Let it help yon, coo. LYDIA E. PINKHAM S VEGETABLE COMPOUND</t>
  </si>
  <si>
    <t>                                           I WANTED- YOUNG PEOPLE I I To pursue Business and Indus* Irbl Courses. Day or Night at; the Atlanta Commercial InsL A Few Scholarships available. Phone Ma. 4549.</t>
  </si>
  <si>
    <t>                                           Shot-run She'ls Toys The Armv (BUCKET. GdODLUGRTSSSS; to our agents and customer*. Mail all orders now for J. C Strong and MoJo Product, to Atlanta Office at Post Office Box S30. Madame ZeKa PALMIST and BUSINESS ADVISOR Consult the woman who knows Special Thursday Number with ad. Three questions answered free. Will tell your pa it as you alone know it, your present just as it is, your future just as it will be. aad calls you by your name. Wilt tell you the r-al cause of your misfortune, failure or lack of success. If you want facts, and sot -, consult tas woman, ff you are down hearted, havin? trouble at home, or failure    b^sin*sv lore, birr ire. or divorce. THIS MESS ACE     FOR YOU. C:ves     . and  . All readin* ^'~ed or no cha^^es    - ralm:st on Peacbtree Road in B-c'.  .d. Not in tent. Look I for blue electric sign. I 2971 PEACHTREE ROAD I</t>
  </si>
  <si>
    <t>                                           Iempire H 0~. At..  t Ct.~ Bt. Today- Sunday I "Born To Be Bad"  VOVMi-t.ABY  ^^^^^^^^H Tuesday "Chang* of Heart"  niNN-OlNCEU !. H Wednesday I "Countess of Monte Cristo" rAT - l'.VVt. t.KKAg "Footlight Parade" 'A?-    .Elt-  '--K 1WKI.I</t>
  </si>
  <si>
    <t>                                           i.i.iiv to irv sw.kt ~;i;oKi;iA   OKKSSlMi ami I'.U K . S.~  l wall. IV sure to   i Mr  *amp- I. Just -rmt .   ml I         n AtKm . . I l.   and W.        \ -rut you right away. Wr will 4  u      yon our Hit Money !*l*      . Itont n\    IhU bit      . \Vrltr t.idi)-. Say: "Send mr 4      utter   V.VI.MOK I'KOmTTS CO^   pU     , W49 C'Aiurr  Avr. This delicious cheese food is DIGESTIBLE AS MILK ITSELF! ^^0~~, HuVim in      ^ti'~  m\U }      .     W of mans    %)~, I 1%**   wj( Rw t^. 5 tY*~ I I Kraft i+~-       u\ ^K^W^. ta j</t>
  </si>
  <si>
    <t>                                           THEY BRING "TREASURE ISLAND" TO LIFE                 Relive your boyhood ship with the pirate crew sail the seven seas and search for gold on "Treasure Island" in MGM's - ular and pulse-pounding version of Robert Louis Stevenson's never-to-be-forgotten story                 of sea rovers on the Spanish Main which comes to Bailey's Eishty-One Theatre. Sun- j day. Monday. Tuesday and Wednesday. Wai- i lace Beery and Jackie Cornier, beloved stars of "The Champ" a^ain share ad\ and heart throbs.</t>
  </si>
  <si>
    <t>                                           Negro Organization Society Has Very Impressive Fete                 ASHLAND, V)t- (ANP). -The 22nd Annual -Meeting of the Negrc Organization society closed an  two-day session with t public making In the Chapel the Randolph-Maeon College last Friday evening with Dr. M. E. DavUi. president or the Organization presiding. Prcsid. nt James N. Hlllman 01 Emory mid Hinry College delivered the main address of this session. Durtai; the course of this address Dr. Hlllman stated that public sentiment must be  up to such an extent that all citizens will ge justice before the law  of col. or of skin. Dr. Hillman also  that he  in seeing :          it Is found.</t>
  </si>
  <si>
    <t>                                           \    M'" 'r*M  r"v III -THE WOLF OOG" THE '.OOL i LINCOLN Theatre i I I'*' MiLi* T K A L I  WIL*      u* JO, (M(taul i *%t* VUlluu I  -AD mTm Aral I i</t>
  </si>
  <si>
    <t>                                           Prompt Relief From Itching Eczema It'swondertul the way soothing, cooling- Zwno brings prompt relief to . burning sUn, even in Bereft case*,  the moment Zemo touches the under and Inflamed skin bemuse ot its. ran ingredient!. To clear away , Pimples, Eczema, Riugn-orm and restore the skin to normal, always us* dean, soothing Zemo. Incift en genuine Zemo; it s worth tho price, becaus* it brings ..S6c,$0      . AUdruggist*1,</t>
  </si>
  <si>
    <t>                                           TIM TYLER S LUCK BY LYM YOUNG                 MESCAL IKE By Runtley                 FELIX, THE CAT BY                           -ZJ!%~1!     $                 A GREAT LIFE IF YOU DONT WEAKEN" By Jack_Rabbit                 PETER PEN</t>
  </si>
  <si>
    <t>                                           MARKET DATA Total New York Stock Exchange Transactions 401,030 shares Total New York Curb Exchange Bond Sales S2.800.000 Total New York Stock Exchange Bond Siles S15.557.0f0</t>
  </si>
  <si>
    <t>                                           The Atlanta Branch of the National Association for the Advancement of Colored People has accepted the challenge to fight for the constitutional rights of certain Negroes accused of being Communists and of circulating literature calculated to stir up insurrection...</t>
  </si>
  <si>
    <t>                                           "The Merry Widow" Glorious Film Treat                 i:~~~            in      lK': M*4*lin;;s :uul n.'**.  m         sly. ini-rat-  .r.  :i    : i:1,'" ilj:it ii-: fail     : \ny .iil i~.'~"r. anil :: ilio MfV^r-i'^lH'-           *~f l ranz I .liar. "Th.- Mvrry Wi.L.v. (~IiClifil     : ni-lM ar lh,. l::sl TlitMtr.' ;   ..i f                 iii-a:~ \tv oiV.-roil h\ \\v Mctlo-i:(t!  \-.      *. Willi a .-a^l  t- l    : U' "\i*it         ami ilir  npi-rli ili  .if I'rnsi I.ul  ihi'.    '-.  ll..    ah iij lik.- :i I. Mi. 1. 1.. .,1 -iu i" H'll ii* -nu-.v t    -l"'  irin-')~  1 1   *\vii.-  \        h.- \v:ili/.r*  i  o aini J lln-   i.l" .Vi'-nna mill r:    . Manrici- rhi  ami .Icaintl" Macnoiuild -   a in atiT triumph. Thoy  inu Ilio I.   ii^s :is thi y Itavr     i l.Ci-n suns b^foro.     *            .1il by a .'ont s.. ir.-ln-.ir.-i. I'tifi Morkol ami  l!: i lii-lp in ihr            sc^m-: ami I ho (~ye- (     .~ and Alborliua U.'im Ii "is are :i i.iv              . rii- MiTry Wi.l.nV     I\.-M : i.~ r"ini' ~.iii uf ll..!ly\v.-xl In a l.mu-. Imi^      .</t>
  </si>
  <si>
    <t>                                           WANTED NewBDuy* and  Menu Everywherm rt)  TBt WORLDS ONLY NEGRO Daily and SemirW  DAILY NEWSPAPER AMrtm Atlanta OaUy World AtlaDta. Georgl*  ifl *           N X</t>
  </si>
  <si>
    <t>                                           Watch The World Tomorrow</t>
  </si>
  <si>
    <t>                                           It l.mV II  1..'-il--. I</t>
  </si>
  <si>
    <t>                                           ANN HARBOR, Michigan--(BY)--Segregation and discrimination has again showed its head at the University of Michigan and race students are being bared from the dormitories. The latest case is that of Miss Jean Blackwell of...</t>
  </si>
  <si>
    <t>                                           I had the pleasure of visiting the class meeting held at Bethel church last night held by their new pastor. Rev. D. T. Babcock. The membership present pledged their support to their new pastor and from all indications it seems a new day for Bethel church...</t>
  </si>
  <si>
    <t>                                           TURKEY DINNER- DUCK DINNER FRIED CHICKEN DINNER Gate City Country Club OPEN ALL NIGHT SIMPSON RD. MUSIC AND DANCING</t>
  </si>
  <si>
    <t>                                           The Pueblo Indian Project is progressing. The different groups are working faithfully to make their part of the unit a success. The First and Second grades invite your presence.</t>
  </si>
  <si>
    <t>                                           Centers of Steel Industry General Strike Would Involve,                 \S-.-l-.n Mm 1 Hill Mil-. \V V.i' I                 j-j- s :-'-l f.irp. i:.ii--                 '.'-Mi -Kinnry Stci I f0.. Clvvrlanil.                 :.n -l--~:i SI1..1 Jv. Tube l'i~. Camplji;II.OJ                 Bcthleiicin'stcel Co.. Doriilohcin. l lT]                 TcmiL-HSPc Con I, Iron      H. R. Co.. Ensley, Ala. i.                 layout              of prominent  lt l pl.inis  . .nny lie allotted in tlie event of general strike in tha             m n  of n c(.           over provision! (or collective li.irB  i         . .nj employ.   . A icem of recent   at Penntylvsnin plant ihni.ii, ~*. w</t>
  </si>
  <si>
    <t>                                           j0   SO-GOOD HAIR GROWER f^jjm^ A QUININE POMADE A^J^^^A          , Mft,  hair tr*m 1 to X F ^~"-^^B  par . ImunM by aWtar. I*. -^^^^A for Tattar, Ecarau.        Hair mad ItcUac ^^^^^W SO4OOD HAIR  ^~~k 3         , ur U4 *f bar*.  hair ^~R^r^aW          ^  r HM OaiW mm* ^TiIs^Bl/j^L. "m It   ^a. V '{a^H^^B "~  " =r  wUr *r 3    ^^HflaW Vr ~**r I'-^-JPaPnal 3       C '.-.-or S0  aU Irr Kan  8* C- H*"*' Wr  l:  1           w JT/ tTT 3           *  / Sic Wrlto for MM To;: tl Aptitl,, -:im QmUr SO-GOOD CHEMICAL CO, 75 V^- 5   S. AttonU, Gm.</t>
  </si>
  <si>
    <t>                                           YWCA CAMPAIGN WORKERS MAKE FINE REPORTS                 With the close of the membership  of the Phyllis Wlicalley Brunch of the Young Women'K Christian association Hluted to close on June JO, workers under the direction of. Dr. Georgia Uwcllo ure bonding every possible effort to reach the goal of l,0UO . At thc membership committee rePort miffing Friday night, Mrs. M. L. Durls wan  the drive with Miss Jessie Kced, Jlws C. L. licit and Minx Eilu Kuuisey close behind. Utberi making good  were Mrs. 0. Walkur, Mrs. Ida Pra. thcr, II Us Iiosc , Mrs. Putnwn. Mr*. Selina Sbuw. und Mrs. A. 1~, Williams.     membership Is sponsoring a a Japanese Tea Party Thursday  at five o clock ou the Morris Brown campus. All members and friends are Invited to attend. Mrn. l.ula Wevdeji executive   announces that ; , June U, all (Jirl Itcncrve. *  rc mtf lnc    twu o clock. GlrW iu   and  ( will meet Monday ut 1], those in the   .th mid tenth Kiaden Tuesday at two 1'. M. mid hi the eleventh aud  nt( two o clock ~.n Wedncsdoy. l lans are now ;  for  summer . LOCAL NAACP HAS IMPORTANT MEET TUESDAY NIGHT Several 1* of vital  tn the  citl/eun uf At.  will be           at a m* of the Atlanta branch ot the National Ansociatlon for tbc Advancement of Colored People Tuesday evening ut tbo nutter Street Y, Attorney A T. Walrien, head of the local  . Plann (or the summer will I* made. At thc name lime a delegate will be elected to the national  which la to convene in Oklahoma City, Okla, the latter part of  month. President Walden li  that all members  this  which wUI star* ut Hcveo clock and ba ont In time to enable thou present to be at the opening public exercises of the Georgia Btate Medical AMOtfatioh which! will ho staged Jutt a  away at tbr Butler Street CMR church  evening. Prior to the general meeting, a  of the   lUl be held.  t ilx 8'clock.</t>
  </si>
  <si>
    <t>                                           MADAM  GIFTED PALMIST AND CLAIRVOYANT has just opened her parlors at 117S Hemp^^^^2    )lU1 Ave- N- w- Can tell you anything you W^f ^^P^B want tu      - She never (ails to reunite ^B HB the separated, canst speedy and happy mar^^L ^^^^BB , overcome enemies, rivals. lover s ^^V^B quarrels  habits, stumbling blocks and ^^^^^^^^^H DatI 'uck of all kinds. Since a child she hss ^^^~^^H^^B been gifted with strange and mys  ^^^^IiUb Pow trs: she guarantees to brine  every ^^^~*I^P^n desire and ambition of  entire life; she ^^H*l^PtHJ asks no questions bat will tell you what (~^H*zv9  *fl     want to know, jiving facts on business, IjB^23g*J        "X* family affairs. If In  ble. unhappy, discouraged with life, yon ^k*C^~%      my help. Will tell you the truth, good ^^^JTj^Vi Limited Time Only. Lucky Days and             bcrs Free- Everybody Welcome. Satisfaction Guaranteed. HOURS: 10 A. M. to 9 P. M. CLOSED SUNDAYS Take- Lucky-Water Works Street Car; Get off at end of Une and look for signs. 1172 Hemphill Ave. f  r /a14\ ^c   63 [x</t>
  </si>
  <si>
    <t>                                           African Education Is Discussed By Noted Visitor                 That tho British government is taking definite steps for the education of the natives of Northern Rhodesia, one or the English provinces in Africa, was revealed in an interview by a World reporter with R. Caldwell. director of native education In Northern Rhodesia who                 spent Friday and Saturday In Atlanra visiting business and educational centers. Air. Caldwell. who received his M. a. from Glasgow university in Scotland, is touring the country under the auspices of the Carnegie Trus; fund and the Phelps S.okes Fund, arrived in New York in Nov. eighth. Since his arrival he has visited Washington D. C. Hampton island set Jement in NorUi Carolina Institute. Rlcnmond. Va.. St. Helena and Atlanta. Tne  educator will leave today for Tuskigeo Institute, going from there to Fist. 'The government has taken a direct  in the education of h.. natives of Northern Rhocesia since 1925, the visitor explained. "with G. A. Latham,  i succeeded, holding the first post as director of native education. "We have lo^ih.y some millions and u quarter na:    . although the a.ure cf the country makes a true census  difficult At Uiu prc-unt  nearly 1,000 u;'.ivc i-.- have qualified for ^o-. (Continued on Pace 8; Col. 3)                 1 African Education i (Continual from    -i I) I  grants or certificates      I these are instructing about 50.00n            In  ary courses in recognized schools." Mr.         pointed out  In n.i.i.lcn to I he recognized schools  there were many, many small .T"  r.-d all over the       . nrp with classes being held fr .-a 1 oi.r. more or less, dally, This I  Instruction Is reaching more than 100.000 young natives. Tn discussing the general methods of Instruction, and       of instructors used, the visitor stated that It had been found that native  ors,  tbo rudiment'. arc b st adapted for tne mass of tho nati\-cs while one of the major problems confronting the  ion is tho  of native teachers to teach the huso mass of Immunity in that aria. Alr- the problem of *(luca- tlon ii a vas: one, and oni; that will  iro much time, Mr. Caldwrll I-. v ry op Imistlc about t!     and expects to take much valuing information from      county-. Of course.-   . added ii parting, "i-,. mlr. and other friends ar? doing much to help the ! T In       program u-'il.. u-e "'~vc. n:    . in tum. is riving thorn lino support."</t>
  </si>
  <si>
    <t>                                           That the British government is taking definite steps for the education of the natives of Northern Rhodesia, one of the English provinces in Africa, was revealed in an interview by a World reporter with R. Caldwell, director of native education in Northern Rhodesia who...</t>
  </si>
  <si>
    <t>                                           "We're Rich Again" has a plot that is refreshingly new. Adapted from Alden Nash's great stage success "And Let Who will Be Clever," this RKO Radio picture directed by William A. Seiter feature Edna May Oliver, Billie Burke. Marion Nixon Reginald...</t>
  </si>
  <si>
    <t>                                           CHICAGO--From now on. I shall make it my business to be extremely nice to inoffensive looking brownskin youths who wear baby faces. For all I know any one ol them might be Joe Louis of Detroit, the sepia slugger who, by 1936, should be the world's...</t>
  </si>
  <si>
    <t>                                           MISS CLOTEAL WHITE or KUDOke. Va. ma   of the Eaqalrcr.</t>
  </si>
  <si>
    <t>                                           TO RE-OPEN CASE OF MAN WHO WAS ASSAULTED BY POLICE i                 I-OS - (WS) The celebrated cn.-o of the wanton  of Fred *. local         of the Bon T3onie Post  f the American LOKion. was reopened        wock when police                 it as a i,o.     of Inquiry ami heard representative* nf v.-.                 civ, *. Diivls was nt upon by -J representatives of thc T.os         Railway company and -rs nt the- local         force. Thry accosted him  enroute to Uio Ross Snydvr            .      .~-~i(! was to practice  the LV': of the Tlcn Bo-nio   0 t nn.l Inquired  why ho  HiIk.  to  Him :         about drill      pnu-    one   t the   -n ."truck him with .1 hon\-y instr jmc nt over his .~yo anJ for a time it was thought that he                 lose the sight of that member. Included in Hie numi.~r   the police (K:p. i      Dr. K. C. Hud.ion.  of the N AACP: Norman Hous-I ton. local insurance executive: j Ceorco A Beavers, insurance ex- j  and president of a strops political - Attorney Ivan J. JohnHon. Rev. X. }~'. Humphries. TV. A. Johnson. H'1-  Hardwick. Oeor^e Burlcsn.1 and Jamea McGrc^cr. Th officers cun'~~i(i.;c[ that l.~:i vis had been drinking ar.i! h:i pointed the sun .it on-~ of the men when they ncra^ifd him. Davis denied this  and staled that i t!ic r.u-n had in2:\\*i' !i::~i -' provocation. This was  offset   * the comn.ili-.'c wjpr!i ,.0:11.. ed to the pol:?.-  to f'"o charges for this e\- nf the! law. The ,~ matter va*  a **            (r** for 'lie members of the police dorar;-] mont who had unnecessarily bcat.i en tlic man. j TliiM appears to be Ihe final I chapter of the famous case which I taw a man who had protected the j tenets of American philosophy for many years here and abroad and his welfare at home is eti-[  rather than      .Hi"-i by the  of the con*-0 authority, iris has not been th.- only case in  brutality ox-  by colored citizens. Durlnsr the Mucco Shcfiicld and I Randolph, citizens were afraid to I use tho 6 after dark because I of police   their! actions. The climax of police ter-;  apparently reached ltd peak when a member of the police force killed a youth alter lahad started running from a cran same In Watts. The boy was shot in the back and very little was done to the  tor this useless ;.</t>
  </si>
  <si>
    <t>                                           LOS ANGELES--(WS) -- The celebrated case of the wanton heating of Fred Davis local member of the Ben Bowie Post of the American Legion, was reopened here last week when police investigators sat as a board of Inquiry and heard representatives of...</t>
  </si>
  <si>
    <t>                                           Mr. Virgil L. Brooks entertained last Wednesday evening at a surprise party in honor of Mrs. Brooks at their home on Hemphill Ave. Assisting Mr. Brooks were Mesdames William J. Mitchell and Paul Shorter. Bridge, wrist and dancing were the features of the...</t>
  </si>
  <si>
    <t>                                           ALERT LEGIONNAIRE HALTS 'BAD7 BILL                 mis sports Jl CROW MOVE                 Californian's Speech Rewarded as Legion Downs Proposal                 WHITES APPLAUD1                 Assuming a  stand. W A Tolmson.      ?r nf Bon Bowir Posi Xo. 22S Ixwt, Anwlv*. Ciil.  di  from thp 2M .''  *s 24 CalUnmia posts', only one or which is colored,   a  at th? recent national   at Mian!                 Via., which would hare placed It? I Knseball tournaments under ttv I 'aws and social rules of th,~ state* j :n which it was held. I The resolution was introduced  Harold Koditen 01"       . who wanted Hie commit *co report       ! mi this  n,j  iz   have nii-ant th ' of nice pl:iy.?  :  t:        in 2:t]    : iii      !  line -uilt-*. Oddly --!] 'I will bf . it was a i M:     -           tc-am thai withdrew I t runi 11 , annul :,t . C. when it     mrii! ovi.lrn1 hat on,- their -rs .-..~ld no'  on   -..uni . Mr. Jclinsm;.        ili-    :  .. Kranl; Hi- n'"ll!    -d u:i ~::if;, ^t                 Hits Sports (Continued, from Page 1) .lr, was  for the post of national commander, .o mul ;o   the proposed  In such n convincing mul ^  rhat he- won the hearty ap  of many of ihe  s present. Harold Twoomey,  SMssnchtKcns mon. also' spoke iV.r if. TTpon th? " -of thp-m  i-    . rhp chairman  ili:ii the resolution \v:is lost, mid,     lowing this signal victory against something tli:it smacked of segregation, Dcwiit Pcwcosc. .if Philadelphia. Miss., prominent Mississippi IfsioiKiirt*, * Imnilx with Mr.      5 m and assured  thai JIL--ippi dek sation  ) in lits stand, Otlii-r .- uction ^  11k* * of ~-      '(t li KinniiairPS and  was i up ti3~.~.-.     of :i   " by die rp';   !,  r*-~*             liii  nf "          :il fur ,   - NVsro War Veterans in the .Miil.il.-- Adimriu Stares.       I'pynlutinii [i.  a r.itc of six I.) j Mi- of die             mi universal   thai would        . lln :ni"'. ' r  s Jivallal.le it uiN-essary. .Mr. JiiIiiisou, \.~ wire. Hie  -Miss .Mam.ve \       \ :i ^** of Morris  Srowii rol Ipge. , Lon A. Wheelor nf this fity. wjis a  r' nf C'Hii-  1'.. -"''Hi (Old Kialiih  I .'. Jlis  in ;: two  (^ two mil.'~ I tn safely,  he was  I . ! in his ; Pinions   of the l"       . and tho  Croix .m-rre with uvn . Itev .      son. win, is  wilb tile l!~'ii VSowie . as well as  fitr the , served overseas with the rank of iM. for 11 months. Tiio  iv.-      \l iliar with 11 women, memhers of 1 he there were "s l.e^i..iin:'" in  al      convention,  AiiM- l.i-_-i.~n A"         , and that all     i lie -mnI courtesies wore            lo  during  .s;ay in M':'tni. Rev. . slates Uiat   -     he i lie  Xi-^m in        the in:iiii stn t-r of eily. as lie  witti ihr t  (~l:i:ion and Dial :  ! .if ilie . .-i- Legionnaires jm.iU ^ari in; the parado           -i live .-il .     pn  f-ein;: ma/le          .-tr them. Alilionsli the s:ill wns small,  tor I he sni:       in .'h an eon-! vi  has i.i en lii-lil. Mr, .IiiIiiimiii, I ;i  of thp ~"!;ii and i'. . --:.vn Mini the ne .r:min"  :itions wen- -nt in-, are for only Hie -s and al j . violins (^~^.-s him ln  alile' tn zcl  I lie .m h.ill. The California all.'.l all "f the -N of his  i:uv i roup in iho Kverjrlndex hnr -I, :  other l.    )im: mis e\  tin* re^ courtesies. IH. J'ihu on, who is  of the Trinity Bapiisr  of l.os Anu'oles. will pr.'aeh at 11 o el.nl; ihis  at ill,. Ml. Olive Vat).      . the . .1. M. Xahrit.        ;,t i- .rVlm-l; this evening al Hie \Vhe:n SI   -~-l  i , I lie Kcv. .f. Itarinoiiil Ileiidpr.Mii. pastor. II' is :n           tl ilie tri,i hy f'.eor^e .JohjKt.n. rsl    -e i-oni- j  if I'.en I'.. Post. -J-^.l l.os Ah^t-les. :t retinal s*         J   - in the Plnllipinos. I'u'o.i, Ale.\ie.i. ~."r:illi"-.. and Ihe I'liilecl I Slates with :i  of .olore.! I nails, i ein^ retired from the fain-    'I'.-mh i.'alvary. The ''.-.- who are  j ins. will leave the city for their i home .'. Monday.</t>
  </si>
  <si>
    <t>                                           Assuming a brave stand. W. A Johnson, member of Ben Bowie Post No. 228 Lost, Angeles, Cal. and delegate from the 23d district, which comprises 24 California posts, only one of which is colored, spoke against a resolution at the recent national legion convention at...</t>
  </si>
  <si>
    <t>                                           SEEKS MISSING                  Mrs. Ella Harris, of 406 Lir.dip.y  it.rc.-t. northwest, late Saturday  son. thc aid of police in !icr  for her missing 12-year 'Id . . Tho c hiM. .; l.~   left homo - after Ihr.-p o clock Sut'irImv  and hasn't been  i from Mnco.</t>
  </si>
  <si>
    <t>                                           CRY-BABY Little Darnell Cr^. Jonestown. Mia, 1b the Mn of Mr. and Mrs. John L. S. Crawford and the grandson of Mm. A. Lee.</t>
  </si>
  <si>
    <t>                                           SHE ENTERTAINS- Mm. Mattie Citnry, vocalist and entertainer for Claude Shannon's Pioneer Night Club Orchestra. Montgomery. AUi.</t>
  </si>
  <si>
    <t>                                           I Funeral Notices                 GRESHAM- Mr. Edd Gresham. the husband of Mrs. Lilly Grcshprn of 370 Auburn avenue. pav..-J away September 27. 1934. Funeral announced later. Haugabrooks.</t>
  </si>
  <si>
    <t>                                           PERFUMES How. wh.n,;   .; u Pauln. U*~     (    ^ Kin               . AdilM. PufltaM     MML Uinlin. Un. Bnsti.       fi-IIH law. UaouOc AtUKtlo^ 1-  t  a     UltMnM.    n.M. (*aa u . miw.i t  14111k Me  . Wkj amil MlUnf OK. Ji."5XSc1K0~.IY.*0.K:!!?_.tl.</t>
  </si>
  <si>
    <t>                                           LamarOkeyed for Wolverine Classic Todav                 Any pi.n -.n..- may harp     '-ri:iiiii ii ih:it Murcli-Miso will be as if i    :i.. \i.-.-rK Brown is                 :i u:    - nL 1' .-.mi her flit" :i!'ror-!2 "on U to r-'L- as foul Nh f.'.   h.v a ! m! in? of tho Mori-!:  faculty i! lost      . th.  ball- carri.-r, Horati..- J^        r Haincs Institute . will ! in tbo j                 Truo enough. Lunuir will not ho in the  n x .                 hut bo is  to sw service anO, '.I ho is having one of his sood  lay s, ilie Wolwrine ^n will :et plenty of work to do. The startin? Morehonse          will he     Myers at quarter. Steubcnvlllo Jones and Stumpy Stephonsin thp halfback posts, am" Blondy Boswoll at rail. Horatio Lamar. ibp Gallopin; G:~zp1    of the Rod Hill, won  fancy of the public and of footbal' critics in a Ing way last fall am! n-as named honorably on most of the mythical . Today, h-1 is  to flash back into tlie, ?;h[  all Atlanta will be  his efforts. j                 L.</t>
  </si>
  <si>
    <t>                                           Georgia       Councilmento; Meet Today I                 Mt--. of    - Exi-i*u::vi-  ur ihi' Ueortiiu Stair Council for Work among Negr.) Boys will i-.infi-r  today al a  to U- hi-UI in thf Administration Bmidiuc Atl:mt:i ITmvi-r-ity                 -ii nn .'.ii:;uii:Ii-   ;,ri'     -^~i-'ni .li.l.i. II..IM-. Atl.it,!., 11.. Fr:ii.K S H.TP.f N ,V 1. Si-li,i,.l i Furt Vull.-,. .1 ai i-~,,~,... nt, -d on Hue,: 2: Col. 7                  GEORGIA BOY U'nnh'nunl (ram pace 1) Street YMCA. W. A. Robinson Atlanta University Laboratory School I. Bullock National YMCA New York H. W. Rohrcr. Slate YMi'A, Atlanta. Alexander Huree. Savannah. Alva Tabor. Division of Agricultural Education. Fort Val- I ley W. A. Quilllan. East Poim. I RrKinald Johnson. Urban League', j Atlanta, and Frank Callen. Savan- j nah. The Georgia State Council for Work Among Negro Boys was orR.-im.'.fd in April. 1033. by a Kroup c.f the state of GcorRia whose objective it was to consider the wel-j I faa- of the- thousands of Nefiro !     in the stale who are not reach rd by any boys' work agency and fur whom  is done in the j way of boy welfare. In addition lit the preparation and distribution  if two pamphlets: "Brief Sukrcstions fo? OrijaniZ'iiK Work Amonfi r.ovs in Loral Communities on    Viil- " and "Fundamental Needs of Nrfro Boys li Ymina I Men.' tile ' has supervised i ihi'   ri;:~ni7ation nf several local Ctnniuniiy Hovs' \      Councils   hr ,.  h are' i'-  -;  Hs uf h-~ys with vui-/1 ptv^rnm .</t>
  </si>
  <si>
    <t>                                           Members of the Executive committee of the Georgia State Council for Work among Negro Boys will confer here today at a meeting to be held in the Administration Building, Atlanta University.</t>
  </si>
  <si>
    <t>                                           This is the third installment of my 1934 annual imaginary trip to Hell.</t>
  </si>
  <si>
    <t>                                           7, NUMBER 107 ATLANTA, GA,. FRroAY. JUNE 15. 1934 PRICE  PRJITfl</t>
  </si>
  <si>
    <t>                                           JOSHUA                  By I P. Reynolig                 A fool -l ~(liut hi* will    tb* urn* Xoel  til</t>
  </si>
  <si>
    <t>                                           HOLLYWOOD, Calif.--(By Fay Jackson for ANP)--THE EPIC (end povery in California) PLAN which found its way from the fertile brain of an Angel City newspaper man (Rube Burough), dramatized by Upton Sinclain, to the fireside of Roosevelt's White House...</t>
  </si>
  <si>
    <t>                                           FOR COAL WOOD Call Ma. 1620 4 Large Bacs Delivered $1. DR. FOSTER Day and Niglit Dentbt Cleaning, Filling      Extracting (Painleu)       30 W Bro.d St. Cor. Ala.</t>
  </si>
  <si>
    <t>                                           BABY BURNS TO DEATH IN EAST POINT BLAZE                 HT DIES III E. POINT BLAZE                 Nine-Day Old Baby Burns To Death; Six Others, Mother Rescued                 OIL LAMP EXPLODES                 One child, only nine days old,      burned, and six other children narrowly escaped a hor  death late Wednesday ^ when flume!; whipped by a strong wind completely  the^ resilience of Frank Cawley, at. 712 S. Ontlioun . TJnst Font.                 The other children,  Mrs. Alnwi Cawlcy were rescued only n tew Reconds before the  Ihe blazing wooden structure crushed In. It was not until the fire was under control and the building  completely  down, hefore it was noticed that the small Clrl Imby. who had been named, Dora Iax, was missing. Irwin Wore with Assistant Chief of Police W. M. Tyler rushed  I he dense fog of  and rescued the Infant, whose tiny body had been turned to it crisp. The child s Iwtly wax turned over to the Cox undertaking company. An East Point minister, Rcr. William Humphrey, who lives across the street from the Cnw. ley home, was first to notice the house aflame. According to Her. Hnmprhcy. who is assistant pastor of the Silo am. Bnptist church, he was sitting on his porch steps, at 717 Calhnun street. East Point, when he noticed a curtain at the window of the Cawlcy residence fall, revealing thB licking flames. Rushing aero** the Rtreet, Itev. Humphrey smashed in the front door of the house, began waking up the children and mother who were round asleep. Three of the oldest children were brought out and three remained, after  blaze had circled the ditor, making it impossible to enter. Harold . of 11(1 Cnlhoun avenue, emerged tlm hero of tlie fire, when he smashed In the side window of the. blazing structure, and bravely crawling through into the smoke nnd flame, handed out the three youngest children. Charles Wellmafcer, then entered another room and brought out Mrs. Cawle.v, who     111 in lied, she wan taken to Oratly hospital in a Cox Brother* ambulance where she was given emergency treatment for second nnd third dc gree burns of the body. The children who          death were: Frankie Mae, M; Fnnnle Iris, 12: Eugene. 10; Charley Edwnrd, 8: Lillian. IS: and A hi u, 3. Tho father, according to  reports, hart Jnut       to tho            In nn  to find Homu  for Ihe small Infant, born Just nine days . When he returned, his home was in flames. Thft firp started from a lamp that was burning In the center room, nnd   exploded. It is said. The  quickly Imrneil  to the roof from the inside nnd had made a good start before it was detected. Pnmacp caused by Ihe fire     estimated Thnrxlav us approximately X?.noo. TV      own fil hv John Fonfleld of 0 riff In, .</t>
  </si>
  <si>
    <t>                                           One child, only nine days old, was fatally burned and six other children narrowly escaped a horrible death late Wednesday night when flames whipped by a strong wind completely destroyed the residence of Frank Cawley, at 712 S. Calhoun Street, East Pont.</t>
  </si>
  <si>
    <t>                                           ByAii Means Keep Up Your Gopcl Appearance A Clear Whitened Cdmgtadon Means Everything^g^-~BU-~a9ifl^l^^^~aMB^B^ Thousands of women, and men too, have, already ^f ^^Sk proven the " ivory whitening action of FAN TAN K w^ Bleaching Creiuc. They have praised, as you will read below, h B- this truly grand facial bleaching discovery- They have H j^^**^ MMv blessed the first  lav  used FAN TAN on their faces. They tell Hi ""^^^i ^^K^4~? ^~U **'c r own  how pimples, bumps and rubber-like moles  /^      ' ^^^ peared after just a few applications with "magical". FAN TAN Bleach Creme. 1mk\. 'Jm^^T*^ I ~-^    ^^Bfljw ltS success lias  sensational; its use and popularity among our people .mm 2^^BL^"     '-O1 TC^TCf^f^S 'S nation wMe- Kvcr-V K00*1  Store today, this country over,  JWwL ""^^-~^W^X^Y T I I W^frl recommends FAN TAX Bleachinjj Creme. Get this handsome jar of FAN  /^^*3W feT B -fy E jT TAN today, and your mirror will reflect tomorrow a skin            you  9w^^^\ \~Vm/~h l/lf I  SKIN LOVELINESS. HJjr^Mw *-T?     TAN ^t -r ^siJ^ MftUIT I  VSlfrtO'^^SW ^.~W I I H-' I r now. Your wond. If III ~~~^^1 -Jll ^4 ^^^SSSSiBi /3^ I "Ia       MhiuL use. ^L Cj       made my skin -' ~~%* ~^Vi ^p ^^SmBBl JC^^^. .M gg J .^   ml -Booby Orant, utar *t Bromtfwft.v*1 THEIR OWN PRAISES IN ^^^^j^VW^V ls'*~"*C*^ PLEASED1 j^3^^^  our Fi*n T*" Tr""m"" *nd x ~--^^^m VS  *ub TtM TAN' II i I^^S^W *rd. a* it not only makes my         ^~S tr*~.tf. *~        la ^^SgS wft .no .. out      to man. tim    ? TE  17 ATM T ATM VT.17T 17 X5 r  Hog w a t i i . dl!    -~r and fl.rj a healthy PROVE RESULlS   IAIN  W^P^  K  y sklo. Bend I ^S^f .         to my .     . arms and nITR       CX \T% TWftNFY RACK  -~ mno?Jwr J"     . Handa. 11 U .ly aU that u . UW  -  I     -1V .~i ^VgL^K mall.- CamUlf, i^^ggg^ M Try the FAN TAN Skm Bleach Creme yourself. It is fully ,^bii %   ..^ BWTSsW'CiSi;? A AA A7 P D guaranteed to do all these things for you to please you, to make I V y/KY WHITE *       *'"'-"J'  i^fc fc j.ou         attractive in the eyes of the opposite sex and much  fTS^. ^Sf^KS i am thrilled with your   more to make you the envy of all! Read how others have been ^Sflk tan   *%   llu" it h*~  n.~~ed me so muth made beautiful wi th the FAN TAN Bleach Creme. They tell you       9 cr.min.  ! SR^~ ^',TJ'"%~~Z :;%rt*         it worked wonders for them Brought them out of the inferior, ?T wS^hi^Jd i '^~~~i''3 ~"ath ~-n,r and so.p. i .m lonesome, unloved class brought them new friends, romance, love T*r*W J?a^t """c K ^^^^jjy  my        ~.t  our wui..il and respect A clear, whitened complexion means everything, ftv****!^ prais. it too . jR5%%   cm,.,._~i-r:. . wmis, Aiiai-u. Hv all means have it yourself No matter how bad your skin con- ~^        Tm^^x as.  S- /~      \ r\ C I I  ili tion is at this time no matter how many pimples, blotches and **i^j*U*       .   .      .~-safcA UfcLI VJ n I CU. bumps cover your face, or how dark and drab your skin color is MAIL-ORDERS FILLED 1 have had wonderful ^g-v  AND FAN TAN Bleaching Creme will positively Mr        1 r   iv^success with the Kan Tan /~**'A                surprise you. It will delight you the way      on with FAN T/.N Bleaching Creme 1 order- 1 DI51O 1     ,,n nr.,1 tvii.'ttn v*n 811 Oreme or ~"W -~~n ed from you. Hope 1 will fe.S?^ Send your name and .d- 't tone up, freshen and  h ten your sk,n. Tan Product do   t ~~:ept }. be aUc to send in another ^     ror  money-mak- A new beauty, you never thought existed, will   Write : order in a few davs.- X^SJ Ins deal  your      - be yours. Your first step is to get a jar of jr^'. %,e v!!. Tan  l- 1-.        , J^^. ;y; ^SI'Jh^m^. FAN TAN Bleaching Crem* from your drug- toT,. 400 * st,Dtfpt. icx- ^.^.-^^''I^r^" !rOR^. 4 u?w ".lt gist: DO IT NOW. B.^     . ill. r iKJ^r-H^SttL^^^k Remember, Too, The Fam- BEAUTIFIES THE SKIN AND PUTS THE GLOW OF. ~^^~5W^  :^a ous  Hair Dressing WHITENED YOUTHFUL FRESHNESS INTO IT l^^^      '*"'r "=^S0f^^m Pomade is a FAN TAN I*11* rapture or  ao Ivory whitened complexion given you Iho   T]K^%~?D9gB!^^           J the  P^rl4 l"K and Joyful tucc that is really . Skin ! Na^* y IftJirn x       does not ink more. Nature      not need more. Skin  Is the - Is**-' n if'1 B$g?1 Keeps your hair IuvIdc  tra1     all       to our               lo our -ena. Don't be without PAN TAN Hteacnl^-t t^~T^7T7 rTI^.':: day long. No chance' for tt lo Kink. lng_      a   day! Cet it. Trom your Prut Sloro! TODAY SURJi! ^%r\j ~\v 1 I       or crawl buck in unruly disorder. ~^"^B VP        ^^      ^^HHP^         ^    I It'"" W a^"* 0RES5    K'-Ps your hair  slowy with ^M ^B ^H \~H ^^~^~^^^B^M^H V^r.il HlV^B  Criti  I ifil lli:jl  and -Tor  ^V ^1 ^^M U^^^IbI'I '\Vall. I^~ '^f V/"-  g;~J  no n. . Prlco IB1I. ^H BIH il ^^^L^^^^^A^^^^^^^^^^B, N3jf[ **?Trr- rSS \mJy f"r a llu^ral al:~ llu only 2  ^nl8 at m k ~^H m Mk H k                    ^  ^^I^V^I^l^HBIHl ^^^T^l^eo^J^lK^ your  store or by mall to KAN  H'~  '~ ^^Ha'JS.IT^^V. "g' TAN* Co., 4VU W.It  rU Sk,     .          ^^^    ^^^^B</t>
  </si>
  <si>
    <t>                                           BELIEVE SOUTH GEORGIAN LYNCHED                 SUSPECT IS SEIZED IT BAND                 Accused of Attempted Rape, Negro Suspect Disappears On Way to Savannah Jail                 SEARCH YIELDS NO CLUE1.                 SAVANNAH, Ca.. ()- Wlicrp Is         White';                 This is the question many N'e- Kroes In this section are asking as word falls to come in of the findin;; of any trace of the 20 yearold Xejrro, who Friday ni^ht was captured In Bryan county near here shortly after an alleged au tempt to attack a white woman. Death at the hands of a lynch bent      is lK-lii-ved to have been his fati' as Bryan, Chatluiui and KffiiiEham counties have been  iu an  to locate the mar. (Continued on pace X)                 SUSPECT (Continued from Pare One) . according to reports reaching     \ wns being brought to the city In be lodged In the comparatively secure Choi ham  jail for  afe keeping. The  Ktsl attacker was not hard to capture - that a posse  of deputies from thf three neighboring counties got on his trail for the barefooted Neem was very easy to trail as his tn-o missing toes left a plain track for his seekers to follow. According to the white woman, who was almost a- victim of Hie man s alleged tactics, she was rid Ing along in her automobile when she noted that the roadway was      a tree that way  across the highway in very heavily wooded section of Bryan county. As she left her machine to re move the obstruction, she claims that the Negro, who was mule, seized lier and forced her Into the underbrush. However, an approachIng  caused him to flee. The woman then was able tu get  her car and summon       White was arrested by Sheriff n. G. White who took him to Uberry county jail, but, upon his . finding such a large crowd .l the place seeking the prisoner, ho turned around and started for Savannah. According to the officers It was only a few moments until on  containing a number of masked men drove alongside and forced them to give up their prisoner. Since that time, no word has l)een heard concerning his ultimate fate although it Is strongly believed that he has been lynched. If the man has been lynched It will be the 11th Negro In Georgia since 3030. During that yea                 six Negroes were lynched In ^H state, ono In Cnrtcrsvillc. one In^~ Ocllla. one at Alley, one fit Darlen^H .ind two at Thomnsvllle. Both 193^H and 10.12 were  yearn l^H Oeorgla. ^H In JflS.1. ,  a rrp^H ord was blackened by four -h-M Incs. Oddly , none of      ^~ were for the Renernl  . .rap^H or  nipe of a white wom^H an. A N'oirro w:ik           :it W:ir^H renton. Ca.. tbe  of an nl-H   .1 tenant aud     ^~ white landowner. In I., aaH ex-soldier cot Into an ^H with n white officer orer the '^B pd  of some  while N*   ^J ton. In Buker  has two^l Ivm- to Its credit. Both olH these n re said to have been the out^H  of an effort 00 the part o^H N'ecroo*. to recent the ^B of whites In a Necro dance, espe^H dally tor them to sell liquor at th^B function. ^H</t>
  </si>
  <si>
    <t>                                           SAVANNAH, Ga., ()--Where is George White?</t>
  </si>
  <si>
    <t>                                           Black Billy Delivers Flag Day Message                 "Black Bllty Sunday's Old   Gospel meeting*, which have Iwen in Proureng at tlie Iti'tli Kden Rnptlst church, the Temple of  Initplrutlnn Houston Street near Boulevard, for I he pant three weeks,     tho scone of  Semi-pat :  in                 honor of the instil Anniversary of the Birth nf Hid American FIuk Yesterday being Juno 14tb, which is celebrated throughout the Coun try as National Flag Day. It was Indeed befitting that the Negro Patriotic Citizens should meet to honor the flan of their country when  In at this time the communist'/* agitator sowing the seeds of their  pro.  among the millions of unemployed Negroe* hero in the South, that hero in Atlanta, the Colored Folk* are proving their love for country and It* flag the  of freedom, the principle  was delivered hy "Black nilly Snitfny" Evangelist JiimoR Gordon McPherson, of New Or I leans, who called Amorlcn's out- j standing Black Patrlnf, who  his  .Btlrring  on the  of the old Rag Never tout-tied the Ground" In which ho paid an eloquent tribute to the old flog that hag nover known defeat, though has  wen In norac mighty tight        since 177(1, but: Old Glory lms never known defeat. The old white haired hern of the battle fields of' Hunuy Cuba. D8 thrilled- his hear-, en with his burning eloquence as ho urged tho Negro to honor their Country's flag, to be Iruo to ! ami, and die If need be In         i at old Qlory, he cried Old Olnry we will never desert - our loyalty is deep as the Mure blue nnd our undying devotion Is ub true as the Mwn of  which proves the Negroes Bed Blooded Americanism, as true as the Stripe* nf ned. The pulpit     draped with a large American , which the speaker often referred to in sending home his forceful message that gripped the  and fired their enthusiasm with new Inspiration for tho old flag that hnd never touched the ground or met defeat. This Frldny evening Billy will give his famous Astrological Forecast,.</t>
  </si>
  <si>
    <t>                                           "Black Billy Sunday's Old fashioned Gospel meetings, which have been in progress at the Beth Eden Baptist church, the Temple of Divine Inspiration Houston Street near Boulevard, for the pant three weeks, was the scene of monster Semi-patriotic demonstration in...</t>
  </si>
  <si>
    <t>                                           CHICAGO -- (ANP) -- Charges of unfair professional principles were declared this week against Waler Klein white looking agent and manager of "Noma," the fan dancer, last year by the internationally famous adagio dance team new starring in the current...</t>
  </si>
  <si>
    <t>                                           Mrs. E. P. Lewis j used the well-known KC Baking Powder in the ATLANTA DAILY WORLD COOKING SCHOOL Her demonstrations showed that in using K C the double- tested, double -action baking powder your bakings will have fine even texture and large volume- KC is a dependable, high quality  powder that will produce the finest of baked goods at low cost. For economy and efficiency in your baking it is to your advantage to use KC BAKING POWDER Same Price Today as 44 Years Ago 25 OUNCES FOR 25c s Manufactured by Baking Powder Specialists who ^Dl       nothing but Baking Powder under super^Z^ro^^ vision of expert chemists of national                 The quality is always uniform- KC is dependable. K \BI WB Try St in yoUr  recipes as instructed by the       ~?^^Kw^B turer. Results will convince you there is real economy ^LXlSBHBH   nd satisfaction in  K C Baking Powder.  gl^^SSra Hundreds of thousands of women have received       THE COOK S BOOK   ^     T^^^';el^ ully Uluslralixd book-1 oi Tcuc*1-  ^~lm rl^n MaJi c0!9      ol K C Buliiw, Powder with v.JUr name and K^IuLSHSA  and your copy will be  paid.  hHH Addrosa  MFC CO..     . C. B., Chicago, HI.</t>
  </si>
  <si>
    <t>                                           HOLD MAN IN DEATH OF BOY BURIED IN CAVE                 a-r^unt J.. [I. Kllliiiwr, of the WOE, Vlrisinlu . police, In  , , ; to thu i.- which the hMV of Dnle .Tones, left, 15 year old Bnrliour county,                 We*! Virginia, Ihi.i*. wnn  .- he hml l.r,-n Uilli'il  n Mow uu I lie Uoait  a Itlunt Instrument. Jjiwrciici- .Carroll, IY1  Xormcr  of the Weston                 suite , ror th,. Insane, It lii iim hi lil by police lit Phllllppl, \V. Vii., fur net ion of tlio grand Jnry, after       .killed  ho buy.</t>
  </si>
  <si>
    <t>                                           "YourTabletiaregrtatt" I Sick and Nervous Filled witK Pain "1 felt tick ind   nd I wu Ailed with p*las ia the Umbt, tired    T ,  felt like . I   from* periodic  ad woaM hmt to He down two or three  Uju. Your TabiMt in great. I do not feel nervous sow  od I can  do my  -Atmh \sS^ Brymt,l74, ^K. PHUdttpbU, P*. JdSS -PINKHAM S TABLETS A Vttrm* Tonic and Stdath*</t>
  </si>
  <si>
    <t>                                           TO RUN CANDIDATES                 Flans for tlie running of scv1  candidates on an Independent Ticket In the fall election will be made at a  ol the district managers of the (.:-t?\ Voters T..';    of At.ania aad Fulton Coc-;,v jl three o clock Monday  noon i: the . 847 I West Hunter street. J. T. Carleton, president of the organization, announced late Saturday night.</t>
  </si>
  <si>
    <t>                                           TINY EVELYN VIOLET BILBO, smiling daughter of Mr. and Mrs. Jessie Bilbo, and a granddaughter of Mm. Kattie Taylor. 383 Vano. bids fair to grow up and be ooe of the pretty girls for which Memphis, her home town, is so famous.</t>
  </si>
  <si>
    <t>                                           "POPULARITY CONTEST "EXTRA-" THE First Congregation! Sunday School IS SPONSORING A Popularity Contest TO END NOVEMBER 5TH, 1934 Offering the largest awards ever given in such a contest: First Grand Prize Is $615-1934 Ford V-8: second, a $125 Living Room Suites; third, a $100 Dining Room Suite; fourth, a $65.00 Radio: and sn additional prize of a $~5.00 watch is to be given the contestant who leads on Oct. 5th, 1934 when first report    to bt' made It cost nothing to enter. If you are a popular member of some Organization; society, club, church or school, test tout popularity. If you are .', call at the office of the church, Courtland at Houston, Monday and Tuesday, Sept. 10th and , at 9 A. 3t and 5 P. M. i</t>
  </si>
  <si>
    <t>                                           SHOOT TO KILL ORDERS GIVEN S. C. SOLDIERS                 Pictured here are National Guard soldiers with fixed bayonets turning the striking textile workers back from the Judson Mills at Greenville, S C. The troopers were                 piven orders by their officers to "shoot to .kill." Note the clubs in strikers' hands.                 Pictures from International Illustrated News.</t>
  </si>
  <si>
    <t>                                           To "Melaneholy" James WORLD and SNS sports editor, goes credit for the novel feat of calling the correct score of the classic morehouse-clark till last Saturday afternoon. He named a 0-0 tie.</t>
  </si>
  <si>
    <t>                                           MACON, Ga.--()--The excellent playing of Sam Jones. "House Lady" Harmon and Cooper, a flashy Morris Brown hacks enabled the Wolverines tp send a fighting Fort Valley Institute football aggregation to defeat by the score of 31 to 6. Thursday afternoon at the Contennial Stadium.</t>
  </si>
  <si>
    <t>                                           BRONZE PEACOCK -FLORIST- Flower* are An Expression of Tru- Love .ITl..lXT.-rS LF..-WISC COLORliO FLORIST FUNERAL DESIGNS ARTIFICIAL FLOWERS A Specialty For Shipping Purposes EDWARD L. JAMES. IVUnarer Ju. Stroud. J. C. WiUon, Representatives 445 MITCHELL STREET</t>
  </si>
  <si>
    <t>                                           THE LUCKY STRIKE SOCIAL CLUB --met at the home of Mr. and Mrs. Horten, 1158 McDaniel street, Thursday, November 8. The hostess served a delicious menu. The next meeting will be at the home of Mr. and Mrs. Thomas, 891 Sims street...</t>
  </si>
  <si>
    <t>                                           P. RAYFIELD BROWN is proud of this little nephew, whose' Bima is Mite, son of Mrs. Hel?n Auguste                 of New Orleans.- Photo \yy Kif f.</t>
  </si>
  <si>
    <t>                                           BrwBB'VABBKvABBBBBBBBBBV*'VJ'^BY^^BBBBBBBBBBBBVABBBBBBVVHVflBBBBBBBBYABBBBBBBBBBBBBBBBBBBBi^B^0^B^^ Complexion Becomes Whiter, Brighter i^mZ^ % 4     and Free from All Ordinary, Ugly "X^^^ "^V Wm\ Blemishes or Absolutely "No Cost" /v^^      \\SIMPLE TRIPLE TREATMENT % mK^ WORKS IN AN AMAZING WAY tt s., r p. Waef ^t ?ust fiTe minutes of your time and a few pennies a day is all wT1 , Clearer WllLz^ lt teke^ to make your 8hades lighter, whiter and free Ml Ynntlifllilv Rttliitifiil W%~*^   ;^ from ugly surface blemishes such as pimples and blackheads.  Wl 1 UCaUUIUl Wm%zW\-z !$   ^ Overnight, as you sleep, this delightful scientific method I Iff I v PimniA* anil ^P^--- y-**- 3) works with magic-like effect Try the Dr.        HU r" 1-^1 ^^HB^  ^ Palmer Skin Whitening and RlnfoflV SallnwtlPWt (In f ij "^^~B^Sclearing Treatment *   uo  M    'fl l\ ^^^^^^~HibbbP^'^ ^^KK ~^v ill/// ont  ur llcc  such at pimples and . j/        2k(" ^^^^S\_ /^T HlU^i^^ P*~( ^/ S' Ki SI// ~*'y disfigurement*. Have the allure of a more youth* ^v^^ B^^'^ *^f IV/Wmll7b)!x//h.     bI I 'n"y beautiful complexion. Remember the complete ^   _/^ mm**J                    ^~Sr W Dr* Fred Palmcr Skin Whitening and Qearing treat- WasA Face, Alecib. j^^^^^^^Ei-^SL  t*k" but five in!nu et time "nd COJItl but a few ^^^^^P^^^r*^~__Jg^. cents daily,  your complexion takei on new and Arms and lianas '" ^?i^,  1*h'~~i-         f have Night and Morning lJ WMr^JB^ZZSjiL   "tM*  fe TOthod fa _^J ^^^^mg^^mi^^~ r*"ta Try it tonight! U J y^^^^iSS^ii^^SSiff to  dross"*- A*k for the complete Dr. Fred V 7 ^^kv fiv ^IES9Si^SlK\ II Palmer home treatment- the d f i v ^m I^^B "^'v11" - oton  Lighter as Ion r^w V^HH^^^^K^ and the powder. SKIN WHITENER SOAP ^(v  fe -^H^W^^^^f xPs The first step in the world-famous In. Fred Palm- Crwam at Night \?f        \ ^n^\    *s/] er Skin Whitening treatment is to wash the face,     /%~* Klk ^^~(a ~^^fl neck, arms and hands with Dr. Fred Palmer's Mk cB^S^^^Bk 'V**r\ ^~~i Skin Whitener Soap, scientifically saponified from ^yX^^ct    ^g^^^\^8fv--V il^i  scented, rich and generous lather acts on DgllCrhtflll SKIN           m*J /8L *Z the skm at once reaches into the skin pore-deep /y /Z 1 as it gently removes dirt, excess oiliness and -^Otte Powder ff S* ~*%~~'' 2^; ^t^*8 t^'.1^' bri*hter' F^S^^S^niS^^ ThmoaktheDay as the secret ingredients get in their  ute to smooth on- the rich,  and delightfully work. Never neglect this first and necessary part scented creamy Skin Whitener Ointment. Swiftly,  the triple treatment It takes but a minute or     in a few 'hort hoOM       th"               - TTun *h* ,M,,H. i_ i j. ration brings about an almost unbelievable change m f% 1  1 1* two, yet the results are often truly astounding. the appearance of your .kin. A,     sleep in comfort- Comnlete the Treatment Deeply imbedded pore-dogging dirt fairly seems your complexion will  urt to lose that too-dark, sal-' *~~"~   "*'  to roll out from the skin under the bland but Iow       "1    ir wi" r^T^  PrAiMMf aIv PA^ powerful and quick action    wh^^8  Awake to Fmd Your Skm SON WHITENER Powder ^^^Hv ^I^b^ ^b^b^^^b. ^BB^BfekW           '~* *r *ou        washed your (    ^B?^ 29(HV ^t^B^B^B^ 1 Dr- Prwl      *r'~ 8*~n Whltcner Soap, complete WFM ^^H V)WH^H Allow Dr. Fred Palmer's Skin 'Whitener Ointment to the treatment by ; Dr. Kred Palmer's SKIN T *3^^H bB** '^^H- r.main on the skin       night. In the morning, what  PACK POWDER an atr- Dowdtr ot  v ~*fl^H H^-te ^7 ^iaH^B^H   awakening! You'll marvel at the lovely ap- timon Impaloable .   silk screen*. Xo^flB Mi**' (.^^b^H^bH IK:;'ranc'      complexion- fairer beyond your fond- Special,  Incredlenta  It a remarkable ^BW ^TbimbbmbB ^s%  l" . Think of it! Everyone admires or envies a inic.  . n   and  iKS^.9i^BBa. ^^^ . whiter, glowing skin.     friendships, greater ^-don awn with that " look- and stays on WSSS^Bmf^SB^M^~~L-~9^B^^m       *    . romance and social success may easily be  for hour*. Made In two Ju.de. or brown. -~j3nH3H9       ^K h^r TbbMV yours, as hidden  is at last unmasked. Aak your ' for your      .        *^B6 K!   !^^BBBk BBBB^^^WBBt V ^^-^ mKt^* DR. FRED PALMER LABORATORIES ATLANTA, GEORGIA</t>
  </si>
  <si>
    <t>                                           Lawyer May Not File Adkins-Broome Divorce Bill: Marriage Revealed                 Outsmarted (or more than eleven months by the deceptive scheme employed by Coach Jack Adfcins. L-Mo.viv e-,  -gp and Miss Radie Broome. Howard University graduate-. 10 vi-il  marital ties. Memphis Society last week was thrown into a turmoil when an-. nouncement was mode of threaten ing divorce  which prom.      t" separate th.- .: young couple. I According to reports. Miss I Broome of 607 Mississippi blvd, and Coach Adkins were married last Christmas eve In Marlon, Ark. Attorney Lindsay Phillips, Miss Broomos l"Kal *. ~.i!d Saturday that no divorce bill has been filed. Lawyer Phillips inti- mated that he may not make application for the looming Adkins- 1 Broome divorce. It is known that Miss Broome tendered her resignation to the County Board of Education two weeks ago. giving up her teaching position. She is the daughter of the Rev. and Mrs. S. W. Broome. Reconciliation appears impossible for the .two and Inasmuch as  cach Adkins loaves shortly to :e at Ohio State University,' thr divorce is very possible.                 5. S. Attendances Led by W. Hunter Mt. Zion Baptist church, the church pastored by the popular Rev. J. T. Dorsey, had a fine day during the Suni day school hour Sunday and almost swept the West Hunter Street Baptist church (the Rev. J. R. Bowen, pastor), from the lead in the Sunday School attendances for Sunday. November 18. accoring to figures compiled by John C. Coley, chairman of the executive committee of the Atlanta Sunday School Association. The attendances for the past two Sundays are: Sunday School Nov. 19 Nov. 11 West Hunter Street Baptist church 405 415 j Mt Zion Baptist church 379 300 j Allen Temple A. M. E. church 269 205 Big Bethel A. SL E. church 199 236 j Mt. Olive Baptist church 199 197 Ebenezer Baptist church 187   6 Warren Memorial M. E. church 18=5 18*6 j Bethlehem Church of God 17S "W) I Friendship Baptist church "l60 i no ) Reed Street Baptist church 130 114 Central M. E. church   0 114 Butler Street Baptist church .'.'""ll:S 112 First Congregational church 110 123 Travelers Rest Baptist church no 96 Cosmopolitan A. M. E. church 109 227 Liberty Baptist church 9$ 10-', Thankful Baptist church (Decitur) 90 100 St. Paul A. M. E. church 85 ) Lnion Baptist church s-~ (no report Providence Baptist -h T" (^ Holsey Temple C. II. E. church Morehouse Sat. Even. Sunday School ,-lass VI 34                 MARRIED                 COACH JACK ADK1NS -Hk marriage to      Kadie Broome became known list week when Ui-orce rumor?, tilled the air.</t>
  </si>
  <si>
    <t>                                           Mrs. Whatiey to Face Triai This Morninq                 Several eye-witnesses were under subpeona Wednesday to appear in recorders court at 8:30 clock this morning, when pre luminary hearing of Mrs. Viola Wbatley, 34 year old widowed mother, charged with the slaying ut Frank DanHs, will be held. Homicide Detectives Woodrnff a-.d Hilerbran, who were detailed to investigate the fatal ice pick  of Daniels which oc  last Saturday  hinted Wednesday of their belief that the widowed mother of nn -j-ear old girl was justified. Daniels, according to witnesses was striking th0 child wit!, i his fist, at the time tbe mother rashi-d to the defense of her :;. Turninp. on the mother. :r..c:.:. a !:r.:fc rri his hand began .- Mrs. WKatley. treated at Gvady hospital lor i knife wor.nds of the shoulder. back and abdomen. She had been he!d at police headquarters without bond pending an investigation of the case. Funeral arrangements had not been completed fast night at the Ivey brothers morticians.                 PUBLIC SCHOOLS TO OPEN DOORS TOMORROW Tomorrow Is      d:iy when the summer vacation for thousands ot Atlanta school children will  come to an end for all pupils, whether new or ,- are to  at their respective schools at S:30 in thc  to make their final  for the 1934-35 school                 terra. 1' arc again warned that they must have their health certificates if they are entering school for the dm time while hi^h school pupils are  that thi-y must pay their Sl.uii incidental fee before   classes Monday. (Continued oa Pace 6)                 SCHOOL (Continued from Pate 1) ReculKr Instruction will start Momlny morning and all pupils tire expected to come to school on  rln.v prepared 10 do a full day s work. The youngsters will lie di.iml. Friday, however, Just :is       as they  their Instructions iim to the year s program us the teachers will have u general ; at 10 o clock wider the direction of Supt. Willis Sutton.                 LETTER CARRIERS! BAND WILL MEET j THIS EVENING "Let's Have a better band" is the slogan of the members of the Letter Carriers band the*: days, and, to further the . a meeting will be held at Pigi.t o clock tonight at trie home of R. B. Perry, president of it-' I Branch No. 172 who lives at -151 Felton drive. N. E. This . which will bp the initial fall meeting, wfH be feu- tured by a (ret to geth.r pro- cram and a rehearsal. All mem- berse of the band are being  to attend. L. B. Brown Is director of this well known musical aggregation.</t>
  </si>
  <si>
    <t>                                           No one knows what boy may become a delinquent tomorrow. Wherever there is a boy, this tragedy may be impending. The destructive influences of modern community life are subtle. The boy who fails in his conduct is injured, the parents suffer and the...</t>
  </si>
  <si>
    <t>                                           Nab Suspect With Antique China, Harp                 Three wero  hold on .it  of suspicion Mnmlay n-'; Investigation by Aft*'r ;vv.thI thousand dollars worth  if :-~r, had been - t'~-~  *  'O In :t Iuuim.* occupied by .    Ki'ii m  r.-ar of 149u W. ^lu htri'.' strt^-t,      waw arr^u J"' anil y. Battlr. I Tlio '*. which police ho. .. to I..- :i imrt of the        Ol:irk . Included furniture, s.v.Tal     '    of I'mo Imported ~*hln:iw:ir*~ :     a harp. Ki?l tolJ  thai     had come into      *-?~U'u ~.f tho  when   * was K'Vfii Them In payment for his -i-H as drayman. Two who       their names as ^ConXiaucfl ou P*$e 4 Co; I. 2}                 Nab Suspect (Continued from race 1) Willie         of -74 Courllai'l '-t Jiiid l.IfVil Moon*. of "V.1. Chrz- . uvr.- *nii:  "! Monday in     *        .    !a.-*t Nov. of Street t.Mr        "i J. E. Wtlkins Wilklny,       . an Trwin  tn***T c:tr. w;ut -d off tlu* cur; at thr point of u.  ;un an-i  li- j   *c:**d Jjihind a si^nbo.ird v.*:ts j           " $*W v2 Uio company s j Tin pair wj-n* :irr*   ^d by j .-s \V. C. Martin and   . L. Taylor. j</t>
  </si>
  <si>
    <t>                                           Mrs. Zadie Poole of Detroit, Mich., spent two weeks with her parents in Shady Dale. Ga., and is now spending two weeks with her sisters and brothers in Atlanta.</t>
  </si>
  <si>
    <t>                                           "Princess Malah" By Prof. John H. Hill t A Story ctf the Social Priv-  enjoyed by the I Slaves of Colonial Virginia Price $2.00 I Sales Representatives Wanted -10-SO percent commissions I Write to I Scott Newspaper 1 Syndicate K Admit*, Georgia, or q JOHN H. HILL. B , W. Vn. former  uf W. Vn. State ColIrK'.</t>
  </si>
  <si>
    <t>                                           WHILE the rules governing the primaries naming our office holders in this state render us neutral in the coming "election" and since we have no choice betwen the leading contenders for the office of governor, we stand among the fanners and listen to the yells and whoopees going up from those voters, who have drawn so much emphasis around the three dollar tag. It will be recalled that the well worn slogan: "It's great to be a...</t>
  </si>
  <si>
    <t>                                           WANTED Newsboys mat Axeat* Everywhen CO BEPRESENl T H F WORLD S ONLY NEGRO Daily and Semi-Weekly DAILY NEWSPAPER AMnm Atlanta Daily World i Atlanta, QwtkIb</t>
  </si>
  <si>
    <t>                                           FOR the second time in the last two years the Democratic party experiences a landslide. With the country normally sixty per cent Republican and forty per cent Democratic, it would stand to reason that both these elections might be termed as repudiations. Only five times since the organization of the Republican party has it been swept out by the Democrats. At the time of the first Democratic victory, the country was bleeding from the wounds...</t>
  </si>
  <si>
    <t>                                           1934 I want to become a member of The World's Junior club. Aunt Mary's Children. If I am accepted as a member of the club, I promise to do all I can to prove myself worthy of being one of Aunt Mary's children. Name Date Age Parent's Name AddresH Birthday City State When you receive my application you are to give or Bend me a membership card which entitles me to all privileges of the club.</t>
  </si>
  <si>
    <t>                                           The Reverend William H. Peck, pastor of Bethel A. M. E. church has been mentioned as the logical man in succeed Robert Moton at the head of Tuskegee Institute. Resolutions were adopted by the Booker T. Washington Trade Association to the effect that he be...</t>
  </si>
  <si>
    <t>                                           PERMANENTLY LOCATED MADAM MINGY THE WOMAN* WHO KNOWS Palmist and Life Reader Tells past, present ana . Gives advice on all affairs of life. Love, Marriage and Speculations of           ) all kinds. Don't fall ^~ to see this sifted HeEh Palmist. Points the 1TM3H tray of all       *jM and shows yon bow ^   9 to overcome ene- mies. Madam Miney na.i helped thousands and abe can belp too. TEM.S LtCKT DAYS AND LUCKY NUMBERS Satbfactlon Gnaranteed Office Hours: 9 x m. to 9 p. m. 63h McDonoaeh      (Across from Federal Prison) SPECIAL  50c Take Federal Prison car to end of line. Look for Name on Slcn. Madam Miner Makes Mo Home Calls Not In Teat</t>
  </si>
  <si>
    <t>                                           A Baby For You If yoo are denied the  at a baby all  own and yearn for t baby s arms and a baby'* mile, lo not t ve np hope. Jost write is confidence to Mrs. Mildred Owens, 2509-C. Cuates IIou*e. Kiusnx City. Mo, and she will tell yon about a simple home method that helped her alter being denied 15 yean. Many others say this has helped bless their lives. Write now and trj for this wonderful -. i j "Now I can work"...' Feels Like a New Person J *1   i med to^^ from . I  oat work very loog wich.'' out Slopping but now I can work j well as the  . I look eight bottles of JLydia E. Pjnkham'j Vegenble Compound and I tell yoo it iox makes you feel like a aew per^-u. I  it toj  girl or woman." y. Mn. Cecrgia McFar- 'C^af Ism/, 28/8 CUaeU St^ ^j^. l-os Angela, California. I^ftt ^ Vegetable Compound UietLby women /or over CO</t>
  </si>
  <si>
    <t>                                           FARM RELIEF DISCUSSED AT MEET                 Rural Rehabilitation      Thorough Airing at Meet of Leading Georgians                 TALK STATUS OF NEGRO                 A   of the fe- 1 deral Eov*       program of rural rehabilitation and the manner in  it will -t the Necro.    of GeonOrj  a  Rural Rchabilftaton Conference Thiimday          at the Atlanta School of Social Work. This                 ine to attended by a lance       of state, county, and federal leader* from all parts of Grnrcja. This' new rural rehabilitation  of the government is designed so as to  the farmers a chance to  a comeback by giving- him a stj.ke on the land to have a little place of his own, to aid him by  him animals. feed for the animals implements,     , and other assistance. According to Harry Hopkins, federal relief .'., this plan so elaborate that it cannot be  ,) to actually set underway in a complete * in less than five years. I During the course of the  Jliss Ada Baker, Fulton I county                "de- 1 eland that?" the progress of the program of rural rehabilitation in Fnlton county. h;.s been slow asIn the other parts of the state, a  agent having been appointed only a month ugo. Of the 600 Fulton counts rural families now on relief. 280 are listed as       families. Xliss Baker pointed out that the  has difficulty in  colored families actually on the  in the rural sections of Fulton county. Attorney D. G. Lemon of Savannah, well known advocate of (Continued on Pace 2,  ol. 2)                 FJ1 (Contained from Paje 1\ race rights. raised the question as to whether or not  ny colored families from Chatham county      listed amone the families selected from the district in which he resides tu subject* for rural . Mrs. Shsppeison. state  suggested that he contact the Chatham county authorities for the information. It was pointed out that there is a decided difference in the turn and the rural  program. Under th..-  relief Mt up, an effort is made to help                 the families in need by giving them assistance in the form of doles an,) allowances. Und*r the rural rehabilitation program, un effort is mt*do to give families of promise a  to mako  un the farm by lending them every possible assistance. However, in order to get this rural rehabitation help it is. necessary that the families    receiving relief and. it was asserted that many N'egro families eligible for this rehabitation aid might suffer because they are -not on the relief rolls at the present time. "There tre about 25.000 farm families in Georsia on relief." I Miss Gay B. Sheppcrson. Georgia1 I Administrator told t^ose present. ''F"tty percent oi' this number may be listed as Nwuro families. However, only 1.000 of this 25 000 is actually on rural 1 tition due to the fact that the i national program was launched too late to get underway tills year. This is true not only in Georgia but in practically every state, north ls well as south. The drought had much to do with the delay in this program getting started. "This doesn't mean." she continued, "that the destitute families are suffering. They are  relief but the self aid pro-, grom is still being delayed." Miss Shepperson U hopeful that in spite .~f tho handicaps that' she will be able to have r, 000 fa- miles on rural rehabitation by j the first of Xovember. th.j  I they should be settled if they are to make appreciable progress during the next year. She  those in attendance that the Negroes will have a fair  in 1 tl.is program. It wis also revealed that these families for rehabilitation are s?- j K-  to fitness, hence no old cellules would     -Hzible while families without sufficient members to 'Jo tlio necessary "ork attendant upon the operation of a farm woul(~  be ,-lb!t. The families being first selected by the cunty relief administrator, then approved by the county relief rehabilitation ' and farm supervisor on the county relief administrator s , arsd finally the names are sent to the state relief administrator for . The conference -was presided over by Forrc-ter B '.Vasuineton. FERA Director of Negro Work an-l assistant to Harry Hopkins, federal .relief . An-j iis those in attendance "-re h. S. Mollette. Fort Valley Ga.. President .1 w. Holley of Oforjria Staie Xonnal College, Al^nny. Ga.: Williams.- Fort V:.    : j. Henry Brown. Savannan. Ga., Attorney D. G. Lemon. Georgia Emergency Advisory Committee ~;hairman Savannah'. Prof H. A. Hunt. Fort Valley, Ga.. E. A. Johnson executive secretary ot the Atlanta Urbin League; Alva Tabot. Fort \'     . Ga.. Prss. W. M. Hubbard. Stats T. and A. College Forsyth. Oa.. I Prof. S. E. Hubbard. Stu'.e T. and A. Collese, Forsyth. Ga.. and I Jesse Thomas, southern regional field director of th; Natlonsl Urban League. Miss Gay B. Shepperson state I   -     administrator, Atlanta I Miss Louise Fitzsimmon?. assis- j  state relief administrator: M:ss Ada Broker. Fulton County Relief Administrator: ano I'.Omss X. Roberta. Georgia S?e(-' Industrial college. Savannah.  Ja. A number of other prominent state leaders tent wires           their j. with the  of the rehabitation proi.-ram and ; their inability to  : to important meetings bein^ held in Athens and Savannah  t the same time.</t>
  </si>
  <si>
    <t>                                           A through discussion of the federal government program of rural rehabilitation and the manner in which it will affect the Negroes of Georgia featured a special Rural Rehabilitaton Conference Thursday morning at the Atlanta School of Social Work. This...</t>
  </si>
  <si>
    <t>                                           'YOU CAN T LOSE' A Secret Code and Treatise on iLOVE MONEY LUCK offered to you ABSOLUTELY FREE by Islunacl the Mighty, i Orcam Book   $3   'jj^ T  Guarantee Policy protects you in are not entirely  your money will be in. v r : when you let  i VEL know within one "i. Write Today. Send only SI 00 with vour Full Nan* and Address for ISHMAEL"S Krcat Master Key "FIVE STAR DREAM BOOK." and "YOU CAN T LOSE." will be includ. ed. ABSOLUTELY FREE If you prefer.     may pay the postman $1.00 plus postal, when you receive the package. Don't wait another minute! Write to . . C.45 G OEN. P. BOX 551, NEW SORK. N. r.</t>
  </si>
  <si>
    <t>                                           President D a v a g e Is Attending Big Meeting                 President M. S. Dsvage or Clark university is now in attendance at an Important session of the General Commission of the. Methodist Epkcopal church now being held in Columbus, Ohio. This Committee ol delegates is the Committee of Investigation and investigate all cities thai invited the General Conference to its folds. President Davagi- is ti:e first and only Colored man ever accorded t!v  of being a member ol the Gc-noral Commission of tile Methotfist Episcopal church. Before returning to tne gate city to resume his duties at Clark University. President Davage will visit other points.</t>
  </si>
  <si>
    <t>                                           THIS IS A.  of bow little Mary Margaret and H. A. Oudger spent their leisure time. They- are the children of Mr*. Lenlce Gudger of KnoxviUe. Tean.</t>
  </si>
  <si>
    <t>                                           ANOTHER REMINDER folk: That swank A. K. A. Carnival this Friday night at Sunset Casino, Atlanta's most glamorous rendezvous, between the hours of nine and one o'clock, with the ever-rhythmic Troubadours rocking in rhythm, is the gay affair you've been looking for. No foolin' .... The Dukes of Paris, sectionally known by the "easy-to-remember" name of DOPS, have blended a fine pre-Thanksgiving...</t>
  </si>
  <si>
    <t>                                           Me Duffies to Leave City for Warm Springs                 Mr :iu.~ Air-, ,   . AK-Uuf,;,. "I,.. ~,;ivc  -i.- Mil- past wivk at  .- mi Jarksmj  t  a nil  m,.v. Mil --s  T. will Ie,,Vl. 11,,.  ,.ar[j. to. .v fur Warm Jipriny.  i I lUi-y will n- I'ri-  i i ami .. im-mu-r, of tb,. t.    .u.n.                 party at  "Wiu'tcV " IIi.iki". Mr. Mclmftiv, who i.s an ~\\-.\t-j   ami  ot the   tar-! I'rrs or thi* , auU \     has   as  fur Krankllu 1~. lj.~.-lt fur  1   years, lias I   a  Jurius luc cast wi-vk with his  fri.niis I  aud \l was  first visit since I tin.- Inauguration of tin- tir.. (Continued on Pace Col. 4)                 McDuffie.To (Cootiaaed from Pace 1) He was a -  at the CIark-            aimc Saturdav.  by Grand Master J tv. . Lrml ut the Priuot- Hall  of Gwrcla. Mrs. MvDufdv win be -tkI  many AtUntans for her   the   tlie  World War and that prior to ber departure for the nation'*  to Join lier husband, that tb,. colored war  tendered h?r a farewell  at the James hotel.   ia  muck                 time in the -~      the  weeks uud much constructive work is     ;tcd to 1*  ou at th-j "Winter WTiito Il.nt*.'" at Warni Sprinss. with Goorcia h.'in^ I lie mccra for many of the "New Denlurs."</t>
  </si>
  <si>
    <t>                                           Mr. and Mrs. Irvin H. McDuffie, who have been spending the past week at their home on Jackson st., and visiting Mrs. McDuffie's mother, will leave the city early today for Warm Springs, Ga., where they will rejoin President. Roosevelt and other members of the...</t>
  </si>
  <si>
    <t>                                           MOTHER                 HIT CDST BINS' LIVES                 Mrs. Patterson Joins Attorneys in "Red" Denouncement                 GIVE ALL FACTSl                 (Siiociiil) Form.  t AUornoy Oenonil of Tcniipsspo Owrsis W. Chamlw. wlm li;is )t?cii - witli Hie ScotixWiru   the Iioys wt-ro 1  and two of them convict iil. nml who has  to N"ew    1  with tho   jf .Knl Put.                 K-rson. one of the   il t" die    TliAiik-rican Scoltpbnru Committw. 2*!! Kuurtli Arimw. a Iclesrnnf wbh-l' In- IiikI just went to jrr. Jusci'h It Brodsky ot Intc-.Uilior Di-. . in  to a teK- from BitHlskyasklnp    . Cbaatlee to  to Xotr York  for . Ti'lrernm from the latter was    follow*: "Mr^ Joseph R. Krotlsl-y il , avi-, Ssw Yr.rk Ciiy "Telrenuu        'd I nu nw    confer witli  or U.!~. M1 1.          am) I now r'-. Ui 'Scoit- Imys. I        yi.ur t.'u tii s .-mil I I'itI   (Continued on Pace 4. Co!. 1)                 Neglect May 1 (Continued from Page I) boys    * now free from   and ili:ir         of1 Coltinz a f;iir trial have  - 3y improved. The  should know- of your  in  file Patterson's  papers in       . thereby  bis   and pl. him in the ter-         in which  v now find him. 1 will not * any  y and nc3rh:r will I \u-. anyone 10 r-lat i* any  of Ibis  r.n my shoulders. (Kiune.O ~".I:.inr.F. \V. rHAMI.r.K. In :; his lele^rnm Con. Chamloe said. "Afier Patterson and Norris were       4l guilty Iwforp Judso Caltohnn. the. complete charp* of tho drawing :ntd filing of Ibe papers necessary fo      * tho caso 10 tin- Suprraio Court of Alahamn was        hy Joseph R. Brodsky and C. K. Fraonkel. at  of tlio Intorn.itional ]-      IVfoiis^. Bnvlsky  Frafiikcl i K-M tlK'  of the  and all      P:       witU  io proc^ff. r w:irn-M Tracn- I lc(*l. Uiwyor      tUo 1LD, to Iw* ~*ntg- fill    follow      l:i\v with ;-  to    - tinis within which j motions for m*\v trh'.Ls :  -l The filings of hills of            of tho; ]    .. As Ilie  of rho AlaU:iin:i Supreme        out,!   to til? thp papers within tho                  hy law.': 'i lius, tin- Supreme Court nt Alabama pi ints mil, it w:is Pdwerless' to  the appeal on     -i in I*         's  t)sc. Now  nu t hy argument of the ^ution that the United Stall's 1 Supronu* Cmirr will not review this1; ea*e Imi-;ih^ tht* State Suprcnit* Court must first pass upon tho fines- i  ar i^~ue.*' i Thi'          Si-otl.       CommiiUf abso n-l.-   '~l a  writ     y.- hy Mrs. Jrmie Tatterson. ninth.  r of Huywood l . to Mr. Brcxlsky in wh u-li slie!    failure to tile til- proper papers for 1i:t     in Uiiii1. She wrote: "If my hoy has! to tlio Iwi-* of this eart ^ss. oii^ht I net then hoM you  .-?" Her lott-.-i- in  f.: '.Mr. Jum'pIi K. Urodsky    0 Kifth Avi-imv Xi'w York City. "Po-.ir Sir: I - that the1 Snpretn,. Court or tho State nt Ala   :inia lias  that, yeu  ^l tn file my toy s  in time, anil, therefore the Supreme Court refused tr. i- Mayw Vs -aL I also - that Ik'call-sc of this .s-1 on  parl.1 my    ..v's  ,.f : a  before the I'liiiisl S:          .- Onirr nr,. seriously   nii:      'il. "If my l"~y las i,. die li- this t an -ss. ou^ht 1 imt thi-n hold you n^*'; word Kin      -s the sorrow of a moth   r'~ Ihiirt under sueh ~-            . Vi.ry truly yours,  J.VN1K .' When Mr. Sainm'1 l^-. ^as asked aN tit ;    tch^rain and  "f  i"li:      -o he; Kaid. "Neither ( Chinnt.'e nor I w lt I'wep: any  i for the iu-kIwi "V in.- 1J.   i.-.  i the ::! pal     in t Alal.Mu Stale .Siii'icnio ('i.url.  ]tt*   ]it4Hl  4*  :irr to *~ to  l '.* rai' on .'-' At .a joint  here of the "Baptist          ' O-' of  Nen York and vicinity and toe I'. Mlnist.-rs of Newark and , tli,-. foll.            was ]':iss:-d: "Wo iK- approve Hie aerion of Mr. Samuel S. t.          in Ids  uf the         -~    deft-tise aud       * to him our full -suppor: ii) Iho           Ion of his l laius. -BE IT KKSoi.VED. Thar lig:ite  lvrs to  i tnis Uofen.se and do all Si; to ^t the e; of y..  to the            '.~ The President of tit.- New i CftnferciK-v Ik     Uev. .latin s Le^'     . D. D., nnd of tho Newarl i Ccnferenec th,~   'v. \V. W. Fleni1  - 1   . TlM- Coiifcreiuc               . A. A. Graham. I at 'Si** \"ork, mid 11k- 1   v. U C. , D.D.. ol Newark to n- them in PUhllshlnc this :i.-i ion. iThe  of Tlie Amer'.can Scotlxboro Commilteo are' ^88 Fourtb Arcuue, New York, .N</t>
  </si>
  <si>
    <t>                                           NEW YORK(Special)--Former Attorney General of Tennessee George W. Chamlee, who has been associated with the ... since the boys were first tried and two of them convicted and who has come to New York with the another of Haywood...</t>
  </si>
  <si>
    <t>                                           ANOTHER DRAWING Starting Monday we will give out Lucky Tickets for a big drawing on next Thursday MORE THAN FIFTY BASKETS WILL BE GIVEN AWAY FREE. ATLANTA S OWN MUNICIPAL MARKET Big Free Parking Lot</t>
  </si>
  <si>
    <t>                                           ONL.V  DAIL.Y            . IN TM* WO*.l_O FOUNDED AUGUST S, ISM HI W. A. SCO1T C A, SCOTT General Manatrr 1. K. PATTERSON AmX General Manlier K. N. DAVIS M-nf'-r Edit"/ 7          DaJly  nd Sondsy al 2ia Auburn       . N. K. By SCOTT N'Rwsr-ATKd MYNftlOATr: Trlrpnmics: Walnut MSs and Him  Of Tllf. ASSOC1   1  NlCAKO rKl-.-5  MEMBER  BtiftKAD Of Oim'iiiJVi'loNji  hate*; f)AU.Y:-1 Vr. I92S: C Mm. H.7S: X     . R.io-. 1 Mo. M. SUNDAY ONLY:- 1 Yr. Xl.tiO: i;   .s. SliW: 2 M.-.. sum;      : I Vr. HMi 6 Mod. $Z.7S: Forelcn: 1 Yr. JSifl; C    . $3.7S. NATIONAL ADVERTISING REPRESENTATIVE: W. B. ZIFF CO, Chicago. III. and New York. X. Y. BBtcred as Keond clau maUer  post  at AUanta, Ga. ander the Act or March 3. 1879.</t>
  </si>
  <si>
    <t>                                           MOB OF II LYNCHES 2 NEGROES i                 Mississippi Ljfticliers 'Take' Prisoners from Sheriff; Hanged to Trestle                 ONE MOB IS EVADED I                 CLARKSVILLE. Miss.- Miauls- I   justice again claimed the I lives of two Negroes Friday night when a mob of more than 190 1 men took the pair from the she-! riff and lynched them and left! their bodies hanging to a railroad trestle. I                 The men lynched were Joe Love and Isaac Thomas, both charged with attempting to attack a farmer, "s wife near Clarksville. The whole northern part of Mississippi was after the men according to the sheriff who released the prisoners to  mob The men were" arrested in Greenwood, Mississippi and lodged in jail as suspects. After violent third degree methods they confessed to the attempted attack. The word was passed quickly throughout the state and a mob formed at various points along the highway. The sheriff I who went to Greenwood to escort1 the prisoners to Claxksdale,. was  Jn ending-the. . npb that- attempted to        mo? but the second he  was arm ed and he was - to resist their capture of the prisoners. I The moment the sheriffs car was stopped he stated that lynch- ers appeared in all kinds of automobiles and from ail directions.1 The mob bundled the Negroes in I their cars and  off. Thai searching party which returned j with the sheriff found the bodies about 1 a. m. Saturday morning hanging from the trestle. One of the men had been badly mutilated. His ears were cut off and his face badly battered as if by an axe or hatchet, The highways were blocked by lynchers after they had learned that the sheriff had gone to Green wood for tlie prisoners. They were' stopping and searching any cars I suspected of carrying the prisoners. An inquest was held Saturday morning and a verdict "death at the hands qf parties   Jjby the coroner and thus       *'MlssUolppl1s latest</t>
  </si>
  <si>
    <t>                                           CLARKSVILLE, Miss.--Mississippi Justice again , claimed the lives of two Negroes Friday night when a mob of more than 150 men took the pair from the sheriff and lynched them and left their bodies hanging to a railroad trestle.</t>
  </si>
  <si>
    <t>                                           Deny Rumor of Dr. Moton R*-m                  ""TUSKER BIS, (ANIM -Officials lit TiihUi'Uco  dismissed     )rU published In RiiHtcrn . * lust week,  Ur. II. II. Jlolnn wilt  from the  of TuhIcckoc Institute lit any time In the near future, as highly             , "No effort wiik made to  a I'oufirmiitlon uf tlie  before ; what  U most n* an  rumor"  officials said. "Dr. Moton hux Just completed a marvelous building  Invdlvlng 11 million dollars for Tun ; anil has many new plans un tier for  new   well itM furtherance of the   of the . Thnt he will       consider  nt t  time Is highly im. probable." It wax added. Or. Mnton  at Tuskecec Cnnimcnccment exercise" 1 a t week.</t>
  </si>
  <si>
    <t>                                           FOUNDED AUGUST 5, 1928, BY W. A. SCOTT  OF THE A88 NEGRO PRESS BOOT! NEW8PAPER SYNDICATE, INC., PUBLISHERS C A. SCOTT General Mansfn RANK MARSHALL DAVIS Manafinf Bdltoi ROMAS JEFFERSON FLANAGAN AaMoiato Wtter SUBSCRIPTION SATES IMfc 1 Tr_~4.75, Mo*- J2.50, 3 Mo*.- Mo, 1 Mo.- Soaday Only  tM NATIONAL 8ING REPRESENTATIVES W. ZIFF CO. Chlcafo, III,  nd New York. N. T. Pablbhed       and Sunday at 21t Anbara Are. N. B. Telephone!: Wilnat 1459 and MBO  u Mcond class matter at the pott office at Atlanta. Oc, under the Act of March 3, 1878 MEMBER AUDIT BUREAU OF CIRCULATION</t>
  </si>
  <si>
    <t>                                           They're Headed For The National Title!</t>
  </si>
  <si>
    <t>                                           Why  money worries or    4 limes? Be our agent. Make up to 25 UO a week. Men sod women wanted In .-very town to Hell 8    Georgia Brown Hair Dressing Pomade, Hair Strength. Sweet       .il Brown         ''ace Powder. 300 * Writs today for job and   CASE Offer.  CO, Dep*, CiO. 5Z49 CuttAKft Or.iv.    , ^.t^^Mn III</t>
  </si>
  <si>
    <t>                                           Whiskey Fight Stuns Sunday Churchgoers                 Traffic literally was stopped between Piedmont and Butler reels on Auburn avenue Sunday morning about 10:15 to witness a  battle royal stared in front of a hotel In which a number of "small hotel** bell hops were participants.                 Tbe battle raged for several inmate* and was enlivened the flash of knives, tbe cry of a young babe, and tbe frantic efforts of an apparently interested woman trying to act a* "peacemaker: While the police department never arrived. It was learned that tbe combatants- air friends when sober became involved in argument over the alleged disappearance of a $3.00 "pot" made op for some private usage. One of the gentry, after the smoke or bit Jc cleared stray, freely admitted be had no Idea about what they were fighting,  be said he was felled with a terrific right  to hU left optic by one of his buddy-adversaries. Calm was finally established, when they were separated in different directions by interested friends. Traffic moved on. The door to the hotel was closed, and all was well "on the Potomac" the churchgoers wended their ways on to  and the battlers wondered who had made the biggest fool oat of himself with the able assistance of the DEMON RUM.</t>
  </si>
  <si>
    <t>                                           Traffic literally was stopped between Piedmont and Butler erects on Auburn avenue Sunday morning about 10:45 to witness a miniature battle royal staged in front of a hotel in which a number of "small hotel" bell hops were participants.</t>
  </si>
  <si>
    <t>                                           TIM TYLER S LUCK BY LYM YOUNG                 MESCAL IKE By Huntley                 FELIX, THE CAT BY SULLIVAN                 GEEvum                  DARNIT Bv Cfcarte                 PETER PEN</t>
  </si>
  <si>
    <t>                                           DOUBLE MJp^pvV</t>
  </si>
  <si>
    <t>                                           I Funeral Nonas*                 SETTLES- Mr. John      .o::~f;c7tlcs, 1113 Windsor Street.  Uc?~ Thursday . .Fun.,1;., wm be announced later. David T. Howard . I MATTHEWS- The relatives and friends of Mrs. Dora Matthews. Mr. and Mrs. J. E.- Burnett, Mr. and Mrs. Olarenoe Mbrelond. Mrs. Minnie Manable, all of At1 lanta, Mr. and Mrs. James Cope-' land, Mr. and Mrs. Poster Harp, all of Cleveland, Ohio, are invited to 'attend the funeral of, Mrs. Dora Matthews this' (Friday) afternoon at 2 o clock -at the residence. 267 Mancum St.' N. W. Rev. J. H. Bryant will officiate. Interment. Greenwood, S. C- Dunn's Funeral Home.</t>
  </si>
  <si>
    <t>                                           Big                 BETTER  DRIVE GETS i IMPETUS i                 Millions of Dollars Will be Available For Home Owners                 TERMS ARE EASY:                 I Washington. D. Aimoiinoe- m Tit h:   just. Imi'ii mji.le ih:i! j bip business leaders, under tht di- i rc-ction of the Xalional Chamber of Commerce, art- putting their full force  tlu' President wiih special emphasis on the : , as a means of hurrying                 -vry and striking a heavy blow at unemployment. This  Program is considered bj the -nt and tho-*~ ~'     *~'    with him in this particular work, ax a major link in the chain  forced to break the depression and reduce -unemployment to the . I Most of us aie prone to think of the casualties of the past four or five years of depression in terms of human victims and rightly so. But there have been other victims as well. Millions of Americans Homes, apartments, offices, stores, tenant houses and other buildings have suffered  from lack of normal care and attention. Property owners neei-ssii ry :    .r;iti.ins renovation.-,  not Ui'ti : to         ,' tin* (ContlntK-d on Pa^~- 2: Col. 4)                 Better Home (Continued from Pat* ll repairs and improvements to I their property out of    "ir                 incomes, and the  j In valm-s til'  pr.~!~~~rty  other collateral has made it al- most impossible for owners to ob- i lain credit, which in normal times would haw been available- to them and which would haw been repaid out of their rj-Rular income. All told, more than sixteen] million buildings in this country have already reached a more or less serious state of disrepair. Of the sixteen million , some three milliom have reached   .h :i  st:   - rhat nothin- j "1'orr .if a Tn!i.~r.r l.- ,,,   ;l t)on can save them. In fact, the repair uf many ..f ih.-m is *.,. fied. socially :mU c-, ami  immediate f.-ttv should ,i,v.: . The - I3,00ti. . f..r tin- niosi parr,  minor repairs to put ih.-m in   di\ r but ;i is .wenti.it  u.. t.^-o- -: Ik; iu-  AT . This situation presents an .v und a vital i "^ opportunity is not men-- l.v to stop the destruction of . values, bur  to provide eio . for hundreds of - at-ds of those   who Jiavp nut i - most, severely from tlie do- i Pruwsion. -Vlproxlmately 4.000,0001 men . formerly employed  In tlip.  industry . or in allied or : industries, ar?  from lait of-~-          . as  as it I may   -m. at      .   ? out ot overy I four- worker* .             ;  or souk- of i:s  for liK  Ordinarily a i - proportion of these * j would h* .1 .  hy property In       condition. Tlie Administration is particularly interested to      to it that - i ty. which has   idle in j tlie hunks all orer the country, is w.uU. available a53 put into circulation  the*  of labor. The National Housing Acr proposes ro move, at . a portion of this idle money. Bettor Housint* Surveys are* beine -conducted in all of .tie major cities ot the United States in an effort to acquaint the ^ owners and landlords with the opportunities -.offered them under the. Federal Housing Act to obtain tbe  capit*) to .   -pair aud  homes or   lH?r properties. The Modernist ion Credit Plaji under which Uiesc 10:1ns ur*         . reli.-s Primarily on personal I ch:ir:n-t-:-r and c-      2 ;um**-r to      le:ise cr. so that property own- 1 ers may ~-tij.~y ; improve- j ments now and pay for them in i snail! monthly .   . j  R.il tape" whati V.-r is -h.d to the k- of the inon.-y. If yon havo the cash, it is  .-ourse, hut If nor.    t.~ any local hank. Bnilclmj an, I l.nan .w . Contmrtor or UuilOiuL- 1 Supplies Company, an.1 talk           over. Any kind   f pr. is  under the   -t..... tenant house, store, factory   r whatnot. It does not matter whether there is a  or   the. property or not. 1 If the property is in. need of repairs I ji renovations of any kind, v.r if you_* like to- improve or     i  it. it ran now U; done. Money is  at u low inl.-i- ]{ute. on an easy rv- plan  one 10     * years m amounts from SKiO.ilO u to $2UA.O4~, and no endorsers or collateral will I* . Tin. only thins -' is a      .-  as  1  are -tly -u-r l"    . I Kvvry home  r -l .if pro-: pony        sumo : and renovating each year, but             are va.-y to put IT. In      :isr 4  of  strain. hum.-          setH-nilly have )~.~st-' PuuimI  Yuiir      * may U- j .-in-  f tIk-ui. If wiTh       -y                 " the pl:iu of  so MhvrC:il. Ill- .Tlrst. nili- rut tow.  is Hi.- time to act. tV Yuri: HOME IS WORTH I. IX, IT IS W. KEKI*! INC. IT'. 1</t>
  </si>
  <si>
    <t>                                           Washington, D. C.--Announcement has just been made that big business leaders, under the direction of the National Chamber of Commerce, are putting their full force behind the President with special emphasis on the housing drive, as a means of hurrying...</t>
  </si>
  <si>
    <t>                                           Thomaston Family Believes World IsthePapeT                 William Terrell Harris came to I the big city Monday.                 some people, coming to Atlanta dosen't mean a thing* but to the 13 year old Thomaston, Ga., lad it meant that he would    least nave an opportunity to set ^lant of the Atlanta Dally World.  10 young HarrY, the World means  lor he has heard many things about lt....ln fact he knew about it for he has been selling the        85 copies , for sometime. The Atlanta World Is a tradition with the Harris family, at  45t so says J. H. Harris. 116 Drake avc nue, Thomaston, who Is engaged in the dry cleaning business In that city. Mr. Harris, who believes in youngsters /^ themselves says I (Continued on Page 4)                 THOMASTON (Continued from Page 1) j  two other sons have carried the Atlanta world in   I town. i One ol these ^bys. James H. jr. IJs now a third year student at Georgia State college. Forsyth. Ga. v.mile the other boy, G. M. is now  in other -work. The          has fallen upon the shoul- ders of 'William, a bright chap ol j 13 who Is in the seventh grade and Weiropincd Mr. Harris as he looked at 11 year old Ernestine. who  the father and son to the World office. "I pics?   save to start carrying the World when William rocs off tc school; The Harrises were the guests of Mr. and Mrs. Doss Johnson of 408 Mitchell street while in the city Mr. Harris spent Jfipnday in Atlanta on business but found time to bring I'.ie youngsters to the of lice and give young William, whom office records show    very prompt in his remittances, a chance to "pay in Bcrsc-n-"</t>
  </si>
  <si>
    <t>                                           William Terrell Harris came to the big city Monday.</t>
  </si>
  <si>
    <t>                                           ] DR.T.Y. YOUNG fJT' '7\! MESSAGE TO THE SUFFERERS !f Z3fif'?^w i You need not bo  about your R^R*1 health. Cheer up: Ttic-re is help for you. :"*.'.      1 'fate is the me reliable. -~~2 P DOCTOR T. Y.  /^S5Sk" w''n hia amou= and            nd ~.^"~''l'^k. -3 roots. .t.its winch have been used {or WL centuries, and arc  recommended tor I any trouble of the .system, such a? or the J Disease Acnte or Chronic: Kaint Typhm Fever. Catrrhal MaJarU. MilUrU.          Pfon'horrhea. ITemiplieia. BronchUi  Inflaenz*     Castrocnierltsche In. . T.Y.lOOnS Lunjs. Stomach. Brart Liver. Kidney*. 31ood Poison. Rheumatism. Catarrh. WeakvsxtLMt\na ness. Nervonsnn*. Bladder Trouble. Con* . Appendicltii. Skis Dbeaw aad Female Tronble.   whom It may concern, call at  once. Don't cive up hope, if others Tail. The result is pleasing to all who try it Our i  medicine*; will cur? many, many com*   Uints. Male or female, call or write. We will send some herb medicines for your 9K VITA Re cane. 49 X1 DON'T DEL-*T-  AT ONCE 132 Edfewood Axe. Phone WAInnt tVU in ATLANTA M1j P. Sunday Boars- 7 A. M. to 2 P. M. mat 7 P. M. to 10 P. M.</t>
  </si>
  <si>
    <t>                                           1AN IS WINNER IK LAW SUIT                 Received Fractured Pelvis In Crash Christinas Day                 AWARDED $2,500                 Tonn. Rent.                 Ira Walxer. former Booker T. I Washington Weh school student. was awarded judgment of $2,500 1 and court cost Friday by Judge Harry Adams.                 Seriously injured last Christmas Day In an automobile accident. Walker through his legal adviser, Attorney Robert T. Acklen. had sought the large sum of $15,000 for damages. -         Tijuf'-Osteen.smashed the side Of the automo bile in which Walker was riding and fractured his pelvis. He was forced to stay in hospitals approximately three months. Although he is able to walk now. pain often visits his body. Irn Walker is the nephew of Mrs. Blanche Rawlings, of 500 N. Maoassas street. Only a few months prior to his accident, his brother, Frank, was fatally  in a bus crash while enroute from Chicag0 to Nashville where he was a Tennessee State College student. Four other  , William House, Charles Springfield, John Taylor and Chester Hopkins, were riding with Walkei at the time  f th* smash-up last Christmas. Springfield was  the car.                 After the wrec*. Walker was carried to General hospital. Later he wus transferred to Collins Chapel. He was released Marcs 20, but still complains of pain. The accident occurred on East Parkway just a.s darkness was            . Riding With Paul Ostecn at thc time Of the collision, was his brother. RoDert. Walker's case was argued in first division of the Circuit Court,</t>
  </si>
  <si>
    <t>                                           Ira Walker, former Booker T. Washington high school student, was awarded judgment of $2.500 and court cost Friday by Judge Harry Adams.</t>
  </si>
  <si>
    <t>                                           BOSTON (A. N. P.)--Magnificent tribute was paid to the memory of the late William Monroe Trotter, "fallen comrade," and most ardent champion of racial rights at Faneuill Hall, last Monday night where a large audience sat in enraptured silence and...</t>
  </si>
  <si>
    <t>                                           COLUMBUS, Ga.--()--History repeated itself Saturday when a determined Alabama State Teachers college 11 rose to great heights to tie a mach stronger Morris Brown college outfit and thus won a moral victory over the team that was rated at least three touchdowns better.</t>
  </si>
  <si>
    <t>                                           TIM TYLER On the i^to* By LYM                       FELIX THE CAT By SUU1VAN                 I MESCAL IKE n\~ Bad Habhs-AW! By HUNTLY                 SIxOODLZo   "             *:                 r^gY The Mangiest man in  e World.</t>
  </si>
  <si>
    <t>                                           Seek 10,000 Negro Voters For Election                 Seeking 10.000 registered Negro I voters before the general election { on December fifth at which time two Negro candidate* are expected to  their Initial entrance Into the local political arena members of 'he Colnrrd Voters League of Atlanta and Fulton county art                 launching an  drive to I have the names of that many colored cittern* placed on the rolls iti the city hall before the registration book Is cloned on November 25. With I he notification that tho names fo Dr. B. M. Sherrard. candidate for the board of education :rom the first ward and Maceo Blackshrar. as candidate from the so..        for the , -will be placed on the ballot as independent candidates, members of the  started working to do all in their power to put these men across Plans are now being perfected for a big city wide mass meeting and political rally to be held Friday night, November 16. at toe Wheat Street Baptist church on /. avenue. S. W. Walker, president of the Pilgrim Life and Health Insurance company will be one of the principal speakers while a number of other leading , along with the candidates. will also speak. J. T. Carlton. president of Die league. Is to -. I in the meantime the Rev. J. i Raymond Henderson aad other outstanding, ministers of tfce city are  that other ministers gel  and  their  to  . The payment of poll taxes between now and November 26th will entitle all citizens to vote while all women, registering for the first time, will be exempt from the payment of the poll tax for the current year, their poll tax becoming due the following year. Citizens just 21 win also be allowed to register without the payment of taxes while all residents of Atlanta, more than 60 years of age. arc allowed to register without payment of the taxes. II is pointed out by league leaders that it is the civic duty and right of every citizen to register, pay their taxes and to vote and it Is hoped that many will vote thir. year.</t>
  </si>
  <si>
    <t>                                           Seeking 10,000 registered Negro voters before the general election on December fifth at which time two Negro candidates are expected to make their initial entrance into the local political arena members of the Colored Voters League of Atlanta and Fulton county and...</t>
  </si>
  <si>
    <t>                                           Red Grange Gallops In Film at Ashby                 Rdl Grange silicon .iRain. This lime Hie famous red head  .star i    Ixmiv.; f- in :i short which j will be shown at the new Ashby Theatre Sunday. Monday and Tutsday. Cranse is        -~1 in this u- .- by :hc entire Cliica^o Cprdiimls team and it will te well w:~rth your time to .see Mis picture. Cransc :.s .rr-d one of Hie   .suu-s of all ti.~~~' and during his - days at Illinois, he was probably the j most /. .1 1   player'                 An. lia.s mr known. The  , wiU a::ord  ow  :iU  nf ,n  to     nr. dent  ~. and ran who wants to learn some of the insi,i.. . we  this  Dirturo.</t>
  </si>
  <si>
    <t>                                           ^LIGHTEN SKIN     ^ THIS QUICK, SAFE. SURE WAY Use this , scientific DOUBLE-STRENGTH Bleaching HffiflBMRH^^^^^^^. Cream to whiten  skin to new creamy whiteness. Black ana                     ^^^ White Bleaching Cream ii different from and superior to ~^^^       ^Sl^   ^^. weak, ordinary bleaches!                r Bteaus* ic hat iht - WHITENS skin in half ^^mB^M^^^^B^ siw# DOUBLE-STRENGTH thi umt  nd why it dun ~~~~~~~~~~~^^^r        ,Blaefc and Whit* Bleach- up  and bumps with  ^H^^^^ ing Crtam has suf f   to   Don't  "          ^HS^^^^r^  down to tht skin s 4th thing just as good." Dtmand and ^^^m^^^T \*Y" wh*rt coloring is . b* sun that you ni Black and ^^^^^^^^^T TT Tkat''      BI*ek  nd       Vhh* DoabifrStrangm BlMching ^~^^^^^^^g^ Bleaching Crum LIGHTENS and Crsam. Larg* jar JOe/Trial  U* 10c ^U^^^^r t*r. TtMltt, ^^^^^BSf^V*     ^i^^^^^^a*       ^^^^^^~ ^^^^^^r     Black mmd ^^^^^SgJU^^UaUU^^^~      S/   5m*  ^^RV^^W^R^T^Va^V^P^^WV^iH ^^^r      Is/f ^^J  j 3w*l 111 si B V sH^Lm W 3  i I L^B ^F^  Mnrkint rra#~i. g^g^B^^^^^l^gj^^^^^a^^gj^^ms^     ^g^ga ItMUS GB4    CMfOtATVH. 1.</t>
  </si>
  <si>
    <t>                                           Holmes Institute Commencement                 T' B u-.       . PttMent nml "Uiiuer of the Holme* Instltulu in  his Dual       ;u to th*       of Itni ut the  .it nt HulmuM  held ii Port Stroot M. K.  Slonlay  made the following : The most of the                  ' n-ftu   the lull schools,           unil .  ure mu anxious to cet a Job mill Ilioy  t ilmu to  u  select Ion fur a  mil take  renl  in the . The principal ulm ot     Is not to  , Irat she to tlie world a  , Tim ) of child birth  tlic educated women  to the Intent HtutUttcs Is  0      cent leu        the . Accanllne to thin in formation th* (mined women in Jivliw the  of the  to        who      not hud the oiv !      !ty of not  school ." continued Itev. Holmes, Oue of tho  that we hare 10 many   their Home  ara minus of tlie            of an educated Chriatiitn mother. "It the Mich Bchoola, c- mid                           ;oun$                 will exterminate the race among the cultured and , It would bo a  suggestion limit.-1 "Thu   tout We uro1 overstated with old educated  la  they        nil their  life making money and  (nr Job*, awl when       conie lo themselves It is too lute to marry ami gut the husband they want, iin u result of thin situation society in burdened with their influent*, advising   who should get married  It does not Fay to marry, It would  you to      Hiid make your own   be . Thcso old maids ri  thu writer of an old   hun which haa been sitting on u nest with no ttn* for a long   for result*. "The  of joint held by I young women are making:  men lazy wbn will       their wire* to B^pport them,, rive them a flue  to    for uou . "     .m,e"~"    . "who uru  your training in school, you should begin to make preparation     Hupport a wife. Don't       all your  while you tire young and wait until you too  1 I    to be husband aud .than  Home  1         OB p*   S)                 UE5 (Continued roin Paw 1) girl who Ib ; fur  and not u loving husband. "Dr. Eluin F. Dompsey. chair- 1 man of the trustee  and Pnstor of I he M. E. church ut Muillson. Georgia Haiti .' other Hi i mis: "Holmes  Is unique, it. \s a successful achievement of vol.  Tolks uud by colored folks. Cuu our southern Afro American fellow citizens  lu u work i for themselves and by - This institutes is un  and   ki n  "Yen!" ,"Let us          u ense:           tills Institute,  Its  and  body, turning  between $7,000 aud $111,0110   in Atlunlu, a  ur  or ;  could not tin;  oC trade, the Atlnutu Clmuiber of Commerce nud Civic  of it and     )Iiiiid,  who  It and  it? CCrtiitnly they would. So much' (Inmore then ought we to praise Uaiuies Institute which docs nil this und further makes good citizens out of  who  * bu  on Hoeiety. .'ARain,  n fire story building, with  renl   comes out ut this enterprise? Then, Indeed, It  lie pointed to with pride.       "us the Mine until the deplored recent fire wrought its ruin on (ho  of Holmes Insliliite. Now It  s . (tj. this is to lie rebuilt better,  mid   ever. "I^t us rejoice tit. this fine in. stance of educational leadership                 and self holp  our colored friends. For Holmes Institute, we wish a further and fuller career at  ." The lto  graduation           opened with the processional, . "All Hnll The" and the     vocation by .. W. B. Wood. The Holmes Institute tile? club gang "Spend My Vucutlun'ln Heaven"   Dr D. H. Koblw of Morris Brown  the scripture. ApotlK-r  "More nml More Lllte Jiwis"  'the  "The I'tote for  1'rt. Men" by U. J. Jonlnn. Other         were ".Individuality Meuim of HuciToss,'1 by JIiw Aunu J-ee Hill unit "A Trained Wonmn'.s Huce in the Advancement 'Of-. Our Clvlll/.ution" by Miss Jllltlred, ~)    . Snort  were  by Ituv. H: M.   !e,            AtlunU baptist JlTnisterS Union and John U. Urenshaw, Hwretury of      tee . The  suni;* "Trouble" und the final  wua "Swine f-ow Sweet Cliarl.it.*1 Diplomas' wvru presented  a fo ?: Dock JehTemoii . and CariiVH Nelson ;  Mlltrrvd Ui- Uavls,  Bcrnlc'ci! Shepherd, and Kubic Kute W'ooda.' domestic ; nnd Albert HuiicfieUI, Mary lk-ii.',l. Norris Author       , Willie Ftiiniuili, bock Jefferson Jordan, mid Cnrnvx Nelsons BiikIIhIi. Ilk-h ' KradiiHlev wero Annie I.oe Mill, Uraeln Cellu Smilli and Kvvlyi) Krncsllne      while Junli.r .-..IIokc      Ki  Larunle 1'Javls Byriillc  Hulmes, nnd .Miilllu ) Shepherd.</t>
  </si>
  <si>
    <t>                                           Rev. B. R. Holmes, president and under of the Holmes Institute in ellvering his final message to the may of 1931 at the commencement exercises of Holmes institute held a Fort Street M. E. church Monday evening made the following tatement : "The most of the young...</t>
  </si>
  <si>
    <t>                                           Br-r-r-r-r-r! KARLOFF "Frankenrtgin" Monster L tt G-O*5 I "DrtKuJo" Monster b*t*6 oa  by I EDGAR ALLAN POE       Tomorrow Bailey's ROYAL</t>
  </si>
  <si>
    <t>                                           Tiff lu^ ^            0  i I d n Hfwwn ^A*</t>
  </si>
  <si>
    <t>                                           BARBER--Mr. L. C. Barber of 67 Haines street, died, at a local sanitarium. Funeral announced later. Murdaugh Bros. funeral directors.</t>
  </si>
  <si>
    <t>                                           1 A MIRACLE of the Comnionpldce "Call him up long-distance by telephone!" Pay Wm up long-distance by check. Who today stops to think how either feat is accomplished? A vast network of -wires, stations, and , and a voice clearly heard the breadth of a continent away. So with your . Between the time when you write your signature and file away fte cancelled, check as a ^~     - .it may .travel a thousand  XSi^Kb and pass through thirty of more  1 "\s ferent clerical .'  Unseen and unheard, this mar-. Vrs=s. velous banking machinery performs a   daily miracle of service for you and ^"BMB^ yoji regard it as a mere commonplace. CITIZENS TRUST CO. THE BANK- -ON AUBURN i 1</t>
  </si>
  <si>
    <t>                                           WANTED Newsboys and Agents Everywhere TO REPRESENT THE WORLD S ONLY NEGRO Daily and Semi-Weekly DAILY NEWSPAPER Address Atlanta Daily World 210 Auburn Are., N. E. Atlanta, Georgia W. C, KELLEY Circulation Manager</t>
  </si>
  <si>
    <t>                                           SEMI-ANNUAL Men's Suit Sale FABRICS: Harris-type tweeds. basket weaves, cheviots, herringbone, . SIZES: 34 to 44. regulars, longs, slims, ! COLOR: Blue, oxford grey, banker s Krcy. campus brown  CO. NOTICE j TO ALL FUNERAL DIRECTORS. EMBALMERS. UNI . or any FIRM CONNECTED IN ANY WAY WITH BURIAL OF THE DEAD IN THE STATE OF GEORGIA Messrs. R. R. Reed and T. M. Fletcher, National Officers of National Recovery Administration for the Funeral Service Industry will be in Atlanta. Tuesday, October 23rd, 1 1 A. M.. for the purpose of holding conference at the Butler Street Y. M. C. A. Matters concerning the Funeral Service Industry will be gone into, and vitally conci-rn all funeral directors, embalmers. undertakers and - furnishing ambulance .service, and it is absolutely necessary that you be on time and familiarize- .-lf with all Code Regulations governing the Funeral Service Industry. This applies to all connected with funeral directing or undertaking businesses, whether  are a member or not- -the Government says you must obey the law. Ri-memin-r tin- time -11:00 A. M. THE PLACE- BUTLER  Y. M. C. A. ASSEMBLY ROOM T11K - OCTOBER 2:5rd. 19:5-1. Dr. James Corry, Ex-Army Doctor I 1G Years Experience in America and Abroad j I served with both the American and British Armies during the World War, holding the rank of Captain. I find so many people who are' unable to pay, the*, I  free at office, charge only fur Medicine. Come after working hours. My offices are open daily until 8 o clock at night for your convenience. 75 Ivy St., N. E. Between HOUSTON nnd AUBURN Office Phone: (Cut Ad Out) Res. Phone: MAin 0873 MAln 3087</t>
  </si>
  <si>
    <t>                                           THE HOUSE OF MURPHY, PRINTERS Minutes Booklets Folders JACKSON 8118 275 AUBURN AVE. ATLANTA. GEORGIA</t>
  </si>
  <si>
    <t>                                           Miss Ware Thrills Teachers With Tour Talk                 By LENA                  Miss Annie Lou Ware, graduate of Clark university, and who has done special  In V(\ at the University of Southern Call  and Northwestern, held an audience of nearly 100 teachers of Washington high school and   schools spellbound Thursday                 is sne told ol Her experiences  this summer. Miss Ware favored her many friends who were  about her trip with a. weekly letter while away but space Sid not permit her to tell all of her great experiences. After extending her hearty thanks to the faculty and those who participated In bidding her a pleasant sojourn. Miss Ware entered Into the travelogue interestingly. Among the many places of interest visited were Lisbon. Portugal Gibraltar, the much-talked-of Hoclc of Gibraltar, *7hich is 2 1-3 miles long and 3 1-2 miles wide. No Man's Land Monte Carlo, Naples, St. Peter In Chains, Milan, LuCerne, Glacier Gardens. Munich. Dresden. Berlin and the Passion Play. I is of interest to note that Miss Ware, who has done much to broaden her view In her field and other fields of endeavor, took a course with many others In tne German Academic Exchange "Oer many Today. "It was clearly pointed uo by Miss Ware that Uie Germans feel that the people of other countries do not understand them and in their great desire rule the world, Germany has selected Hitler to rule them. The principal and faculty of Washlnjton high school feel r-' a ly indebted to Miss Ware H valuable information *S.#t, ;j this her travelogue ani^r^w 3 means to express the.' I tlon for the  I a worthy character,    ~?*   2 I en her view and lent      Jj making the world b 1  1 which to live. 4</t>
  </si>
  <si>
    <t>                                           Miss Annie Lou Ware, graduate of Clark university, and who has done special work in Mathematics at the university of Southern California and Northwestern, held an audience of nearly 100 teachers of Washington high school and neighboring schools spellbound Thursday...</t>
  </si>
  <si>
    <t>                                           CROSS CHILDREN MAY HAVE WORMS Wacrh for   . b*d .           *. low of wright.  around note and inm. Th*v nuv haw pin or round  White*   -am V#^     uf lv and for vjm, c^ #~  1IpJ     *      anil            -   -Iicif tract. White* Crrtm YATES MILTON Pharmncy</t>
  </si>
  <si>
    <t>                                           FERA Encourages Negro Education Will Keep 3,080 Students in School                 $377,145 Will Be Spent by Committee For Aid of Needy Colored Students                 AIM IS DECREASE ILLITERACY                 fly KLKiAK G.                  A bright      lit the Southern  Nltuutlon an it pertain* to .il opportunity for          during the past year har      the Kreat financial support by the F. E. R. A. of which Harry L. Hopkliu. U administrator, according to EJwln Kmbree.                 rector of the Rownxrald Fund, long a  la tho Hold of  anil secondary education for whut hr * to cull "     " tenth child." Hope anew Is Tiorn In tile  of all luvera of n frcr and highly  Amt- n-lth  ar..  tills neek that tho Federal Kmcricvncy Rellcr Ad.  s Educational Coiutnlttoe.  by Admlnlvtrator . consisting of An^iol- 1 uut . Aubrey                 Main*. Dr. Lewis It. Alderman. Dr. C. F. Klinefelter. Dr. Ambrose Caliwr. ami Jnmos A. Atkins, will upend S3T7.14S during     present school      to keep 3.0SC students In Xosro *. It la estimated a like number of Nesroea pursuing courses ot higher education will     benefited by tlic use of similar   to all the   the country, whore thousand* oC young colored mun and women urc likewise In attendance. Siiirr      duyn  Uuutier T. \        ;   . founder of     -.  the late Jullua Roneuwuld In       education, this great benefactor of      nan  nearly C. Mcliv^'l       ."( nt u Joint  with local  OOii-Us. Ncjro                 churche* ami . All tin.-, was about to   *     . however, in the wake of the depression    ' tin' general wiping out vf the I'Uu. fund In most of the Southern State*. FEItA funds came to the rescue. They kept the schools open lost year ant' paid Sti.Ouutcachors salaries. an extra two to four months, la addition, the Federal Emergency Relief Administration's C\V.\ and work-relief projects erected nun- roofs and fresh coats of paint on thousands of these Rosenwald schools, el cetera. It coca almost without saying that one of the most rital and Ion; recognized on equally disgraceful and pitiable conditions in America was.     poorly trained aud  illiterate teachers hi many of these Southern Xegi'o . Kw $a::,ni      Negro universities In order to Slve S.~SW   men unu i women a college education should so a I0U3  ay to   de. -. Thl:; a New Deal  expected  lUo                   of   -         TeNu*. Uu- l;u-.;. .-i Sl.vV- in  L'mon li:   ::i'I .\Y-.;ru n-lU.^r MtiJi'llls -: li i tn thl, ye;tr\K FERA educational smut of $~)!~.- 14  In tlio  ~.'u!oi c l          *3 of that stulo. It    Inlervxtlni:    noli- that North Carolina has iS3 on FERA . only two more Negro students than Georgia with 281. Tenncssw is next with Cii colored collegian- who hare taken advantage of the Government'* aid in IU eight institutions of  learning for Negroes. Virginia ha* S2  MuUonts In five UDlvor^. Kouatd Ulilvcrnity      the large* I individual allure ot the FERA scholarships  to *1T.~SS for 131 students. TuMkosree will r^  -iw  13.~~ for JT .v Hampton, $1J.ij'.'u for til .'nt.-. The * of colU gv  :~nd        -t\':tios in lite various sila^-^. ttn*  number of  they may uid will) r  funds and the  allotment thr State Emerfn-ney Ilfliet ^. vn     -                 FERA (Continued from Face 1) Adnilt.' may ni:     to      '~?M uml universities for th.~ next n*nc  ; the IM-vs^M  yi ar follow: Alalou.n Total number ot student*. 185; total yearly  Total number student*.    : total yearly allotment. $1!).TIO. Delaware State Collef-e fr.r Colored Students. 9; total yearly allotment. $1,215. Florida Total number cf stu- dents. S7; total yearly allotment. Jll.'-tJ. Georgia Total number of Kir dents. 2S1: total  allotment. $37.21.-,. Kentucky Total number (~i j students. 75: total yearly . I . $~.SS5. I Louisiana Total  ot t students. 143; total yearly allotment. 519. 305. I Maryland Total number oi . 57: total yearly allotment. $7,695. Mlwlsslppl Tntai number of . H9: total yearly allotment. (9.S15. Jllssoiirl Total number of students'. A'j; total yearly allotment. JC.C15. Korth Carolina Total *~ t of student*. 2S3: total  ai-j . SSS.SBi. Ohio- Total number of stt'.-J      . 71:  yearly allotment.! 49.585. Oklahoma Total number of i students. 6C: total yearly  menu $8,910. Pennsylvania Total number   , 52: total yearly all"i' merit. $7,020. South Carolina Total number of student*. 135; total yearly al. . J1S.2:5. Tfnnestiee ^Total numher of ."tudents, 233; total yearly allotment. $31.7   . Texas Total number of \~t idents. 221; total yearly allotment, $49. 140. Virginia Total  of  tw dents. Tli;  yearly '. J30.780. West Vlrclnla Total number of . 94; total yearly allo'..inent. S12.C90. District of Columbia Tet.-.l number of , 194;  yearly allotment. $26,190. Total FERA. ) to Negro Cullvses for 1934-35 StuUcntiMd ScholnrshlpM. $377. US. Mbuivslppi r,nd Oklahoma, of j the States in the      South :tr-! lowest down In the college bracken irith C9 and 6C students, respectively, on' FERA             . Maryland. Missouri and Kentucky. In the           Stotwii with .separate Mhools. are  student aid'   the fact that they havo full enfranchisement and s"~ .al hur.drt-d      :tnd Xrira . Th'. .i based oi. total enrollment of students at these 9o o'10 Negro colleges as of Octobur     1953, are preliminary and JnToil'* a monthly allotment of over O0o by the FERA to tho State Emerg'-ncy Relief Admlnintra.  which in turn'  t'.w funds to i-ach institution       '. in the program. Each college president U held             for the program In hlg institution- StudentK will I* employed -in .- work on and off the campus. Or i the * they will bo -'l in research, clerical, office. 111;'.:ry. museum, and laboratory . while off the * HCt!       include community c::;~cation.J . and welfare projects. The selection, of  to r.-  alii 1.- to     : .:  Khu without :     help j  be unable to attend or remain In college. The        f'^r    -h  la 15 per cent of the .iiiv  as of Oitober 15. isi=. I A .-.-.ident is permitted to earn as      -ii as $-0 a month, but the al.     :nent ot funds to each colles* will W on the basis of $15 a month for  ot 12 Per  I of its enrollment ot full-time  lu- t .I'-nts. i</t>
  </si>
  <si>
    <t>                                           A bright spot in the Southern school situation as it pertains to educational opportunity for Negroes during the past year has been the great financial support by the F. E. R. A. of which Harry L. Hopkins, is administrator, according to Edwin Embree...</t>
  </si>
  <si>
    <t>                                           For weeks that probably seemed like cons of time, dear readers, we've tickled your fancy with "Who? What? Where?"-- "biggest event in fifteen years etc. As our varicolored pinwheel gains in speed we are able to distinguish in the mosiac of color: HARVEST...</t>
  </si>
  <si>
    <t>                                           WHITEN SKIN Now- almost over- P^B^^T A night  B^HH^1 AW your skin many  Br_J^H shades lighter free  B^"*tl"*^~J from freckles, - MJr ^H Pics, ,  pores, blotches. Tonight at bedtime spread Nadinola Bleaching Cream on (ace, neck and arms. While you sleep it gently dissolves dork pigment. Remember Nadinola is . It gives results you have never found in any ordinary bleach. TRY ^*l a 'ar Nadinola today at any toilet counter or by mail AT OUR postpaid, SOc. If not delighted. DlCV your money cheerfully  funded. Nadinola, Paris, Tenn. A CLEAN SYSTEM FOR HEALTH Good health cannot be had without regular bowel activity. When your bowels miss acting for a day or two, pans of food which cannot be digested stop In the large . There they sour, release poisoning gases, and a dangerous condition (called "Constipation") is set up. Drive out the poisons or constipation by taking Tbedlord's SlackDraught, and enjoy that good  ~^   ^ of relief which so many            ] people tell about s/wll^ *4*-^* ~-"Sf  ^y tai -s^i-. j MiIPbiivQ leave icr?_~ =: l [~ij^J^Lj   c "_    i . j DrauihL sm la u-ctsi  .as I Flush Poisons Froi Kidneys and Stop Getting Up NighU When you can get for 35 cents a supremely efficient stimulant and diuretic that will flush from your kidneys the waste matter, poisons find  cld that are now * you . whr continue to       your r*~trut  by          up thru      Juat a*~ your KruRirlit for Oold              Oil          out     you     CSOLn MF3    , which I* %Uo  uir.l lo             uric   from     bo.ly-.ihe  of . ^,  anil rheumatic pain*. aV^^^B^a^afl II H ^^^aEis^aiH I \V\ ^P^^Bf^H II Mm</t>
  </si>
  <si>
    <t>                                           OUR READER TODAY MAY BE Your Roomer Tomorrow Why let your spire room go vacant when it can mean money in your pocket money with which to buy a new frock, pay insurance or take a much needed vacation. The easiest, quickest, surest and most economical way to rent your spare room is through our classified, column. The cosl is only a few cents a day. Call ^_4 i WA- 1460 Atlanta Daily World</t>
  </si>
  <si>
    <t>                                           W^   ONLY NEGRO DAILY NEWSPAPER IN THE WORLD            ^ VOLUME 7, NUMBER 213  ATLANTA, GA.. FRIDAY. SEPTEMBER 28. 1934 PRirE  TENTS</t>
  </si>
  <si>
    <t>                                           ATLANTA S OWN Municipal Market Edgewood at Butler GEORGIA PRODUCTS- Fresh Corn Cabbage Collards Fresh Field Peas Georgia Peaches, Blackberries, Cantaloupes 3an you imagine anything better lor Cunday Dinner? 'Specially if you have cake and flowers, tool Always Glad To See rf ou 7:00 a.m. to 6:30 p.m. Sat. 6:30 a.m. to 9:00 p.m. Big free parking lot</t>
  </si>
  <si>
    <t>                                           and SS Meeting Will Close Sunday                 lly MISS lAl RA BELIZE JONES                 . Gn.,- (Special) Never  the  of the Atlanta District B.V.1MJ. unit S. S. Convent Inn been more enthusiastic  the real work of flic district   sessions which are If ing hold at the Bethlehem Iliiptlit  here this week. QVre wns                 .in  Friday ol 200 over Thursday's attendance. Deacon I,. Ilurrla stressed the Rrowlh unit development of the  of the Baptist church in one fit the  addresses of the dny. Otner             J. C. Colejr.  of Hie I'xenuive committee of tha Allantu Sunday School Aamcifttlon and Dr 0. n.        ,  of the school (Contbtaed ou Paje e.                 and SS (Continued      I*~ff 1) of theology of Morelioiuie college. C" .praise wax given L. D. Keith, district B.Y.P.U. president for his  address. PresMcnt Keith listed as high points hotter  of working forces anil mutual understanding "always keeping the faith of our Fnthcrs." Among Ihp visitors wern Mr. anil Mrs. Hopkins, Mrs. Thomas of Jackson,  Rev. Knight, Dr.   . n. Crawford, state executive secretary und others. The night session was full of In.  p! rat Ion due largely to Dr. J. M. Nabrll'x doctrinal sermon of 'Kcgeiwriitlon Is Kssontlal to Enjoy- the Kingdom of Clod." .Session* will be held this  and this evening while the convention will close with two session** Sunday, one in the  and the other in the afternoon.</t>
  </si>
  <si>
    <t>                                           COVINGTON, Ga.,-- ()-- Never have the members of the Atlanta District B.Y.P.U. and S. S. Convention been more enthusiastic about the real work of the district than at the sessions which are being held at the Bethlehem Baptist chureh here this week. There was...</t>
  </si>
  <si>
    <t>                                           Madame Zella i i I PALMIST AND BUSINESS ADVISOR Consult     Woman Wbs Kaowi j SPECIAL. ONE WEEK WITH THIS AD Three questions answered free If  want fact* and not' . consult this woman.1 If you are down hearted, bar1 ins trouble at home, or failure i in          , Inve. marriage, or :~CvoKf, THIS  13! FOR YOU. i t j CivrB names, dates and Inclcy!         All  Kn*r*  or no charge. j '2971 Peachtree Road In Buck- 1 'bead. Ca.     in tent. Hoars:! 9 A. M. to 9 P. M. I Look for Blue Electric-Sign in Front of Store.</t>
  </si>
  <si>
    <t>                                           STRIKE FLASH!                 r  bodily harm at the hands of strikers. If he crossed she picket line thrown around the Exposition Mills on Marietta street, a Negro assistant , whose name newspapermen could not obtain late last , deserted bis post Blonday. It was the first threat of violence on the. part of strikers* most of whom are white, since the general walkout was call- ed last Saturday. I A call was seat into police headquarters that a crowd of I j workers had swarmed around i the Negro fireman s home on i Eiflt'.h street, and would not permit him to come out, but this was branded as untrue by i Lieutenant T. J. X'ippra, who responded to the radio call. Lieut, Tlppcn told a World i reporter that he sent a police car So escort the frightened fireman to the Mills, but that lie had mused to come back on duty, declaring that he had been j threatened with death if he re-~ i turned. i i J</t>
  </si>
  <si>
    <t>                                           THE WEATHER PARTLY CLOUDY      ; Probably  (hit afternoon. Temperature extreme! br tween *iid 78 . AfftcoroloKlNt /              Bureau.</t>
  </si>
  <si>
    <t>                                           MARKET DATA IriiUy. June 1. 1DIU S'-v, York Stock         ;   Traii*          .~  (i.7B9 Shun.'* \  - York Curb KxvhiiiiKo  i.i'.i( S;i\   $2.(IOn.(KMi N. w Yi.ik Stm-K F." m..ii,i Rnii..v sio.sn.nnn</t>
  </si>
  <si>
    <t>                                           m V^SbSkO**^ baileys M ROYAL THEATRE 1^ TODAY TOMORROW TUESDAY NEXT SUNDAY 1</t>
  </si>
  <si>
    <t>                                           Shot Suspect Sent to Crady Near Death                 First r.-ported as dead, after he had been  upon several days =~E0 by Detective P. B. Daily, aid. I ing railroad detectives in invest!. Bating robberies from freight cars. Ed. Howard alias Melvln Middlebrooks, who was booked on "" at police Rieadquarten Tuesday was removed to Grady hospital in a critical condition late Wednesday afternoon. Dflectlves Dally  firing j on Mlddlebrooks whom lie espied on a freight train n.-ar Vlnings. Go. .two nights ago. A local newspaper reported the man as dead the next morning. But Tut.sday officers captured the wounded man and booked him 1 at police heaquarters on "suspicion". j Wednesday he became , and police -d him to Crady hospital, when- It was  that he had been  ed In the abdomen. Toe wound apparently had not been treated. doctors declared, and might cause I his death since pi- has   -t In.</t>
  </si>
  <si>
    <t>                                           It is indeed well to set apart a day on which to "offer" thanks for the abundance of the harvest that we have already, reaped, but we should not stop at one day: we should be thankful every day. Neither should we limit our thanksgiving to an appreciation of only...</t>
  </si>
  <si>
    <t>                                           Boy Scouts to Honor Soldiers                 On   *nilay. JVov#**r 12. from m p. in., a croat Armiaic* Observance         will      in Uic  room* of           Strrvt Y. M. C. A.. tinder, the            _tho  S^ ot Summer'  and Mm. Morrison, one oC their ImuIcim with Mix. Wllll* BrouRhton In  of tho    ,tz. It in -rt      the public v/Ul  for the  Is meant an a  in honor "f tiw s-)l-!      who Iom; th.-ii* jives ott thu field of Uattlo. Rev. Jerrell Will Preach Tomorrow      Itov. c. C. J^.   -ad of th.'            of the M. E. . .south, will  the lii'-;.' :i tho II o*,~       .it thi- Ifnlsi-v T'- C. M. E. *~    *li        :iv. Tlios.' who h:~     III.., .ip.uk will not               '"l ^ ^ who hav not hoar^l him on    - of  previous visits to Atlanta      InWlfit in hear   tomorrow.</t>
  </si>
  <si>
    <t>                                           WANTED NewBboya mni Agents Everywkerm CO REPRESENT THE WORLDS ONLY NEGRO Daily and Semi-Weekly DAILY NEWSPAPER AMren Atlanta Daily World Atlanta, Georgia 210 Anhnrn Arc. N. K.</t>
  </si>
  <si>
    <t>                                           Demonstrated       Electric -~Xm-. Washers 4      Now Only 44 -^cash We have a few Universal C^. A*  jE. .itf"? Electric Washers which Sn ^^^^^Sl I we have used in  3^ Q" demonstrations. They're as Jpf good as new. Here's your f^^^^Zli5   opportunity to discard the  I II I old-fashioned way of  I fMJ?" It I *n^    ' al o'~t lne nMK crn ! w !f 1 easy.  . efficient way. Mil JIlJl ^"ou can was'1 everything ^^^g ^J^^T snowy cleanliness with IW^^SB^M UUle effort- And you       Vijlf*^*' If 'l  'css 1  operate an \jjj C ^1 electric washer than to il burn an ordinary light bulb. 5 See our values! Let A UNIVERSAL Washer Do The Work For You Ask (or a FREE Demonstration in your home ~"A See these other popular UNIVERSAL Washers GEORGIA POWER CO.</t>
  </si>
  <si>
    <t>                                           "CARDS" AT EIGHTY-ONE                 The St. Louis Cardinals, world s champs, are sriven prominent roles in "Death on the Diamond," the Eighty-One's sport-mystery thriller for Sunday, Monday and Tuesday. Seen from left to right: Robert Young. Madge Evans and Dtjvig Landeau.</t>
  </si>
  <si>
    <t>                                           Funeral Notice*                 COOK- The friends and relatives of Mr. Jacob Cook arc invited attend his funeral today at 1:30 o clock from Friendship Baptist church. Rev. E. R. Carter officiating. Interment South View. Murdaugh Bros? IN  In memory of Mrs. Georgia Me Arnold. Departed this life three years ago' today. October 28, 1931. We often sit and think of you dear mother, When we arc all alone.., For memory is the only friend That Rrief can call its own, More and more each day we miss you mother Friends all think the wound Is healed. But  don't know the sorrow that is in our hearts concealed. She wore the crown of patience These years she struggled on And her hands that rest forever Arc the hands that made our home, f can not say and I will not say that .the is dead. She is just away with a smile And a wave of_ the hand. She has wandered Into an unknown land. To  my mother s wish I lift To mother  and fair Beyond thy love I cannot drift Nor from my  s prayer. Mrs Bertha Thelma Leonard, Daughter. Mr. Lee MeArnoId. Husband. IN MEMORIAM In loving memory of our dear mother. Mrs. Victoria Dixon Clack who departed this life October 28. 1932: A loving one from us has KOne, A voice we loved is still, A place is vacant in our home That never ran be filled. Death is only a golden chain Tried to break, but all in vain. The saddest part of one s heart Is to love and then depart. We loved you dear mother. Yes, ivc loved you But Jesus loved you best. Her daughters and son: Mesdnmes Mary Pierce. Delia Thomapson. Sarah Wiley. Margaret Cummines. Katie Rims. Nellie Humph- ery. Amandcr Williams. Ollie Washington, and Mr. Benjamin Dixon. Card of Thanks t wish Lo thank     many friend* for the cards of condolence, can; unil  flowers during the illness and death of my beloved husband. Rav. R. \V. (, 1            wMi lo :      Thft'liaiiley Co. for Uio ~-'.-i),li(~ service , Iff--! L. E. nib*T. WifeMi's. F. G. Turniropeil and Family. Dauj-hier</t>
  </si>
  <si>
    <t>                                           AmericusNow Preparing for Masonic Meet                 AMEIUClS, Gu.. (Special)- 1'Isdk an* being rapidly completed by local Mnwiik- leaders fur the  of the 04th annual CoDimunlnitlon of     Most Wur.  Vnion Grand       ! A. P. k A. M (Prinw Hull AtTlllHtion) JurlwMttluii of . which wilt                 held at the Colored Uanonic Orphan* Home here next week. W. a. Burleieh, chairman of the entertainment committee aud one of the two local trustee* of the I home,           by E. J. Kill, mem- 1 ber of th, trustee board and district deputy  mutter In  of Uie Amerivui . and K.C Children-*, new superintendent of the home, ure in  uf the arrangements. Mr. Children, a .  of the Georelu State Cullrm who          the late I'rot. S. 8. Humbert as bend of home, In    with the (CsBUwd oa Pt;t i, CoL 1                  MASOp ( from Page II Vlaii* for 1 (    tlu* -il S "f ili-K'i:    -~ "t t h.- :nn.l  ;    .il '.s. Alili'Mi-l. i hi.- "'.' '1' * \vi!)  st;irt until 'ru^^ . four  mci iiii'.-i i.r,-  I'm .\li,ml.  \ Ctiiiml Mu. HT .1 \V Ilnlilw of All:inl:i will .UK'  Hie        :ni Hmuv .lin inl mti lini; Monduy . At tht- -1 - '.hi' Mus. ill it lii-f .   ,ri:      nf which . J. MbiIis-hi, Atlnuiii, is . will Jiiivo it-  mi Ptiui; while tin'  S(.~     uf the Kiiissla 'I'riiiplnr t :')*~' will uct . Smslims nf the IJoyn) An-h  will     held in" tin- . -'    .</t>
  </si>
  <si>
    <t>                                           AMERICUS, Ga., ()-- Plans are being rapidly completed by local Masonic leaders for the entertainment of the 64th annual Communication of the Most Worshipful Union Grand lodge A. F. &amp; A. M (Prince Hall Affiliation) Jurisdiction of Georgia, which will...</t>
  </si>
  <si>
    <t>                                           Look! Who's Here! ZOLA SISTERS Health, Weaitli, Happiness. Two you there is a world of unlimited power. Learn to use it and realize but to help and show how every subject of life should be . Our readings are in no way compared with others, try us and see. If its results instead of promises consult us. Our knowledge is most beneficial and reliable. Pay a visit; satisfy yourself. Catch River car or Atnuuul ear. Ask for Laurnvlew Stop. Sim Is In front of . I.ui-ky numbers and days also.</t>
  </si>
  <si>
    <t>                                           WANTED Newsboy* utf Ageato Everywhere CO REPRESENT THF WORLD S ONLY NEGRO Daily and Sani-Weddj DAILY NEWSPAPER AMrai Atlanta Daily World Atlanta, Georgia Anhgra Arfc. N. t</t>
  </si>
  <si>
    <t>                                           GOOD COOKS; i and GOOD COOKING DEMAND ARISTOCRAT The Milk That Is Triple Tested Per purity  m RICHNESS jl FLAVOR   ^~</t>
  </si>
  <si>
    <t>                                           ARMISTICE DAY festivities will be marked by brilliant classics this week end, two of which involve Atlanta teams, while the annual Tuskegee-Clark Armistice Day spectacle will be played in the Gate City next Monday. This Saturday, the Morris Brown Alabama game.</t>
  </si>
  <si>
    <t>                                           ^^^^^"*^*t"^ I ONLY NEGRO DAILY NEWSPAPER. IN THE WORLD ^iAj VOLUME 7, NUMBER"!^ = ATLANTA. P.A.. THltPSnAV nro-n^o 1MM</t>
  </si>
  <si>
    <t>                                           FOUR SL1 nut WEEK                 Police Kept Busy as' Slayings Continue In Gate City                 ANOTHER DIES                 TVItti n total of four p^rnon*   Ihr  m*t      tiny*.  of whom     -d from Vnlf'"nil Inill^t .   vor     .-k-'h.l.  .li-N-tWv      - S.  *e*re  I Nitnl'I^UnK InvmtbRitlonx of tho mMi nn- to      -ni I                 to the grand jury thin I Apparently ]     to lit* drain' through tin Invitation  I In      t Sl--okl Robert OrWIn. a  delivery boy. ~.f 548 Bedford Place, died early Vrlilay from the effect* of  eve-~ ml knife wound* In     back and      \ one of which bad penetrated kill heart Srrk Three Men i          Saturday were combine! the city for three men,' one Ofi whom was said to be white,  .il.. nine in connection with, the youth s death. Criilin wus found lying at the point nf th In front of an i :   : Iwcllli.e .it 5CS Irwin xir.~.i. .' RnpUlly  ^ into u conin,' the wounded   .ut], k.-     "don't let them kill me. Uon't let me dlr." TtM.llo  W. F. Sutli.  ami K. S. Elliott who w.Tf .lnt:  by overheard the I youth s  and putting him In their radio car.  him tu tin- vnn- clinic of Grady JIosplt.il. whore Vt died a few *  he had  admitted. Trait Wood Stain* "RoturnlnK to the Irwin Street        ,M. thr  trailed a stream of Mood from the ~*     \   *re Crlmn'M  wan found to an ui^- *nt in Ihi' . ix;      ;.l by Mm. M:   ' l--i.nl.         the NlnyinK. Mrs. I'onl admitted that the youth  1.1-rn -d In her a purl. iium.i. Inn.     l:ilu hi:. n. or 111.? .'S of tin* persons   On* murder. (.il further by police. Ml*. Kord declared that thl i.t: int n, one of whom w:ik . were in her apartment at the i time Griilin entered and that the 'trin became  in a heated argument with him. She bald that  hr was In another room, when the actual stabbing . (Continued on      8j Col. 2)                 Four S'ain (Continued from rase 1) Trio Kodc iti V-K T!i.' trio    - sai.l had .! :it h T apartment shortly      *  1'riday morning in *i V-s              In-^ lU-- SS..:. Thi-  afti-r \\-           tin- youth, -i.-d him out of the .-nt. ami loft him in the            *    .           **tl           -s. I In-  il'^d  Th" :            *~ lK*     . When ttn*       '"i*s   -ft to summon wrecker to have the t*;ir      *    *d, two * men  In a hia s*hI.*iii        -~I and one drove tho Konl :i\\;iy.     - ;t ill.- men. according to \v .-^.-s \v;         'd in  ai*~~*~:ii\*      ;i * ear ul) uniform.  in*rk l.if*~'    NmnlM*r *.*li'-.-kin=r ilu- ".* .*r i.mi ih- -* with ^tui*.' Capital r-n.riU. pti[lcv learned that     t:iu' h-i'l I Issui'd t" Air*. Mary f*n*\*vf, , of Kinu'  '~~ili*t. i'-'li.*.- i .~..t t. -i      *r.-~ in th*-     "r    *kft   f ihf aban[~~  -il ant  ilf Itfarins the nanu- of "W. D. 1"'     .t. Jr." Mrs.      . in wlio-v         *nt th" slaying . was         **~n by radio        -1iii.-!i. s!i-- tl-.MiM-J            :i^* Crititn. l*ut police .Ml :i .ii-l on w     *     :tn*~ na:  * \v.~~ \      *n.   to con I-    -f :**nt. \\n\\M*tu-:ii.iiu     V'-u"     - ** r'-ail. Worked ai U*~noS 'l::i'.\n v .is :up]oy.-.i th.-~ Unn- -to:-.- at I'l'ii**'- ~.Ii: !.     I Av-.. ;ui.l t nii.'.- fl.~ L"on IMacJ Th.' u:.^ i.. tj.-\.'d 1,1 ha\. j.:-i v v h. u 'a.- '-.l'                 j Into the Irwln  apartment and to his death. Homicide DetoctlvcR Woodruff I ami Hllilerlirand. who started .-in Investigation of the case .-.ouchi Mki Ma Ctllc Moore, who rooms at the  Street apartment nr. i an eye witness to the staying. The woman had disappeared when radio patrolman arrived. I Apparently deciding that it { was JusllflaUlc Radio Patrolmen A. Stone and A. J. Cooprncer I made no. case  John button. of :7 Cornelia Street, . In the shotgun slaying late j Thursday night of Jajncit CrOker. ot 1001 Bell Street, southeast. Looking (or Wife Sutton told  that Crok-r, had come to his homo In an in-! I !'~XH':   .*~l condition, angered be-, Kiii-r his wife.     . Mainlc Crok- i-r hud not returned home. Tluwoman wait trick, in bed at button s home. Then Suton  Croker to  i-:ivv In-  . the latti-r went to the back door and     ^ cohorts Mtandinp on (he outride to Kive him his gun. lie returned a few minutes la. irr with an open knife and curs-~     advanced on his  wife, jic then suddenly      -rt  rnt'?  ^l the room wh^rr Mrs. * Sutton, Sutton's wife u*as sitting;, and began cursing; her.                 Sutton told police that lie told Croker to shut up, and the latter refused. Entering another room Simon said he wan pursued by Croker who was still carrying the knife. Croker Killed Instantly Tlio slain man backed him In- lo a corner of the room        said and brandishing: the knife shouted. "If you don't like it I'll cut your damn throat." Just a* '~     lunged toward him. Sut:~.n said he     -d once with his , killing Croker InstantPolice reported  Croker's body ; on the Iloor near the-     . tlic knife still  clutched in lib) hand.          in the left chest. Leilus Mwsely. of S3 Jackson street. tiWa Tliurxday. Clirster -SurrciKJern A. that he hud fatally \           Mosely. Fred L. Chester, of S!4 Cilmcr Street, surrender.   I 10 Rail in Patrolmen S. C". Tuek and I{. 1_ Burden shortly :    *r the slaying,  occurred In the home of Pleas Davis at r.-nr no^ Scoflleld Avenue. Mos-ly s body was transferred tn \ho ll.^y funeral home. Tall  Su-prct       ;teil in the murder last; Saturday of Pete M. Reid. Ledger i:rl,    .    3'i West Fair Street, was arrested Saturday by Radio I'iilmliiK'ii 12.   . Roberts and M. V. Moss. UviJ.           *lii-ve. was slain l.y       (  *~ in a J*a!ous dispute    *r a  named "Honey" with whom l; had former y . 1 ttt who was living with Held at tli** time he was slain. r*~*id was dead on arrival at (Trjdy HofPltal last Saturday rom th  of several **tab wounds in his side and back. The s:aUl*lnK occurred at Cain and Kort Streets. Mun Found Dead K*~und dead on  kitchen ll*~or of Mrs. Georgia Mac   - t-*  -. at Mr SSJ Hunt Street, j Charlie McCann's body was r-ni"vert to the T:'us*~         fun-~  home. Friday. IV.ith was ~~~*li*%ved du* fr*~    enitH*i*. According u* Mrs. l.^'.  had no bom*.* and    * had been  lilin l'~  lv"   on her Uitch**n floor fur the Kiat srv*;ral *~~t*  . Arguments over -arts   *nt ^il to Gra.ly HospiUil tw be treated fur knife *. St:i'*l..~l ~,i id.* m*i*k ;i:*l  by Miss Alma . uf a Park Drlvi-  s**.     *~ - Mwater. "f T4" rylant      **t. was treated at CraUy Hospital antl then booked at police headquarters for disorderly conduct.                 Vtslit Over      The two . according to police report*, had  over :t man. with whom both were Join;:. Jliiy Baxkln was  l-y Uu.lio Patrolmen XI. T. Mndiloxx :tntl W. J. Steplms on ch;        of Mntiuin;:. J. W. . of }"}-~anl Strwt. a      -~.-~ to. lilt- stubbing told police  hail  the      . .\  "iln.T      'l   wr :t '~   :i1 -w.-. .i-ni Will YuunKl.lo-J. f 13?r. IIooikt Sti'eet. to Crutly 'Uwiill.il. Saturday, to   - tr. r.. i- ,i".~.   n hi* li:    aii l arm. "aid to hav.- been -t-u l.y  Phillips. of !3            Street. TaUr Sixuvu         -~ 1 f ;r;nly  took  ixl''-n j ' In    ?  "~ I budy t-~ clone up the deep    :   ..j mtll.ted with 3 safety r.izor Made. Claudie wan     * n blanket  of : b: radio l . The price of attempting I" ~'\i.- tno women, who w.r.- :ich'- lim In a Fort strv^'t     -'- h.ill. l'l--old Mary Wi-awr. .-r JIT Klnu     'et. was 1t..i'-j!u to ".ni-iy  tc   - n-. for ili-ej' laceration* of Hie ~".lit urm. The tii u  -.v!ti. weri* ili; ai Hi.- -l.tn.-.- i'.ill were kn"~n tlr  vi. -'rl only Maru.r.-l jnd I.i/.zie M:ie. She ~*   -.J lo p turu home :ift*r In*    *alt]icnt.</t>
  </si>
  <si>
    <t>                                           With a total of four persons stain during the past seven days, three of whom died from knife and bullet wounds over the week-end homicide detectives late Saturday night were busied completing investigations of the cases preparatory to taking them...</t>
  </si>
  <si>
    <t>                                           I W^^n^^^^^^^M SHORTENING ^E^BH Y0U CAN Only WHITE LILY FLOUR 1 i i I is used in the i i Atlanta World Cooking School White Lily Flour is being used exclusively by the j cooking experts in the Atlanta World Cooking School. They know that White Lily will give thorn the best results always. All leading  nary authorities endorse White Lily Flour. Mrs. S. R. Dull's seal of approval is on every sack. i i White Lily is the finest flour money can buy, re- j  of price, package, or claim. You can t buy a bettor flour. White Lily is best for . pies, biscuits and all other baking. No excessive price has been imposed upon its quality. Like tho cooking experts conducting the Atlanta World Cooking School, you too should have the i pleasure of baking with a finer flour. Your   kes will bo light. your biscuits will be tender. and your pic crust will melt in your mouth. I WHITE LILY FLOUR i J. ALLEN SMITH CO. Knoxville, Tennessee j_ i Digestible as milk itself 1 ^J^^^: ...this cheese food f^gg^^HR flT with the deliriously M^iWS^ *"''$ mild Cheddar flay or 1*1 Ij^ V Let the bm2jr bm    * *  food  is , in ^^^^^^f^    \ c*         .~Dd..a* i"?                    .</t>
  </si>
  <si>
    <t>                                           SSI Ml LMP(     ^PMWwl\LL/ f "edition _^^M^           ONLY NEGRO.DAILY NEWSPAPER IN THE WORLD l^^______. VOLUME 7, NUMBER 207 ATLANTA, GA., SATURDAY. SEPTEMBER 22, 1934 PRirF PfVR C.WV9</t>
  </si>
  <si>
    <t>                                           SCHMEEIfS Invites You ^Jak/ free- fO attend  h** FRIDAY fc^ M    II U IIIc diamond ~!~?TT!* n m my w*. CDITf1! A I C "n "l""1'"-- Krltlny. Juno Jat. ^M ^M Hj A -^A ^H ^fl ^B or ci^ xn ..mi*.! I _~_$~ X A JL ^i MLW f'~- OPENING f-Diamond OF THEIR BEAUTIFUL   \T  61 WHITEHALL ST. TOMORROW ^%8 EVERY ITEM AN EXCEPTIONAL VALUE. Tako advantage, of the oppor- /\\  ,A r 0 jf m 'i ni y to get  Oiiuiuatioti and       Bridal       at these 8 Opening Sale I /yj/T         Si.oo a WEEK MUtm? Prices- Thi!( opening  will appear only once- all prices arc for two v^/^*r^~*^~**~'     **/,r t days' . Friday and Saturday, June first and second, while quantities last. FRIDAY ATLf BfiAV A  crK-  nwi will, l.inf.- Scores of other Opening Day Specials not shown here. All on Schneer'a famous r**"r"f *~^l W ff^l/^ T while   :iiid ; fli:        1  easy lenn.x A T^/^W W un each  in a  n.'si:  Km- 4 W j\ I C H ^^p^ Ct^^^^^~^^/ specials mSm Tl FRIDAY ^S ATU a A V 4^ 0 t!~fs' Aiticruwn Wat(e :.   .~ SELECT ANY ARTICLE  DIAMOND AND PAY ONI Y  Wilh Bracelel to MMth M ^UUlAIKfc ^^\C $4 00 ^S ~~-8 t 7^? ^^ta r  !o S I III U r^^B 0 At* I A IA/aaI*- BM^f    ? Hurry! I week ^39^ balancing dla- ^M ^^0^^J "T ^L W W  MFT/il  trim, giving thin ^^B ^^^e ^~a5^~-~. ring a   M fj^ jg^^^^K^^. iJSr' """t  GENUINE WAHL EVERSHARP Jflfw^ Jg i^g^j J^m^y^      ^^ (Discontinued) M ^Tiiiii^^i^Z,' J K t A* A ^^*M*\^ 10-Diamond ^S^ Picture5 i^Sk Men's Elgin bridal pair' ifi^S METRO FLASH uET% or Waltham mim $9Q75     camera El s, 1     *t MnAam ^k^KSl modern improvements. Will ^^^^fc Huron  io buy ^fc   ^gm mX^^KK^r^'^m ta^e Pcrfect Pictures for years %~^ a  known jj^^^^^^^^J BE SURE TO VISIT OUR ^ 'M^S^^^^^^^K^ \T^ C l j Ladies' 2-Diamond ^^^^S*^*^*^ V V^'NTlNn/ TH'n MOST MODERN IN -THE -.OUi  i  tw, 8pBr- 16-DUmond aun.rvi-.io,, oy on. c. c. Nonni".  DUmond* An r BRIDAL PAIR * l.y I), c Norrlf vision TEST *n MOU r  optional *. Tie A WftK     ...d8.ii..ir...d GLASSES SOLD ON EASy WEEKLY PAYMENTS GRUEN WATCHES 10- diamond Wadding           ""~~~J=-:; = TM%\^^^^^^aMa ^~~'     ^ s=as 5gQ T!5H- pi ^ j Exquisite ^KH^m Spoons Pie Knives H^Bi gruen master "Bridal" Combination ^B^H Tomato Servers Egg       ~:l^""le" $27.50 Engagement RinB%^^kk BKfl^l ^ChL HI I GRUEN GLORIA ^x Wiio you .         NEW 4* J^^ ^\T ^~^^^1^^ ^Sr^g3TT1Cj  ff aWM ^K *^W JSL 64 Whitehall St.. S. W. iS^liliS^* d.   . valu... t,.oo a WEEK th, H.orf of Atlanta'. IMail StoppiS, Center A. '"^MM1 J^V J STORE OPEN FRIDAY AND , EVENINGS (OPENING DAYS) UNTIL 9 P. M. i^^f2-5* v n p/iOv^A' WJfmik M</t>
  </si>
  <si>
    <t>                                           OHl-V N(~KO             IN     WORLD FOUNDED AUGUST 5. 1928 BV IV. A.  Fnbllshed Daily and Sunday at 210 Auburn Avenue, N. E. By SCOTT NEWSPAPER SYNDICATE Telephones: Walnut 1459 and 1460 MEMBilf OF THE ASSOCIATED XEGKo" PRESS MEMBER AUDIT BUREAU OK Clkt'L'LATIONS C -A. SCOTT General Manager J. K. PATTERSON   't General Manager E. N. DAVIS Manaiiojr EUitor, SUBSCRIPTION RATES :- 1 Yr. S925: C Mos. $4.75; S Mos. $230: 1 Mo. 90. SUNDAY      -1 Yr. S3J0: C HIos. S2JJ5. Canada: 1 Yr. S4.S0: G Mm. K.75: 3 Mos. S1.60; Foreign: 1 Yr. S5.50: C Mos. S3. 75: 3 Moa. SS.25. NATIONAL ADVERTISING : W. B. 2IFF CO., Chicago. 111., and New York, N. Y. i  as second class matter at the post office at Atlanta. Ga. under the Act ot March 3. 18T3.</t>
  </si>
  <si>
    <t>                                           H. P. Please tell me why I can't come in contact with nice decent boy friends and have a nice time in the right way?</t>
  </si>
  <si>
    <t>                                           There's Something New Under the Sun                 Bering more  than a  circus. Studded with Jaujrhs, stars lances. And . a cas; which includes beautiful girls,  hits and spectacular  uch  and queens of melody and mirth is Laurel and Hardy. Jimmy Dd'ranle,                 les Butterworth. Polly Moran. Lupe Velez. Frances Williams. Jack Pearl and even Mickey Mouse Metro-Goldwyn-Muyer's unusual musical extravaganza "Holywood Party", comes to the Royal theatre today as the screen s answer to: "Is there anything new under the sun?"</t>
  </si>
  <si>
    <t>                                           MATHER Cloudy today with probably occasional, showers; temperature extremes near 68 and 80 degrees. George W- Mindllng, L.              MeUorologUt</t>
  </si>
  <si>
    <t>                                           TIM TYLER S LUCK                 BY LYM                  MESCAL IKE                 By Huntley                 FELIX, THE CAT                 BY                  _5                 9? CY HUNGSSPrMm                 THE  GIRLS                 PETER PEN</t>
  </si>
  <si>
    <t>                                           BAILEY S 81 THEATRE Today- Tomorrow- Tuesday ;Caught in a ^^~MB^ISP^^SI phy forces over j ij^Er^) Ijir I 'which he had L. ~~^~Jj vii  _i  JSBsBSISr^^^ JV ADDED ATTRACTIONS OAD^VVr FINAL EPISODE of fUr-BXtt "(Jordon of Tho Mounted1 .'B.nW lie Down- BUCK JONES i Cominjf Next Sunday: "DEATH TAKES A HOLIDAY"</t>
  </si>
  <si>
    <t>                                           'Mitchell to Ask Passage Of Mob Bill                 IMttMINGIiAM. Ala. (Spocinl) In an :          made li.~r.- Mon. "lay.               Arthur W. MUi-li.l] of ih'-. Firsi Cnncrv.s.   nt :^ wll'.-h is  :   ono .if the -s: Hfctiuns of thi* i-       . st:iT--'! thai    *  t*ittm--"r rin                 i 1 1 in tli.- n-'\t ~\ on Pa-c 6: Col. 1)                 Mitchell To i (Continued from      1) Mr. MIT.-h.-ll. ,l..:i;.  WKiTf:iii..n.-i'  m-~~'    (K-f.-at ~,f car     l-,i.-~t. urs.-t all political!     -.1ieti..   l.y not only  j    -  x-:n. .l.- to he 1 J^ct.-J t.i Cnnsr,.,,   ut i,y j^f,.;,;. I in:.- nn.. of :h.- oM Republican .iri... is. 1P;~. his victim. Mr. l ri r.i ,-i -r resident of Alnbam?. T win r-or::   .r thv ~-nu of  JW-nmi:i:      . which brt-.UK Jiatr-d. ~..!i,-.. and Iriuxtirc"' tli. p- w .-..n-,-t.-^in:.n tol.i rill- j z-ns ..r hij. iia iv- *tate. ".~~.d i Mill ~.n-k  :i  iM Ti n~- for] Anivri.-.iii b"rn taNor ?.~.t.k t.~ rid I !-. -.in-J rv-~.-  ot  S'.'Uth." '.~'ii.tr.v. Mitch-11 To..k tun., i,:,- .' Mr. P'Pr:.-~~ r i,   n.i:'        n, ^- niip..-iiis to til'-- Vnif.l static \.i;:i;n-v .,,,.t ~;: !     In- w.iv ,n "n.. v.hir.- i.,.:.w I,-,,-,. had an ..~.t,..tl,u-.,tv All. na;i.~h^ i.r v.v--; . l,ut that  l;i I).- :i!i.-~..: n..\v. TIHTv  jlj 1-.- r.. -ii -~*-it:. 'nation." -w n^r.-sMu t-i ol-l..   1 his iir.-par.it.  al Tuak-i;-    'itnl- v.h.-r- ho wm, at oni     '-. .-tile.- bnv to tin- IanUook'-r T. \V.i^hln*^ton. He is a'-.-o a ^ra.:u:n. ..f Tal'ail.-Ka ti.Itucn' N.-et-u  vt l.i:: ~-r i!-j..att..n in d.-s s!a:.\</t>
  </si>
  <si>
    <t>                                           BIRMINGHAM, Ala.--()-- In an address made here Monday. Representative-elect Arthur W. Mitchell of the First Congressional district of Illinois, which is rated as one of the wealthiest sections of the country, stated that he would sponsor an...</t>
  </si>
  <si>
    <t>                                           RALIEGH, N.C. -- (Special) --Tuesday, November 20 will mark the Sixty-ninth Anniversary of the founding of Shaw university and plans have been perfected to observe the occasion fittingly. Following the custom or recent years the Founder's Day exercises will...</t>
  </si>
  <si>
    <t>                                           Americus Georgia AME Conference Gets Started                 By REV. C. A. .D                 1LLE, GA.. Oct. 33'Spccial i- Bishop W. A. Fountain of the sixth episcopal district ol Georgia arrived here Tuesday  tu  the whole hein-tcd .welcome extended to h'm.     . Mrs. J. A. Fountain, and the visiting  elder:!, ministers                  laymen, including representatives from all of the  conference* In Georgia, as the Missions of the Amencus Georgia Conferences op- encd. i I The welcome program was one of the      so far in the series of fall meetings with - i I of the mayor, the city . j educational , societies. Iodt;cs and religious institutions taking part in the program. The Re\". J. J. Jackson,  of the Neulcrs Chapel A.M.E. church where the sessions will be held, and his official staff had ever;/- thins in readiness for the  of the conference assist- :cd by his presiding eldor. nnd tlio pastors of the other locai churck'.- j The Bishop stated in his response i to the welcome that he is coming to the Americus conferences frum j two of the best conferences 'h.it 1 it has boon his      tn h^ltl     * DUt on the '- robes   ngo. despite the Utci thn* hf has hr!rf        -     in .9*~nfh i Anti-rica and several of the Isles'  on Pace Col. 1)                 Americus Contrnued from Page 1) of the sea. He further stated that notwithstanding the fact that he has  compelled in the discharge of his: duties as bishop, to do many seemingly harsh things, that a real sweet spirit of loyalty has boon shown both on the part of the %rs and the layman. The '(inference opens Wcdncsdav morning with '.he annual  love fe.-jsl. led by the -rs of tho churcK followed by the annual sermon \~ will be preached by the Rev. .1.  Talliafvrre.  of Atoc A. M.S. church. Dawson. Ca. Holy Communion will be administered by Bishop Fountain assisted by Pro  elders A. P. Solomon. J. H. Bryan. F.f.I. Johnson. E. Clark. C A. Wing.'ield. J. A. Hadley. W. P. Sherman. David Norris and others. The presiding elders of the conference urc very optimistic as to the reports and determined to surpass the increases ot $318 and S100 in dollar money noted in the  held South and Southwest Gcnrsia conference.    f=  -      say that iv is left to the baby conference ulie Americus conference; to set a pare for GeorRia as the mark et by the two conferences just held is by far too low for the leadership of the group. The - in the South Gi- and South Wcrt GeorRia          .-,.s is  its effects in these conferences and the pas'.ors are  promptly and in an excellent manor to their respective presiding elders. Amnns the ministers -d to load in the reports are the Revs. P. II Porter. II. Edtc. A. M.       'rtf! W. 15. Wood. U. S. Johnson. M. D. S .W. Crawford. A. J. Shcff,.id .1. W. Lancsier. K. D. Shivers. W M. Jollcy. K.D. Baldwin. C. P.. r.. J. V. Me Kni'.'ht. J. T. Jordan. C\ T. Omn. E. C. Franklin Wm Kli;=. W. J. Matthews. C^ E Orcnn. E. C. Harris. C. H. Harrnlri. .1. Hunter. .1. W. Ware nnd J. E. Sumpter. The conferen'-e institute will be led  by Rev. R. H. Porter as director.</t>
  </si>
  <si>
    <t>                                           WRIGHTSVILLE, GA., Oct. 23-- (Special)-- Bishop W.A. Fountain of the sixth episcopal district of Georgia arrived here Tuesday evening to witness the whole hearted welcome extended to him, his wife. Mrs. J. A. Fountain, and the visiting presiding elders, ministers and...</t>
  </si>
  <si>
    <t>                                           I Right) rATTY JEAN, the two year old  of Mr.  nd Mn. Ike DUmaka, Orrln avenue, Sturlloe, (Vonnotown, Ohio) who celebrated her  birthday recently with ker many little friend* She received many beautiful fUW.</t>
  </si>
  <si>
    <t>                                           HELD ON SUSPICION                 Arrested by Officers Brlce and Carte-right at Tatnall and HUch streets early Tuesday . James IJttle of 494 TatnaU st^ee^ Is being held at * headquarters on blanket charges of suspicion In connection with tho theft of a radio from the home' of MIsh Odessa Brown. S3S 1-2 TatnaU street.                 joshua jones  mr* y L P. * If I had thought that It ww  to get thin cold 1 wouldn't have bought w many                       summer.</t>
  </si>
  <si>
    <t>                                           McKINNEVS COTTON PICKERS, famous Detroit orchestra now playing a circuit of theatres with an oil colored revue The pent lemon seated in front is Me. Klnncy himself, and lhe tall, hand some chap directly behind him is Todd Rhodes, versatile pianist, composer.</t>
  </si>
  <si>
    <t>                                           A little drama in itself on the Ave. at present: Robt. Turner of the famous Turner Bros. who boasts of his conquests with home town girls has now been introduced to Princess Jeardena Nakahomva, a native African of royal blood .... Robt. is...</t>
  </si>
  <si>
    <t>                                           0  Ike Sateen! /X^j^ jl      Wanted' Hfr Most Diitn't t^^^^""-l^"'*9~^  Know Hfr Wtlrn They Saw t. ^   [ Hill l""\.*^* tAn An TlitO Pl^s* I liU    GERTRUDE .on: VjUl II MICHAEL "Modern Modes" ^f PAUL  25 People on tAe Stage.' Hill ALISON Th. U.t WorJ In KUh-CUM ,^01 skipworth !~r"t! JcM LEON ERROL juli.n StwJey'j /j'^l) ill "'fhp Nfitnrinwi   mm'   .-~~ii\ jJI/JK</t>
  </si>
  <si>
    <t>                                           WESTERN PORTERS RALLY TO UNION                 coast m SUPPORT                  Mass Meeting Breaks All-Time Record for Attendance                 FLAY OTHERS                 I .     .*_ Pullman !%~ n-   mi Ibo       . IjvUhIIdc in Maud. Punlaml. Seatth-. ami     AnsHr* ] to Ibr turn..f .   - Wi im m,i to jj^wag,. r tlw Id.rtb Th..~l ~,f HhvpiuK  t !'.,ri.Tv ax   A. Phlli;.' 1tau.l..   .. Nallmal ITwIitml.                     M. -l\         ,  r,r     Ifv/  Jont. In ~~:ikl:iml in the Civic Amii torium, ov.-r 1S00 people, . Pullman porter* ami  b?  I'nMIc  Kandolph :iud Wi-1.       tell of  - of - ~.~rus j xl- of     - I'ullniau -rs an I I  f..r Hi.-  of M-lf .,ir: uii ,z;iiic.ii ami i!  .          aui ~].-~i i^ n; of    .  .~         . ,.f tlu-ir own . In Oakluixl im s:^.: I "f llu:          knon-n as tinI* Porters M:   '- I'rwli-.live Association  is tli- mKI.' ~'    plan of   nr  . f.~~     i be PiilUnun       :iny .-r a new ^ io  conflict wiib (Continued on      4; Col. 1)                 Coast Men ll   Paifr II flu* Aiii.- tir* i,. i]  * l:.-j i I \v I- Risllt?, it-:--, in vid.-twr. I..       . f"i: vii-i- ~.n-~; , .    II..- -      -..r      I'arifi.- l'.*!*! /nil.', lnu4* wiih tin-  fn'*fii!H*r^ tin* nr*          . Ii.mv.'    :iMir:illy - tinI'.i.ili.- Cn.'i'.l I'lilnn      . In Aimi-lf- I In*          *~M 1 inu in 'I'.' SiM..nil Baptist   Li.~i was ..'.-il Mr. IMn i ~)      . h-:   MfciM!**!           fi(h-.n l]       ~#iti7~*   , I'imW - Ifji.to'. nt Xlr. f -s I VpiMii.    %al ~.(  'iil. mid Wit- I li.tiu n. II"]I:u..l. s.MTt'tai-.vii-rjs i  :     nr^:.'r, 111*' Jmh Ansf- leu (.wi   f    ' .     iii..v^~l   .ru*nnl  :  :itnl              -~, .-.tys I.uii.I..  ..i. l-'oll-.M ilC tin- M:iy on  Jt nf ii^-i-ral \v.-.'k-. Mr. K:         )i will visit lii-ui T. . Kam-as City,: Mi-...,r.. ''hi. I'li-v.-. :nul I..- .'IipmiI.' l-.-i.-k l" N.'iv Y..rk</t>
  </si>
  <si>
    <t>                                           DENVER, Colo-- pullman for ten on the Pacific Coast ... Oakland. Portland. Seattle, and Los Angeles ... to the tone of over so per cent in the message of the ... of sleeping ... as presented by A. ... ... National President...</t>
  </si>
  <si>
    <t>                                           MADAM ESTELLE This lady will tell you' everything you wish to know without asking any questions. No matter who or what you are or what your hope, tear or trouble is. ask her advice. She has given more satisfaction       any other to have success In business, love, marriage, divorce, law suits and speculations 01 all kinds. The best class of people  her and take their friend*. She has been consulted by more noted and prominent persons than any other Adviser. Don't bo discouraged if others have failed to help you! Thousands have profited by asking her . All readings strictly confidential. Absolutely private. Readings Daily and Sunday from 9 A. M. to 9 P. M. GIVES LUCKY DAYS. Take Washington -Lokewood car; Ret off at Margaret St. 15fi2 LAKEWOOD  IK Special Nnmhrr fnr Saturday Telephone Main 91H</t>
  </si>
  <si>
    <t>                                           'THE HOLY LAND' In MOVING PICTURES Wheat St. baptist Church Thest- pictures were made by the Rev. Henderson, pastor. Wheat Street Baptist church. You will seee the Rev. Kins, Jordan and the rest of the parly which visited the Holy Land this past summer. Monday Nite-8^0 O'Clock ITS A REAL TREAT DONT MISS IT! Admission: Adults 25 cts. Childuren. under 15 years 15 cts. Si-c Mondays ATLANTA DAILY WORLD for article on this picture Don't Miss It.</t>
  </si>
  <si>
    <t>                                           Among the many swelagant "Collegiate Affairs of the season was the Pre-Thanksgiving dance given by the Pyramid Club of Sigma chapter. Delta Sigma Theta Sorority when they honored fourteen ... and their escorts at a dance Friday night...</t>
  </si>
  <si>
    <t>                                           Grady Doctors Are' Stumped by Odd Clinic Case                 Doctors at Grady hospital were puzzled Saturday over me mysterious ease of J. P. Rail, 30 year old mechanic of 728 Martin street, southeast. Hall was brought to Grady hospital shortly after seven o clock Saturday morning, the entire left side of his body paralyzed. According to Hall he went out In his back yard Saturday to begin work, and suddenly began to feel dizzy. Getting still groggier. Hall, said he fell to the ground unconscious. Regaining his sense, the sick man, said he discovered that he had lest complete muscular control of the left half of his body. After taking his symptons and a lengthy consultation doctors were unable to explain Hall's affliction. According to clinic reports. Ball is  to move any muscle on the left side of his body and cannot oven shut his left eye. The abdominal reflexes are also out on his left side, the report said.</t>
  </si>
  <si>
    <t>                                           TROUBLE IN "CITY LIMITS"                 NOW PLAYING AT BAILEY"s'""8l</t>
  </si>
  <si>
    <t>                                           ALUMNI FIELD, FRANKFORT, Ky., Nov. 6.--(ANP)--The craity Coach Nicks brought Morris Brown, champions of the southeast, to Kentucky. The valiant purple and white warriertought nobly, but were no match for the Thorbreds' machine which moved them down 20 to 0. In this game, which puts Kentucky far ahead in the championship race, a passer, Kendall, and a receiving end. Hardin, gathered fame as two of the best...</t>
  </si>
  <si>
    <t>                                           Susan reminded her that they did not know how to get in touch with her father. "And John's had barely time to get to Omaha," she said. "So long as there's a chance of Uncle Worthy getting better we bought not to call John away from his job. It means everything to him...</t>
  </si>
  <si>
    <t>                                           I SCRKtM Mirtlln* HNr*'i I MARY ASTOR "Sc.nd.U" I  VcHuih I LV1E TALBOT At1, v.~~ll-~ I "Xatiirn ef R  BARS I          " II OF  LINCOLN Last Times Today BUFFALO BILU JR"RAWHIDE ROMANCE" Al.o Cordon of Choit City No. 11</t>
  </si>
  <si>
    <t>                                           *VJ\~4* A W JU VU11 *    Morris Brown, Spelman, AU Commencementijoday                 56 Ei WORK AT MORRIS BROWN                 Dr. W. Alexander to Speak to Morris Broivn Graduates at 10 This Morning                 EVENT IS AT BIG BETHEL I                 Dr. Will W. Alexander, noted interracial leader who is a present director of the Commission on Interracial Cooperation and president of Dillard university, New Orleans, La. will deliver the commencement address to the Morris Brown collect?   at                 10  this  at the Big Bethel A- M. E. church, i Fifty-six, in all. will complete their work at the 49th commencement for this historic African Methodist Episcopal institution of higher education. To 44 candidates will co the degree of - lor of arts while ono candidate will receive his bachelor of divinity decree from the Turner Theological  of Morris Brown college. The theological school is also awarding  diplomas wMIh the business and normal departments will present their graduates with  diplomas. An interesting program, in addition to the address of Dr. Alexander has been prepared, featuring   selections by Morris Brown chorus under the direction of Prof. H. W. Hathcock Bishop W. A. Fountain. Sr., will introduce tho speaker while President W. A. Fountain, Jr.. will present the certificates. A business meeting "67 tbe alum(Continued On page 4, Cot. 1)                 56EM0J K'nnUnued from Pa^r 1) ni  w.-i.~ held Tuts.luy with a -r   f out of town alumni in  i- amoni;  Rov*. .     "n Columbus. Rmv M. A. Fountain, . Miss                 lathi- Rujtrus, home  i.f Courtland, Ala., ami Mrs r. \V Mitchell of Eufmiln. Aln.. l[        .Mi'Cluin of Forsyth. ~;a. and Mis? Annie M. Blossomir'inc 01' Covincton, Go. j A .'  of Jni-          -ni was taken fare i of ai tin-  of thi- board of .-cs Unit  riot  until late Tuesday evening. Bishop W. A. Fountain presided  tho   '3- sion.</t>
  </si>
  <si>
    <t>                                           Dr. will W. Alexander noted interracial leader who is a present director of the Commission on Interracial Cooperation and president of Dillard university, New Orleans, La. will deliver the commencement address to the Morris Brown college graduating class at...</t>
  </si>
  <si>
    <t>                                           KKV. NAT fi. l.ONC T(t SI KAK AT SI  COI.LKC.E  KK 1CK                 lt"         Nsir i;. Liitis.   : n{ I In- Oli-iiii Mvlimrinl c -li. Emory' , will !        ^ ut the w. Spclmsiu Oollc^.         ' Service in Sisters C'lmiirl   n tilt;       ^c campus Sunday  lit  i.'clo.'k.     -       - is .</t>
  </si>
  <si>
    <t>                                           Partly cloudy and somewhat cooler temperature extremes near 60 and 79 degrees. George W.  United States Meteorologist</t>
  </si>
  <si>
    <t>                                           Good habits are jewels in our life more precious than diamonds.</t>
  </si>
  <si>
    <t>                                           S44.50 RCA Victor Console Radio Sttn dard. polic* and A in t v u r radio with a _^F ^4 7. per. ~^M forma nee. Com      , installed. Radios S: Floor HIGH S  TAU.GOOft^           STORE: Jtf1 A      ^y  ar    ^ Pahbcr.     ( ikn Blood ^~k anj Ht..   1di So.^ik ^J    ,,. Al-W EB. u.~ W,v S.*t.?</t>
  </si>
  <si>
    <t>                                           VISITS Y MEET                 Preudcnt John M. toady has I      away from Vir- State Col-  during the utter halt of last week attending the  of the National Council of the Y.M.C.A. in l Clrvrluid. Ohio. Mr. Gandr in one of the few Nrjro members of Hie council.</t>
  </si>
  <si>
    <t>                                           CELEBRATES GOLDEN JUBILEE                 ST. JAMES A. M. E. CHURCH</t>
  </si>
  <si>
    <t>                                           Episcopal Women Sponsor Unique Theater Party                 Headed by Miss  Lump. kin and Miss Odessa Campbell a theatre party is being sponsored at Baileys Royal Theatrc Wednes. day October 24, by a group of wo"len of St. Fuul's Episcopal church. The   :irty Is being given tor the benefit of Mits Sara Foole's campaign in the popularity con. test conducted by tht. '3 Auxiliary of the church. Tickets are on !~"le by the women of the group to communicants and friends     will admit the purchaser to see the picture "30 Day Princess" in which the noted screen star. Sylvia Sidney will play the leading role. The party itself is unique in that it Is con:       and  of tickets nay enter the theatre at any time luring the duy or night while tht ) is being shown. Tickets  be bouk ht in advance from )ne of the members of the mix.  group, according to the sponsors of the ("rty.</t>
  </si>
  <si>
    <t>                                           Baptists Tell of Convention Experiences                 By J. Raymond Henderson, "                 A large group of minister: gathered at the Wheat Street Baptist church Tuesday to boar reports from the Oklahoma Citr session of the National BaPtls* Convention, Inc.                 There were in attendance mow than 600 registered delegate while almost $8,000 was collect ed. The. reports revealed a har  convention, the highlights  the. president s annual address, the address by Dr Mordecal Johnson, and the sermon by Re.v. M. L. Snepard Philadelphia on '-What Corjsti1  A Holy Ghost Church." In this sermon, th.e Kev. Sbeparcl debunked many extant ideas of the. Holy GUost and stressed a?, the. greate st "need of the church today '-Cod"s Spirit."                 Some of the delegates reported dissatisfaction with the present machinery of the convention and expressed the opinion that radical changes must ere long be Imade. It was noted that Dr .lames East, head of the Foreign Mission Board was unable to be in Oklahoma due to a serious illness. Dr. E. R. Carter, who attend ed the " convention" commonly referred to as "Boyd" gave an illuminating report on the sessions held at MuscOKCe. Okla.                 Prominent among the visitor.' was Rev. F. Hall of Cleveland. Ohio who -will preach at Wheat Street next Sunday night. The order of the day next Tuesday will'    reports IromTtne Baptist World Alliance, and- the Holy Land. The public is invited to attend this meeting.</t>
  </si>
  <si>
    <t>                                           A large group of minister gathered at the Wheat Street Baptist church Tuesday to hear reports from the Oklahoma City session of the National Baptist Convention, Inc.</t>
  </si>
  <si>
    <t>                                           Flying Class for Negroes May Be Formed Here                 That Negroes in Atlanta may    Given an opportunity to learn     to fly soon was voiced by E. W. Hightower. Jr., the Hightowcr Flying  at Candler field, in an interview with a World staff member' Wednesday morning." Mr. Hightower who has had considerable air experience and who is a close friend of Roger Q. Williams, famous New York to Rome flyer, who came to Atlanta  time ag0 with CoL. Hubert Julian, noted Negro aviation' :aoe, was., highly enthusiastic over, the prospects ot starting a class for Negroes in this section interested in flying. The aviation teacher stated that all of the instruction would be given in the air, during the proposed course, as actual flying is considered by many experts and the only safe  nd practical method of learning -how to pilot a plane. Those interested In taking- thu course may  turner  by calling Calhoun 3361.                 JOSHUA JONES By X. r. XeyaoMa When the. old maid told IM Bell, that it     doc.  hit tall, at him    wouldn't bit,     old Brother uld. -    , lady,' hot that is not      ad that ^</t>
  </si>
  <si>
    <t>                                           BOOK NOTICE. An Unusual Story of the Great World War Two Colored Women with the AmericanExpeditionary Forces WRITTEN BY Kaihyrn M. Jolinson and Addie W. Hunton A picture of the war and Its terrors as seen through the eyes of two Negro women who served 14 months u YMCA Secreurlcs In        A NEW AND UNIQUE ANGLE Write Scott Newspaper Syndicate 210 Atnrarn    , AtUnU.   . PRICE S2.50</t>
  </si>
  <si>
    <t>                                           Fourth Scout Gets Eagle Rating Here                 With all seven of the scout commissions or the Atlanta Council of the Boy Scouts of America in attendance, a record breaking Court of Honor was held by the Colored Division of the Atlanta Council B.S.A. Tuesday evening at the Atlanta University Laboratory                  school. The highlights of the meeting was the winning of the fourth  badge to a colored scout in Georgia, when John Gill a freshman at Morehouse college and a member of Troop 90. First Congregational . was announced as having sufficient merit badges and other qualifications necessary to earn the highest honor in scouting ardes.  holding this coveted                 honor, all Atlanta youths, arc Edmund Allen and Robert Johnson or Troop 00 and Joseph Hamilton Troop 01. Several other local youths arc candidates lor the Eagle badge although colored scouting has been in vogue in the Gate City less than four years. Among the commissioners in attendance were: L. E. Mansfield, national interracial commissioner. A. U Myers, local council commissioner, A. L. Myers. Jr- field commissioner of the council, Harold Dobbins. Sea Scout Skipper; Roy Almond, district scout local commissioner: George P. Freeman, assistant scout executive and Dr. H. R. Butler, chairman of the colored (Continued oa Fife 4, Col. 11                 Fourth Scout (Continued from.   '= 11 troop committee. Other  honors were confered upon SterlinR Gill of Troup 90 and Louie Hamilton of Troop 91.1 who were awarded life  Nor-~ ris Connslly of Troop 90. S tar rank. Sidney .Johnson. Troop 90, Leete Patterson. Troop 10. Marietta, who won the first class rating. Second class rank badges were given to Clarence Brown. Troop to. Marietta. Hush Holmes. Jr.. Troop 90. Among those winning merit badges  special mention were David Adams and Johnny Jones of Troop 89: John Gill. Norris Connally, bidney Johnson and Hugh Holmes. Louie Hamilton. Joe Hamilton and Tra Bently of Troop 91: Emory Little and ~" Stephens of Troop 94. Mr. Mansfield stated that this is one of the best Court of Honors that has ever been - in this session and the  ore  to help put scouting in Atlanta on the map.</t>
  </si>
  <si>
    <t>                                           With all seven of the scout commissions of the Atlanta Council of the Boy Scouts of America in attendance, a record breaking Court of Honor was held by the Colored Division of the Atlanta Council B.S.A. Tuesday evening at the Atlanta University Laboratory high...</t>
  </si>
  <si>
    <t>                                           Program Hour for Boys Mass Meet j Is Changed                 The hour for the program to be rendered at tlie City auditorium nex' Sunday has boen changed to 3 o clock Instead of two as former- i ly advertised, announced S. J. I Thompson yesterday. Mr. ThompI son Is the active sponsor of the Boys' Club under the auspices of the Law and Order League of Aml erica. Many prominent speakers will appear on the program, among whom will be Mayor Key. The date is October 14. and a large crowd is expected to be present to learn more of the work and enjoy the fine program that has been arranged.</t>
  </si>
  <si>
    <t>                                           "What has become of the National Negro Non-Partigan League which sprung up with such flare of trumpets three years ago?" is a reasonable and expected query. But to make the inquiry complete another query should be yoked with it: "What has become of the once...</t>
  </si>
  <si>
    <t>                                           In Memoriam                 In memory of Mrs. Fannic Mae Bostick who departed this life one year 0*0 today, November 4, 1933. Much have we missed your tender hand. Since you wandered into an unknown land. And yet dear, you arc very near. With the memory you left to linger. Mr. J. H. Bostick. Mr. R. L. Bostick. Mr*. Lonnle Mac Buffington. Mrs. Uu- Strong. Card of Thanks In loving of our dear son and brother. Mr. Benjamin Irwin Moody who departed !his life one year ago today. November 4. 1933. A  one from us has gone, A voice we loved is still. A place is vacant in our homo That never can be filled. Mrs. Mary Moody. Mr. John Moody. Miss Mildred Moody. Card of Thanks The family of the late Mr. W. E, Bush. sr.. wishes to thank the i friends for their kindness  his ;. and expressions ol sympathy at his pausing. Mrs. W. E. Bush. Mrs. Kizzic WriRht. William E. Bush. Jr. Leonard Bush. Dorothy Elaine Bush.</t>
  </si>
  <si>
    <t>                                           FRIDAY. SEPTEMBER 28. 1934 THE ATLANTA DAILY WORLD. ATLANTA. GA. -PAGE TWC</t>
  </si>
  <si>
    <t>                                           RETrtlRNTNG FROM ORIENT- Mr. and Mrs. Suck Clayton who ire schedu ed to return from Cbina this month. The Claytons ailed ror Shanghai several months ago to fill a lengthy night club ~-. Clayton and hi* famous band will be featured in a Paramount picture on their return.</t>
  </si>
  <si>
    <t>                                           REFRESHING RELIEF OF CONSTIPATION Avoid constipation! If you disregard its warning and neglect to treat it promptly, look out for sickness! You cannot hope to have good health If you do nothing to prevent or to relieve constipation. Some of its disturbing effects may be Bilious attacks, poor appetite, bad taste Is the mouth, . b:d . coated tongue. sick headache, spots before the eyes, bloating of the , belching up of gas. **"~f 1*ttt. physical gag mental sluggishness, etc. When rau need medicine for . 70U won t find bettor Ifcxttlte       a NATURAL medicine, like 8 BLACK-. made out of the        and roots of certain highly approved medicinal plants. Plzck-Draugnt       leu than molt Uxatlve medicines, so 7 ra can afford to keep It and take It, vhen needed. If you are feeling bad. Uke you might be In need of Thedford'i Slack-Draught, take a dose tonight and feel batter tomorrow. Bold In H-ami packages. auu</t>
  </si>
  <si>
    <t>                                           Please Your Husband With BLUEBERRY MUFFINS MADE THIS NEW WAY Luscious  your -        -- Xm-1t0  Good I.i;ck in the batter and your family is in fur a   " real treat. To  it perfect,  llie hoi. u-. crusty mull ms with a   of C'.'   id I.' CK K'"1gm the delicate  inside and out. You can     serve them often if you use Cow LtitK.</t>
  </si>
  <si>
    <t>                                           Miss Beulah E. Smith, noted supreme ... of Charleston, S. C., will be presented in a renal at this church tonight at eight thirty. Mr. P. Delemar Simmons will accompany Miss smith. Choir No. 2 under the direction of Mrs. Geneva Hill is sponsoring the...</t>
  </si>
  <si>
    <t>                                           Delivery Boys to Stage Important teet Tonight                 Two meetings of Me PubJir MessiTfrcrs and Laborer* clun t!mt will bo of vital Importance to -~very colored delivery lioy In  Atlanta area will be hoi 1  n me offices of tlio Atlanta Uran I. on the third floor or the Odd Fellows building,          V announcements by w. L. Scott, president of tne . IV first of these meetings will nc  at V:3U tonight while the n cond will bo held at the  time Wednesday evening. i o:li mc'--:ln;s will be held In the Urban League Assembly Room, nom 305. All delivery boys.    (  ov other ~"orkers          in a si mi- capacity, are invited to take part In this .                 JOSHUA JOKES By L r. Reynolds Tile Brother Bald (tint ho ran out of the Eiinihot of tbo Devil but Bra. IU-U wild  In running       the Brother rau right Into a '~  gf. (Uut dot     ,'</t>
  </si>
  <si>
    <t>                                           INSPIRATION FOR ACADEMICIAN. Mrs. Edith Cordozo Kin*. wife of Profenor Lorenzo H. King: Jr. of-New York, who is head of (he Department of Social Science* at Miles Memorial College. Birmingham. Ala. MrmJCinc is the daughter of Dr. F. N. Cordozo of Baltimore, and a member of the "Gay Northernors."</t>
  </si>
  <si>
    <t>                                           Madame Zella PALMIST and BUSINESS ADVISOR Consult the woman who       Special Thursday Number with ad. Three questions answered free. Will telt your past as you alone know it, your present just as If is, you/ future just a* it will be, and calls you. by your name. Will tell you the. real cause of your misfortune, failure or lack of success. If you want (acts, and net promises, : ths woman. If you are down hearted, . ing trouble at home, or failure 3n 'business, love,' marriage, or *. THIS  IS FOR YOU. Cives name, and lucky- numbers. All readings  or no chart**. Last  on Pomchtroe Road in BuckbeuL Not in tent. Look tor bluet electric sign. 2971 PEACHTREE ROAD</t>
  </si>
  <si>
    <t>                                           The members and friends of the Stone Street Baptist church are very much slated over the success their pastor, Rev. C. T. Hayes has made during his first year And are pleased to make the following report.</t>
  </si>
  <si>
    <t>                                           Morris Brown College, undefeated thus far this season and boasting one of the best records in southern football since the fall of 1932, will face its acid test this Saturday afternoon on foreign son when they meet the mighty Kean-coached machine, representing the Kentucky State College, at Frankfort, Ky. This game will most likely decide the national collegiate championship and the winner of this game will be looked...</t>
  </si>
  <si>
    <t>                                           A distinct and rare tribute was paid Miss E. A. Cochran, prior to her departure from the Gate City by employes of the Intake Department of Edgewood C District Relief Office, Tuesday night at the Dops Ballroom from 9:30 'til 1:30. The soft alluring strains of Marion Hamilton and his Harmony Aces literally enchanted the guests into perfect nymphs as they were about in their chores of terpsichorean...</t>
  </si>
  <si>
    <t>                                           over WSB ev- ^^^B^S^r vV JI^^E^!^^^^ THE HOUSE WARMERS may not have reached your neighborhood yet, or they may. have called while you were out. But you don't have to wait for them to find you at home. Stop ANY House Warmer or Call jA. ====5 5101, your Gas Company. See a ^^^^^H b\ demonstration of gas radiant ft^fe I m^Tm heat. Note how instantly it leaps ^^m A^^\m In*~ Fccl fnc "ooc' *low" ^F^ ^1 ing warmth it sends out. A small ^m ^^Wj ^^H down payment of 25c each will ^LgjM^Zjgf^m install as many radiant heaters HlTiT^^^^^B as needed to banish every cold W^^kJ^^^^JM room and chilly corner. Keep Ff^^SB^j^SsSl your home coxy and comfortable Mi^Lmfi3^3 this modern, economical way. Atlanta Gas Light^Company. By Vice Pvetideut and uj] Ceaeral Manager, 'NOT Wat End Eut Faint Deemtar MarMto UavUon-     Co. Blcb'  Stcrehfi</t>
  </si>
  <si>
    <t>                                           ^X I I" I 11-1 Tj Or. James Corry, Ex-Army Doctor 16 Yean Experience in America and Abroad N tVT ST., N. K. (Between Hattfaa tat Unwl I served with both the American and British Armies during the World War holding the rank of Captain In the Medical Department. 1 find so many colored        who an  pay These I servo free Only charge (or medicine. Home calls $1.00 if left at my residence before 7:30 A. M. To colored people only (Men, Women and Children) I am offering for only $1.00 a week- To  quanta to pay more- My $25.00 course in Physical Caltor* and Muade Building. ^t. Office Hours: 9 A. M. to 8 P. M, Office: Ma. 6873 lUfc: Ma, 8087 OUT THI8 AO OUT AND BUT FOB FCTtJIUt UrBUMVI</t>
  </si>
  <si>
    <t>                                           WMliM EDITeniAL ^MM</t>
  </si>
  <si>
    <t>                                           AIX THIS WEEK IRVIN C MILLER S ALL NEW SHOW "HARLEM SCANDALS with New York Star* of State and Radio- 41 Delegates of Jazz Th.     Z^g * GrU Bstley's 81 Theitn Ob tie       - "AMONG THE MISSING" BilUe Swwmri and Ricfcard Cromwell</t>
  </si>
  <si>
    <t>                                           Rev. B. R. Holmes, president of the Holmes Institute was the guest speaker Sunday morning in Zion Hill Baptist church. Rev. J. T. Johnson pastor. The large auditorium was filled with people who came to hear the message delivered by Rev. Holmes who is regarded as...</t>
  </si>
  <si>
    <t>                                           ^=~1 WEEK ENDING SEPTEMBER 8, 19M U S V i</t>
  </si>
  <si>
    <t>                                           WELCOME DOCTORS PORTRAITS OF QUAUTtT I KELLY S STUDIO third      . Rerndon BUf. 838 Auburn Ave. JA. 7O3S</t>
  </si>
  <si>
    <t>                                           REFRESHING  OF CONSTIPATION Avoid constipation! If you  its  and neglect to treat It promptly, look out lor sickness! You rr;.::ol hope to have good health If you do nothing to prevent or to relieve constipation. Some of its disturbing effects may be Bilious attacks, poor appetite. bad  In the mouth, . bad breath, coated tongue, sick headache,  before the eyes.  of the abdomen, belching up of gas. uneasiness, physical and mental . etc. When you need a medicine for constipation, you won t find a better laxative than a NATURAL medicine, like  S BLACK-. made out of the leaves and roots of certain highly   medicinal . Bludc-Drauithl. cost!      than must  medicines, so you can afford to keep It and take It, when needed If you are  bad, like you might be In need of Thcdford's Black-Draught   : a doso tonight and feel better to morrow. Sold In 36- packages, nuti</t>
  </si>
  <si>
    <t>                                           SHE LIKES SPORTS                 MISS ELSIE DAY - and demure Chicago beauty, who is  ly interested in sports, both as a player and as a spectator. In the fall she attends the leading football games and in summer her attention is focused on tennis and golf.</t>
  </si>
  <si>
    <t>                                           MACON;Ga.--(Special)--The Macon Colored Peaches, Georgia State Champions and Macon's contribution to the better class of Negro baseball, arrived in the old home town Tuesday afternoon, July 17, after a two weeks invasion of Florida. Along with the Peaches came a record office victories out of eight starts. A third game with Jacksonville Was cut short on account of rain.</t>
  </si>
  <si>
    <t>                                           ^ chi-atf!-. i-aught :r. a  web -:s Ihiir .t on one ran'- --: Due- hi- talk or       hi- pay the death jn.-r.al-.   CHESTER ^W^jL Bailey's ROYAL Theatre TODAY ON LY</t>
  </si>
  <si>
    <t>                                           aTl THE ATLANTA DAILY , ATLATfTA, GA. TUESDAY, ^ .?.</t>
  </si>
  <si>
    <t>                                           DR. FOSTER Day and Night Denti.t Cleaning Filling CAp Extracting; (Painleai)      30JS Broad St. Cor. Ala. CLASSIFIED AUBURN AVE. HATTERS CLEANERS. 181 Auburn Ave. Hau cleaned 2S:. Suit. cleared 35c Suit, (ponged and  25et. Ladim* plain        35c t. Free  hoe thine with every wle. THE COFFEE SHOP, where home cooked meats are served. 903 Hunter Street.'- N. W-.'Mrs. Belle Atfctowo. Mix. FRIEDMAN S SHOU SHOP Coed yaar rubber heel. 25c 209 Mitchell St. F. R. STOKES BONDSMAN 153 Decatnr St. WaL 7531 Leoo Johnxa H. J. Leroy Bubber MoreUod Representatives  Bewtac-*  food at bad. B*. . gy Gordon Street 1N BROS. Tie ModornUtic Cleaner, and Dyen. Work called for and de j . 3W Auburn Ave^ N. 1 Phone Ja. 9382. I STOVE REPAIRING Store Repaired and installed, Iperlenced . call Ja. 1631. 'Satisfaction Guaranteed. I</t>
  </si>
  <si>
    <t>                                           tX  K7    -*~      Vf Irv Bac                mm^   la  r Z^H/        -mm. N*         . At- -JTSSiB^?    0    ftw to ^F' GOLDEN T**J  Chemical   8S^ Co, Memphis, Teun.</t>
  </si>
  <si>
    <t>                                           I Mw T,HJ E' S^O"G KyL RE A: LM</t>
  </si>
  <si>
    <t>                                           The 1934 edition of the Clark University Panthers will make its debut before the local populace against the Knoxville College Bulldogs here Saturday, October 13, on the Clark athletic field. Clark University, with its new coaching staff, has been the subject of much comment and naturally, the eyes of the Southern conference are focused on Clark.</t>
  </si>
  <si>
    <t>                                           I MADE a vist. to the Fulton County almshouse at the invitation of the Dokey band which read red music to cheer the spirits of theinmates, Sunday afternoon. It was a grand sight to behold as old people grounded around stud listened to the music of that band. In the...</t>
  </si>
  <si>
    <t>                                           Michigan State Wins Again; Looms as Power                 Striving to keep on its way to the very j top of the national sports limelight as one of the most powerful teams in t!ie country, I the Michigan State gridiron eleven will face Manhattan college of New York today in a I game that is conceded to be-long to the Michiganders. i Last Saturday, against    -:  tout- ed Carnegie Tech, the Michigan State lads i                 4 won their second straight victor;: of the sea-' son, taking Carnegie Tech into camp hy a 13 to 0 score after defeating its imc ent rival, the University of Michigan,  leaders of the .Big Ten, in the season s opener. In the above picture. McCrary. dusky' sensation of Michigan State is shown boing stopped after a short line buck in the clash with the Tech team.</t>
  </si>
  <si>
    <t>                                           CHARMING MISS REAPER THOMAS. daughter ot Mr. and Mrs. Mose Thonw at Montgomery, Ala.; fi attending school at          Institute.</t>
  </si>
  <si>
    <t>                                           7. OS*-r^'^^ y I WHITEN SKIN ^^f I BEAUTIFY SKIN ,^^^^T_ I S OP worrying  your com. ^k ^^^^P^        .    1h*~orld igr atm ^P^v . h. and      ,  v (l'i'~9P'~  "Olion-           . tu' bc you     genuine ^*S^^ SKIN-SUCCESSoinlmmlondnot . All drug Horiru PALMERs</t>
  </si>
  <si>
    <t>                                           SPECIAL Kiddie Matinee Saturday . Bailey's ASHBY ACTION AND THRILLS ALSO COMEDIES ioc to all: LINCOLN Today Tomorrow JACK l ERRIN "Raw Hide MAIL" (In Our Stw' C "Hollywood \C Rashes" M Act. Vojrjl- .A QitU:     O;iU: P On The Screen! -P ri^MKK  ( l:ol-\X7  t HfCll WILLIAMS T v*"* ir.'.'.i i*   i IT -ki.inur - I1 Tmicht at P. M. to AMATEUR CONTEST r .^;    -V** dk'.. *  * I</t>
  </si>
  <si>
    <t>                                           HAMPTON INSTITUTE, Va., June 4--As an expression of their admiration of a real star, the Hampton Plates have chosen Edward T. Lipscombe as their track captain for next year.</t>
  </si>
  <si>
    <t>                                           AND MORRIS BROWN CLASH TODAY</t>
  </si>
  <si>
    <t>                                           IN THE pioneer stage of the practice of medicine among Negroes in this section, there settled in this community a stalwart giant, a Christian gentleman and a public-minded patriot. Taking his place in those thin ranks in the charting of what was then an unpopular course, Dr. Penn made a creditable contribution. The account a himself is written across the country in brililant record as a physician and surgeon and civic-minded lighter.</t>
  </si>
  <si>
    <t>                                           Oct. 19.      -.- Hirl.  h-rr Oi Wi. Ctr'ci-jv.'llf -r   "'-~l'~ li-r._    . 2. Atlirn.v     ;K.  Nov. DaviJ T. Howard.    :  - Nov. 16. C.il.iii Cr--cli.  Nnv. 23. Gaincsv'ilc I] i^K !~*rr Nov. in.                 Juwens. 3b Brrry. Jh :    . rf Humphrey, rf .Va'krr. rf Chlnn. If .. r II. Smith, r :li)   . If Krmp. ~'. 2   Brooks, rl \~     -. p Anderson, d ir.MI : CraiR. White and Jones</t>
  </si>
  <si>
    <t>                                           NEW YORK--()--Officers of the National Association for the Advancement of Colored people stated today, following receipt of complete reports of the Tuesday Democratic landslide, that responsibility for the fate of the Costigan-Wagner anti-lyneking bill rests...</t>
  </si>
  <si>
    <t>                                           Why Patronize These Merchants Would you like to know just where to get a marcelle today? Do you know who to call for prices on that new awning you have been after your husband all summer to buy? Or does your appetite come brick to you when you see how you can get an economical meal, delightfully served? If you do. you will find interesting information in the "Where to buy it" section evry Tuesday. The merchants who advertise in this section, do so' for the  of the house wives of Atlanta. The house wives do not knew off handedly where to buy the things she needs  these merchants make it easy for her. The fact that they use- the columns of the World, is an assurance that these merchants appreciate your trade and promise you the most efficient service. To them you are a customer and to them a customer is a friend. Therefore they respect von and treat you as n friend. Their establishments are open to you to visit as wll as to trade. Pay them a visit, you will see your friends there.</t>
  </si>
  <si>
    <t>                                           REFRESHING RELIEF. OF CONSTIPATION Avoid' constipation! If you disregard Its warning and neglect to treat It promptly, look out Tor  You cannot hope to have good health ii you do nothing to prevent or to relieve constipation. Seme of its disturbing  may be .Blums attack*, poor appetite, .bad tMt* la the mouth, OUUneu.     breath.  tongue.' net ,  before tea B7M.  Uk abdomen,  up . ,  mod mental . etc wmo jou need, a medicine tor constipation, you won t find a better  th*a a NATURAL medicine. 11]~  BLACK-. made out of Uw'taana and  ot certain        approved medicinal . Black-Dranstat cMti Hm  moet laxative , to  afford to keep It and taka Id worn . If rou an  bad.  7m  be la. seed of Tbedford't BUck-OratKtt, take a dox  and feel better to- morrow. 80U la 2~-cest *.</t>
  </si>
  <si>
    <t>                                           Fine Reception For Mr. and Mrs. M. E. Turrentine Tonight Little Miss Juliette Perkins Entertains Three Visitors. Misses Winfred and Fannie Johnson Honor Their Mother. Many Gay Chattanoogans in Gate City Earlier Part of Week Debate-Musicale at Hanley Hall Sept. 10 Creating Talk Eyes of Realm Also Focused on "Joymen" Affair Sept. 10</t>
  </si>
  <si>
    <t>                                           Butler Y Has Program With Much Variety                 .X./Vw il:    :ie,.  was mail.- ilic nij.iil . of ai  -"t tin.-       -[ Y M. C. A. It is ;: t.i not^ "hiii i lie  of the Avsochtlou  Its fai-     -~i. s'-~"     i\nl#rs is scn-inc 49 different  prouix an analysis of                 follows: Y. X". C A.. :S: r..v. 7 S.-     . 7: Church. -2: Y. W. C A.. S.       a participation  f l.^Tj -.i-nt people In      pro-rani of on;        actix-iti-s       s no', include the -rasi'  :i[t:-nili-  if men who tiM*d the  arul social  for (Continued on      7; CoL S)                 Butler Y (Con tinned from Page 1) rending : recitation. 1'  of Hie mi  V. Kroiiiw follows: Men 40.  men 2*2 l...ys S7."~, women L'irW Til; . :i total of 1.2?::. Tin-   t:ii.M  art1. YMC.V P.u\v Men'* volley l.nli. nK*n"-i lin^U-Pi halt,  men s -division 2ym ~-l:i*;~  . -n  forum,      .-     Hour, cl Huli     :    -(. -er -~lni';             IrkIom. K 0 V S Orotip-A. Oir.    B, (irr.un C.  iny ~-I:     . V Ar.-. Junior Y .\tp Jiaski-l lull, .y ^. l.'.  1, -n; ' s. Jonnmi Ceorslnn .ind Atlanta Worlil Xen-lio.rt Cliiln Oniy r.~Vic^rx 1-2  .1. Cray 7 9 1     1-2 :in/l    1 MT  Ijiw !     order of .\   )  i. l n.t .'c lio.VK.  Im^lcci kill . Srriptn Atlilclli- CTollfw.  i:~-n.~nr-i O.rn. the UaN and .Mlanta      (.~ t.-~    :Ii S'h.  I'li.- Wiinifii. W.i  Ili-V. U. Jr. Hi. V.      :!nl Nkriu   -I.~~l  311,1 K. 1*. .Inliucnii Xislil Schi^.l Lii-   ami Imys, Mnu-.-ml Health i-.  A.k-       and l!ethI      . V\Vr.\ Y.^ sins-i, Kell Sir. mi and Walkfr ~;irU Krvrve*. V.\V.r-\. IndiKtri.il L-irls: Urady                 Nllr-fi ,     S..i.:  ,hM- St:iiv. v-ri. lion ^IkiiiIiI     ni.hi.' ..r    ' I'ftfitii-.  Iwuv.r,, th,. YMCA :,n(! Hi, VWC.v -r,- u... in, -n     I       III,, -r :ir.. i.sin. tin-         '.,~ .~.-nl ,,i    ,' r.-r.</t>
  </si>
  <si>
    <t>                                           A few days ago reference was made to the rapid development of M.C.A. It is interesting to note that the program of the Association through its facilities staff and enters is serving 49 different organized group an analysis of...</t>
  </si>
  <si>
    <t>                                           The Triumph, Sew in StjU, Low in Frit* BUY AN ELECTRIC RANGE Electricity, the magic servant, has brought a new and better standard of i v i n g labor saving  better light AND an easier, far better method of cooking. The II t p i n t Automatic Itar.ye. shown above, provides the modern way to cook. It i brings new freedom to women, i new corn , new cleanliness in the kitchen, a new order of life. Be modern! Let your next cook stove be an Electric Range. Many of our customers write us that they are cooking electrically at a cost less than that of the old-fashioned wood stove method. Buy your modern range now during our Modern-, izing Sale Models As Low As $62.85 Cash You can buy a full-size Wostlnff.  KIrctric Ranpe for as ]      as iCZ.t,:, . TiTins are only $2.85 down, *2.i:: ;i month. This is a sensational . Sen it: Georgia Power Company SCREEN M.r..i;,  t I  -UVTOr. "3cand*U" ?rn.i*it 3te::yg!i .E .AX.ZOT fl A(t( V,B%11_H M-M      I  RpV.r-i nf II  BAfl* *,   Tcrrcr" II Of</t>
  </si>
  <si>
    <t>                                           GIGANTIC VAUDEVILLE SHOW AT CAPITOL                 Above arc shown a few of the stars w-ho will appear at the Capitol theater, starting today in the vaudeville* unil, "Stars of                 -if-if.    TW-    1924." On the screen, the theater will offer Warner Oland in "Charlie Chan in</t>
  </si>
  <si>
    <t>                                           1st Grade Lump COAL       100   . W deliver^ 80o 200 Ibi.           $1.00 Call MA. 1620</t>
  </si>
  <si>
    <t>                                           There is always the indefiniteness of plan, the hope, the faith in a season's work which has to be thought or in the light of trends and progress. This is the ease at the branch of the T. W. C. A. now, However, we do feel sure of many concrete things being done this...</t>
  </si>
  <si>
    <t>                                           WANTED  urf Actste Everywhere TO REPRESENT THS WORLD S ONLY NEGRO I Doily W Semi-WeeUy,. i DAILY  \Mrm Atlanta Daily World Atlanta. *~       21* Anbatii A-  _ N.</t>
  </si>
  <si>
    <t>                                           The Clark football team will be sent through a light scrimmage consisting mostly of drills against aerial attacks. Coaches Robinson, Johnson, and Reeves are not going to take any chances against. Talladega's air attack and are giving their squad a close watching. The coaching staff is confident that their line will be able to match skill with the Talledga line. Clark's line will probably be heavier than Talladega's but will have to hustle because the 'Dega boys have plenty of...</t>
  </si>
  <si>
    <t>                                           fa Ret. L N. Demy say* "i fun* fouad     JKC 20 yam that can tak* ths    -~~ of Or. Mile* Axti-Pate PUU.      are a im relief /or I      ^U." % Suffrnsa frou.         .          . Toothache,   ^r^-t^ I SdaUca, Rhenmatism. Luxnbajjo, i Kcuritia, Muscular Pahia. Peri- I odic Puna, write that they    . uW Dr. MUct Anti-Pain PUb with Iwtterrejuluthan they k-i vra hoped for. Counties AnHcaa      "~rtve3 would no more think af * house without Dr Mites Anti-Pain PHls than without flour or sugar. Keep a p* in your   and         . At P-^, Stores- 25e and (IM      -     PIUS</t>
  </si>
  <si>
    <t>                                           Mother and 7 Children Live Under Tree                 LOS        -CWS)-          .es was shocked here lost week whcn It was learned that 'Mrs. Minnie Fulbrlght and lier seven children \vcre Uvtng under d    { tree behind n  on East 2 lh sire-it. The woman hod been  from a house mid had lived In                 ii is  tor tne nast u days with her children. Hie oldest of which was twenty years  ol    . The County Wc'lfarc had  to  the woman s rent, so It hus I'M.1, i said, tout thn( owner ot the house refused to allow her t0 use t on the grounds that she was an ( Itnant. The woman w.-is offered a job along with- her eld, bit child, but she refused and ! tha. she .would not allow her children to stay out late at night (Phbllc opinion finally caused the  to move on the Insldo to, the- good of the children. Welfare -Svorkers declare Mrs. Fulbrlght     be tl*. most disagreeable     come in contact .with. One : In the woman a favor watt the tidy way in which she1 kept her - living  and the cleanliness of the  en. The woman    snj.1 to be married and her husband 1st living with Ma mother on the we ft side of the city. When she v.    asked  hint, she Is report* id to have said       he was not working and she was not going to tr  him with supporting their children. There fire1 ten children in the , seven of them bei juf dependent. Mrs. Fulbrleht is ro- 1 ported to have fourteen rot ms of  stored. The courtly      continued to give her the maximum allowed family in h er . t, V</t>
  </si>
  <si>
    <t>                                           LOS ANGELES--(WS)--Los Angels was shocked here last week when it was learned that Mrs. Minnie Fulbright her seven children were living under a fig tree behind a house on East 24th street. The woman had been ousted from a house and had lived in...</t>
  </si>
  <si>
    <t>                                           k PERMAXEXTtT LOCATED MADAM MINGY THE WOMAN WHO KNOWS  and Life Reader TrIU pa*,  and . Oivcs  on all affair* of lifr. Love. Marrlac*     awl Speculations of   all kinds. Don't fail   "~tj-i tn arc this (Kted  Palmist. Potato the BT^,   \\*y nf %ll troubles ^0BhwB an(^ ^hnw-n ?tm how In *  Madam Mincy has  thon^ands and *   can help sou. TEI.l.S t.VfKY DAYS AND LUCKY M  SatUficllon Coarantrrd Office Ilourx: 9 a. m. to 9 p. bl Ki McDonooKh Koad (Arrnu from Federal Prlsoo) SPEC IAL  SOe Take Federal Prbon rar to ewl at line. Look fnr Nfmr on SltB, Madam Mlno Makes No Home Calb Not io Teat.</t>
  </si>
  <si>
    <t>                                           AvenueShops In Danger As Autos Crash                 Tin- avenue was provided with j :i tlu-ill that almost  dis-  for Robert Payne when a Chevrolet truck owned by Hooper's Market  driven by Payne ~-    resides at 131 AVoodward Avenue was struck by a 1930 Kurd roadster altered to                 have been driven by Jnmes Crosby also colored of 36S Coin Street. The Chevrolet truck was sail? to have      Koin^ west on Au burn Avenue about 10:45 Monday  when the Ford roadster struck the truck in the roar and knocked it up on the side, walk,  a plate class window in the Harvey's barber shop :   to the front of the Lincoln Beauty Shop and breaking a water pipe. Payne was taken to the Grady Clinic and treated for wounds which were said not to be serious although painful. Crosby was being carried to the Clinic in Haucabrooks Funeral Home ambulance when as he-  out and attempted to escape when Radio Patrolmen R. Englebert and It. T. Penny captured him. Crosby was booked on a charge of driving while drunk and  an accident. Lovett Smith of 713 Cumberland Avenue, driving a Willys (Continued on Fare 6)                 (Continued from Pace 1)~ Knight coupe south on Garnctt Street at Central Aveuue and Pulliam Street was struck by a truck operated by Willie Jones of 480 Lambert Street. Smith was arrested and booked on a  of driving while drunk by Oficers C. W. Maudlin arid T. J. Sikes The  to both cars was small. No case was made in an accident at Elizabeth Street and Dekalb Avenue Monday evening at 7 o clock when, in an effort to avoid striking Koscoe Searcy, of 1157 McDaniel Street S W., who was riding a Hurley-Davison motorcycle owned by the Genuine Parts Co. East on DekaJb A. F. Nance white of 768 College Avenue Decatur. Ga.. who was coins west on Dekalb, damaged the motorcycle and bruised the Negro's right arm. Nance, who teaches at Boys' High School, cut                 ly into a filling- station on his I  in order to avert injury to the colored man. hitting a telephone post as well as a front part of the motorcycle. Police are looking for a runaway Negro driver who figured in two accidents Monday night. The first mishap occurred at 7:45 o clock at Bedford Place and North Avenue, the unidentified Negro, who drove a Chrysler, running into a Chevrolet coupe owned by N. E. Osteen. white, of 812 Durant Place which was parked on the side of the curb. The other accident happened around 7:20 o clock on Ponce Dc Leon Avenue near Hunt Street.] In this case, Bob Hulsey white, of Gaines ville. Ga., was driving a Chevrolet sedan west on Ponce de Leon while the unknown Negro headed East, struck Hulsey's machine as he turned into a drive way damaging both cars badly. The Necro however, kept . Officers J. S. Melton and Ethe ridge reported the collision on Ponce De Leon while Radio Patrolmen E Head and F. A. Turn er, who turned in the report on the Bedford Place-North Avenue accident, say that in this, his second crash inside of a space of thirty minutes the Negro jumped from the machine and ran away The Chrysler sedan was sent to Spider Garage. Accordins to police, -the -runaway Negro is said to be C. A. Zealey of 253 Auburn Avenue, N*. E. The car he drove is owned by Jesse Owens whose address is also given as 253 Auburn Avenue</t>
  </si>
  <si>
    <t>                                           The avenue was provided with a thrill that almost proved disastrous for Robert Payne when a Chevrolet truck owned by Hooper's Market being driven by Payne who resides at 131 Woodward Avenue was struck by a 1930 Ford roadster alleged to...</t>
  </si>
  <si>
    <t>                                           "Princess Malah" By Prof. John EHill A Story of the Social Privileges enjoyed by the Slaves of Colonial Virginia Price $2.00 Sales Representatives Wanted 40-50 .percent commissions Write to Scott Newspaper Syndicate AtUnta. Georgia, or JOHN H. HILL.          . W.   . former prni- I dent of W. Vn.       College. A. W. P. RR. Announces lowest OneWay Coach fares ever offered. Tlckela on Sale Dally ATLANTA TONewnan -59 Moreland Grantville Hogansville -88 La Grange I-07 West Point 1-31 Opelika 164 Aubnrn 1.75 Chehaw 2.05 Montgomery 2.63 Also Bargain Round-Trip Weefc End Fares to All Local Points Montgomery only $3.00 Special Coaches for week-end club .parties. J. A. Hisxins Gcnenl FuKncer Agent</t>
  </si>
  <si>
    <t>                                           A simple but pretty wedding of unusual interest in Washington, D. C. took place Wednesday's evening, May 9th at 7 o'clock in the home of Mr. and Mrs. Leroy Macon, 722 Harvard street N. W. when the latter's sister. Miss Mary J. Travis became the bride of...</t>
  </si>
  <si>
    <t>                                           I 17TH ANNIVERSARY SPECIAL! 55m3"^ SCHNEER S PIT A HAiat? J I ^^^^^^B^^ rfc^^^B    /        -  n  . ^Vv^^^^^^^Hp^VM *. Mndfn       .    .*#lrt In* Mf J^^HHf *  4     t this        foe</t>
  </si>
  <si>
    <t>                                           Gov. Hill McAlister of Tennessee has probably hurt his chances of re-election by sending militia against a drunken lynch mob at Shelbyville, Tenn. We think, though, that Gov, McAlister deserves the thanks of decent people everywhere: and that two or three more incidents of the kind would damper down the lynching fever in the South almost to the vanishing point.</t>
  </si>
  <si>
    <t>                                           TAXI DRIVER                  . Va. (Special Folkv are  tracts of two white men who kidnapped W. A. Jones, Uo-year-old  .            him   and  him to u trw several miles  this city.   ? salt)  they called, thi  " r*"   x--</t>
  </si>
  <si>
    <t>                                           MAHATMA GANDHI STEPS OUT!                 Mahttmii Gandhi Win. h;   announced that lit- has finally decided to retire from the active leadership of the" all India National Omj^rcss- tho itr^i^- of"Tn:irr^"of' the'   to open the meeting. Me  Lesi- himself ns              for the Mimtinj; of ihc growth of the  and left tlie ^. explaining that he was planning on "developing powers of non-violence."</t>
  </si>
  <si>
    <t>                                           BAILEYS STRAND THEATRE Today-                 ADDED ATTRACTIONS Duke Ellington and His Band in " OP BLUES" Aim Chapter Two "I'erlls of Pauline" ComlnK Next Sun.; "A KING FOR A NIGHT"</t>
  </si>
  <si>
    <t>                                           MISS  MORRIS, a June graduate of. Johnstown, (PennJ High School. Miss Morris U popular member the school and a member of the Spanish club. The young mlis is the daughter ot Mrs. Mamie Morris of 261 New street. Sh* plans to enter Wllberforce university in the fall. Aside from her club and school interests Miss Morris is a weekly reader und booster ot THE PITTSBURGH CRITERION.</t>
  </si>
  <si>
    <t>                                           THESE TWO MeKEESPORT.   . girls (Urgertlu Ferpuoo, left, and Chart**, Carter) were  from Jmnior  Khool with tilth . VrferUu, 14. live* at 414 Mulberry street. Charlette. IS,       * at 1128 Market street.</t>
  </si>
  <si>
    <t>                                           Coach L. C. Baker is busily grooming his squard for the forth coming tilt with the Clark University freshmen, this "play on Clark athletic field. It will be the Bulldogs" first game since their humiliating defeat at the hands of the Howard Rambiers.</t>
  </si>
  <si>
    <t>                                           7 days- \~~f ar Minor Proves            UihU(i.~rr4S,~!, kink? nc*      to  ^ tb)~ -  ^^Vj Ik of tr-.r U.lf 'fh;~ rx-w. eia+trat,       ?u^a      )~.~urt.sin.. J^^y^QSB  Itco, Trtwr, ury *  ]p HS^^^sH *od  3flr0 out  ~^~0 u**n Ly Ib*  V^'t!tv^^B tMV UjoUi* fur tEM Kkfcc  feiV 'UB 1  :ATiaL UAi' 7n^ Go..        CDCCTreatise JvcJft 7DayOttee COUPON W RAY CO,,     ^ 507 412 W. Crto St.. CMu^JIUmIi Mbd     *Um 7 Day TtikJ       I I f g_____ r^^r- I</t>
  </si>
  <si>
    <t>                                           An interesting little handbook entitled the "Democratic Red Book State Executive of W. Va.</t>
  </si>
  <si>
    <t>                                           Rev. Simms Preaches Thanksgiving Sermon To Baptist Divines                 j Raymond Henderson Turarta.r of     wivk  :i      * -rine   f Haprixt minist.-r* nt Whrnt Siiwt Wnin-h. Th.~   - ThnnkNEiniii: m.-Ksnc,.       the Kn: J. Simnw, .-tcr in iho Piiwy Ornvc nap rise Hiunh. He - mi ih^          "Ttinnliinz (J.xl     Tnkins Cournge"            -r  many Iliiiuai fur  M or i* nmy      . II.- ?nf  the  with         and    )f ( faith. The  highly ^na] and drew                            (., who nls.~       is now  al 1'.v  . man .r.n n*      RonnF.n Edwiinl j;~.     .~. 1S3 Knlr. S.  to         time ho wm held up ami  of t;.4C hy four   -n about R:30 Krlilay   t the  of Tnrrj- and Woodwrnrd. He  tho  ri, a                   yt Uitt men.                 MINISTER GETS ANOTHER CALL      U"'v. J. \V. Adams.       :ir i pastor of  Hill RapliM  Allimlu, ha* m- :i  i]~ In      w*         of Sprinjrfiiil Bap. lint Wmr.li   f Itrltoii, ~;~   :in. Kcv. Ailiimt, it will        ..      .l w:ik -ri to F.non Biiptist I'lmivli to        .v. Ho in                of tkc             of  1m- . K'oiip in I1   Mlnte of         ,       nn- lire .vu     ami logic  ay        who  board him . Urban League Scholarships Will be Given      National Urban                 its  competitive  for Fpliownlittw in            oa      6j Col. 5  I                 Urban League  from Paer It   work f..r c..l,.r.-l . I'rulml.ly ilm-~- :i\v:ir.N will Inn:i.l.-. Appiii-anis nUM 1m- -* ,,t ~,r ...     ,lai,s f,,r '.in :..,! .oll,.~   . Sn.^  .~rin.li.lnr.-* will  nr,. i"ii :nnl       -    v:      !i.ai  :n :      $'~ r,,r tli# '~   .~ . Tlw ~-li.^.~s i,,   ,i,.~, .^.   (, Fcllrtws  u-?n .-no.! arc 'hi- N'.-w Yi.rk S.Ii.h.1 of Srx-i.-i] Work, ih,. :ii.~ Si'lxuil fur     al A'lmiuUtnitinii  f   M. i;,,. *it.v ..f . Krjrn Miiwr. an.1  In- .v .if l lit . Apl'll~-:i!       must to- fll.sl ti-   Fflmmry 15. I'.in. on ;.,              l.y tl...  U:   he       .sl tiv  T. Arnnlil Itili. Arrln's        . ivo SM-ni.   -. ll.-St Br.Ki.. ::~~im s^H;, X..,v Ynrk Cliy. Tl"i-!C:imin:iii.m will Iw   -    In' Mn r.-h</t>
  </si>
  <si>
    <t>                                           Day mud Night Oaatbt CUaning. Filling Cft/~ Extracting (Paialew) D\jL, 30 W Broad St. Cor. Ala.</t>
  </si>
  <si>
    <t>                                           I l_^' l_ "MELODY LANE" \    11 it" F B B^ Is 2S    *c Sur* 2S ^^8 if F'rt 8"Big Acts Vodvil--8 (i jlj rYo I're Telling Me' Dermotti Co. i^^M jji A  Ames JEAN duke \\\J lit li Pl'ri -!(IAN a BUSTER "mSi 'd'.'"'' \\      ;l    RSH CRABBE C1RLS! MUSIC! X^j</t>
  </si>
  <si>
    <t>                                           General Missionary Baptist Convention Newnan, GaM Nov. 13th-15th, 1934 I.inv mac!1, tares from all points in r.c.ii-j-u. l j pt-r r.iiic. Tiei-:~'!s irom South  V"ii'-t- nv.v          AClama. Stoivowis :i!lii\voil. On.--\v:sv  I'.n-c .Atl::)    to .Vi-~ii:;ii  t'.h\ I'.-r y.-'.-.. ..-i-.-i /{...;..):-. TV.:.-.-1 Tr.1-"- THE WEST POINT ROUTE</t>
  </si>
  <si>
    <t>                                           Met on September 16 with Mrs. Woods, 839 McDaniel St. There was one new member added to the club, Miss Esther Tye.</t>
  </si>
  <si>
    <t>                                           N.C Mutual! Official Is Trial Victor!                 I A case of reckless  charg.     aganst Wilbur K. Wright Dur- 1 ham. N. c.. tried in Recorder i Cone's court session was dis- j         after Defense Attorney A. j T. Walden proved that Wright was not to be blamed for accident that' occurred at the Fair street cross- ing. Attorney Walden offered Hcsti- mony to prove that there was not only no one at the crossing but I there was no switchman on the rear of the train to warn motor- ists that an engine was approach- ing. Mr. Wright is employed by the North Carolina Mutual Life Insurance company as a special traveling agent. American World War Vets, Auxiliary Meet Tonight The Ladles Auxiliary of     American World War Vetenuis will  n  al  o clock         :~t tlio Iu*:irt*'rs. .ISO An* Mini avenue  to Mrs. Mililrrd (. secret :iry *~C tin*  r^:      . This ;: will     in  with 1 lie  .* hi;; of tin1 Ameri mil World War VetiTims A^. A       :il spr: will bo present from (. N. C. us well as  1:4'~~  that city. Tin- auxiliary is inviting all , their wives. : the j^  tn  thN . LVillie Evans Hurt When Hit by Auto Willie Evan. or 244 Murrayhm avenue was brought to th" Gr.idy: hospital clinic after an automobile I said to have been driven by a white woman struck him at the corner of Norwood      Dekalb avenue. Evans told a World reporter he was going out Dekalb when the woman struck him as she turned In from Dekalb to Nor. wood avenu*. Young Evan* who is employed as a delivery boy by the Clifton Road Pharmacy was not seriously injured. A case of  driving was made against Varous Snipes by Officers A. F. Duncan and Tyson . the Graham Paige which he is said to have been driving struck a Nash *edan owned by Robert Beastly of 376 Hishlanrt avenue, which was said to have been parked in front ot Ashby street. Considerable damage was done to both cars. The car which Snipes wh0 lives at 1036 Coleman street,     driving was sent to the Spider Gnrnec.</t>
  </si>
  <si>
    <t>                                           ^^^^  LOMBARD Okji JsA?  ESfc JVjStOVM ".BuVnS ALLEN       3~. M TODAY- TOMORROW Bailey's 81 Theatre</t>
  </si>
  <si>
    <t>                                           DUNN S FUNERAL HOME Private AmtmUnee Service Par of Wltbt. MA. 0U1 Simple Imprentre DlmUfe4 8 al Moderately Low Coil. Pollard Funeral Home MA. 70</t>
  </si>
  <si>
    <t>                                           FAIR anil warmer, increasing .</t>
  </si>
  <si>
    <t>                                           Doomed Man Cheats Noose Ninth Time                 GULFPORT. Ml*..- (Special) Tom Carrawny has done it again. I He has tor the ninth time  out of .1  a note Just ail  for hii long-deferred dentil were all matte. I                 Curatway, found guilty fj. tin attack on n woman of Jackson county. Sot his latest reprieve          Adam, Carr.tway'8 lawyer, former - of. this J i;luU',  a habeas corpus writ and a restraining order which - 1 (CotiCnued on r*f 1) I                 BOOMED MM (Continued from Pare vented the  of Hinds county jail from turning Cnrrawav over to Jackson county officials for . Had not this move been successful,  would have gone to his death yesterday        doubt as  p his Kullt  In tlie mentis of many  ~',,i.hll  who orc '"milter with the     . Tl10 writ which pulled Carrawny put of the  of the noose this time k rc  ot Biloxi to the federal court on .luno 4th. At that timo a mot ion tor new trial may I be presented.                 CLARK SENIORS TO1! HOLD SPOTLIGHT THIS EVENING Senior college  Any  rises will Imlil the  nn the  University campus at eight   when a program, t presented under the  of    . 8le"it n. Brooke*, In  at     rjl ilV tc , Theodore Jahnnnn. president of the  Plnss in Invltlne the  and  pt the nouth   to he  at thin event. Thin ,  am,  university  nf  will . Ih  .  P. T.        of the Atlanta urea,  of the hoard, will Kimlile. % Sunilnr  f torn Ann, at SitlO, Ihn   will ho held ii(.r.  W. , Cincinnati, Ohio, editor of the  , nn tho  . The   amh reunion trill ho  Mnndar. Dr. P.   , Brj-ant. Knnxrjtt*,     ., member nt the      of ]0l4, will  penk. The  * will he hel.1 at 10;8O Tuesday ,           Dhviil I).      hend of Bennott  for Women, , North Cam.</t>
  </si>
  <si>
    <t>                                           ^^^^^~tIV J^^^^^^J With this superfine, ^^        9^^^H flattering face powder ^          ^uL^k Here'. ,.~I beauty magic for ^^^H^^^^^^^^^^^^^^^^^^H attractive faces a superfine. fl^^l^B* V P^~m_K^^^H  perfumed face pow. B^^^H^Rflpttj^B^^H^^^^H der that make* complexions B^^^H? 1/ J^^^P^^^^^^ fai ly beam with . youthful ^^^^fm ft /f Atf^^HB^H . It's BUck and White ^^^H^^^^^^fi^^^-S^^^^^J Complexion Powdtr, perfect* ^^^HflHHp^pHH^~H^^^^H blending and long., ^^^^J^ fm II ^^^^B tn* favorite fac* powder of ~^       ^**A^^^^B Amtrica'i breath-taking . TI1AU ^^5!^^1^5v^^^^ Choote your tint from White, SIZE si^^        '-';"'' F1*1". p nk. Brunette. High I jf r^  89BJB^. Brown and Nut Brown. Large   5^B^^i^      wre /or /*   W N^X^y^t^j^B^^1'^ J Hwitr but  cn t ft *^^k N^. ^B^H^^^^ .^af *M"~3I a' ~^       In "LMabamU-Laad- Fauuetac Cur HXMMINVIPM'fMIMIInH Uaibuda't OiAan. Wad. N%ht, NBC  1^         1I13!H   I KELLY S STUDIO I ANNUAL ntl-XMAS 8 f I Two * for Um FHm Oat  I  Pm*  wir ul avoid Om raft    . VFj w   w PbHw AttaMtm mil -Tfli Ilk* Kon   ui  taM _B 1 2H TMr     MrlM VM^~~_H 'or* Mr blc Xum WgbM. ^~^^H Teintoi Htppj Aw, ^^^^H KELLY S STUDIO  twin  i- n tin i. um in</t>
  </si>
  <si>
    <t>                                           TIM TYLER Private Correspondence By LYM YOUNG                 MESCAL IKE Anyway TWs What He'd Do g HUNT1/                 FELIX THE CAT__ Bv SULLIVAN                 '{"^ji.^.-.L.    ,'.;   ;^ ^uHi^^Tl                 PETtR PEN                 TUBBY Misery Loves Company.</t>
  </si>
  <si>
    <t>                                           Lincoln Theatre TODAY TO. "Down To Their Last Yacht" with NED SPARKS. POLLY MORAN MARY BOLAND</t>
  </si>
  <si>
    <t>                                           HOUSING SURVEY MEETING TO BE HELD TONIGHT                 TO GNE FACTS i TONIGHT                 Pictures Will Add Vim to Housing j Meeting Tonight i                 TO TAKE FLASH                 v,..,-,~ ~,;~V [,,,1,1 n rr,,,. "f ill" .-r.i I iii:iii:iut i.f      Snr Hi.. I :i .~~,.!! lt:   iU' i      Pwi- fr'.m ill.- fi.-l.~ .lir.f tor .if Hi,- \:ili..u:il ll...ivh,- Aitniin- :-:rati..ii Miiimitnbtin:: IIm-  flip   aort .vrf                 I            Itv Xostw* any-1 '~Im-iv in ill.- I'nittm Sl:ii.~~ ftf! \m-rica.          :i .. ln.ii..r  i.i Arlanla. Tin- ni.- I,  mi 7 :n :,i  I.- All:. nl:i l.il',. lir;iir:.li.'.- 1 ..In 1 '..tiv. I ft* Aul. A %'i-uii**. \ciji o.~n j '~~in m:i!ij ini.T.-i,M^' 'Vritiir.--. I  f.rn'\ M.-rt iiii-r II. fn-^tu:m. lln r.ii.-i;.:   ^~~-:il..-i- I.., !li.- ni..-.,1, u II I... I II,. T.iv.-l.-il .-ly in:^ u    - ;ii:.-.i f 1 1 1 y ..r ii.-    .u r.-t.-.-s Ui' n::.l y ~-'ir l:ir^'-r .-m..~ : i-^ "~II  ..11      Kiii.j4vi. 14.ti_- i li:iir.u:.n ..1 Hi.' .'111:1.1 1 v 1 i Hi.' Aih.nia li^ lKm- I '11^ .;    :ii^i:. Up is  .-.vil in      \v iu.w ic-tim; l:.~rr \\   :uul its iv.:tl out*    ni.-. In :i.l.h';..:i t.. AlK-rh.-y Kr.v- 1:111. i'. II. p.m.. 11. Hi.. .i"  on Pagr 21                 Experts To Continued from Pier 1) M:ini i~-U) t*    :tny. will        \:ilu:il.~.' Mix I inr.i,- inl'.im.iii Mi i.i ih.. pr.-s.-ni - i'. i:. l.'.\.'i.. Ii.i .i it i if ilu- iJi.mi it A:i.;i I'-int Housing cum. I'.ti^n. t.f  lhi^  nrv*-v is :i j . will Ml-.. 1h. -lit :il Ihi'' In. .lin.- Mr l:.;i:i..~.~   .~       . i.r;  I,.- ~~-mI..-iV I'.'.lr-.iu ..I' Ihi- -II.      ud. il.. p I. ilk. Mr.  I.-Ii'im ii. 1.. i. rii.- I-M-. -                 "f his nr^ntil/ to tli.* :nu I *:t imi which wHI ;  in ^ it h\~t. A * , ! i:t Ikinir fa.--. will I'tirni-h mn.-li \.iln:.l.~.-  :is the N:i       :il :    . Tlii*. uf four-**. i-  .-.rii.-aii'-lt:!! ; will Ik* hii               *: Hi* 11111*1111^. 'lln* t ll T'-^i.-  ill In* oil h.Hi-l in m:   - lii^ ilit* .      tlh* ph tUI,* t.f *   n*!~~-~il will :H'~ -;ir in - KihIjiv   ^     ..t* It is iti- -tli     'il tilt- riti/   -'  r Ail:ini;i i,, ]--iii) i]  -ir          : - snr\i*~ :      . whit h i- Iw-inc -l^Hi-           t  Tni-i ('inp.iu.v.   iii uf i: will Miifl.v. ti.m,' such r.-nli* :is ..ui.i  Iniv  Vi*     /.~  . Il- t-f fi-~-i- :ir.* iif-ir.- t.ir-^ it 1.1 11 :~~'!'i*:tr tin    *  nrf;  "~* :mf ~'Vi-           Tin- LilM.riti- l.i^~t- m* will profit r(i.-i,-fr..ni.</t>
  </si>
  <si>
    <t>                                           a TKir rum- weu. with       -~ muM       i m.~ ami woman   . abl* In         . A     In  l*     . Hnul     In coin for handling and -. Win b. malted    .i Southern . Oarfrirr Un, ut I Whiten, Clear Your I I Skin Qoidtcst Way To be admired you mini have a light, clear  kin. The kind men IoW and women envy! Of all known methods of lightening       I the complexion Nadi^H ^^~~wta. Croun is the am^^r ^H .  and most  J^^lk- ^. Just  ~"*l th'~" TtV, V  at Dedtimc-' Nadinola "Nfc-'^r/' 1u'~*'yl Xhtentthcskin. \L.' clean away blockheads, pimples, freckles, and close* up large ugly pores. Don't risk your beauty to cheap bleaching creams, ointment* or lotions, but be sure to get Nadinola with its DOUBLE ACTING qualities found in no other product. Get a Urge box of Nadinola Bleaching Cream at toilet counters, or by mail postpaid, only sbc. Nadinola. Parii. Tenn.  KJ5 s^BB39mmSs^sV.l^^*I "Blue" Spells Reduce      women to tbt   of  own uniting id***.        tike the Vegetable Compound when they fed the ''blue*"  on. It Kodie*  log         to too* up the general ^ mm pep more dm. LYDIA E. PINKHAM S VEGETABLE COMPOUND</t>
  </si>
  <si>
    <t>                                           MORE TO THEM THAN AN EDUCATOR                 Leaving the  rites for the late Prof. John Clarence Bridges of Morehousc college Monday afternoon. Mrs. Carrie Lou Bridges (left) well known social welfare worker, his widow, and Mrs. P. L. Lucas (right) of Tampa. Fla.. his mother, may be seen consoling one another. Between the two women, a glimpse may be obtained of N. Bridges of Alapaha, Georgia, grandfather of the Morchoimc professor who was rated as one of the outstanding  scientists of the .                 -Staff Photo by Markay.</t>
  </si>
  <si>
    <t>                                           Lynching is' Protested  Local NAACPi                 I The  of f  Rnnvrclt in l. in j Ntl... m.- of I Ilio limb  f.~r      . Ini! "f Oamle       in Muriimnu. Florida.        . Ik  w. a  of  am' .luaN in all    - of   Atlorno.v Conor:. I                 Hnnvr S. CumtnincN Is also   to in an  to halt           of lynching through  federal notion. Among the   seni 111.. president and the attorney general uU'      '  liv -nl      -h of N.A.A.rj',. of whi.-li Attorn.-y A. T. Waldi-u is         -ut.           Franklin D. Rooserelt WasliinKton, D. C. Tuo Hdvnno*  of tbc : at Mnrinnim, ~* on the -Tlh when stair- authorities .lie'  to prevent It                 of states to m-i. Notlilnc short of federal law win     -     HCtlrltir-;. W,  ask that you put the weight ..f your official ' It  the olTon to make-  u  . A. T. . Tn- Atlanta Bnineh ". Ally.    ' Ilonx-r S. Cummins* (Coath-Mwl on      8; Col. 3) I                 Lynching (Continued from      1) \V:i-.:1..:i. l\ l\ in.       .i         that rii?Tl... N.-.il lMi.hnl n' M:iri:iim:i Florida 27lli          was  IhiI from im..      W.-  t.. ill-nl,.: Ill" f Mt.nil law mill LriiiL- In- s r- ""~         IhU      /*-ii          *in'~^~i *  .sta'-li'-lB"! law :iib! " A. T. W.\I.    . Pn^Wi-iii Atlui'ta Rralicll N.V.M P Fivk I'nivrrMty I'nion              l* nl RoosrvHt On Lynching. ASKS PRESIDENT TO ACT ON FLORIDA LYNCHING By BERT   1'.v Nushvlll-. Trim. i Sixvial i Thr    "ly !-."' VUk rni'~u   mi 11  *    !' i:     *  !ty t- Ui'moustrutvil u it. 1.-.1  iho lym-bln: of! i'l: Nnl in Marianna. FlnrMu iwm wi^'ks ano. bv ***       I*     -  l"iit i:     ' a  askin: him '   Inwstlpittf tin- -r ami ~.        wb" i-~'u:      ^l the .--. THE -VM ^ Franklin D. Kouavvvlt Whit.- Houxv WusUinpton. D. C. Wt, tbr  of      Fisk I'nion Church urgently  .vou   Inrr^IlcatluD under FWeral Kldnappin;   and revolt inc  of Clntii'^   \l Iant *ri k at Mnriaumi I Florida. Stop Local authority  to )         and I  '   -   unr-'NtrninvU mob          -~    . Kvitv   t. life is \v i-fii:'.im unsafe and          ai: ~*r  iit     '~ri' inur-   wlm  i. ^ * Wv  you  !'    - th:-*c  to Jiisrliv iind  a  Wmv to tbv cmw I ardly  ..f . I Slsurd W. J. FAfLKNKK.</t>
  </si>
  <si>
    <t>                                           The aid of President Roosevelt in bringing to justice members of the mob responsible for the lynching of Claude Neal in Marianna, Florida, recently, is being sought by a number of organizations and individuals in all sections of the country while Attorney General...</t>
  </si>
  <si>
    <t>                                           This week will bring forth one of the most bitterly foughr and best high school games of the season when the powerful Howard Ramblers meet the ... B. T. Washington Bulldogs Friday at 2:30 p. m. on the Clark athletic field in what one would call the...</t>
  </si>
  <si>
    <t>                                           A pleasant week end was spent in the mountains of North Georgia by a group of local Atlanta life Isurance Company official when Mr. E. M. Martin entertained 10 of her fellow officers at an outing in the delightful mountainous regions surrounding Clayton, Ga.</t>
  </si>
  <si>
    <t>                                           Fair today with temperature extremes near 72 anj 90  W. Mindlinj: i_ K-ted States</t>
  </si>
  <si>
    <t>                                           Celebrates Sixth Anniversary                 MLis Alma Hicks, Manager of the well known Linroln Beauty Shop at 2(H) Auburn Avenue, ukes this method of thanking her many friends who have made it possible for her for the last six years. We feel that our establishment is a necessity and our service appreciated from your past record. 4 41 V We have four expert -' ois awaiting to serve you. To assure  ou that we appreciate your support we are making a special offer this week only, from .Monday. Oc:. 89th through Saturday. Nov. 3rd. Stop in and ask about our anniversary week . Our operators arc Misses Erma Johnson. Rebecca Rimes, Claudia Xssh Philpol. and Miss Lena Smith. Dress Maker. Miss Alma Hicks. Mjr.</t>
  </si>
  <si>
    <t>                                           Digestible as milk itself 1     ^BR Wlfh ^e  WvfSS^'  S m'/ W^f^iS^^^^^ Let tbe    * Vy^P^%.   fba in , b       .A  UMraleduhn.aad.nif)ud.         ' **    '        . ufr ct!</t>
  </si>
  <si>
    <t>                                           BAKING  W POWDER Ssme Price Tbdotf. I is 44  I 25 ounces25</t>
  </si>
  <si>
    <t>                                           Sorry to have to hurry out of Hell so soon out the Turner Brothers Elmo Klmbel. 'Cute' Barner, and a few others just wouldn't behave and the Devil, gave orders for them to get out of Hell right away Here's what caused it all ... the Devil was showing Cute around and...</t>
  </si>
  <si>
    <t>                                           After all, what may be said, a good dentist has gone in the person of Dr. G. R. Shivery.</t>
  </si>
  <si>
    <t>                                           Many tennis players do not realize the importance of correct grips in relation to stroke production. There are three general styles of grips; all others are modification of these.</t>
  </si>
  <si>
    <t>                                           SPECIAL Half Sole 39c LADIES' HEELS 14C MEN S (ReR.-50c) Rubber Heels, 25c ECONOMY SHOE SHOP Cor. Broad AUbsun* under Jacobs</t>
  </si>
  <si>
    <t>                                           ALL GEORGIA IS EXCITED over the coming of Edward Kennedy (Duke) Ellington and his internationally famous orchestra. This renowned troupe is traveling in three all-steel Pullmans, including a private diner and is carrying $50,000 worth of equipment, and is causing more talk among the ... lovers of this locality...</t>
  </si>
  <si>
    <t>                                           WORLD WIDE BRIEFS                 HERR HITLER ORDERS BOYCOTT                 BERLIN, Sept. 28.- (Special)- According to "Der Reichswart," German newspaper, the editor of which is an old associate of Adolf Hitler, Germany's- "powerman", physicians have been ordered to boycott a hospital in Dusseldorf, as punishment for not voting for him as  at the time the election was held August 19.</t>
  </si>
  <si>
    <t>                                           HERE I AM. Little Miss Loraine Walker, daughter of Mr. and Mrs.     Houston Walker of Fort Worth. Texas.</t>
  </si>
  <si>
    <t>                                           TIM TYLER S LUCK By LYM YOUNG -1                 MESCAL IKE By HuntfeyJ                 FELIX THIS CAT By SULLIVAN                 PETER PEN:                 SNOOPS   ^_ .^^cr-                 THE TWO ORPHANS</t>
  </si>
  <si>
    <t>                                           Coach Taylor Explains                 COACH  It. TAVIXin. wh.. rn.nl..r of the Bishop nt^T'lV''" '.V'!""!"" S"":i' ''llV- Ml- A1 ^""W \Lh!'\ T'"~ '~"'lt r  :i ~"lvl r"-'(l1  I":'.vl..r at Mr. M..,,,,, ..~iu-ian:.~ u, i),,- P.ml Oi,,,,,i i:   ,..~, a,,j           .irs.   uith (Ik-  ri.il   H- Tiyri llis i,lr,s n.i;  u,.u  u-u frii-n.U aii.l Bishop look.s forward tn liw return. Ciwh TayL.r is .1 n.-Hivt- of Scattlr. WashinRton. He ,li,l bs collar \v..rk at (Ik- L'nivcr-ily i.f ShiiiIktii California ami  ri-1-i.rd there that w ;i  (; mark (...r anv   to tr;ith. 1 C: I.. Hi.li..,. ~.,i.- in thr   .-ason l'~33. lie started hi-, I w^rl; xt nil ~-       ^i.imii ;in.l ;i  j,irit tli.il Im ini-:itil wi-ll for ill .OIKTlllcJ, I</t>
  </si>
  <si>
    <t>                                           PERMANENTLY LOCATED MADAM MINGY THE WOMAN Wno KNOWS Patmlst and Life Reader Tells past present ana . Gives advice on all strain of lilt. Love. Marrkfa I^RMB *"d Speculation* of  fll] all kinds. Don! fall [V$~n to see tbls tUt*4  3na Palmist Potato tin      *~i  M^M "XI shorn you how     . Madaai Miner hit   and     ran          . TEI.f.S  DATS AMD Lt'CKY  Satisfaction Gaanaleed Office : 9 m. to 9 p. nt K3R MeOonoach Rnad (ArrnNs from Federal ) SPECIAL READING     1    l- PriMMi rar to end of line. Look for Name on Situ. Madam Mine? Makrs No Hiiik Calb Not In Tent</t>
  </si>
  <si>
    <t>                                           and   today anil  -s near M uud 78 UrsrvvM.  \V. . I. States UeteorolotiKt.</t>
  </si>
  <si>
    <t>                                           I NOTICE 1 ALL FOOD HANDLERS CITY  AN EXAMINATION AND SIC. 1 BY I'HYSiCIAN Call Today And We Will C f\n Charge Only W U Durham Medical Institute 160 '/2 HUNTER STREET CORNER BROAD J)pen^ntil^ o clock Al Sight        MAin 1293</t>
  </si>
  <si>
    <t>                                           Madame Zella PALMIST AND BUSINESS ADVISOR Coiuult  Woman Wno Knnwi SPECIAL, ONE WEEK WITH THIS AD Three questions answered free If you want facti and not promises, consult this woman. If you. are down hearted, havI ing trouble at home, or failure i 1 in business, love, marriage, or I I divorce, THIS  IS I FOR YOU. Gives names, dates and lucky numbers- All .es (uar* i anteed or no charge. SPECIAL, a lh.ee dollar read- J Ing for one dollar, one week only. 2971 Peachtree Road in Buck* bead, Ca. No' in tent. Hours: 9 A. M. to 9 P. M. Look for Blue Electric-Sign in Front of Store.</t>
  </si>
  <si>
    <t>                                           GEORGIA RAILROAD Announces lowest one way Coach Fares ever offered. Tickets on sale daily, Atlanta to Lithonia .37 Conyers 47 Covington .62 Social Circle .78 Madison 1.02 Greensboro 1.33 Union Point 1.43 CrawfordviUe 1.61 Thomson 2.01 Augusta 2.57 A'so Bargain Round-Trip Week-End Fares to All Lo- cal Pointa. J. A. HIGGINS General Passenger 'Agfc,'</t>
  </si>
  <si>
    <t>                                           Brownskin 'Varieties of 1934 "At 81 at Midnight                 Tonight at one  otter 12 at the 81 theatre, one of the most well rounded and best talented floor shows will be presented un- der the caption of "Varieties  1934." This gala  stage: show will feature i-Ican cut enter- j -ient galore. Accompanying                 this show will be the famous! Troubadors orchestra which is       about "the orchestra" in the south j since the advent of the 'Bama State Collesians on Broadway. I Jay Gholston. nationally famous! musical director of this orchestra, has written several tunes and new arrangements that will be at to-j night s performance. Among some of his own songs that will be played includes that very enchanting melody. "In Your Eyes". "Sepia Jazz." "chant L'Africana". "Honey Child." "Your Love Wasn't Sincere. Jongo'" which is the sig- j r. song of the orchestra, and! others. I Every song played by his or-~ chestra will be newly arranged asi only Jay can arrange them. It will be a rare treat to the Trouba- 1 dours to render his arrangements! on: Cocktail For Two: Drop Me Cff In Harlem: Rocking In RhyI !hm; Minnie The Moochcr: The i Man From Harlem and numerous others that will surely have your feel shuffling if you aren't very careful. I The floor has a casl that ineludes 18 first class performers I ind tonight they are going to give their version of "Varieties of WW I in rare style. bevy of shapely' browns will make the chorus have just about everything that is re-' quired of a good chorus. Wesley Jackson, famous .ice                 inn. will be there tu keep you i laughing with his witty cracks:! Banner and Pal more, two fast I hoofing lap dancer;:, ui-q  to put on an act: Richard Smith and Verona Mason, two we'! known -; of high calibre, will i appear as well us Uvo juvenile stars.</t>
  </si>
  <si>
    <t>                                           Tonight at one minute after 12 at the 81 theatre, one of the most well rounded and best talented floor shows will be presented under the caption of "Varieties of 1934." This gala midnight stage show will feature clean cut entertainment galore. Accompanying...</t>
  </si>
  <si>
    <t>                                           Ann Haskel, taciturn, independent mountaineer, rules the little village of Pine Knob, in the Ozarks, with an iron hand. Though generally considered hard and unbending. Ann could also be extremely generous. A hard-working farmer herself, Ann disapproves of...</t>
  </si>
  <si>
    <t>                                           W. A. Scott, the founder of the only Negro daily in the world, shot in the back by an assassin.</t>
  </si>
  <si>
    <t>                                           Partly  with tattered ,  extr*    Ixtwcen 70 aiid 86          W, Mlndtlnr J?      State*         6 iit</t>
  </si>
  <si>
    <t>                                           Bailey s ROYAL TODAY, TOMORROW. TUES. JSSfc STARS, STARS, AND j^^J MORE STARS! U^~1 DICK POWELL  4 MILLS BROS. t ginger Rogers.       TEH F1      AM) HIS BAM) GINGER ROGERS. I AT O'BRIEN And Munv Ollu-rs  AM)  ( in Gigantic Kntrrtiiiicitcnl Morjjer A host of furious  of the air teamed with bright ^^M^ % of the screen In the \^r ,^^^^1 ^%^ 4^l^h .t and fanni-a of WAR- ]  * ^v (7 6^^B NEK BROS.' famous musl- J^^ .\t3m **^3 ral hits: See wh.it goes on JK^^^jt \*^k ^fl^.^~JiH "behind the mike" wher. ^^j^^^H 4 ^^^^^^^^^^^F 1  hear those blc  ^JS^^B^^^^By rr^/^^A en to the air: A different. V^^^H^^^ft 'TSt^k d477.lin;.  how -.hat ^^jf^^^l^^^^B'^'^^fl^B "fairly         with action lJ/^^^^^^^^^K^F^^^^B and .*" gj^ "20 MILLION SWEETHEARTS" I Also "Maid in Hollywood": Todd-Kelly Comedy; "Poor Cindrclla"; Color Classic" and "Kit Carson. Com. Next: "STAND IP AND CHEER"</t>
  </si>
  <si>
    <t>                                           W. A.  LAUDED BY PORTER                 KnoxviHe Editor Is Visitor In Atlanta Makes Comments                 IS TVA BOOSTER                 Webster I.. I'ortor, , a' law and  ami          -r of Ihc K:i.st.      )~~'~P Wu-s of Knoxvilk*.   -;m.. was a visitor in Atlama Thiir-cl:iy. cni-oute to ':i*       .       points in tlio C:.ri,]iii:,s.                 l.V.TUIIIliziVI .IK (1~,(. of ou.(. .".t; (       -:il fn uri* in Kit '!'r:iin SM'i' ro;::-~~! of r:.ro. Hi-; ^i-i;::i! b:'. u*b(i?-P . !i:is jir. done much to  rid him in i-e.;: hi-,  .-~l.'dus, .      -  i-nL-^in^ly of ithi; roc   i,i                  of the country especially! as i Ik;     stilt of tti0 Knosfvvlt ad -I      :ili:;ilion. During his stay in Atlanta, cs-j 'l5tri*  the'  he  u consid^roh y ] cf   points of  f.-t with .1. K. I';-i-m,:i_ assistant Ei- -r of ill.- Sc-'.U Ni-\    :   'r SynUicuU* and J. T. Diipn-;in. :;^~is''tn' ~'(*. 'uf^ with C. A. Scott,  mang-: Cfr or ih0 S. X. S. and Allsiitn i Daily World. I - i0 the  of t lio- 1 Atlanta Daily World. Editor Por- ter inei E. N. Davis, ir.:;  of the Atlanta Daily Worirl and other         -s of the . of ..          and ~~? worker.  CAnlMii-   ! on Poijf fi; Col. C)                 W.^Scott  from Pare 1) who ar responsible for the publication of tlie only Xegro Daily newspaper in the world, in comment ins upon his observations, he said in part: "Any member of the group who is accorded the privilege of                 in on the      force of capable  men and women who are continuously busily engaged in the important undertaking or producing the fuce-g only dally newspaper and fail* to  encouragement and inspiration is  of capabilities of appreciating the progress that th0 racial group ia making in doing"  worthwhile. fc "If the vast Neer0 population of Atlanta. Fulton County and the South in genaral tail to realize the great contribution that the late w. A. Scott. founde, of THE WORLD made when hP pioneered in Negro journalism and established a daily newspaper, they are incapable of appreciate* the unselfish services of worthwhile -leadership. Continuing his interview. Attorney Porter stated: Today, when the government s: mammoth program  in the activities of the Tennessee Valley Authority activities, becomes a realization throughout the South, the- tremendous influence of a daily newspaper will be felt in       effective manner and ony through such a medium wiil the race have opportunity to give expression ,to..      .that will be accorded consideration by, the powers in control. "Every individual, group and organization should throw their material and moral support behind he vigorous, efficient and interested organization of well prepared and interested young newspaper men and women who are responsible for THE WOLD, in a most enthusiastic manner for it is only through their medium of expression that a second emancipation, comparable to that enjoyed by the raci.il group morc than three scores of years ago., will bo  enjoyed." Attorney Porter stated. "In  my friend of long standing the inimitable Jasper T. Duncan, recently added to the staff of THE WORLD .is assistant to the managing editor, a pleasure was afforded that exceeds any that has come my way in many months. The South is extremely fortunate in having this capable and vigorous journalist join the effective WORLD organization and Tennessee congratulates THE WORLD oa its  in making such a selection and our section on acquiring the services of such a sane and farsighted journalist."</t>
  </si>
  <si>
    <t>                                           Regularized as one of the outstanding political figures in East Tennessee regardless of race, the ... barristers whose personality has probably done much to aid him in reaching his present status, spoke very encouragingly of the recovery outlook in his...</t>
  </si>
  <si>
    <t>                                           Like The Famous Rock Of Gibraltar! I I p? ^^S5   - v The Mme. C. J. Walker Mfg. Co. Still Stands A Monument To Race Possibilities, Achievements. i In  limes, when wo nro so  co   jobs- it is refreshing to know that here is one company where the color of the skin is not a bar to the secur- inK of employment. Still Leading In Its Line and Kvcr If you want real results, try Mme. C. J. IncrcasinB in Popularity is Walker's Hair and Skin products- MME. C. J. WALKER S Take Advantage of TWi Wonderful Hair Grower Gef Acquainted Offer!' If your  is short, brittle, thin nr falling out J- 50c box Wonderful Hair Grower If your hair lucks life- 1- 35c box Glnsslne ^f If you have an itching scalp, dandruff. '-~Oc  VcKctable-OU      i dry scalp- J :t5c box of Tan-Off Bleach Cream Uend today for Mme. C. .1. Walkers Af.f FOR fti AA WONDERFUL HAIR  AliIj *Vt* ^*~W "Thirty Years on the Market" Send in your order today The Mine. C. J. Walker Mfg. Co., Inc.        ? WALKER BUILDING INDIANAPOLIS, IND</t>
  </si>
  <si>
    <t>                                           NEW YORK.--A testimonial dinner in honor of his forty years of service in the community was tendered Dr. E. P Roberts by the members of the Central Harlem Medical Society on October 10 at the Y. W. C. A. Seventy-five practicing physicians were present to express...</t>
  </si>
  <si>
    <t>                                           Food Handlers T Be Given Extra Attention                 Af. .1 call meeting nf Hie Atlanta Jledivnl Assoi-. Monday. Or.toiler 20. definite action was taken     tlio colors!  of At  to  Segmm who  am] who  comply with the  ordinance  that they hare n  examination, that  will        . a     for a special Price of Sl.no per .person. In n statement released     DrS. A. Petors.  of Mi'.? Atlaiita Mwlkiil Assoc::. hf . \  - wish to assure tin- Ncsrnes if AC.Ilil.i  aro ?:.]ii:u- Cooil ami must i:ikt- tin? ci:!-:it itm. that thoy will  a '!i :i.l fair .iii in. wani     .- that no [~. is ilis'[ l  -iit U'l-.aiso I of !; and Iiidlfforvnl vr.x- ." i The Atlanta Mcdiml Avsuciation  the  v ^r the           physicians, in Atlanta. All  :i.)i-i                by NnveinlH I I.". Tims-.-  l      lK.-ni.Mit hy this      :il of-! fer of the medical association ma;. I so to any  tbu  for examination.</t>
  </si>
  <si>
    <t>                                           An appropriate Christmas present, will be on this tree for all of the 'boys' and 'girls'.</t>
  </si>
  <si>
    <t>                                           TODAY TOMORROW Bailey's 81 Theatre TIM McCOY in "BEYOND THE LAW" Or.- DniiTtivi- Thriller of th.' . Bailey's          LAST TIMES TODAY Little Miss Marker    " 'J ADOLPHE  i DOROTHY "DELL M   f f SHIRLEY TEMPLf CAPfTOl THEATRE AKMSTKOMi        "lli' DIXIE LEE ~'^',"1,",' 'j'"'5' m Kr\ur" "ManlutUn n           Ijoxt Son;" Fin D;       EXTRA  r. M. Amateur Contest  %</t>
  </si>
  <si>
    <t>                                           LOS ANGELES (WS)-- Young Peter "Jackson, 22 year old contender for the lightweight championship of the world will be married to Miss Lillian Nash, 18 year old secretary for Dr. Ralph W. E. Bled soo, on August 10th of this year, so it has been learned by this writ...</t>
  </si>
  <si>
    <t>                                           CROSS CHILDREN MAY HAVE WORMS (or  pk: l. *. kid bf.~.!,. lr.  .:.r.r,.. ,. ~,.d ~,n... TW     l,.v- pin or rr.,,,,,1 w,.,ml. \Vi,,,t,   .m Vrrm,   ,    u(-lv  nd tor v.af*. !/ *~  ,i;,,4 th* worm* ii.!    rj^i. WHt., Cfim ,\""li:i;=' '"~n.m.n-l.,1 hv ,lri,:,.    . \.m;s -t MII.TON 1</t>
  </si>
  <si>
    <t>                                           I want to enter in the World's Mills Brothers' Imitation Contest My Name is I want to imitate a My address is I am years old. -.Date-</t>
  </si>
  <si>
    <t>                                           Monday night July 18 at 8 30 P M there will be a Mid Summer Fashion Revue sponsored by Mrs Estella Thomas of the Marion Davis and the Hemlocks Revue of the Deborah Chun of Mt Olive Baptist church Tickets are out There will be a very interesting</t>
  </si>
  <si>
    <t>                                           311 ENROLL FOB STUDY AT Al                 Second Joint Summer School to be Staged by All Local Colleges Attracts Many                 PASTORS SIGN UP TODAY                 Three hundred nnd eleven men and women completed registration In th Atlanta university summer school on Saturday, the first day of  (or the six weeks . John P. Whlttaker, director of the school, announced at the close of the day. Of these                 255 signed for courses of  standing and 56 enrolled for graduate work. Registration .will continue thru Wednesday, June 13, and the offices of- registration will bo maintained on the third floor of Giles Kail, Spalman College campus, from 7:30 to 5 o clock daily. Class work will begin at 7:30 o clock this {Monday) morning and the first convocation will be held at 0:30 o clock in the Giles Hall  room. President 'John Hone of Atlanta University, will be tho speaker. This year for the second consecutive summer all tV; institution* of higher education for Negroes in the city of Atlanta have           4 -   .j!ummer '' All regular1 sessions of the school arc, being held on the Spelman College campus, and the Btudents and Ktaff arc being housed In the dormitories of Spelman and Morehoiise colleges. In' conjunction with the session I ministers Institute is       contacted at Gammon Theological Seminary where . and other religious workers,' Irrespective of denomination, are bying offered courses in the fields of Bible study, sermon building, missions, religious education; organization }f church activities, English,  welfare and health and sanitation. Registration for this Institute will open today in Thirklcld Kail on the Gammon campus.</t>
  </si>
  <si>
    <t>                                           Three hundred and eleven men and women completed registration in th Atlanta university summer school on Saturday, the first day of registration for the six weeks session. John P. Whittaker, director of the school, announced at the close of the day. Of these...</t>
  </si>
  <si>
    <t>                                           Red Blooded FilmThrills Crowd at the 81                 All *'if*l spi*****!!     '*m  :it ill.- XI T'ni  v for th-        uf II IncliMlrailw .. pn-ff          MikmImI -thrill" fil,,, In 111.- Klll.lt.-. Mtlriibtteaml  v Inc room . "M-n  r ili-i Nlchi." ilio  film .-h         ih-tv jr.t"    .ijr. !: nil!* ihf Wll. with a  x.-ii inc an.]               ~~.rj-.        -~1     thi- -ii Lamlx-rt Ililly-r. who also .lir.-.-i ml th.- film. "Men of th.- NibIii -rnw thi- ~-    -         of youni; movi.'-!~       Kirl in    - film i-ity. who I* .'   -w       !.!:inc.v.     itit :n.      :*~int: complicity witli K.itiK of j.-w.-l thl-v.-K. Th.- ini-ina Ik h.-.-n"-~t wh.-n ;i   '". y.'  l.-         ~:iU.-~ Ilklni: to ilu- Kirl. inn    1-1    liow lh:ii hli* . (k l.i-ini:       I'.v li.-r l" iM  him   - ~*;*~.'4Urn*'*-                All.-i itwo  r ilw       iN.i. s.-r..-.. . ni;      .^: i-r  of     *           rn.'t i?.* .'.t inl ll.-^.</t>
  </si>
  <si>
    <t>                                           Friday FOOTBALL came called OCT. MOREHOUSE COLLEGE 2 P.M. VS. 19th.  COLLEGE Admission CCc PONCE DE LEON PARK ATLANTA, CA. L ~*~~~~~~~~~    ^^v #,..rir- IV^.. .-.*:l,W.,'t t7-T</t>
  </si>
  <si>
    <t>                                           Swain Gets 2 Years On Knife Assault Charge                 Charged with assault *'itii intern to murder    the * Mabbins ia.st September of zander* Wliburn. James Swam wo.-, when a two year sentence in the ? by u jury in Superior I Judge McDonald's court Tuesday. WUburn charged that be was attacked by Swain and another man named James Echols. alter the pair hud robbed him on Greensferry avenue. Both Echols and swain were acquitted of robbery charges. Swain in his ? i-  he had stabbed Wilburn af.~r Hip latter hurt made an improper   ih:. -:irt  u  purty at :i cli*    . f TrV         lioU^i-. Farmer Sentenced For Killing Wife MI'.MI IHS. T.i.i,.. ."~hn Honry Cowan     ~*n.  tn ten years in ill,. State penitentiary Thurxlay fur      murd.T uf In.-.  jfi\ Mrv Sarah Cowan. Tli,. wmni wa- kdU-l ..11 tht- night of Cv!..h,.. ii. ,i, ;i fann house noar KaU-,  vi .mm!     husband was - by a Shelby County grand .v. O.tob*r 19. on  h.-ii-Ki.-N "t Hr.-t Uesre# murder.  'not   U  if,'% '.'r;i'i,~ nil with a . .I !-\\"i  when shv- :.,l :.i mak  cow\ if,- Ci\,. .-l up to deputies  ly uh^r thr .-~ American W r I d War Vets Plan Poppy Sale Tli.- .Niii.-n.Mii WV.rl.1 \\-.\r \V(or:ti)K A.v.~. \M1li lt^.Ts at 3S0 Auburn ^. In       tli.- public to Mippou the POPPY 'liv   R saK- by -       *^ Auxiliary of the         :iti.'ii Saturday, November 1 1~. Mr.H.       U       ,    -: .if      croup, ^  tho (~mil* .oii.'.'t.a at tli*        will I..- ii'~l fi.r             "f *   ;il.~.-il w-i.-ri.nH. .s :~ ~. .- s- r \v. Hoi!:U).l i" uh1 that all \vM"  , nil   -   :ih \~-t^    . 4*4   .*r;     it, in.iu.. -. p..~ipy ri- ut!~m a</t>
  </si>
  <si>
    <t>                                           SO-GOOD HAIR GROWER A QUININE POMADE Craw* Was, Mft. silky *air from 1 la 2 * par . RicnanM ky  for Tattar. Ecsaau. Fallta* Hair aaa IUkia( J^     . SO-GOOO HAIR STRAIGHTENER Straifktam* m*f      of karsh  kair  Hat- PaOara, ar Hal Caaik* aaa * it  aaJ . SasJ        ar SUaa. Si      Hair cAmr T -SOc Sa-GaoJ Hair SlraigkUaar 50c 8aU br HaU Only 9"    * Hair           ...v......: Me i-.~ta!^.2  frg^j cy sjm ,5. _JT T. So-Caoa1 Slda WkiUaar 3$c Write for Ten*     T#a#t         jy^^ w SO-GOOD CHEMICAL CO, 75 Fair SU S. E, Atlanta, Ga.</t>
  </si>
  <si>
    <t>                                           Bailey's ROYAL STARTS TOMORROW LAST TIMES TODAY ii.iin  ' "b-k n.-,i,;.. UHAINtD Bailey's 81 LAST TIMES TODAY KAU'll BELLAMY in "One Is Guilty" STARTS  Ml Ml IMI1I tl 1^^^) MOW) MWl 1 Bailey's ASHBY Lv\ST TIMES TODAY iii hi'.'MoiMwonTro. 'RIPTIDE' STARTING TOMORROW LOMBARD i.^ ,,morri; m^ ^^P Gangster</t>
  </si>
  <si>
    <t>                                           Five Arrested For 'Stealing' Food From Cans                 Charged with violation of the Du. val , v.JUch makes It against the city laws to recover food from garbage can*, five were fined $7 or ten days In the      stockade when arraigned in police court Wednesday. Those arrested included Grady Sales, Earl Holiday. Tom Smith. Early Brown and Will Edwards. AD said they were hungry and knew of no other means of securing food. Officers Lee and Lee of the City Sanitary department made the cases against the .</t>
  </si>
  <si>
    <t>                                           Card of Thanks                 We wish to thank our many Mends tor their kindness  the death of our son and brother. Mr. Inman Foster, for the use their ears, beautiful floral designs.  nd especially Cox Bros. Co, foe ;heir efficient service. -Mrs. Sophie Foster and Family.</t>
  </si>
  <si>
    <t>                                           Fair ii nd  warmer,   ,  *r 82 md 8C r^ \Y. .MIihIIIiik, I'nliwl Sinles          ;mc.</t>
  </si>
  <si>
    <t>                                           In a ... was almost void of thrills, and frequently interrupted by arguments between ... and officials, the ... Bush of Washington Tigers were held to be scoreless tie by the fast stepping Lakeland Panthers. Both ... were in a scoring position at last...</t>
  </si>
  <si>
    <t>                                           Keen interest is being shown all over Atlanta today following the announcement by officials of the two clubs that the Atlanta Athletics, local entry in the Southern Negro Baseball League, and the fast moving East Side Blues will engage in a three-game series beginning tomorrow afternoon at 3 o'clock on the old Morris Brown athletic field. The second game of the series Wednesday afternoon at the same time will also be played on the old Morris Brown diamond, but Thursday afternoon the...</t>
  </si>
  <si>
    <t>                                           A FAITHFUL KNIGHT  In my troubled wArM, A weary mind ami groat .worry Tber,. Jt God in Heaven to worship: Br faithful: Ho will win your wnr. When  *      you can t win, By  your  love away. r Ity Imprlsonmont or  of , The light of life thus, "dimmed" to . When ', sweet, remember me, A  faithful 'knight 111 be; Few true friends, but a heart of Hold. I will gamely win, Indeed, my Tictory. By Eugene Love,</t>
  </si>
  <si>
    <t>                                           Funeral Notfoes                 BLUE- Mr.     Blue of 502 D'al.  street. N. W. paused away very suddenly July 26. Funeral announced later. Dunn's           Home. BUTLER- Mr. Mason Butler   *sed away July 28, 1934. Funeral announcements made later. Murdough Brothers Funeral'     Tectora. ROBINSON- The Ust rites of Mrs. Onolle Robinson will be observed today at 10 A. M. at the Lin. coin Cemetery " the remains will be interred. Murdaugh Brother* Funeral Directors. SULLIVAN- The friends and relatives of Mrs. "Mary Sullivan ot Atlanta. Ga- Mr. Monroe Smith of Bessemer. Ala., Mr. and Mrs. K. J. Luck!?, Mr. Joe Smith, Mr. and Mrs. William H. Smith. Mrs. Inez Moody, all of Atlanta, are Invited to attend the funeral of Mrs. Mary Sullivan this (Friday) afternoon 2 o clock at our chapel. Rev. xt L. Cook will officiate. Interment Lincoln Memorial Cemetery. Dunn's Fiu neral Home.</t>
  </si>
  <si>
    <t>                                           J-^-X-X-X-r-X-X-X-K-K-X-X-V ;BAILEY S STRAND;!; STARTS XMAS Clarence Muse      LAST TIMES TODAY: i ['Hell Bent for Love'$ ;I AVith TIM McCOV i BAILEY S ASHBY STARTS          '-~~~~~^^     The Picture You Must Sec! LAST TIMES TODAY "Manhattan Melodrama" Clark Gable Mvnu     -U Tapped PliUortf"</t>
  </si>
  <si>
    <t>                                           Army flailing wildly. Lean, graceful body twisting in sinuous gyrations. Crouching low, rising up. Legs shaking, Feet pounding, Like a voodoo high priest exhorting his gods.</t>
  </si>
  <si>
    <t>                                           ^B A I L Am  LV Wire ^- ONLY NEGRO DAILY NEWSPAPER IN THE WORLD ^^U VOI^Ui 7. M'. 25(1 ATLANTA. C.A.. Tt . NOVKMItKU  i.l!i:i) p  Vi v"b- 7-</t>
  </si>
  <si>
    <t>                                           )AtA I WEDNESDAY. iWt 25. 1934 Total New York Stock Exchange Transactions 1.3*8,000 shares I Total New York Curb Exchange. Bond Sales SJ.400.000 Total New York Stock Exchange Bond Sales $10.864.000</t>
  </si>
  <si>
    <t>                                           ^^EQE^9^nAr^9^Vnnffi?^v^hn^V in the 10c size k</t>
  </si>
  <si>
    <t>                                           Chest Colds Rub on Musterole. Used by millions for 25 years. NOT just a salve, but a "counter-^r.t." All druggists.Three strengths. YOUNG H MOTHERS^1 co)   .Treat - i '^f      mother did- "T^W*^- 3" .- ^f t-'i- ing I Just rub  ^R'~:* f j   d chast witb a, i^B^^^i*</t>
  </si>
  <si>
    <t>                                           """H^^^SJy^tT sc gdl S2ZZZ 8fei'"^\ SB TBff" ^tf"^^ BBT"^ E3 . SB iB^^^^Tr^H^^^^^ra^^jiS</t>
  </si>
  <si>
    <t>                                           WASItiNGTON. D. C.Ont of h,. by-priloucts of Om 1VRA IN the push is giving to the movement simplify the vittoMar. Apparent ! Y it Lc putting ,iilendur reform in e ec: without legis:ntiom Soon ftrr the r;covery pregoun func ion, the Govenunent cco-</t>
  </si>
  <si>
    <t>                                           HE WRITES NEW SONG                 Clarence Williams, noted Broadway publisher, who has just released his latest composition. "In the Shade of the IMnc** a waltz. Another of his popular songs, "I Can't Dance. I Got Ants in My Pants.** has won nation-wide popularity.</t>
  </si>
  <si>
    <t>                                           "HOW TO WIN"        -l-r Key          :  to r-0 for tho (Irx linn by  Thta      work        1     HIT the STItAXlMT r*a4 to Kyrfw In all Ihrlr .       ..- LOVE MONEY LUCK       of '^"~94~^?^Boooi MM!         - ^K/Jfa^j^H -Tour     ^^^t,~  ,a ^3    Win"     wnn- ^1^ H[V ~*      r.      - r/ 4 I    m*  in          ff Al to mh^oot wry day that I apply thorn awl       -                   _        ktM I mr Kolluw your ! *  far yon- copy -f thu  work     MAJU  wUI liu tua* AboriaMly Prao a (*       or       Myatle Cmmoalal Pow.^r-. a raro and IMrmlagly  lac*     ' from . .      . and Holy . SMmI  II. with yaw run Nan* and         for tho Kin Maaur Kay KyatMM -How To Win-, aad       yoa kla raro  AMyatK            Powi.~ni- with Fun ConfMmtlal Iwoti . Abpolatoly Proot If yoo  you may vay tbo *~alman C ft 9l.'aa elm *  you  tko  Try tko 9yat*ma aad Powder far C Uaya. If you aro not  your  will bo  : WMU SARCON. Dw.1. C10 30 CONCOURSE. EAST JERSEY CITY. N. j. GUARANTEED!</t>
  </si>
  <si>
    <t>                                           THE LUCKY SEVEN F. AND S. CLUB met Wednesday, July 18 at the home of Mrs. Mattie Jones 681 McDaniel street with the president presiding. Business was carried out in the usual manner. Plans were made for a lemon cutting on...</t>
  </si>
  <si>
    <t>                                           Last Times Todav Bailey's 81 Theatre TODAY ONLY Bailey's ROYAL CLARK GABLE "NO MAN OF HER OWN11  CAROLE LOMBARD I  *"*:"J1,,,0"" I Wi-c^. 1  SS SSET la " B Of  'T i i.i j</t>
  </si>
  <si>
    <t>                                           Employing a devastating running attack and taking advantage of costly Clark miscues, the Alabama State Hornets sem what ever high hopes Clark had of ceelbrating "home-coming day" down into the pits of oblivion by administering to them a 20-6 defeat before a large and colorful crowd, of sports enthusiasts. Weather conditions were perfect and the sun shone brightly to form a fine setting for a football game.</t>
  </si>
  <si>
    <t>                                           ARTISTIC BARBER AND BEAUTY SHOP The most modern Equipped shop in the city. 11 Artistic Barbers MARCELLED FIN8ER WAVES I SS  ST.</t>
  </si>
  <si>
    <t>                                           Poet's Corner "Laugh and the world laughs with you.      ;md you w*op alone." rii-     - ml m'-r: will se*k you, F'-axt mill      * arc . Fast, :    _ tlK- world   ** by. Ho       ~"    your  are many. Be sad anil you lose thorn all. But alone you must drink life s Sill. By Mrs. Oorgla Tomler. /is  SANTA C1JWS With WCndorinc   -rs of                        no troe.     listen to ttw        Mow. Wh*n down th"   i Brand did fellow wilh hnw for all of you. With        ,fnr you.  momin: hr-cht nml sun oC  Our stocking*  with fruiti . And thine*    make oar  .  With a  of  and Pity for poor. Whn had no                n  to  c;.rt r-</t>
  </si>
  <si>
    <t>                                           NO more reffable authority is needed for the bravery of colored soldiers who took part in the World War than the French War Department, which cited a complete Negro regiment for the Croix de Guerre, an...</t>
  </si>
  <si>
    <t>                                           SOCIAL CLUB is ... " Kentecky Oyster Supper" ... Jackson St.</t>
  </si>
  <si>
    <t>                                           I met a young lady but before I tell you of the meeting. I will recall an incident. When I was a very young man. before I entered the mail service, I was a member of the Rising Star Society. I was attending an anniversary meeting...</t>
  </si>
  <si>
    <t>                                           1^ /w  When The Frost Gets On The Grass THE chestnuts come a-sprinkling on the fallen faded leaves Aj)' the mellow 'simmons drip to swell your golden sheaves: An* there is heap fragrance in the lazy breeze that pass a feller feels like whistlin' when the fros' gets on the . Ever     out early 'fore the big sun takes his stan' An' whiff the freshen breezes that come ' roun' the Ian' An' the grey dawn leaps before you like a dodgin' lookin' glass? Then you ve seen some of Beauty when the fros' gets in the grass. The purlin' of the streamlet bring the springtime memories back, An* on he cool sand tables will be seen the 'possum track: The cornstalks lean to kiss you an' you recollect your lass, Down in sweet ol' Georgia when the fros' gets in the grass. We'll leave this ol' depression in the  sun to thaw, An' we ll call all the fellers to get that turkey out the straw, For Thanksgivin' comin' roun' he lane with heap class, That's why we re  happy when the fros' gets on the</t>
  </si>
  <si>
    <t>                                           HOLLYWOOD (WS)--The Finger has been placed on yellow and brown people in Hollywood! This may sound strange to you; but reflect for a moment and vision the number of light skinned people you have seen in pictures. They are constantly being told. "You're not black enough" and another burden is added to their harassed life in which so much emphasis is placed on the mere pigmentation of ... skin.</t>
  </si>
  <si>
    <t>                                           Tuberculosis Treatment in Russia Discussed by Nathan                 By JESSE 0. THOMAS                 KiXorc Um; UOiird im- of the Tiibervuloais Ajisociiiliun.    . W. 15. Xatliun, Profi^sor of .ii in tlic Atlantu L'nivcrsit}Ormlnatv !~k:     , (,-- u most ^tins   t  lie siw :md lio=inl        Irsivclinj ^li SOrift. IiiKsia  Jilrtir_- tin-  ast .sum                 mvr rt-                wf tu. *. in Particular simv 1    KiLsxin . Dr. Nulban is : a -T of the Ikurri ami    t" tlie Bsaril on I his Important Milrjivu I'n.lcr      nW C/.ui":itic control                 ai-f.];; t.. .   . Niillian. : WiTi ly :: IkiIs lor tubercular ( in  maintained  Hie Uifl'vr cut lR)':il sub-division* in Uk whole ^-untry of Kussia. Today Here ii    more than 2000 UhIs  l.y public tax fur Ibiu*0 of  patient* lu      . IIv (li.-c-i'.\"     they Jiavc  n  of tht?  nuU  which were owned  ,~ir. ly Ui HiC   -v01ution by the Ko..al .'s.  the old      -    3f    .* ~* ami  their into n*t I'urc homra for  put i.-nt- TlnTf an- . ho      ,     !:iin*.ld for   wbr liar(. ,\Ti t- C   f Insipid tuberculosis where not only special                 lifts  tin* direction of         dieticians are  for  . but recreation * organize the       of play and j- their recreation. Tlicre nrc medical experts   il to factories where any considerable        *r of p*^~     are em      -nd. Hi- centers are connect d wiih factories. Women arr exempt from      t\vO          be (CunUnned ou rage 4. Col. 4)                 IHJers Freed as Tuberculosis Test Is Successful                 The Canon City, Colo., prison                 Dr. H. J.                        Mike Schmidt II                 Carl Ericicion                 .Th.- '.successful  -nt of a now serum  J.-Mjn.-d to prevent tuberculous has : fr.s.Jom fur Mike Schmidt. 34. and Carl Encksot.. .;l\ li:- [.   - thf Canon City. Colo..      .-. and .*~Pf *?.   *d'~l authorities that a -iit^ ha.~                 bwn found for the dreaded white plague. Voluntoennc to become " guinea pigs" for     experiment, Schm,~i; or.d ^on -Uv^d         and wee   by Coveraot Edwardj:. Jolmfon.                 Tuberculosis  from     -                   and two  af i cr. "ii "full salary as n. means ^^.Uu.'  po*     .  nili..u of the  on ..im baiul anil ; it more nearly    -      for the   to lie      \vt*    Much  is spent in, an v( fen to  the people concern ius . In l'.Ct sonic 2.     .il articles on  '.H were                in iln- for'      -^ .-iml  in  tn^ .-is 3-":      lift -  rtN  Wml. An   on he- 1 . of  wlm luit  ^ ir for 1"~ yi ar*. Itan ili.Hi'ovfrf.l that        an- several  tit tul-^ UiU'illus.. Somi' m"      ilyn:imi.-  Huts. The  Im-iw.vp *        of Time          *tii  f     -ri uti  iis -uhI another is    always a             of ~**~4tho tyi"1 "t        . This \      -rt^i-: it is             ilm* .^r tin- lii.. of Imcili has  ihi-. sPi-^        .]     \hc ^fTm j A      *in of v.  t rCii iK-fi.ri-     - - flays  li' tins rr^aily              *   *-! ty of        .. This  tan has :      f-uml it Ix-ncf i.'ia 1              - ''   .'     chil.l Is LOrn.j IIC  I., hare i-~            ~!~~fi n li*  ;tnc*~ of  tho **1 *       semi to i ho chil*'  u-      child b* still in Hi. .r's \      . Twvnty-llv* million 1*. whirl. is i* to ono million dol lars "f American     -y, * fnt tin' annual      **t spent Soviet  in its t  a ^ tnN*  '        . All f*      :iu*i { arc  hy th.-       . Xo  ihy j - can          a private lVo. i 1-^irh  works siv hours :i J ilay: Tim* hours rw^'ivins patient* * hours  . :ini* I oni- hour iu        !    - - i   **pril \. Tin-      !    nf ."till Iwini Mrtli1 I in I:    :i :is            with Ihovr 1       in          . especially in At . as  "in. ".v nr. X:i  .'S the      I tin-       Mni-flt ion nf 111.-    .~~li in. tht* two ~**os r*u  in^      ' mill tin* seii   thar i'. mail* in Russia as  wit! tl'-~ unscientific as wi-U us    in At- lanta. 'CW The  el.~    his '. I n-itli an appall to ihe *rs i ihr* Roanl to use their **' in ~-    :^         : opinion in                 Atlanta in the  Of a  -    v.vll :    :il - 011 iIh-  i:~rr ..f         - li.-;i It i :.~ ami tin- lay  ot. thi-i important      ^il.</t>
  </si>
  <si>
    <t>                                           Before the Board members of the Tuberculosis Association. Dr. W. B. Nathan, Professor of Education in the Atlanta University Graduate School, gave a most interesting account of what he saw and heard while traveling through Soviet Russia during the past...</t>
  </si>
  <si>
    <t>                                           TODAY ONLY Bailey's ROYAL He     a price on hit  She had a price un her heart- Proton Foster Dorothv Dell "Wharf Angel"  SUNDAY: James "Tomrhboy** Cajrney -Here Comes The Navy"</t>
  </si>
  <si>
    <t>                                           Ailrolocy LOOK! WHO D MISS THIS?     "~:t*r Reader* ZOLA SISTERS Fr*e Iwiky          *I1 -r*. 3ee t-a     tire. Two fan on n*~       !    . Srr O"r  tr**Iojry       for          ind future. Dcliith ZpIa      Arrived from th^ World** Fair. Everybody 1 ak      nowt^r v^. Havr ui felt yon    *l\ th** b^*l thin if* ^^H to you.   *r*-. to ut* th*~~*~ *nd  Itow lifr ran     #*~~ty *d of mi*~?r*blr. Don't co-^ OUR rr*H;~~   with OTHERS. This           p-opU make their *. We civ#; Rc*   , F*   , not          . 1412 BANKHEAD AVENUE Rivrr  Aimand P*rk C*r*.     for Clttppell     . Elrrtric SICn in front of  with "ZoW on it. Don't       this chR"(Ce. PALMISTRY SPIRITUAL ADVISERS</t>
  </si>
  <si>
    <t>                                           TODAY ONLY Lincoln Theatre He defied all the TlT]\/f underworld to get his 1 ll l story. McCOY in "HOLD THE PRESS" With SHIRLEY GUEY Slnpin;: Dancinc'. "I Like It That Way" Gloria Stuart Roger Pryor COMING SUNDAY  }Jm: fetchit Up and Cheer" WITH 11 STABS Songs! Dance*: Laughs: I Lincoln Theatre</t>
  </si>
  <si>
    <t>                                           Tr. James Cony, Ex-Army Doctor J I find so many colored people who are unable to 0 iy, these I serve free, charge only for medicine. !j Medical Dental Offices JSt Last You Can Now Have The /ery Best ol Dental Work and I Make Small Weekly Payments. I I Have Associated With Me A Very Competent Licensed Dentist With Many Years of Experience Office Hotn: t A. M. to 8 P. H, DR. E. H. HAWKINS, Dentist }'     ^~87S to.: Ma. 8087 COT TBH AD OUT AND TOT TOM   71 IVY BT, W. B, ;        Hoiton ind Anbarn)</t>
  </si>
  <si>
    <t>                                           (TraM^em Bureau is Pr6     Boeti     Many JoG SeeKerS                 uncle  AIDS J 0 e SEEKERS                 Thousands Receiving! Much Needed Help j from Government                 EXAMPLES CITED                 The Federal Emergency Relief Administration is ministering to the nccls of thousands of men and  women who arc wandering about! the country in search of work, i Through the establishment of tran I  lent  and centers under the direction of the Transient Bu-i                 of the FERA. scientific social treatment for the homeless has been substituted for the back door handout and a flophouse bunk. Report": from State Relief Administrations to the Transient Bureau show that 21.000 Negroes out of approximately 200.000 persons :in- Timlin:: -.T tit   ci-titi-r*. j Nlli-]     Ii:   - :irU,.n lite.. ~,r:i vi-    of hope, comfortably equipped and I well manned with trained super- 1 visors, business managers, art and I educational directors, physicians and dentists to attend the health needs of these wanderers. Sanitary quarters, clean dining rooms, recreation, remunerative and  valuable work projects  n every hand arc appurtenances of! Hit' 1!    i':       l-n-atj-ii in every part of the country. In Cleveland. through a peculiar quirk the Negro boys did not like     fur-:* nl  l*"~\vnl(~n*n lintels :in.l the colored community objected to shelters. The FERA's local transient officials made arrangements through colored families of repute with available spare rooms, interested in net only extra income but in helping the boys to appreciate home life. They wore compensated at tho rate of about S4.50 a week. Reports indicate excellent result1!. This citation from the annual  nl the Alabama transient dir,-l,,r mi.ii.r tli..  gives at; encouraging picture: I The  concentration of Ne- 1 cro cases is in Montgomery and Birmingham divisions, each j these bureaus having a separate j  of Negro case workers. The Montgomery division uses the Nimc registration personnel as the i white clients. The following .n from the Negro case worker 'in Montgomery merits insertion . I "In spite of the fact that the bureau handles hundreds of  (Continued on Page 4. Col. II j                 Uncle Sam Continued from PaKe 1) (Whllo  n lnr.'ill .-:l .II : and they are  by the same registrars anl in the same office, not a complaint or an inst:     nf  lins ris**n. It ithe known policy of the bureau that everyone is human and each individual is due courtesy and humane treatment. "It is the expressed policy of the FERA that everyone must have fair and just treatment; that no preference be shown: that each        :i i U-  :i li.arin^ :iml that as far as humanly possible. the ideals of President Franklin D. Roosevelt dominate thu entire prop-am, which knows no race, creed or color, "only that justice be done.' a parallel program for both races.'* An arrangement is now :n offer, with the Georfiia Transient B; whereby the Alabama Transient Bureau is allotted a quota ol interstate transient Xosroes be I., ilio rv-i..-i] ,-..]..r^! .t,i,i: at Fort Bcnninir. Ga. The FERA has a .,-w: s-j.-.- camp a? For: Bon-i-c.     .v. another army tx-j: Arirc.ns snd a number in Cal;fc.rr.i;~ s-c VyrminR where wh.:~- .-    c.^crea transients work :z;e.'rtr  7~.~rc are other can-.ps Virtu's. NVw V'nrk, Kcntuckv :~:.-.ry:ir.d. with novel  The most p jTs-srS-.rc po-^'iss  K in p^:--v:;!(~. Mrt. Here I*nnn-d M. Hi1:. Hnvarri . is the soris:    "  and  or of :    cc:a; o- of the camp. T 'Varriti. an- o'l'.er roll Ro wan. is  of . Timr. . This  n-o?n!m has teen     . nn nn thr* fi.ono. nc-'. ^ farm undo'- Mi* iuris  of the u. D.~ of Ar: ^. I1 hri*:  nnm1"1 Onmn HonV-   : in honor of i''~ r7-T?\ A'lniini^-ra o-. Tl"~ Un:t/.(i 9W"s radio :." i ^in inn fn- n l fio stio-t  hr-r*'ir"~-+n'" '~~i *i.o r*Mjn;rv is In-! f.it.-rl on1'; JinU mi]o -.v. l"i]~'.'-.i lo Ifarn            of Ihe i ' or M:o hor wr.vrs is  I "i mi!   - nf thi.!:o fi  nr rnn:p. D.'ii y forming, hoj; rai.si!"~. s!- it- r  and many - ,c ar,() modern courses will be made available to tile r":.VR luc ty       ;h to get into Come Kopkias. for which some S19.000 has been . Tile boys Inve cleaned off ihe ground, w.pj thi. trees and cur, some of the  t0    used for construction purpo.^"s. as wall as due the ditches aiu! put in rhc ceneral waVr supply and drainage system. Tivcntyfive- of Oie 200  pot a trip  Washinpfon. the nation s Capitol, which is 15 miles distant, each nicht on ;he camp trucK. They never fail lo show up at. 10:30 fo:l!:e trip back. In tile short two wpc ks Director 7?il! has b.?cn in . the boys havo saved ever $200 from their SI.25 weekly ?. to- Co toward payin; their way home :ii Christm .s. instead or hoboing on : trains and hitch . Of cra:rse.' there arc colored cooks,  and other workers                 chosen from Uic shelters ill Washinpton and the Transient Treatment Center who carry on these respective jobs about Camp Hopkins. At Camp Graycourt. New York. j a similar program is carried out. Dean Molir. former coach oi Willcrforce sends hin good Congratulations I am down i here a-. For; Bcnntnp. Georgia, as 1 Social Service Director of the Tran-ira: Camp under the FERA.    have a fine camp and an Intprestirs project. We hope' to %o places wilh our work." j T!:e following information    gleaned from Sta'e reports of trail-  bureau activities: I In  of the Virginia bureaus. classes a-.c being conducted in  subjects and in some i cases in l-.ish school  Is i given while transients. In t:n-  whore classes for Negroes '~avo bd-n at:. so little  been shown on the part lisp -n:.-! of the instruction !h:~: :lie plans wen- abandoned. j In th? camps the educational programs  been considerably more elabora^ and more ::i. I:i the Nepro camps special ?r.:p!i;i.-:s has been placed upon reduction of illiteracy. one time in Chatham Negro Camp  were as many as 81 enroll- I ed for elemental subjects out ot ;50 rr.cn in camp. Many men in Xcq.-o camps have been laught to I i rc.id a:id write. Each camp operates a weekly newspaper. All articles are written by the transients. Tlie two white camps invite and receive  from the bureaus in their vicinity, while the Negro camp receives contribution.-; from trie. Kpitro enrollment' of all tiie Neqrses in the state. In No th Carolina' there are six  liris fur while men. one for women and two for Negro men. In u'.ii l:a:n. Raleigh and Asheville tin; Nigroe.s are on contract care and i:i C::: bo h while and colored an- on  cafe. In Charioin;  and white transient I'Timi.'irs as v.-ell as unattached colo.-cd men are assigned to larm j .shelter. Supervisors of the barracks are bodi white and        . In Durham iin-rt. are four caseworkers, two seniors one of whom is colored a:id ca^es for colored cline'.s . The Negioes have a cottage plan whereby a contract is made wilh the person ^in charge or th:* particula;- home l0 cart. for them, furnish three me'.s and lodging for 60c a day. i Tins plan is a.:so true of while j i . Colored boys     sent! 1 to ill'- c:;:ni) for Nesroes in Frank- j I lin. Va. There are two gardens cared lor by :e transients and four smaller ones by Negro trail- j stems . These . were j donated by t!:c Negro community and  department and i Wafs Hospital. In Gr.-. K. C. single white j and colored men  to cn10:- transient camps usually remain from one to tv."i weeks. We Im-e I found a bei.'c-r Mt-. from this I group.</t>
  </si>
  <si>
    <t>                                           The Federal Emergency Relief Administration is ministering to the neels of thousands of men and women who are wandering about the country in search of work. Through the establishment of transient camps and centers under the direction of the Transient...</t>
  </si>
  <si>
    <t>                                           WOIiU Company J. S. Licnucd CaII Your discarded  ^C" Cold OMlen Md eld eol^ and n.cel*r highest      pr!    witt            .  a=d . 327 Pca'tHtr^e Arcadr. Take Elvrater</t>
  </si>
  <si>
    <t>                                           One of my best white friends, who has done much for us in our onward march of progress, said to me that he was raised in the South with colored people and was nursed by a colored woman until he was able to care for himself. Be further said that be...</t>
  </si>
  <si>
    <t>                                           Harper, Dickerson Croup Leads Bethel                 Section A under Prof. C. H Harper and      Kcbecca Dickerson, increased its lead over Sim: tion B In Tuesday  s re porting of the Biff Bethel Anni vi- Drive. They were accordingly  king and queen for another week.                 slon A.      John Randall was the leader of the eight divisions reporting, 'Klowed .Iy by Dlvision_5. of.  Mrs. NelUe L. Davis is leader. *     Klorine Dyer of Division 3 came third, and Miss Eugenia Johnson of Division 6 came fourth. These four divisions have stt- maintained the lead (CoBtlaned oa Paje 9)                 (Continned from Page One) throughout the campaign.  from one to    - other on dlf. fcr.-nt occasions.       it appears that Section B, led by Mrs.                 Viols Sutton and S. S. Abrama Is holding back for a final * during the last days of the drive. One of the major events of tbe  will bo  beautiful candle light  rally Sunday night at the church by Group 1 Division A of . Orvtha B. Brown Is captain. Everybody is urged to sit on somebody a pew. Captains for tbis effort are Mr. and Mrs. John Calhoun, Leola'C. Dobbs, Lois Jones, Callic Dobbs. Julia and Helena River*. Ethel Mac Moore. Susie J. Watkins. Leila Brooks Smith. UWe Smith, Alma Pleasant, Kuth C. Harris. Clarice Branch, CalHe Montgomery. Lettle Williams. Ethel -Hanley, Madeline Groves. Ella Ramsuy. Sanova Dickcrson, Ludle Lewis, Marguerite Jonca, Rosa Hall Hanley and Mrs. Pinson.</t>
  </si>
  <si>
    <t>                                           Section A under Prof. C. H Harper and Miss Rebecca Dickerson, increased its lead over Section B in Tuesday night's reporting of the Big Bethel Anniversary Drive. They were accordingly recrowned king and queen for another week...</t>
  </si>
  <si>
    <t>                                           Elks Present Dances to Aid Sweet Charity                 The third of a  or dance* being given by the m.~ r* otj Gate City Lodge No. 54. I.   . l\l E. TV". to raise  for Ihnir! Christmas Cheer basket* will   -j staged at login o clock this even- i Ing at    , Elks Rest. 73 Bon i Street. N. E. I The Elks. In presenting      ' frolics for this charitable cause, tt I will be remembered, have, for a j number of yearn, spread Chrlm-j mas Cheer by  out     ;cH to needy and deserving families. This year.     need In Krrator than before*, and. with auch a of. the  or^ are heavy demand for hell), member* appealing to the public to       male*? It possible fur them ?9 reach u lar^rr number of Ga'c j City . Thvw;       . all ut which have, been highly  and            arc attracting much  tlon and promise  lovi-rs nut only a  time but the knon-I-l  that  are   to have a Rood time. The  tured Sunday night.  at I dance in this series will be IVa- 1 one minute otter midnight. j Good order and  music will i prevail and dance lover* are1 asked to come .and help the "Bills" put over ,a real Christina program.</t>
  </si>
  <si>
    <t>                                           Mrs. Nellie Arnold Simms of 20 Meldou avenue, G. E. has just returned from Chattanooga, Tennessee. After spending a pleasant week end with Mr. and Mrs Charlie Hickey of of 1409 Ivy St. While there she visited other friends and relatives.</t>
  </si>
  <si>
    <t>                                           i YULETIDE GREETINGS } May the Season Bring to our Many Friends and A .'Patrons a Very Merry Christmas and Prosperous New 'jfc 'Year. { A.W.RusseirsSon'sCo f n Ava.. N. 1'. :r. ~':."r.*:."*:\."^*:."r:~:;~2^2sl?.:^~.:- .v.--?^t:-*i..5</t>
  </si>
  <si>
    <t>http://search.proquest.com/docview/490444644/</t>
  </si>
  <si>
    <t>                                           As we approach the Community Chest Campaign, certain facts concerning certain of our institutions interested in social service will hear repetition. This writer is more or less familiar with the workings of the Atlanta School of Social Work. The Neighborhood Union. The...</t>
  </si>
  <si>
    <t>                                           TAKES LEAD AT LINCOLN                 Jack Bonny. Nancy Carroll :.   One Raymoml heading1 an :ill-slar klsI of screen unit Kiili.t ^-s in "Transatlan- I I if Merr.v-   -        .*' s!i.       Tiicsilay a( I he New: Lincoln theatre.</t>
  </si>
  <si>
    <t>                                           FAR from washing our dirty linen in public, it is not amiss that from time to time in our protest against many wrongs heaped upon us, that we take stock and see if there are things about us that are going undone. The trend of Negro reaction is protest, and justly so. I'm going over the editorial pages of many of our contemporaries there is seldom an attempt to cite what we might do for ourselves.</t>
  </si>
  <si>
    <t>                                           ALBANY, Ga. -- The scholastic session of the Georgia Normal and Agricultural College of this city on September 20, began, in full swing, the activities of the 1934-35 scholastic year. The precision with which registration and other activities swung into action was due...</t>
  </si>
  <si>
    <t>                                           Ilow one of onr flowers enure to 1.0 named is told in the following; ,nonYrnous poem:</t>
  </si>
  <si>
    <t>                                           Slayer of Ellaville Chief Faces Trial                 . Co.- (Sr-Cinli- WnnAiy nccn  tn  -in a; n special        of iho Srtiloy      )" court, w.'l     for     trial cf Charlie Ondrnti. 17  old ~'-~n-~~ whA rhi"~~vt wl h " (Thior of ,. Wilbur B.        m Chrtsima?; Eve. JtMo- W. M.  of AinTira-i  ill,^l 1h^ Yoiiim Dodwn  10 Sheriff Rteby. who rti.-~1Kl thr .rr ni     youth In a . said to have -~    tho       8 of the chief,  RTabbinu the :' n'^nl when ih*            , arrc t him for a minor .</t>
  </si>
  <si>
    <t>                                           PAGE SDT BIRMINGHAM WORLD, BIRMINGHAM, ALA. TUESDAY, SEPTEMBER 4, 193$</t>
  </si>
  <si>
    <t>                                           At the recent graduation exercises of Booker T. Washington high school there were awarded several scholarships to very worthy students. Listed among these was one from Les Pavots Club. It is for this cause that we wish to announce the launching of our Scholarship Drive.</t>
  </si>
  <si>
    <t>                                           Bennett Little Theater Guild Makes Hit                 GUEEXSCOr.O. (Social) Kriday December I The t,lt-;      Theatre GulW of. Bennett Col-j logc presented wo  * dramatists. TJie first play  a.i "The Dvclur In SpWo of Him j self by Mollcrc. The  :ili ^     .tlon were excellently lone by Pauline Waters.         LAckv. CUberU JefCrlcs .and Dor.  . The    i9 :i  one act  by Tchckou "The Boor." Florida Turpcau. Josephine Grlf(In.  Daphne LaWaoa ) In credits performances.      Lh^ae         ^h  under j the direction of Walwr L. Smith. Prof"~sor of Draioatlc Art. were directed by  -~'  nro  in Dratoatlc!1. j Tin- Guild               year n wrl-s .if tour  ot Oruiii:i110". Tlil- group    Uie iwcc-n'1 01  the ~~.*. Vrvt Smith, who has V.-cn at Ctfiinvlt fwr     years,    a pro-: .t.vct of Morgan College and Cv;  CnivvraiU'. In addition Ue\ ha* don-; extra work at Vale Cnl-~  School of Tine Arts. Latli year. und.;r his directorship.     !  - dramatic tourney was held at Isennuli Cotlesc Klw-j i ii           competed fcr award*! in  affair.</t>
  </si>
  <si>
    <t>                                           DOTTED NOTES: -- Tentative date for Duke Ellington's opening on his second invasion of Europe is September 17 at the Palladium Theatre in London .... Cab Calloway has an original, new song style which will become as popular as his famous "scat", but which...</t>
  </si>
  <si>
    <t>                                           MARKET, DATA TKUIlSD AY. DECEMBER 20. 1 M T.'tal Nov.- York Stoolr Exchange Transactions VT.UTA Shiiri*       New York Curb Exruanuc Bond Sales. .$  J00.   Total    - Yoxk Slock... Evehanno Bond StfeR.-Sl-"</t>
  </si>
  <si>
    <t>                                           Xmas Carol Songfest To Be At Gradyj                 The spirit of tb..- CUristnu*'  will In- orri.il lo  today ai o clock  members of tlic .Colored Women".-, Auxiliary of  lit*) will      -ur a carol- ~,t  wards on the          Mile. Sinking groups and members of c!iur.:h  are ur^ed tv join ill tb"             today  will 1* under the direction of Mrs. Ida ] ry~!i. chorister for the Auxiliary. Adding further  to Grauy Patients ^ the .        - of tlic Auxiliary Frklay : l-oth tliC Colored N'ir c.~' home and tho bo^ \rard-  - boily and Clirl-- 1 tide finery. TUls afternoon a toy will   ?  to children patients in tlic  ward,  the Auxiliary  :i CltrUluia') tree a.l.Tii.-,)  . I l7ruit has bti ii purcha"*d to ciT-' t-ach patient durin; the enrol  fest this . Mrs. Mattk- U Walker    Pnsidnit of      AiiNilinrr  Mrs. Thelmu JL ("-Mackay U . I riKK CRACKERS CV.V I  i .Trie Konicwhat Uoblons 1     ..n. ot ; t'~e tin* YuletWc I Tell       tv Kii-year old  Smith.    j of Jlrs. Rust Sinltli. of mir I S6-1 Decatur StM-vu Tlio . wlw appeared j In tlic Gnily . Ih.t      nellen to twice    i/f. told * Umi Mie I  JinJUtl u .li to u firecracker  did not so 1' up     apparently         she a*id.  bc ^Ulr1     on It. only to  It come to life UJid i blow-off In her face. j</t>
  </si>
  <si>
    <t>                                           New Service Barber Shop t OLD ADDRESS: 70S F.ir St.. S. W.-Now LocM-d j 231 AUBURN AVE.. N. E. Herndnn Bid*. I t AftA Cutoncr. wanted to ACCEPT the New Service        J.  System. Every eo.lomer     tock holder in New Service  nd e.ch Service receipt       a 10%        il r^~n.ed in Service ,d with thr      ? of SS.00 in Nrw S-     - rec^p*..      not  n      -rim*nt.               .  .ctive for "Itht       . Hundred of cu.tot mm Uvr received the t0"~ Servie^ dividend. Get         -d v/ilh  t,f New Service Savni;       . The i SHAVING Service it entirely different. Your         will         y the difference in      New System and the Old. t CaII forth*   -w Service MASSAGE SHAVE       jio t  . i Bmcinnin* Fn"cUy. November . through S*~~    . November 17th. every  will receive $2.00 of New Service S(oi.k FREE Iravint; only $3.00 to   ve in order to receive f. 10.% Service Dividend. E. D. PilU.        .    supported          - well known         of many      " experience in .;     public in the f           'n in      cil". i SiwcUl ' to Ljdiel" and Children'  Work. t Your* for' better         Oic Management</t>
  </si>
  <si>
    <t>                                           p***ttv *m\ vo  SBrSf Samples of SWEE1 \K^a7 GEORGIA BROWN ^HHB^ HAIR n d r  POMADE AND FACE POWDER. Juit tend name and * and 15c In stamps or coin for Alleged CHINESE GOOD LUCK RING and Sample* FREE Beauty Book and Money- making Agents' Offer sent  with Ring. Write quick. VALftlOR PRODUCTS CO. Dept. 801 SM9 Cottage Grore Ave. Chicago, IO. U. S. A. Chicago, III. SensationalNevrlKscovery GROW! HAIR In Three Quick Stages *    Or No Cost  DB At laat. hara U -' W^BK^K *tao*   thai  BS^K actually win crow hair VOW  D       day. er It ^~^MRr dMa t cost you a  t  9H Mr. Jobnion'a BrlUlmWT Hair Orowar. tola 3T  fait working In SniM     called, la dlf"JJJglJ* farant than         ^HW you hara      uwL Too      foal rub a  Into your  Hana^B haJr and  with your HH BncarUpi  day. u.lr. IB^^H '"~rt. Bakr haft- ton*  MDI Into loni.  nt. thick. UnflUyi ( Kalr that  wN^BJr on*   and          r'^m^f r j^o      ( n0 ot,     and no doubt, Mr. Jotwaon'* 2BQ StoM u*ir Orowar muat do th. ^~2 2T*^ work to your  or ^^m^. II         . Bud ^~~Hj^k   Cor QUlok ~^HfllJH action.        Make ThI*   Convincing Test ^~ffiS^H 8 nd no monay. Juit J\WS8ll-~ mall lha  Ixlow   B9OH  now. Whn yoor  HH^Hn  at Mr. Jobnaon'a  BW Brllllaatlna Hair Orowar  IVH .                 man only  1.   V 'T   m. tei rub a Iltti SraStAda X' MrrTobnaon'o Han ^B Qrowar Into your bait with   and If yoo ara not   muid  how .. bow       bow  and bow  your hair li - II too don't want  * Joy-    want tn pay baai your . If your hair U  amnd th. , If you ban  , dandruff or ItoliIni . tut tar.1 JobBaon'a Srllllantlna Hair Orow.r. UaU coupon today, it your hair It  and kinky don't fall to maka your tut and mall coupon  now. Tut at our , MSd . Why wait r Uall Coupon today and       mora            and  than you tr.r  MAIL COUPON  ""~~TTT^T-^    "~, I Mr. JtfHMa C4*   . Out T. S14 m W. ErUSt. CMMlITlll. I Rtnd ma it one* ona  or Hr. I Johiiaan'a Brllllantlna l/alr Cfrowar" I win tiva  upon  only I Poataia and Q. D. . I with th.  that I tun. I turn th.  Hair Orownr. for any 'on. in i.v.n day. and you will ilv. J back my .  CjUMIIod I I Natna I } Addraaa^Cor P. Boi) j I City 8tata I r J Of YOU WANT MONKTi * to bdp Clre yon a new start In life. No   hope, stop worry* Ingl Write me today. InlortnaUon r-REE! M. WUIIama. Ml Bert-en Avenue, Jeney City, N. J, Dept,</t>
  </si>
  <si>
    <t>                                           TIM TYLER S LUCK By Lym Young                 MESCAL IKE By                          FEUX,~'THE       By Sttffivan                 3 By CY 8~;                 THE  GIRLS                 PETER PEN</t>
  </si>
  <si>
    <t>                                           MADAM ALLEN                 Character Reader And Adviser Lucky Humbers And Days                 101.1 MarlolU St. N. W.                 TbU lady    *      wnnd  I f tft  . Shr ha* a-*- j           and !   r i          In  walk  r lifr. SIh* can  YOU no  wlm or wtul   *u arr. Nu        *r what your hope fear or  is. runic to tills        anO li*ve your mind   t ra.s**. TrIU how to        ^   In j           Jove, *".  nd *prr- MlAtioir* of all kind*. HOURS: i*:00 A. M. to 9:00 P.I M.      Marietta and In man       car; get of!      #bov*" Plow factory.</t>
  </si>
  <si>
    <t>                                           MESCAL IKE                 By Huntley                 'tc^-aa.        , a e^eaw</t>
  </si>
  <si>
    <t>                                           1 1 /"w^N 401 - V J   21 i [121 J</t>
  </si>
  <si>
    <t>                                           Baptists' Progress To Be Depicted In I Moving Pictures                 M.vins  i:.     . lci.i.ihi; tin"J'ri'sri^. 01' ill.' Xesro R:i;~~i-: ill (:~'~r;ra." xi* ill lip  li"\:: :ii thf Mt. oliv.. i::  .   : .~Inm-li. tli.- l:.-v. .1. it. X.il.ii:. ~..i :cr. .-..ru.-i- ..f H.Msrls :iml Mull.r -invi. }  -ml:iy i::;lii. I j 1 I". .1. 1". .:in. w.'ll kit. n Aill'trr" :i\~..' (Continurd on      - S, Col.                    Baptist Progress (Continued From Page I) I .iix. In :i.      ..n            films, j Mr. Jortliiu will  lm\v n- ri:-~ '~r   Vmnry  r ~.r  r(.~v. iin.l "Thi- GOo.1 S:." The i^ iit Wnsiucs* mnn is i only \~-   . in tin- .ty with a - (U- i.~ - - i iu^             !    prt*URim           *            1h* wrj* : :nul . Tii.-~il:i.v . - films will U'  at ilu* \  -si.  Hir.x-6 Iici-:i-c  ~)nicr ' ami Wc-i Hunter, the . 1. R. . .</t>
  </si>
  <si>
    <t>                                           New Roller Skates Disastrous To Two Girls 1                 Nev* roller skate*  *  to t^o lowr, of the outdoor       . Grady            :              butt nti;   .       -J'*Rr ol       M.        . J8: Rockwell      .                In thr art of  f. took h tumble Clirliituuu* Mtt***  Injurtnl li**r        Mliouldor. Elrvpn- uM       M.* of :   SclpUi *  ho* uncle while - to   *    on          "         " bud JiMt ^ her. Dotli        treated and permit" ted to return      *.                 JOSHUA JONIll By L P.  It'i til      now.. .~xe*pt''fbi-~:</t>
  </si>
  <si>
    <t>                                           "Apostle of Peace" At Congregational Church Tomorrow                 It is one thing to nave  ant. I :: it is quite another thin;, 10 put them into action in our every day relationships and . So  is the man who lire* vnat nc believes, that when one comes along 11 usually thought either insane, u "Communist" or a crank.                 At tbe        o clock service ou Sunday morning, under Uic  of the AgOga Bible Class, tbc Firs'. Congregational Church will : as guest minister thc Rev. Ashton I B. Jones, one ol                I individuals who believes  inv teachings oX Jesus arc a little more than the ravings of a fanatic. He believes that Christ meant what Hi' said when Be admonishes man in Uls headlong rush for things,"   ! (Conttnacd on Face 4. CoL Z) i                 Apostle i Ci.ii  from Pace I) y-k i:    the KiiiRdom of Heaben and all ;hrso "thines" shall Of  unto    . R'-v. joni S believes that the modern apostle .-an make Ills way without money in his purse as did thi disciples and apostles. old. and tx* '.loving those  he lias hart tsv ? and the  to test thorn nui in practic. Wlicn a man will  ar: out from Atlanta and *. by vray of  m Fnmdsco half way c :und the world because he : Dank upon God's promises and nu ns goodwill I say lie is translating be Yl into a.ti.~n. Much"of Rev.       *  in tli--  and on the leri ur.~  is sr*.nt in           ; uai   :i world wirt1 r**ncr. Th- -t of hLs Mrmnn *  at the Firrt chur.n wit* be "Th,. prince of peace." Speci:T Xmas music will t-. r.'ndi-r;~l by the choir under th? direction of Mrs I Kaomalt Williams Mai*. An unusual i treat is in sior,~ f,.r all who attended th,*- snn- Rev. joni'.,.wlll speak at Wesley Memorial church this  and at Fn.' Bnptls'. church n-xt Sunday morning.</t>
  </si>
  <si>
    <t>                                           It is one thing to have beliefs and convictions; it is quite another thing, to put them into action in our every day relationships and activities. So rare is the man who lives what he believes, that when one comes along is usually thought either insane, a "Communist" or a crank.</t>
  </si>
  <si>
    <t>                                           SOUTHWEST GA. CONFERENCE ENDS AT LUMPKIN                 ASSIGNMENTS IDE BY BISHOP                 Sound Advice Given, By Venerable Bishop Impressive                 MANY CHANGES                 BY C. A. WDfRPIFf.n                 LUMPKIN. Ga_ Oct. 2- (Spectan with the rising of the sun today large crowds began pouring In from every section of the SouthWest Conference to witness the closing hours of its most interesting sessions held here all the week. Tils inference Sunday school                  1 success as quite 60 classes  :heir rc-ports. President Fountain  the Sunday school and -avo out  about Morris brown college and the work it Is . Following the sermon tct Jracons and elders were   nd given their certificates. Resolutions thanking the bishop and Mrs. Fountain for the unselfish services they arc rendering their race and the church and asking for their return were read by the resolution committee. Following the  of the- MemMlaticommltttir Bishop Poun-aln In a positive and fatherly way delivered his goodbye message to the ministers he ;s sending out to labor another year in ihe Master's vineyard,  them to be wise as serpents, cut harmless as doves wherever they :nay be sent to labor and by ill (Conrinued on Page 5, Col. 4)                 Assignments Continued from Face 1) means fit in the community life. Don't try to live above the people but live  Ulv people and with the people. Badges of honor were pinned on Revs. J. H. Hall. S. H. Rome and T. M. Mosely as     100 percent pastors of the conference. The bishop emphasized the fact that these I 100 percent pastors are the masters of the conference. i The conference was one noted for its sweet spirit from start to finish and they are loud in their praises to Bishop Fountain for the pleasing and fatherly manner he has con- ducted the affairs of the conference from start to finish and it can be j heard throughout the bounds of the inference "We must have him , for with  Morris Brown i*. Appointments Donaldsonvllle District. P. E I :afe for all times to come. Rev. C- C. Crouch. Donaldsonville Sla. Rev. J. W. Gwymi. Eldorendo Cir., Rev. R. D. Griffin. St. John Station, Rev. C. W. Collier. Cedar Sprtas Cir. Rev. L. H. Winibush. New-berry Cir. Rev F. L. Flemming. Jerusalem. Cir. Rev. E. D. Glover. I Hilton Cir.. Rev. R. B- Knight.                 Iron City Cir., Rev. B. Moore. Bethel Cir.. Rev. S. L. Laster. St Marys dr.. Rev J. P. Moses. Dry Creek Cir., Rev. J. T. Jordan. Boytsville Mission. Rev. Henry Bethlehem Mission Rev. J. B. Kinder. Ninety-eight Mission. Rev. C. L. Flowers. Duncan Mission. Rev. H. Fedd. Culhbert District. P. E. J. E. Brown. Payne Chapel Sia, W. J. Johnson. Lowell Circuit. Rev. A. M. Roberts. Georgetown Circuit Springvalc Circuit. J. T. Barr. Cuthbert Circuit. Florence Circuit. Hatcher Circuit. Pleasant Grove Circuit C. L. King. River Bethel Circuit, J. J. Everrett. j Mt. Zion Circuit, J. L. Lewis. Cotlon Hill Mission. Rev. C. i Brown. Minor Grove Mission. Rev. A. L. Jones. I Level Hill. Arlington District I Arlington Dist.. Rev. A. E. Pear- 1 son, P. E.: Arlington Station. Rev. C. E. Graham: Damascus Station., Rev. C. H. Moses: Morgan Circlf:: St. Luke Cir., W. x. Smith: Doveroe Cir.. W. B. Powell Colquitt Cir.. C. Q. Clark: Ivory Mill Cir.. W. M. Green; St. James Station. C. Lambert: Leary Cir., Roger; Zion Rock Cir..: Dickeraon Chapel Cir.: Prerorea Statioy. C. L.        : St Pnul Cir.. James Love.  Rev. J.   . Counts to Some where Ga.: R*v. A. R. Cooper to Sonic Where. Oa.: Rev. S. D. Airline lo Atlanta, Ca. Conference; Rev. H. E. Thornton to Atlarita. Rev. A. J. Edwards to Some Where in Columbus    'rict Kev. J. L Strineer P. E. St. James Station, Rev. to be supplied: St. Mark Station. Rev. lo be supplied; St. Paul Station, Rev. B. J. Hutcinson: Bellwewl Station. Rev. W. P. Potis; Tobernacle Cir.. Rev. to be supplied:: Richland Cir., Rev. to be supplied: Columbus cir., Rev. M. C. Davis: Lumpkin Station Rev. to be supplied; Glerralter Station Rev. G. Dickey; Prospect Station, J. T.                 Woodard. Omaha Station Rev. V. H. Airline; Friendship Mission. M. W. Williams: Leuvalle Mission! G. M. Kint;: Fountain Mission H. R. Jones; St. John ; S?. I Luke Mission. Cusselta. Mission, j.j E. Flint; Union Mission. Talbotlon District Talborton DisL Rev. J. W. Dtn. nis, P. S.: St. John Station. Rev. j S. H. Rome temporary; Talbotton' Station, ro be supplied: Ward Cha. I pel to be supplied. AMen Temple, T. M. Mosely: Mt. Gillion Cir.. J. A. Jewell: Phi!  Cir.. B. I B. Pace;. Box Springs Cir.. T. C. Jones; Mahalla Chanel, J. Acha. bold: Brown Chupel. S. Fiefds: Gencoa Cir.. J. D. Bush: Phis, Chapei Cir, Tyson: Rock cir, Ty-j son: St. Paul cir, T. S. Parker; Pratsburgb Cir, S. ^f. Tyson. Jr.. Doyle Mission, F. D. Fraiser; I Union Mission, W. x. Thompson; Manchester Mission: Fortson Mission E. Hicks; Jentian Mission; Chautuuqua : Ellesley Mission... Blakflfy DUtrict Blakcicy wist. Rev. A. A. Duncan. P. E. Blakeley Station. 3. H. Kalt: Fort Gaines Cir., J. N. Keys: Shcllm.in Cir.. J. R. Cunlner: Edison Cir, B. K. Brozieli: Beudton Ch".. V. S. Lewis; Carnegie StaD. E. Williams: Pleasant Grove Cir.. W. S. Lewis: Carneigie Station, c A. Thompson: Ebernezer Cir_ T. B. Mitchell: Coleman Station. M. H. Brown: Green Chapel; \ Mission. J. B. Beaufort: St. Paul Mission. J. J. Jewel; Moyc Mission,. J. W. Coleman; St. .lohn Mission, C. B. Jewell. Mt. Zion Cir, E. D. Field.</t>
  </si>
  <si>
    <t>                                           LUMPKIN, Ga., Oct. 2--(Special) --with the rising of the sun today large crowds began pouring in from every section of the Southwest Conference to witness the closing hours of its most interesting sessions held here all the week. The conference Sunday school proved...</t>
  </si>
  <si>
    <t>                                           ONLY NEGRO DAILY NEWSPAPER IN THE WORLD ISSmMMmSSAlm VOLUME 7,          6 ATLANTA. GA., MONDAyTsEPTEMBER 3, 1934 PRICE FIVE CENTS</t>
  </si>
  <si>
    <t>                                           AUGUSTA, Ga., -- Inter-collegiate basketball, which was discontinued at Paine five years ago, was resumed on a small scale this season. Benedict College was the first opponent for Paine's green five. This group met in the gymnasium of Bethlehem House...</t>
  </si>
  <si>
    <t>                                           SUPT. TREZEVANT STRESSES GOOD CITIZENSHIP                 BY I. P.                  At ii  service Suniluy morn  m tin' First Coni:n-          I'hurrh whore I hi'  d postal employes of the Atlimii, district hud bi L ii Invited as spei- Ktipsts Sir. Trracvnnt,    of , wns tho principal                  In Ills address Mr. Tro/.  the postal employes thai their duties us efficient, employe'' did not end at      post office Imt thin thoy extended into the community In  tlK-y lived. Me ur^oil I hem that they should lie e   . The api-      sismi vil \V. .1. (Continued on      3; Col. 6)                 5. (Continued from PuRe t) Arnold, president of the third ills Irici uf I hv Niitlonnl Alltimc-t: oi Piisml Kmploycs thai Ik: would  1    lo hear I'v picas of nil of the men ;ind  fairly in nny mm' in which n colored employe  InvnlriMl. The superintendent s  was full of  for the colored i-          nnd their toy Hlry to I heir duties. The  P'wtiil  s, tlio ~~' Kroup lo hm c    summer  t the Kirsi ('. u  church with  ^er . wero welcomed to the  hy W.                . -i letter i--r mill one uf the pn,   of tin- i-hm-ch. 'I'lv  was fittingly given by Mr. Arnol'l,  of tin-  lend I crs uf I hi- NAl'K in the country.                 Siipl.. Trw.i- whs  j '}~ I. S. Blinker. Sr. Im-nl    -iiI cli ik.  is also     nf the lew I- I ini;  of thp Klrst t on^re-  . A      thi" -s.  li I wen- .v -il  ill.' .v colored         ., ..f    . ,li.v. including ,   ,  mail .             ml      rial ili livery  mid their          s ii   Willie Wnrn Imitii   anil u piPi' nr lain       by I.. II. Rynum,         -r  I'miiliivc.</t>
  </si>
  <si>
    <t>                                           At a special service Sunday morning at the First Congregational church where the colored postal employes Of the Atlanta district had been invited as speeial guests Mr. Trezevant, waste superintendent of malls, was the principal speaker.</t>
  </si>
  <si>
    <t>                                           WANTED Newsboys aa* Ageata Everywhen CO REPRESENT THE WORLD S ONLY NEGRO Daily mnd Semi-Weddy. DAILY  AMrm Atlanta Daily World Atlanta. Georslm Ml ABbtmi      N. C</t>
  </si>
  <si>
    <t>                                           ^^^^^fi1!^ ;.:t ke^ilmI</t>
  </si>
  <si>
    <t>                                           The Phonetic Club, pledgees of the undergraduate chapter of ... Lambda Phi sorority ... Brown college, entertained with ... beautiful bridge tournament Friday night at the YMCA prizes ... as following:</t>
  </si>
  <si>
    <t>                                           Dr. James Corry, Ex-Army Doctor I find ho many colored people who are tumble to pay, tht*e I  free, charge only for medicine. Medical Dental Offices At Last You Can Now Have The. Very Best of Dental Work and Make Small Weekly Payments. I Have Associated vVith Me A Very Competent Licensed Dentist With Many Years of Experience Office Boon: A. M. to 8 P. M, DR. E. H. HAWKINS, Dcstlrt Office: Mm. 6878 Bout M- MM COT       MB OOT AXD      * KUMmSSb 11 IVY HI, K, (      ^ -TTIIf MMM)</t>
  </si>
  <si>
    <t>                                           ^^^SvSara l, Mo-Jo . Bow It * IpHMpthe mlr. FUta your room with the  of flower*. Btnlshr* bad . Writ* for  . at Liekj Wo. in  and AttaW MatterMaklnr Oiler.       Frndoed Co, Depi. m, S249        Grora In, CUtat* nt. r. a. 1st Grade Lump COAL      100 1b. bwc ! SOc 200          $1.00 Call MA. 1620</t>
  </si>
  <si>
    <t>                                           The Inter-Graduate Club takes this opportunity to extend thanks to those of Atlanta Society who so liberally contributed at the Toy-Fruit Party for the less-fortunatet. Your gracious generoslty will be felt by many homes in this city at this season of the year. The toys...</t>
  </si>
  <si>
    <t>                                           ITALIAN TROOPS PREPARE TO FIGHT ETHIOPIA                 HOPS ABE CULLED Tl SERVICE                 Italians Claim That; Ethiopians Started Another Skirmish                 FACTS CENSORED                 ROV.E. Feb. 11.- (Special)- Thai there has teen more trouble between italy and Ethiopia  the pa*: few weeks, and that the Jnt-M friction has been .v  and hidden from the eyes of ihe world, were disclosed hero today when Premier Mussolini                 su-d calls to arms for 250.00" Itnlb:~ soldiers and ordered all naval equipment and .es in - ness to retaliate for a series of boarder attacks from the Abbyslnians. According to information leaking i out. the     -xt clash between the I Italian colonials and the Ethiopian troops  place on January 29 During the skirmishes, several         on, both sides were said to have been killed. This event, the latest of a series of clashes that have caused  (Contir-ucd on Page 6: Col. S)                 Troops Are j (Continued from Pace 1) I nations to protest to the  u? Nations, has so far brought no of-  communication or ultimatum from Rcme to the Ethiopian capi- tol and it is learned fiom reliable j   lfi\c  will Ik                 concentrated tn. the southern part of Italy to acclimate them to African climates. Sea fighters.- airplanes as well as vessels, arc being placed in Tidiness, and the  with . the moves have teen executed leao j observers to think that no plans wore made known until after iho Roncrril European reeling on the matter had been learned. One spokesman asserted that the  was grave and that anything might happen should Ethiopia refuse to  to their demands In the meantime, a strict censorship is betas: clamped down over      press, especially concerning African affairs.</t>
  </si>
  <si>
    <t>                                           ROME. Feb. 11.--()--That there ha:: teen more trouble between Italy and Ethiopia during the past few weeks and that the latest friction has been calefuny guarded and hidden from the eyes of the world. were-dLscicsed here today when Premier Mussolini...</t>
  </si>
  <si>
    <t>                                           Atlanta W. Point Railroad Co. GEORGIA RAILROAD Christmas Holiday Travel Travel economically whan you vUU relative, and friend, dur. ing the Chrt.tina. Holiday*. Next to your home, a railroad  coach U the next safest place. Why taka chance, on the conceited highways,  train travel is more economical and . saf or and bettor in every way. The  fares apply be* tween  in the Southeast: One-way Coach fare,     Per Mile Round-trip tickets food IS days. 4c per mile, good In Pullman cars upon payment of the usual Pullman, . Christmas Holiday tickets will also be sold to points la the North. East and West. For more detail information, apply to oar local Ticket       or the undersigned. J. A. . Central Passenger</t>
  </si>
  <si>
    <t>                                           I BAILEY S ROYAL 1 LAST  TODAY i "MURDER IN THE i PRIVATE CAk^STARTS TOMORROW lessor Lady Foa A Day' i u m e i c i 1 1 C LAST TIMES TODAY BAILEY S ASHBY .!o-'~i ~."         ii\ [SADIE McKEE' j STARTING TOMORROW MONTGOMERY  (0WAK0ARNO0  '~*"y- BAILEY S 81 TODAY  nd TOMORROW iHE^          ^*^T* CIFE-THEN        i '~^u^CV\^Sb8Eh K^v^       k  ta.c?.::~ "~,ABL E.v k "Hsrr-. On I  K GIRLS" I Tin JUtr.f I rw vl        tctc 1 Kim. :~        ; I JiltKOMP^ II " UK*</t>
  </si>
  <si>
    <t>                                           Scanning History we find that in days of old when gladiators of Rome entered the Arena to meet the lions, they bravely called to the spectators, by way of greeting, "We who are to die salute you."</t>
  </si>
  <si>
    <t>                                           MADAM MINGY THE WOMAN WHO KNOWS Palmist and Life Reader Tells past,   no . PUlMANKN'i' If LOCATED Gives advice on all attain of life. Love. Marriage and Speculations of  all kinds. Don't fall WRfvi to see  tilled (     Palmist. Point* the VfgSEl way of all troubles ~?V30. and     -~ yoo bow Sm^M to overcome ene.  Madam Miner              and Ae can help jon. TELLS  DAYS AND  NUMBERS Satisfaction Gunatced dt AIcDoDonsb Road Office Uoart: 9 A. at to 3 P.  t (Across from Federal Friaon) SPECIAL READING SOe Take Federal Prison car to end of Une. Look for Name on SlfnMadam Mincy Makes No Bone Calls KM Is Teat.</t>
  </si>
  <si>
    <t>                                           DRUG STORE BOYS STICK TOGETHER THUG NABBED                 TVell. folks,       store toys stuck together this time and, ns n result. S.-ini Smith, lfi years old colored youth of ffi Solomon street was locked up Friday              S. C. Banks and W. F. White on charges of $~ In connection with an attempted                 up oi "alter Anuerson. also color- 1 ihI. of CO Keimesnw avenue. (In  ri . :r delivery hwy for          pharmacy, i    -~r( police reports  s Anderson had just delivered :i nn-'jai-o to 5IJ5 St. Charles , when, as he ramp out, Smitli hit I i i.., fi,,. ]~(~nii n-lfh      ..f I     '. Not ~-.\'.y Suiiili fa" i"i p.'t nnj- money Imt be failed to away as he was           by I'i'T j son Smith, 33Z PMmnnf a re n lie, j another   man. who works for tho DcLarm'hr*  I macy at Highland ami Bniiloviinl who held him until the  arrived. About 0.05 Frldny . It. J Konnon,      . of 03ft I'Vntral ", Hapevillp. Georcia. was  up  a white man and two , ai  to a - rt  i made     Officers Bowman and Xance. Jlr. Kenncn told the officers that the white man  him at Hood ami Kawson and told him to  w       with him and thai j the two colored men  up :M this juncture. Ho lost about $35    the "* tl'.URs. Four men. who pave their  as Gcorse Brown, Ivi-rson ITaromett. Phillip Bernard, and Jack Gillans -were arrested  URlevn t?lay and Hale on the Fuir street curve about  o  Saturday  on  of suspicion in connection with an a\. Tho men told the  officers that th"y had purchased the car on t om e do Leon. The las, state   shown, had  is. sued to i;eon:o E. Taylor of -4S Houston street.</t>
  </si>
  <si>
    <t>                                           Well, folks, the drag store boys stuck together this time and, as a result, Sam Smith, if years old colored youth of 63 Solomon street was locked up Friday evening by Officers S. C. Banks and W. F. White on charges of suspicion in connection with an attempted...</t>
  </si>
  <si>
    <t>                                           CHICAGO--(ANP)--Report for the past year of the Julius Rosenwald Fund just issued by Edwin R. Embree, president, shows expenditures for the year of just under one million dollars, the exact figure being $950,000. Of this total, $426,774 went into payment of...</t>
  </si>
  <si>
    <t>                                           Sunday was one of the most uplifting days in the midst of our annual program. Rev. T. Omal was the speaker for the afternoon and evening. The ushers sponsored a wonderful program. The Lord has blessed us with pretty weather to begin with this week.</t>
  </si>
  <si>
    <t>                                           BEAUTIFUL COURTHOUSE RUINED BY MOB                 Now. ft.  looking pil,. or j Ijliickrii'tl - and   efci-K  on.-o . looking .  historic 75 year old  county 1 pr..vi conservatively \' ai IslSO.OOO. was '~?~l by mi-nib^rs I of :i lyn.-h mind,.d   .U. So ! I when  -, a 22     old N.v gro youth on trial In the struct up'.  through  .      they forgot that their taxes  ,~ u. pay for ilic erection of a new building set lir'- to tli..  picture '"hall of '" and burned                 I it     to sato HSrir .  national Illusimi,-d Nvws Plioio.</t>
  </si>
  <si>
    <t>                                           Madame  lady will tell you   with to know          asking questions. No matt-;r who     t you *n or what .% our . I or trouble Is, uk I   t: advice, j She bus        more  I ilian i my other I * known  to daj le. Give* ^^^^1 .T^^l  on.  ~^f*V - or lost 01 M^^B  1101'" abides.      t ^\Pfi/^B U  l -~u ore un]I7 ^BhapPil- ^^. JlA. fl i:"1  In trou- ^H^^^^^Ll^    -. ctU and I ^B^n^^^~"~"^^^ to ha 1 c success Ma': business, love, man .        , law  uiU and SB  ^~T'ne       at profi In  HHwr mud Uka Uwlr  \She ha, been -) by more HMiOted and prominent pee sons than HBiay other Adviser. Don)t be               it others have failed to HJIialp you! ^~1 Thousand* have profited by  her advice. All   s            confidential. AbjoIuH 'ly           . Rcadlncs Sally and Sundny  Brora9 A. U to 0 P. It GIVES Hntt Washin(ton-LilcewBe d car: HHpt off at Margaret St HV ISO LAKEWOOD XI 7 BM Tetepboae Main 8 D4 JJ Special Nwnbcr tor S</t>
  </si>
  <si>
    <t>                                           The following are thoughts expressed by R.V. Humphrey as a pastor of this city:</t>
  </si>
  <si>
    <t>                                           SUNDAY. FEBRUARY 17. 1935 THE ATLANTA DAILY WORLD. ATLANTA. GA. J AGK SEVEN</t>
  </si>
  <si>
    <t>                                           WATCHOUTjDR ~^    WtATlltR *"T  A  of in beauty  you protect your skin with Black and White Peroxide Cream. This fine cream dMSS^ forms "an invisible *L-X-2W protective covering    5fTv over your ikin thai ifl^^^SwWL insures itt charm, n J^ll "-j^pft\ and hold* on P0*' liv^f3Hh^f der for houn. A1*~\$!^^Xf8F contains juK enough ^~^^^HSI^ peroxide Co lighten your skin and refine its texture. Large jar Black and White Peroxide Cream. 25c Trial size, IOc j^^KKS^t When fait winds ^^^    4Jus blow, your skin pores I^^^^S easily become dogged V^^^ with  ^^**^ bring ugly skin blemishes. Keep your skin dean and your complexion flawless by using Black and White CW^ Cream regularly. It penetrates deep down into the pores to remove all  and impurities. Ask for Black and White Cleansing Cream. Large cm 25c Trial size IOc. Your skin, like oth-      ^ er parts of your body, J^     needs nourishment in  f -AsJJK order to be . //        \ There is no better u43N93bN3J "skin food" than / Black and White AiSBBfc^ Cold Cream. 25c Trial til* 10c.    Tun. In "Lorabirdo-Lind" Ftttuhnc Guy t**'t Orchestra Evwr           Nicht. NBC</t>
  </si>
  <si>
    <t>                                           Baseball Summary SOUTHERN LEAGUE The Standings  W. L Pet. Nashville 29 14 .874 N. Orleans 25 20 .558 ATImNTA 23 20 .535 Knoxville 23 22 .511 Chattanooga 22 22 .600 Memphis 22 22 .500 Birmingham 20 20 .408: Little Rock 17 32 .347 Yrsterday's ReaslU ATLANTA 1-3: Nashville 4-5. I Birmingham 3-4; Now Orleans 2-5. Chattanooga 8-0; Knoxvllle 8-2. Memphis B-8: Littlo Rock 10-1    0t Today'* Game* I ATLANTA at Nashville. Birmingham at New Olcans. Ch!~4 at Knoxville. M. at Uttle Roelc. AAfERICAN  The Standings CLUBS W. L Pet. New York 24 17 Detroit 24 18 ,r' 1 Cleveland 21 1 A ,103 St. Louis 20 IS "I*  22 22 .;in0 Boston I 20 22 47r, Philadelphia 17 H 410 Chicago IS 25 .375 { TeslerdaT** Results i Boston 7; 'WashViijton 2. 1 New York 5; Philadelphia 3. Cleveland 8; St. Louis 12. I Detroit 11;, Chicago 2. Today** Game* Open date. NATIONAL LEAGUE The Standings CLUBS W. I. Pet. St. Louln 28 18 (119 New York* 27 17 .814 Chicago 27 17 .814 Pittsburgh 23 17 JIS Boston 22 17 .504 Brooklyn 17 24 .419 .Phjtadclphia 12 28 .318 Cincinnati 0 29 .237 Yesterday's Result* Philadelphia 6: New York 2. St. Louh 2: Plttabureh 4. Chicago 7; Cincinnati 1. Brooklyn 5; Bosto? 1. Today's Game* Open date.</t>
  </si>
  <si>
    <t>                                           WOMAN IS JAILED                 Polio Monday  tie holding Arlene Wood 40. of 206 Cain  . northeast on  u*.pl'.lou in connection Mth the stabbing .if Bible Obom ot nar 177 Cain    -U. . Veterans' Auxiliary Is Meeting Tonight The Ladle* Auxiliary of the American World War Veteran* croup will meet at 328 Auburn . N. E. at eight o clock . accord. Ing to Mrs. Annie Ltnie r.rown.  tof the group to make plant for th*  fund. It is  that all veteran*, who can do to  out and help    . women In this . i Council Officers to Meet in Columbus J. M. Chile*,  of the        Council for VTork Anmiij: Ncro Boy- anit R. TT. RnlWV. Fii-M             * aro In Coluroltu*. f5a.,  In   with      Colombus local  wlil.-h    ?   ot the Ninth     "A at 12    noon. Mr. E. E.        in th- local  of the                 YULETIDE IS APPROACHING and a* it draws nearer, the licans of many Atlanta children beat faster and faster in  that Sama Claus will not forget  this year and in eager anticipation of what that good old, jolly gentleman, will Ormg them. and as tlie day draws closer, the Iiearts of many 'Mlanta mothers and father:,  heavier and heavier :is they despair of being able to give their children the Christmas joy  will make their young lives tlie lappy young lives every youngster  ld live. They. ^h they puzzle, cannot  out where  will tend the means to make Christmas, Christinas.  or not the parents will be surprised and see thi.-ir children bright-eyed and happy Christmas ^'           on you, Mr. and Mrs. Atlanta and vou little Atlantans. too. perhaps you don"t want  to have a nice time. Well, that    your own  and like old Scrooge you arc willing to say to the whole universe, "Merry Christmas, Humbug!" If you don't want others to enjoy a Merry Christmas then don't give to THE ATLANTA DAILY WORLD CHRISTMAS CHEER FUN D. If nou want others to lave a real Merry            . send in or bring in your contribution, be it little -or bi(j. to the ATLANTA DAILY WORLD CHRISTMAS CHEER FUND, 210 Auburn Avenue,</t>
  </si>
  <si>
    <t>                                           I TVayel anywhere, any day ^1/T %* SOUTHERN^ Bjf Afarejbr every purse...! waiau rONE  tad ROUND TRIP COACH TICKETS for Each Mile Traveled   TICKETS- Udnra.UmU 6 Mondu ^g^ for.EKh JlJIe TnveM      ONE WAI' TICKETS /or Each .MUe Trarded "Cond In Sleepinc  Parlor Can on  at   :'Z.  charge* for .          *a. Economize by leaving your Automobile at  and UoinR the Southern ExceUnnt Dining Car Service Comfortable in the Safely of Train Travel VJ E." E. BARRY. Au't Coal Pauangor      . Allaota Southern Railway System</t>
  </si>
  <si>
    <t>                                           K. S.--What makes my girl act so funny now? Does she love me any more?</t>
  </si>
  <si>
    <t>                                           The Alabama State Teachers Association will meet in Birmingham, Alabama, March 28-30, 1935 according to announcement by its President, Prof. J. F. Drake. The program this year will be centered around the theme: "Ultimate and Immediate Educational Objectives...</t>
  </si>
  <si>
    <t>                                           "    *    I 'I' J. j I Cr B^j Dr- 3 OLDEN WJtJ S Chemical {, Tea*</t>
  </si>
  <si>
    <t>                                           XMAS EXACTS FIREWORKS TOLL                 Many Shot with Blank Pistols Proving Not To Be Blank                 KNIVES FLASHED                 Over-7      * * ~,f tlic* ChriM.      'H Wlrth  l!  -       * In thr .-'  of Onuly  j-         to     . for burns Inflicted         they .hold  rS' tou Ions und crowded too close to  l*nc blank .                 Mrs. Rosa Lxe Grant. 21. of 1S4 IFord strict, was admitted    . Crndy Noipltal with :l fractured' left urin  a supposedly blank,    from her .       out to k u real bullet. The  struck Itra. Grant. In     arm        above tier wrist, . tering the bone Another \ nf "* t,     ;.  wasn't a* It wns sup.  to Imvc liom v-aM EUin'.r        . ;g. of 9TS Pvnuuon . \rho        in the emergency clinic -\t( C.)  for .v Hupyrflotal            of tho "}0ft" I'*.-:1" ~=^-. "         II. PollurO. ;l. uf 34 Boll . -t wns  I GraOy   a             lee wlti ii u Htruy slug Htruc'( him just  tlie . Other* n*)iu         *K a.{:       of "blank" pistols included: Mursliuil Cooper. IT. ST  Htrpet. shut In left . A. J. Tuylor. 11. 417 Foumlrjstreet  In the left liana. I Lvc Hill. 14. 3"! Tyler .  lu right hand. Isabella Cviiti-x. IT. 324 Coopc street.   in        ice.  . is. 160 \            shot in the  arm. Marcorut     . 3 7. SJS  VCIicat street, shot In r!B'~t . Tltoj**? Injured  h tlie  u:' -;" explosions were: i Alvlll Muudux.. IS. 4UI Uetlfqlii' place minor burn* of both eye*. Jlmtulc Danlrl. Ti. Hi.        .i street Injured in left hand. j Clarence l/~~   . 0. C8       . street \rounded on . j H* treating -; c".  clinic doctors ClirUtmos - were kept  u:  Jump by a  of  wounded by the ever active - blade knife.</t>
  </si>
  <si>
    <t>                                           Over-zealous celebrators of the Christ-Child's birth found themselves in the emergency clinic of Grady hospital yesterday to be treated, for burns inflicted when they held firecrackers too long and crowded too close to exploding blank shells.</t>
  </si>
  <si>
    <t>                                           Dr. James Corry, Ex-Army Doctor 1C Years Experience in America and Ahmad j I served with both the American nnd British Armies during the World War, i holding the rank of Captain. I dad w many people who      to pay, Ihnt* 1 (      at ottle*.  only for Mrdlclae. { Come after working hours. My offices are open daily until 8 o clock at night for your convenience. 75 Ivy SU, N. E. Between HOUSTON and AUBURN Office Phone: (Cat Ad Out) Res. Phone: MAin 6873 ^MAIn 30R7</t>
  </si>
  <si>
    <t>                                           OM1.V       OAmTv MtWtOji'rR IN TMC  FOUNDED AUGUST S. IRJt KV W. A.   Dally uul Sunday at     .labors Avaraa, IV. X. By SCOTT NEWSPAPER 8Y. Telrphtnn: Wilnat 1459 ud UU 5 SZ2 L,yAi General Bbtncar B. It DAVIS   x.n.        MHMity^ OP THE ASSOCIATED  PRESS  AtJDrr BUREAU OF 9 SUBSCRIPTION RATES .--1 Tr. tUSi C Mom. $4.73: S Mix. CJ^. 1 Mo. M. 6 ONLT:- 1 1'r. $  0: 6 SIos. SV90: 2 Mos. SLOO; r.n^tfB. x Tr. KM S Mos. $2.75;        : 1 Yr. S5J0; 6 M05. SJ.7i   : V. B. ZIFF CO, ChicaRO. Ill, and     York. X T. llt(     as   matter at the post * %t Atlanta, Ga. mn4a the Act of March 3. 1879.</t>
  </si>
  <si>
    <t>                                           ONCE YEARLY comes that king of local social affairs ...strictly format this time...to gladden things in the proud ole Gate City...It is the mid point of yuletide and again that smart, civic and social organization comes to the foreground with the outstanding club dance of the season...The "27" Club is host at its annual exclusive formal dance at the Roof Garden tonight, December 27, 9:27...</t>
  </si>
  <si>
    <t>                                           LAST TIMES TODAY i:Hnyw;nmC IN."~\*"    \^-N- Kl'X Also Cab          1  -</t>
  </si>
  <si>
    <t>                                           AND GEORGIA MAJOR, 14 and 12 yean old . are shown with there Elementary Graduation Certificates from the Dade County Training                 School. Coeoanut Grove. Fla. Photo by Hcndoion.</t>
  </si>
  <si>
    <t>                                           AT THE LINCOLN                 t. Ceorpe           , #t*   in *'No         Glory*'. th*~       A^^     which is playing the Lincoln theatre today only.</t>
  </si>
  <si>
    <t>                                           COMMUNISTS WILL SEEK FREEDOM                 Alleged Reds Will1 Appear in Court j For Hearings                 SEEK SHOWDOWN                 Defense Counsel John Goer and J. H. Tatham or the L L. D. legal . today trill argue two  in the cases of 13 arrested, Sunday as "communist** suspects In throe wholesale raids made by combined Deknlb and Fulton counties police squads.                 Postponed from Tuesday on     state s motion the hearings on Clarence Weaver, president of the colored division of the "Painter's nnd plasterers union: Nathan Yagol graduate ins'. of Emory university: A. E. Raeholen. New York lawyer; Mrs. R.' W. AllliiK. . and 14-year old  tci': and Miss Sara Leah Lee. will oe held before David Ansley, justice of peace, to day at two o clock All were arrested in a mid op Mrs. Allinc's residence at 4G6 Mortimer s'.reet. when police broke In on a pacifist meeting Sunday night and churned *      -inciting 1o l .rt ion" a law under which Angclo Hemdon two-yuMs-ago-was Btven IB to 20 yours on the- . In asking for the nos: Tuesday. attaches of tile solicitor s office In DcKtUb county, declared that they wanted more time In which lo study the trunk lull of  seized by. police at Mrs. Allins's home. Seven others, held on "blanket charges of suspicion" nt city police headquarters will be granted habeas corpus hearings at four o clock  hefore Judge G. H. Howard, ol Fulton Superior court. Six were arrested when police, acting on Orders from Solicitor Boykin swooped down on the residence of  Morulnnd at 44ft Lindsey street. The other suspect. Mrs. Mary Weaver, wife of the man Jailed at the Mortimer street raid was wrested at her home. 290 Ashty street, where police also claimed to have confiscated a large quantity of "" literature. Those held beside Morobmd and Mrs. Weaver include: Will MoveXContinotd on Pme S; Cot. 3)                 Communist i Continued From Page I) land. 20: Mrs Frninlu Hunter. 24: Miss LucUi' Lawrence ,28 and Mr. and Mrs. fc HHam ware, of 406 Ash- by street. The suspects were curried to the solicitor s office Tuesday, where they were questioned. mid then  back to police headquarters The habeas corpus hearings to- day will force police to book charges I against the suspects, or Rive them I their freedom. j</t>
  </si>
  <si>
    <t>                                           Defense Counsel John Geer and J. H. Tatham of the I. L. D. legal staff, today will argue two hearings in the cases of 13 arrested Sunday as "communist" suspects in three wholesale raids made by combined Dekalb and Fulton counties police squads.</t>
  </si>
  <si>
    <t>                                           PERMANENTLY LOCATED MADAM MINGY THE WOMAN WHO KNOWS Palmist mud Life leader retU part, present and  Give* advice on all attain lire. Love, MarrUfs and Speculation of  MHM all kind*. Oont fall HUK to we      gifted Hwl PahaM. Folnta the  war of all *  and  70s haw KK.n overcome ene- Bn^H mice ^f*~~~^f  baa helped * aai can help yon. TELLS I- DATS AHD ~- .VCMBEEa Satisfaction Guarantee! Office Bonn: 9 a. m. to a, m. CSS HcDonoash Boad (Acroo. from Federal PrlMa) 8PECIAL READINGS- S*a Take Federal Prison ear U tat of line. Look tor Name on Rcm. Hadant Mh*r Make* Ra Home Call* Not tn Tent</t>
  </si>
  <si>
    <t>                                           VERSATILE VISITOR. Lcroy Dennard. popular sophomore at Prairie Vlow college Is the       of his uncle, Len Oennard, SO Ashby St., N. W., Atlanta, Ga.. en route to his home In Chicago. Dennard has won wide-spread fame as nn athlete, turning in his lighter momenta to music. He Is an accomplished trumpet-player</t>
  </si>
  <si>
    <t>                                           TIM TYLER S LUCK BY LYM                  MESCAL IKE By HuntlyJ                 FELIX, THE CAT By Sullivan                 PETER PENT                 W5N0QDLESv                 WF</t>
  </si>
  <si>
    <t>                                           "Should a born writer study a course in authorship, or would he be wasting time?" This question is the sum of numerous letters received by this column from beginning writers.</t>
  </si>
  <si>
    <t>                                           START THE NEW YEAR RIGHT Then- :nv ::;;:h!   :s ,,f WORLD rc-Kck'iv who scan tii'' p::;ir-r i-wr.- f,,,- har^ains and v.-hv shouldn't :liL-y. r.hi-si1 .i- Wuiii.i) !-.-;,(ior.s ride tli^ vi-iins too   s.-jv.' pn,:n-y. They arc  Tiicy :   - pla.VMij; ~;    ;i:-i! Uii^ I'r.'il :n;~.-"mmn(!:! and just, :. i:      ,~]~y (I1.-)  \v-i- mi!'""  I he i..!(! i-:, t.- .!:a!-^-'l wa^ m-aHy (-1) o-nls \i'-r mill-. Our SLO(.'A\ is SAl-'l-rrY-COrUTKSY- THE WEST POINT ROUTE GEORGIA RAILROAD</t>
  </si>
  <si>
    <t>                                           The winners of the lie contest are requested to bring their photos to the Atlanta Daily WORLD office to be run in the Rotogravure section of the Atlanta Daily WORLD. This item was overlooked in the listing of the prizes but little David Earl the "Don Juan"...</t>
  </si>
  <si>
    <t>                                           Boys' Club to Have Monster Mass Meeting                 All    in  for the mam moth  to be  .n tht. CUy Auditorium Ihis   the auspices of the Boy-. Club of tho Law and Order Lcdrui ot Amrrica. The well arrange;  begins  at  (Continued on   (re 8; Col. 4)                 ' PI IIP   (Continued from Pacr 1) o clock, at which timc addresses will be hoard from very prominent sneakers and some excellent sinning wpl be  by the famous choirs of the city. The work of the. Boys" Club sponsored by S. J. Thompson has been outstanding and Mr. Thompson reports that he has talked to more  22.000 boys in  and Sunday schools in       mo i hs on be.havior and street deportment with the :  that delinquency has visibly .'".-rd  the.m. Moro th:~n 250 suits ot clothes and 75 other t;"is wer,. disposed to  boys by the '-a-'-" nnd Order League lust win er. Mr. Tloimiison state.". A ;,., crowd is  to be j io be present and  arc i  to announce the  in thr.'r  services and insist        attendance to hear Mayor Kry and the other noted speakers.                 Clark-Gammon Day r Celebrated Today Clark-C. Inv will be ob.~or\-cd Sunday. October 14. at tho Central C. M. E. church  i with the 11 o clock services ai  !imc Dr. M. S. Dava;e. 1 provident of Gammon Seminar}'. will preside. Music wUl be furnished by the I uniformed male quartet of Clark University. Commencing at 8 p. m. another Proeram will be offered with Dr. Willin .1. King. 1  of Cummon,  m talk on the Sesquiccntcnnial cp.'ebration which    now in progress at Baltimore. Murir w:!! 'je furnished by the Clnrk male quartet a"d        .nt..      from Camman,</t>
  </si>
  <si>
    <t>                                           FRIDAY, FEBRUARY 8. 1935 THE ATLANTA DAILY WORLD. ATLANTA, KA. I^MrmMSR</t>
  </si>
  <si>
    <t>                                           Ivicrehoase College Broadcasts This Afternoon                 Morehouso Col!,.^L. .  h has       a  radii i f*::     for the past four yogi-'.' is  broadcasting over Station. WSB every Sunday  at P. m. The leader of tl'.is woll-j           ^roup is Professor! Ivmper H?rrc!cl. d!rr-ior el rau i                 sic a, Morehou*. and Spr'CcIIckcs. Atlanta. Georgia. Mr. Harrpld. the qu.-i r\., is planning to render  prct rams cf N'ogro folk music, spirituals, jubilee?. sOrrow-sOnu-s. work-sop^s. and love . Several times dur(Continued on      6)                 Morehouse (Continued from Page 1) "~R the Past I wo years, the  has sun(4 for President Koosevelt: (lr.-t .it warm Springs at a  oC the President, .. later ot thc Whiio House at u " " i'l Iit, historic Eant Room anJ then las, November to a        !~t:ifr;iinE   in honor, of the President Tlie personnel of the quartet is as : Claude RoKinson, All:int;i. lir*. t.ncr. Martin Crailom. Jaeksonvile. Fprida, Hecoud tenor. Duvitl Mell-, Ocala, Florida I  bass. .u)~l Anthniiy Stepliona. Daytoi)a Beach, Florida, second bass.</t>
  </si>
  <si>
    <t>                                           "Hitlersm versus Bolshevism" was the subject discussed by Dr. John Haynes Holmes, noted lecturer and pastor of the Community Church of New York City, in and address Wednesday before the students and faculty of Atlanta University. Morehouse College...</t>
  </si>
  <si>
    <t>                                           P.S.C.-- Please tell me will it benefit the if I take this trip and also tell me does my cousin mean me good."</t>
  </si>
  <si>
    <t>                                           King Winter Arrives With Eight-Inch Snowfall                 Jvini; Vinttrr-cWr St. Paul mi.! oi!ur-~K.::    j.m north"~-st     Ji=play hi.-,  ta!vnt.. for  tir.-: time t is si ii-on. Tins layout : St. Paul                 -d*    OTp^tn:: out of the In-.iv  now:\il! ^nt-f ll'^S. The fall     -d a: i^lu ;. anJ some of the drifts were from 10 to 1  f.^-i .                 w</t>
  </si>
  <si>
    <t>                                           ATLANTAN. Mill* Beltyc Collinn is one of the moat charming of the younger school set in Atlanta and has a hov of ml* and .                 Photo     Kelfy.                 '.Lett) CRUSADING -D. C. Chaiid'cr. supreme commander of the Modern Crusaders of the World. Cleveland, is  an enviable  as a business builder in fraternal circle*.                 BY A SPRING.      Aman-is Word of Montevallo. Ala. was thus .-napped as she strolled near water spring. She is an attractive member of Shiloh Baptist church Tvhwc Rev. W. H. Harrisop is                 P\STOR -Rev. A.      "        ?          take hi-n I" ^ in IVIhl. La.    1      -. Ark.                 FROM BUTLER Mrs. Alphn Ponn Arnold of Hannibal. Mo. was       Aloha Penn of Roanoko. Va. She attended Butler Col. I^S*. is active tn the affairs of  women and is the wife of Rev. C. W. Arnold.                 (Below) CHURCH GROUP- The Sunday School and members ot the Mnrr.  Baptist Church of Ft. Worth. Tcyas . W. L. Brown may be *     sitting in the center.</t>
  </si>
  <si>
    <t>                                           We shall be glad to help you solve your book problems,plan outlines for courses of study In any destred subject or give confident direction in the ... of books. Inquires should be sent to...</t>
  </si>
  <si>
    <t>                                           Regional Conference on Cause And Cure of War to Meet Here                 Representative* of alt Soutlieni states. as well as a large  '. arc  to take      in a n*        -- "The Cause      * of War." to be . in Atlanta Sunday and Monday. February 10th ami Utu. under tue  of a local                 . oy Mrs.  I. E. Tilly. TUc  will     at three o clock- Suuilay afternoon     a nmss  io Wesley Memorial Clmrvli. to -h Hie public will     invited. The    .   . Sun. ^  Monday morning,          :iud                 . will      at the Pinltnunt speakers tin-       .ini will      'Ut Dr. Henry Smith LeiiKT.  f ihu 1'nin.Twti ClirMian       -il ami Jin-        Council  t CUurcti*s: Mis-: JK'urietta Koelolts. National Secretary of tbe V. VT. C. -V. Mbs Margaret Buttcnliclm, of the Natlvual Committee on Tbc Cause and Cure of : and Dr. H. J. I I'vanw. President of Brenau Col- lew. Amonc Atkintlans on tbe program will lie Dr. TV. A. Sbrlton.           of tbc ChrUtlun Coiinvll: Dr. Koks JlcLean. of Emorj- Ui*i- vi!      Mrs. Calvin Sliclvcrton. I Hotel.                 Iti addition to a number of local I"rnf. Rli-nii Kaluey. Judue Vjrlyu      -. A. sti-ve Nance. Mrs. Jessie Daniel Aim*. Itev. Bert Iticbards, Dr. W. E. B. OuJBois. and R. B. Eieuzer. The general  of tin?  will -lie- "How to Avoid tile Threatened Nest War." and kow of the topics discussed will bo "A Survey oC the World Slma- i tion." "Present Danger Spots." The Story of War." "Tbe Futility of War," "The Profits of War." "The Xye Investigations." American Foreisn Policy and tbe Dancer of War." "Can War Be Abolished?" and The Story of react*" The program is being set up by a committee composed of Mrs. J. N. McBachern. Mrs. L Turner, Misg Jowpblne Wllklns. Mrs. EmtmH ^onm-.-atnl - Nvl-ou. Tbe :         Mrs. M. E. Tilly. Mrs. Herman Heymaiu Mrs. J. IL Muilins. Mrs. J. S. Hrail. Mrs. Jessie Anie-;.    . E. Marviu Undorci'ood. Mrs. X. H. Stone and Mrs. S. V. Boykio. The national committee ou Tbe I Cause and Cnre of War is comI posed of Tepresenta tires of tbe  national : Association of Unlvcrelty Women, Women*!) ConneiLs of Home and  Missions. Federation of Women's Clubs of Jewish Women, It. W. C. Federation of Bofdticss aud Professional Women. Lvai:iiv ~-C Women Voters. W. C. T. i:.. Trade Union League, and .\          Ethical Union. Tb,- Suuday  meeting will be open, to tbe public without . Those attending the   will pay a  foe of one dollar, with tbe exemption of Rtudc-uts. who will bo   !         free of charge, and nii  rs of tin-    *rgy. to   tickets have beeD .</t>
  </si>
  <si>
    <t>                                           Representatives of alt Southern states, as well as a large local attendance, are expected to take part in a regional conference on "The Cause and Cure of War," to be held, in Atlanta Sunday and Monday. February 10th and 11th-under the auspices of a local...</t>
  </si>
  <si>
    <t>                                           1st Grade Lump COAL Larce 100 lb. tar      ^ SOc 200    .  $1.00 CaJIM. 1620</t>
  </si>
  <si>
    <t>                                           Here're just a few "hearsay" reports gathered from the social secretary, who has been very busy on the job of "ear" catching and eye-balling ... The first scoop, according to rumors, is that a certain young man and an attractive girl who is a Beckwith street rezzy, were scheduled to do a middle aisle act yesterday ... Full details of this scheduled happening were carefully eschewed from the "old Yawitzer" ... it looked like the depression was over yesterday, the way the boys...</t>
  </si>
  <si>
    <t>                                           WASHINGTON, D. C.--Harry L. Hopkins Administrator of the Federal Emergency Relief Administration received a report the week from Jacob Baker. "Work Division Chief, estimating that 2,000 playgrounds and swimming pools have been built throughout...</t>
  </si>
  <si>
    <t>                                           Fully 700 Wild-eyed basketball fans and defense ... are laying aside everything ... tonight between life hours of seven and midnight to journey to Sunset Casino and ... one of the biggest ... attractions of the year with the city's two...</t>
  </si>
  <si>
    <t>                                           The Birmingham World for last Tuesday carried the following announcement: "NURSES CONTINUE FIGHT AGAINST TUBERCULOISIS." further. "We are asking the public for its hearty cooperation. Since we have found that we are the biggest victims of tuberculosis...</t>
  </si>
  <si>
    <t>                                           Funeral Notice- 4                 'HARPER- Mr. Ciena Hoin...... 135        Street.  i; Sunday . Funeral    announced later.- David T.- Jlt-j, ard Co. WEEMS- Mrs. Leila Weems, 1  of Joncsboro. Oa..  away at hor tote          '.323-. Birur street. Sao Is survived".!)!" Mrs. Marie Edwards. Mrs. PnoIliir Smith, Mr. Artertr. Hcsry und Env-st Wccms         .- )     - Banlcy Co. JONES- Mrs. Katie Harris Jones, passed away . Funeral an.  later.- Hanlcy Co.</t>
  </si>
  <si>
    <t>                                           I^^M^^^ I ONLY NEGRO DAILY NEWS^APgR in ^1 Wcf?UQ i [^^il^^^^lk^^^^l VOLl-ME 7. NUMBER 349 ATLANTA. GA. TUESDAY. FEBRUARY 12. 1935    ,nv .I"</t>
  </si>
  <si>
    <t>                                           TIM TYLER S LUCK BY LYM YOUNG                 MESCAL IKE    !'\' -By                  FELIX THE CAT ^H; ""*$ BY SULLIVAN                 THE TWO ORPHANS                 PETER PENT                 DOROTHY              '</t>
  </si>
  <si>
    <t>                                           rT" t HfKulhr    * ". 5 t y/ J.iKk tt.*~.. ~\'.-*j -in i -  :V. I DfpUNP-H V S*~f Mfmptiis. Trnn. /?er. I N. Dopy m,* I  .  fat JOU 20 years  ess     "MU.                     jar SuSezci          , ', Toothache,      -~~.       ^. EheoaatSsan, T^..^^^ . Muscular Paijja,          Pains,      that they   * -wi Dr. idea And-Pkb PDh  itii better   -vco ^ far. i ^^fim Amertcau           would no .toon ****~*%  bouse  Dt tiles Anti-Pain PSb ~*^n *. ut  or sogar.          - in    aid         . Aj       Stom-JSe oad JUO</t>
  </si>
  <si>
    <t>                                           CARD OF THANKS                 I wish to thank my friends for the use if their cars and the many beautiful florals st the  of my husband. Mr. Bdd Gresham. Especilaiy    - Haugabrooks Funeral home for their splendid manner in which they conducted the funeral services.</t>
  </si>
  <si>
    <t>                                           SEEK CAR DRIVER                 Polio* late Wednesday  were seeking the driver of  n number of colored *. ih.it  Into  NlonKlnff tu E A.       of TueUor. C5a..  knocked It  l!''~ (~tr.-i't at. tho Intorn- of Ft  Fraier at 11:05      nle*1'The men       oor ww    !y ,1:u.    .1 maju tb^lr  * after ill,.       .                 JOSHUA JONES { By I. P.  I Hountr' My* Bro Bell," U UM. beat policy but K lao i a policy ^'*' pays oft until you get  Mtayi          ;." -...c^itf</t>
  </si>
  <si>
    <t>                                           5 "I am   lad to rce5' DR. FRED Palmer'* } Skin WhiumcrOiiitraent. Every girl or woman who  m J smooch, lighter, clearer   should try OR. FRED Palmer's. 1 can t aee how such j a wonderful preparation can be compounded for only 25c." J (Siened) QJlargoi M ARGOT, whose  Icet  beauty have carrie her to the heights of fame and    DR. ITtED 1!.  WUiuivi . UUrMiu  .  . charm . c* women.         . .  . who van  . . ur t XML. Iwvcly akin  wU'^r DR. F) Kilmrt't .  OimmmL ju tbv  -*  moon-  tm bir.      ! V.~. loo.      follow   1~. Atk (ur DR.  l\i! a Skin WUilo* Oiotmcfit ^t your      *t drag . Lightens as it Clear Awiy ku ull  complexion moni  you um: DR.  Pktncr"* \Nltitrtvrr Ointtncnit      ptr*d tt  it "-^g^      w,     ^itim^ ltu^ iU tine ali and *  all  mdm )y UcoOcO  a tiny bit  I1I   m   t mx ami  n.k. How       iu*t like a Iwrr'm caff.-' And tww li Ilftinit   mill                          . Ujtta'fuDrf  L*xk  Ua i* nw        tUat i* -*  -~' tu Ivtiwhd By  try DK.       '~ Siao WUuM Oinuoctu- 4-    / Send Today for FREE Trfl  mIu ~^~u i' k.   Dk ]   ?* ^^b;-. !  *   .'5c tur  to tut luns UtMU Or. U . m-iuI        *~*(i.r a ** ^ .WJra*. .   UIM , Dept. SNt^lOl. AtUnia. .'A</t>
  </si>
  <si>
    <t>                                           FERA Tutors Hold 2-Day Meeting                 MEMPHIS. TWin.. n._ Colnp-d teachers employed to promote the  adult education -nmi in      cour.ti,~r. of Sholby. i l.-~          -. Pnyit.- Tinton wen- . Friday by Mr. TV. E.       .n, f-.    -"l Miprrv^or of rlw  ^- . Inrucurs u.er. in n iwo-    session  i the hoard of mm  ~-' and l*opi:i.\ W. B. Turner pr.~~      ..    the I ~.    :ne* which featured f.iur I (.#rit sp*.s Priday. E. H. i-ilam. R. E. Clay. W. B Overton und T. T Lindsey wvr,. ihe  day platform men and Mis;           Ingram. T. B. Upshaw. w. S. Davis. C. H. Springer und C. C. Ot-er addressed the body Saturday MOrnini;. Thew are mm* than 45 colored i   the FERA cdu- .iiir.nal work in Shelby County. I Federal  For! Thomas Is Reset ". Tcnn.. l\v.  7._' TTi^ of Dr. D. J. Thomas ci. iif.i  PodtraJ Court. Friday.   fc:~ with violation of ihe World \V:,r VMran's Aot. u- i^miv%        .~ for  trial had been ^e^ for   *o. M. SecreUry to U).~ Arlorl y General said Saturday that tl case will be reset. Samuel Carson, local . will oe tried Jan. 4 for violating the Werld War Veteran's Act. Dr. Thomas, physician  Da S7ner .if Life Line drug ,-ompany. L charged with  tne ict on five counts,  ach count a             on which    r: nave caller:- ed tejs irom Mrs. Lucinda Elzy Poster for his *SK!~     -(. in soaring j lor ner              trom tne I World War Adjusted Compensauon Act. Butler YMCA Report* Christnias Holiday Gym Activities Tho ph\-sical and boys'  ile1 ^nLs of in.. Butler Strcei Y. M. C. A.  un inti-re^lini:  of 3i" during     Sm:   M'jisoa. Thi*   fnv :il  ar*~ Riven in the list I . Saturday Dec. 22. 5 till 7. there *lll bf u Xmos iTrc in tti- gym for C".v.s. along  Tlh music and  play: Sunday. Dec. 23. 9 till 10, u I program for worthy boys will     t lven: Monday. Dec. 2*. a Xmas tre? will bo pro\      for dormitory men from 9 till 11. Xmas day prop,~i- will be O[~fn. I Deo. 2ti, ih(~  ' will bo 11 Xmas dinner for worthy boys from i till :i P. M.; PriUay. D^c. 28. 7:3il nil 5:00 P. M.. a stunt, merit program I will bf held by the Community council; Saturday, Dec. 30. UKre                 u-ill hc a volley ball pun,. t*          Business Mrai class of At latin, . it.,. Chattanooga Y. M. C. A. outfit; mid. on Tuesday, January I. ttir urw. or activities will       with a special program by Uir  .</t>
  </si>
  <si>
    <t>                                           Thousands are expected to cheer Miles eleven Friday afternoon at Legion Field October 12, at 3:45 p. m. students and football fans of Birmingham to see the first College football game this season when they tackle the strong Tenn. State eleven. The...</t>
  </si>
  <si>
    <t>                                           Sunday evening at 8:13 o'clock in the spacious refretery of Thayer Home Clark University he member of Alpha phi chapter of Alpha phi Alpha frateriuty. Clark University, were the partician hosts of a furnat banquet in observation of the eighth...</t>
  </si>
  <si>
    <t>                                           Parties may come and parties may go but the nation goes on forever. In course of our history we have seen sunday parties rise, nourish and fall out of existence, Such was the story of the Federalist. Party and the Whig Party, both of which had their day and...</t>
  </si>
  <si>
    <t>                                           Euy . .   !i  it SO-C5 .-T-S... ~~:::;:'rr: r::;*-':v. ~:::",ti LfSTERiiNE TOOTH PASTE 25C  Sj+, -usher make. / Lui. HaJusui t /or.ECONOMY and SATISFACTION we I  M"4pi BAK5NG %* POWDER I ^ NoSlj.k Tilling                 Listcrine promptly ends Bad Breath i Ordinary Antiseptics require 4 days more R-.-ont exhaustive tests show thcr full strength LKterine promptly ov-         con t -r in 4 days. It     tlm   of being ^ to       \ "     Ustorinn  ond r. end your    -nth won t ofl-nd  -it Pharniosol Co., St. I r.^1-.. Mo, U.S.A. LISTERINE promptly         ordinary antiseptics coo' t  4 clays ^MMizkAMMMibaaXyaf^**-'</t>
  </si>
  <si>
    <t>                                           The members of the ... ladies Tennis Club, who have gone out for basketball ... are producing quite a commendable team, after some weeks of intensive coaching and practice under the direction of Mr. Itty Dalton. Though the club is...</t>
  </si>
  <si>
    <t>                                           Ednj Miy 01~*tr TtiK Tr*Jt'        (' M"""w1""" MI,M.VMI I "WC RC RICH Clrlc    .!    : ACA1N" H^ s:uta Bind! I REX Now Playinjr i t y t     r-S'' y .y l.:is(         'l'~d:iy i LINCOLN</t>
  </si>
  <si>
    <t>                                           ^^^Mfc^BM^B^MJ ONLY NEGRO DAILY NEWSPAPER IN THE       [~~~~~~LSiMhLCl TUMBER 31j ATLANTA. GA, MONDAY. FEBRUARY 4. 1935 PRICE FIVE GENT?</t>
  </si>
  <si>
    <t>                                           ACMA Grocers Meet At Headquarters This Afternoon                 .Ml.'im.i I'.'lon il Mcreli.-iiM-' -\\~ , :iro un;oil in :n!i inl :i mi nins m" /t inter(si. io  i Itiri nft^ at      o clock :u i ho .VC.M.A. (l.in; i ll'. Stroot.. S.W. J. T. Cjyliiin. 1ikc:iI aci-nr of  , .' ili:it I . information Io nil sro- corn will I--' . Tho m..'il 'r-- I'lilint' hour-lit^ nf ili^-'. ^ tlt.-'f :i!i- \\ ilu' ^r:t!    of every Atl;im:i :.</t>
  </si>
  <si>
    <t>                                           What You've Got Don't Help Me .Composed by JI. D. Aexander. Photographer What you cot don't help mo none. While you  hy me. I you  hun You     own an auto free. Cut my friend that don't help me. Million* dollars In the hunk. I Don't help me no. I'll tell you frank. Real and . Contly dross form he.-tit to (Oea. If my friend  only aec What they ve not. It don't help me. I hear thene words ax on 1 go. I There enen Mr. so and bo, Ke'ii the Bom of Binsvlile Mill. Cot  mart from a' bit; Wilt. Ride* a blc tat  horse. IteV trie man I "    sir ." N'ftw my friend take one from mf, That don't hi-lp you unr,    . thre^. ; him     what he sot Hon't help you :i littl" J"t. Take the       . U'~  and wide, God In Heaven will provide. When you think onen on the top i  of the time they are  urv co drop.  n another tip from mIf you ll follow It you ll nee. That the one whom*  H In Moom. Given out       a tomb. y\~k a favor, the deny. Throw a.  rat to each eye. XeYer depend on them nnd *^. Vou'll  up yu ll *~trt*ly . If the  wan "at  ou think. They would noi  you a . What an awful *~!    ' crew, Won't help me an*t won t help you If you r** out ami on the hum. They're   fun. Ufe'H a  race to run. What one n     .     't help you none. If  on you frown. Stand right up and don't *tay down Do     think you re out and left     to jcet ; for ~'      :f. Then  duy Homeon* can tell. That yon  1     '   H. Have a.  u. will and then Like the youth reply "I  in." Keop thl^ In your memory  What one*  It don't help me.</t>
  </si>
  <si>
    <t>                                           WANTED Newsboy* and Acenti Everywherm TO REPRESENT THB WORLDS ONLY NEGRO Daily and Semi-Weekly DAILY NEWSPAPER AMren Atlanta Daily World ZlO Auburn Are* N. K. Atlanta, Geonrt*</t>
  </si>
  <si>
    <t>                                           As rich in tradition as their own crumbs are Christmas fruit cake and English plum pudding. How well-provided, as Christmas time, seems the household that has the one for serving guests who drop in, and the other to crown the Xmas family dinner. Perhaps you have...</t>
  </si>
  <si>
    <t>                                           Mr. W. W. Freeman. Jr,. class if 1929. Avery Normal Institute. Charleston. S. C., and graduate of North Carolina College, Durham, N. C., is making a fine record as a teacher and director of athletics at the Beaufort High School. Beaufort, N. C. The Tigers, as they...</t>
  </si>
  <si>
    <t>                                           ^i^iAi^j^i*i*^*\iVt%\            ^\/' 4 4 if GOOD -all the way THROUGH ^~5?* Slowly smoked, over hickory wood, J White's Cornfield Hams have that wonderful flavor for which the hams of the Old South were famous. Try its Savor, and see for yourself. I Whites CORNFIELD HAM    DURING THIS RAINY SPELL You will find it very Convenient to do a5l your Shopping at one PLACE- EVERYTHING FROM SOUP TO NUTS, UNDER ONE ROOF -FRESH GREEN VEGETABLES- CHOICE 3- FANCY GROCERIES MUNICIPAL MARKET BIG      PARKING LOT</t>
  </si>
  <si>
    <t>                                           ^^^ii^-OT^[ ONLY NEGRO DAILY NEWSPAPER IN THE WORLD 1 VOLUME 8, NUMBER 1 ATLANTA. gZ?TrIDAY. MA^CH \7\^~ PRICE FIVE CENTS</t>
  </si>
  <si>
    <t>                                           G.H.--Must I take my family's advice regarding the young man with whom I have been associating?</t>
  </si>
  <si>
    <t>                                           CONVICTS IN BOLD ESCAPE FROM GII.G                 Recapture One After Sextet Takes Auto; Kidnaps Doctor                 GUARD DISARMED;                 AI.MViN, i::,. _.,   i:ill- .\ an- sta^iii^ :,n inu- ..vor  O^- in :m ilT-.rl l" i.pit Iihu.i (I,-,.  i--i'.  .v.l.,rr^l m,,i mo "JiJk-. I'ollowin^ ilu-ir ."ai.-. in ~"       with  T             ii'1. ftv.ni :i                         "ii Hi,- hii;liw:.v 1:: milos *Oi,tii ..f l riil:iy. Til IIH-ll. Siliit     li:i   * In^'ii -li.irl;!.^) ;ir jhr  of      :n. i:n k       tlM ip cu:inJ, I:. UUIdtp.   *iv m^ of a  'r  : ~.n th,~ ro:ul. One tin-      .'ti iij^~n ilw u'~.*ir*l       :t slr^r* MUltjinkniiMif. ili" iv*t nva  him anal Kitvin^ hi* ^nn, Th" pri^m-rs  :     -.] I'r. T. M. Whito. ri.- vi Iit- ii.irian :mal tool;  :      .il ii^ afl :-r la.ra-laa Mm. Wliii^-  wi 'iM ir MVO i-.'lt to CCI  aif l In' i*:t!\ j .\          to information i wir.ii :,t th,. sli^ olt vf : .it Him Riill.' f:imp. H'lw^ri- 00 IConltiiurd     Pace G. Col. Si i                 CONVICTS (          from pace 1i Kill W.~    -!s .;u:..I. III.       [iri*     ".   ali) n-rn-~-~l    i"in in the "lin-ak"  i.. c-mr ilu-  :i"ni I. hi w,t,- kepi t Uiy. :    w, u freni sett in:: 1k-        -~-I.v.  :ni.      prisoner who wns .'d  ilu* '^ . Alamt two  : the in.i-    'm. ;i pri.^ini r. John Si*-:ir^. MTvin;: :i 4o-.vi ar  roi ^j.tri from Snvnnnsih in ~"h:itli:im c     \ w:   rci*:ii) il.     :it-. \          triK      ili*us. ^:ivi- lilt;. inl OrniutiCn i-nib- Hi.- where ^'~Vit- c.; hi-' :  :m., I    . White, the Uiilna^.l v..t.-. WimlMi I.. M. I?~~iver is ; :li.-  whil.-      .-,- ,.(Tu-.t- ii i-  :i;t woll :is  :n   Ji:iv,.                . on ill.- ..nil., k r^r tli^ men. :.ll  if  ;lrc j,,   ,,.jr ... I l.i-:.~! in ilu* ***^ :ir..;      -Mrr *"., \~-^r... l\  .     ~-.:ir.s r..r l.nr-l:,,*, Mllli-r : l^ l:..'.k.-r. .\.~r... u.r-.- 1/ liv*. * I'nr KuryUrv rr..in ]-*].~v.* 1 Uniiu- .h.Uii:v 'iM-;.r ll.'.   "ur... y.-"i- l.:. from . iih-. ~: ity .UUti Allis'ii, wli ifi-, !   i., I.'. v.wim l.      \"i.~ion         . ~:   All. II. .  S U.;,r iV,hm  tv~,:,iu .-.h.i.u.</t>
  </si>
  <si>
    <t>                                           MACON, Ga. -- ()-- Authorities are staging an intensive ... all over Central Georgia in an effort to ... five convicts three colored and two white following their escape in company with another Negro convict, from a gang while working...</t>
  </si>
  <si>
    <t>                                           Displaying their usual whirlwind attack the C.C. IG Y Boyes ... of the Y league administered a second basketball defeat to the Galesburg A.C ... on the Glohe street Armore Court Wednesday, March 20 before a crowd of several hundred spectators...</t>
  </si>
  <si>
    <t>                                           Last Wednesday evening on the rveninz of the departure of Mrs. Daisy E. Lampkin a strong Woman's Auxiliary of the N. A. A. C.P. was organized.</t>
  </si>
  <si>
    <t>                                           During the month of July, there was held, at the Central M. E. church, of Atlanta a second successful community Daily Vacation Bible School sponsored by the Central M. E. church, the West Mitchell Street C. M. E. church, the ... Temple...</t>
  </si>
  <si>
    <t>                                           .  SPEAK                 Prof. J. Slade. an outstanding scholar and head of the department of  and history at Morris Brown, college will de- liver the principal address on the "Life of Richard Allen- at eight o clock  at Elc Bethel A. M. E. church. A     "   has been . hy Choir Xumtx-r Two for the occasion.</t>
  </si>
  <si>
    <t>                                           1 .A-CkVAtCAyg OF FUIUr I aM^^^^By /^MTySffiWfl^^OB Thundering           a tf^Jt^Bpf'^^3BflfiB6fl **rono for a beautiful woman who. 5^E(^j^^^8 / votor wirh love.' Thfilling i '"lir^^ ^A^^BCS^^VfaS^^SflSuE             ^ffy^BtS^Tnri jyT ^J3JMS beauty of a barbaric notion^. ISGAHilET .':^  ^ ROYAL ^' i C.'.M. NEXT SUNDAY 1 i WALLACE UKUJtV in "VIVA VILLA"</t>
  </si>
  <si>
    <t>                                           A farewell party was given at the lovely home of Mrs. Martha, Geter, 159 Auburn avenue. The home was beautifully decorated with cut flowers and ferns. A delicious three-course menu was cerved by the hostess. The guests included Misses Lucile Robinson...</t>
  </si>
  <si>
    <t>                                           Monday marked the day that the Booker T. Washington Warriors held their first day's football practice of the 1934 season. Strict attention was given the seasoned "vets" as well as the rokies by Chief Julian Bell.</t>
  </si>
  <si>
    <t>                                           MONTGOMERY, Ala, Sept. 17.--The innovation of Saturday night football is being introduced this season by the athletic management of the Alabama State Teachers College Hornets with their two opening games that bring Xavier University of New Orleans to Cramton Bowl on Saturday night, September 29, and then the mighty Wilberforce University Green Wave to Cramton Bowl on Saturday night, October 6, for what is the intersectional classic of the year for the Southeast.</t>
  </si>
  <si>
    <t>                                           world' famous COMBINATION TREATMENT If all eh* thousands of happy, joyous man and woman who hart bm freed from cha tortuous misery of an ugly, broken-out  by the wonderful action of Black and. Whin Ointment and Skin Soap nn to hold hands together, the chain of health and charm and beauty would match for miles, and  Jtut imagine, than, what Black and Whita Ointment and Soap will do for YOUR skin trouble. Don't wane tune don't throw money away on foolish hit-or- methods. Tonight start to use Black and White Ointment I -^-Ja. I and Skin Soap /ffe2^\  quick- Afl^SS^tt ly bumps and RHE3H blemishes vanish;  vW itching,  '^^^^ar irritations dry up Tw*  ^L-k. and dark sallow 2*^,f^ skin becomes  faded to new gw " beaury. JSi.'T'.iS health. Be sura to 2Se Trie! ask for "Black fr i?fi.  5 and White." Ac         SkU  substitute. ^    , 2%u ,^P \B^ ,  Mm,      r        , easily  m( N  with tUck. ami VhUt Ulm WiUtutr. Imrf fan.  y tie. Tone la -        .-L.     Fanuriaa Gur L*       '~ Orchestra Bwfr W.4n..d4r Nleht. NBC Wewe*</t>
  </si>
  <si>
    <t>                                           NEW YORK Two fine rewarding and vasty luerative plays have returned to a Broadway sadly in need of them. And this return comes after ... successful tours around the hazardous circuit called the "road" which was the exception of a few key cities, has...</t>
  </si>
  <si>
    <t>                                           Battle Hill Church Ends Fine Revival I                 Tlic Battle Hill M. E. church, the Rev. \v. I. Bell, pastor, has just closed a very successful revival I The services, which lasted two i weeks, were conducted by the Rev. Mrs. R. M. Dolton of 412 Linden St. As the result of her splendid evangelistic preaching, eight converts were added to the church. The  are especially  ful for the fine supper: given them by their manv friends while u nuni- I ber of prominent, ministers took part in the services, among whom were the Revs. J. H. A. M. and C. W Bridges. Rev Horion High i 1'oint. North Carolina and the Revs, Young. Alphabet. Gilbert Kimpson, 'Walker and Davis. j</t>
  </si>
  <si>
    <t>                                           To just say it's homecoming day here would be a mild way of putting it ...... These Kaycee folks have put on the most colorful pageantry that ye old scribe many moons ...... The football "fever" and spirit here Saturday could have easily east the...</t>
  </si>
  <si>
    <t>                                           20 Y ft R 5 ASSESSED sue                 Guilty Manslaughter Plea Ends Sordid Tragedy                 JUDGE ACTS                 TAMPA. Fla.. Oct. 7.-                 Paul McNair, slayer John Walker, was given twenty years in the State prison  t Raiford at the conclusion of a hearing before .fudge Sparkman in criminal court                 McNair plead  to manslaughter when brought up for trial and received the maximum sentence as a result. McMeir was defended by Attorney Tfttsworth. The attorney made a magnificent plea in an effort to offset the fact that McNair had been tried before lor murder as a result of the  slaying at Hampton Graham. Walkej was shot by McNair 'n the 1200 block on Esrtelle street on the night of January 3. 193*. At that time, McNair succeeded in his efforts to escape and was capture.d several months later by Dep- 1 uty Sheriff Waymon Taylor, at Jacksonville. According to witnesses produced in court, McNair wont to the nome of Benjamin Zimmerman on the night of January 3, and created a disturbance, because of the presence of a women with whom he was friendly. McNair gave the woman a severe beating, and after taking he,r home, returned and         Walker out of the house. Mrs. Zimmrman testified thai the door of the house was       at the  me' and that it was inv posible to see what transpired outside the house. Those present at the house, heard sounds of disturbances, and later the. sound of a shot. When the door was opened, McNuir was leaving the scene of thP shooting in his car. Walker stumbled across the sidewalk and fell upon the steps leading to the porch of the house. He was       .d to the TamPa N*8to Hospital where he died a short time later. According to the story told by McNair in court, he called Walker from the house in order to talk to him about the alleged attentions that Wa'kex was paying McNnir's common-law wife. McNalr's story continues to the effect that Walker came immediately down the steps and struck him OMcNair) a blow on the mouth. McNair said that the two men struggled about the sidewalk and fell against McNair's :ur  at the curb. Walker          4 gn      4; CoL 2)                 Sentence (Cortinued from Page I) allegedly  into the car and ?.         a pistol .in.) attempted to shoot Mc^air. In the struggle. the weapon was discharged twice. McNair claimed 'hat the pistol was in iho hands -of Walker at +he time of both . The fact that    ., pistol was the j property of M,N:.ir and that he. i if anyone,   have access to it is pointed out by the prosecutor.- served to break down I       ".~  of the, fight. No I .yc-.es were produced to I substantiate the Contention made by McNair that th,.  shot was f:re,~ while the two men  on the ground. It was further pointed out that the         of. the wound was s=oeh that . shot was apparently fired while Walker j stood over McNair as th^ bullet entered Walker's left thigh and       into the abdomen. i JudCe Sparkman halted  pie-  of evidence ana save McNair th maximum  for man- slaughter.</t>
  </si>
  <si>
    <t>                                           Paul McNair slayer of John Walker, was given twenty years in the State prison at Raiford at the conclusion of a hearing before Judge Sparkman in criminal court.</t>
  </si>
  <si>
    <t>                                           HOT PEN                 I W. V. DAttXKV Ohm- of iho Cincinnati Union. Is' nnf of Af ra*AmerlcaV\  editors. Publisher of the Union of Cincinnati. Ohio. Mr.        is nni.il for the originality and In. of lii,, .          . ho hajt n-  , :iiii"  ;       "Clnclnnatl'M         -nii" :iml tlie  of Jlrx. .M. i, Watltor, anJ  im - ,- of a number of           :il anil  (Iiik . an AccomPllillirKl inti- n. Active in the civic and        -:il lif.' of Cincinnati for many *. Mr. Dahney t*.l an paymaster U-r the City nt Clncinnnti lone . 1[~H  r.~fi-r i.. him affectionately as 'The       l^."</t>
  </si>
  <si>
    <t>                                           Man Stabbed Near Heart; Woman It Jailed                 Wo  homicide of    " year  Negroes almost be- came a reality I'rldo.v  when Henry Elliott of SC Horton       admitted to Crarty         ' In Mrloux condition with a stab wound near hi* heart.                 According to police reports, a^ light took placo at the  or (Continued on Page 5. Col. 2)                 Man Stabbed Near Continued from. page one Houston and HIHiard about l':30 Friday night. Thf name* of the combatants could not be       .~i as both Elliott and Ada Smith, also of SS Horton street, told Patrolman R. E. Floyd nt Grady hospital that      .~ know who cut them. The Swlnt woman, who was * cut about her left .   .s arrested on charges of  and taken to the city Jail after 18 stitches had      taken in her shoulder. The man. who wan  with an Ice plc x. waK admitted to the hospital in :t serious condition.' although he w:   given an CTtn chance .to recover.! Quick work, on the part of Otll- cer Jones ] in the Arrei: I of Ccne. alias Forrcat        -~:    of a Coloman   va I       3 of suspicion In , Trith the  of Colonial Matf- dox.  2  Sima street. S W.. on Sims Maddox who was treated .it Grady hospital for  cuts nf his left  told OHIccr Kloyc that he wanted Handspike arrested on charges of assault to inur- dvr.</t>
  </si>
  <si>
    <t>                                           The fifteenth homicide of the year among Negroes almost became a reality Friday night when Henry Elliott of SG Horton street was admitted to Grady hospital in a serious condition with a stab wound near his heart.</t>
  </si>
  <si>
    <t>                                           FOLLOWING in the wake of the late President Woodrow Wilson's League of Nations his four successors, Harding. Coolidge, Hoover and Franklin a Ropsevelt have advocated a sort of world court. That term while milder than the outright league, would mean never the less an association or affiliation of nations. On every occasion the world court has met with as much disfavor as the league of nations. The late President Wilson was bitterly arrifmcd by the late Senator Thomas E. Watson as a traitor to...</t>
  </si>
  <si>
    <t>                                           DAYTON, O., Oct. 30.--A record of triumph on the gridiron that has few equals in the country is that of the Wilberforce university Eutldogs, who play the Wiley college Wildcats in an international game at the University of Dayton stadium, Nov. 3.</t>
  </si>
  <si>
    <t>                                           Presenting 63 tons of bone and blubber, and more than feet in bugth, the famous whale of San Cleneaty is here in this city now till Sunday. December First time over here for exhibition on the railroad tracks lit Pryor and trail streets, just below the...</t>
  </si>
  <si>
    <t>                                           Those who think that the only terror of a lynching is the killing of a victim, should visit the community and the neighboring communities where a lynching has just taken place, and they will find that the real objective of the lynching sentiment is the...</t>
  </si>
  <si>
    <t>                                           i RED FEATHER COAL ASHBY ST. COAL YD. CAU. IcA. D.WS JA. 7199 Thomas' Service (Standard Product*) !\V. D. THOMAS. Jr. Prop. Alemiting Simoni/. Washin;; Crwmin"   * offer you alway both  * and prompt service. UT.ST HUNTER AT JEPTHA</t>
  </si>
  <si>
    <t>                                           Officer Shoots Man Suspected In Hold-Up                 Pulice Saturday night were combine tlie Fourth wird  w.Uihinff  hospitals for ;l missing' li; -cr,  to  In-. mi  d when .-h.)t at l.y officer Leo Xahllck after he had held up and  Alex Presinn vt 33 Fitsscrald                 street of $3. The   no.u- the (Continued on Page 4; Col. 7)                 Officer Shoots (Continued from Page 1) I  Boulevard and Irwln . Acpordlns to I'reslon he was on route on - when 11kInne h^ in:l,,e,~ 0,u- ,,r Uv, 'lark .-ind Jnl,l,eil   .,,o, )]lM 'Wff  him m "reach for      nk.v." lhon ITocpiHleil ride hi* nn-kcls. i;,     lhe ,non(~y h,. hart. AfKr robl.inc him, tho h.-       -k IHin  Ihc h,.ud  n l.l:.Pkiark. TTpsioii said, "'=    Tho victim ! (ho roh'-'y t" Motorpyclo Piuroltnen N. onil .Innos. whi, spotted a man. "'ih?  Hip bandit at Howeii and Invln ^~       . When the officers . ho mnn  a nil ran amid a lial. lor  . TIip   .lont Int ono nf lne            .a they nro had struck lhe fleeing suspect, ax the heard him scream Dioy said. Keen standing with the *  suspect, lias Blvins. of i") Johnson avenue, was under  for investigation following the  Twn women who were passing at lhe time nf the robbery gave their  to police as MIbh      Rrown. of sgg       street md Mi*,, Rtta Mae Stephen-on. of B02"i Randolph street Both testified tha, when they  the scene of the robbery.     bandit turned and told them to "beat It." Shortly hefore the  (robbery wa, reported, Preston                 scy. or r,S2 Irwin  treet;~'ri-'     ,-d that a bandit:, had stem"".,' from the shadow of n c  nn Houli'var 1 as he  Irwin street. -ar.il commanded -him to    'e.m ii;j." Pollen  th" Hamo. li. pulled Imth Jobs. Doi-spy s:t!il ho siU  In c:iMh ':ind ft watch lo the ,  heUI :i pistol In his sld--. Po'lre s.' day. :         1 Kii Bal]p:("21 of r,41 Irwin slrc-.i on   of  in ~.~ with I ho  .1. P. . of 4i!t . . Phillips            .to  jh;~t he was w.'. an hp was v/.' up Crape  nnd      -~1 ot S7 In money     'l . who   i . ChnsPil out of v.ci*  hy tvo  who took possession :if   *r  , Mrs. Rmni:~ Brown, of rP.'tr 1112 Au?tln av.'nnc-. reported  four quilt-i and a coat til] having a  value1 of $7 when she returned Saturday. Artlnir on Information / by thp  victim,   Oroce Tnylor. ?0. ot rear of 1109 Euclid  nn I Casey Pnster. 35. nf       31S Moreland. avenue In " with the Vohbcry. Slapped down bv a woman, Lorenzo Loiwryy of 348 Humnhrics s neet.Vreriorted to police Saturday that when he eot up ho found thet he was minus his /- containing $5 in hills, .*2.S0' in -change and' a relief ticket. The robbery, occurred on Hum. .' street, just oft Peters street, -he said.- Descriptions of the woman  a  companion were furnished notice. Making their second  to the Maise'n  store, the place has been, under the  of -Fi E. Moise.  early Saturday smashed a huge plate glass window; to obtain a hat  at f3.50.</t>
  </si>
  <si>
    <t>                                           Police Saturday night were combing the Fourth ward and watching local hospitals for a missing bandit suspect, believed to have been wounded when shot at by officer Leo Nahlick after he had held up and robbed Alex Preston of 33 Fitzgerald...</t>
  </si>
  <si>
    <t>                                           /       .. .      . NEW FREEDOM FROM COLDS for FEWER Colds for SHORTERXords At the first warning sneeze or nasal If a cold ho* already . use irritation, quick! -apply Vicka Vicks VapoRub. the mot het -uo-nol just a few drops up by in } colds. Jiu.t rubbed on cub nostriL Its .usc  to  t bedtime, VapoRub'wjrlcstbroui'li   cold* -and to throw                          .ia! colds in their  stages. tion to help cad    !dV No "." These twin aids (or /     and  colds dvc you the basic  of Vicks Plan for Better Control of Colds- dini rally tested by physicians and proved in everyday home use I;y millions. (Tuli details of  unique Plan in each Viclsp, ) BAPTIST SOUTHEASTERN REGION CONVENTION Mobile, Alav February ;12-15tK LvMiinc BaptUu.     '       ')      .. Nocth  nd South Carolina will attend thr Motile ConOrrnec.            . .ion will     - Atlanta over     Wet Point Routr. Round-trip  rate Atlanta to Mobile i. S1C.62. l^l.Kev.'J. N. NaUrit know Iwtw many will attend from your . THE WEST POINT ROUTE</t>
  </si>
  <si>
    <t>                                           In his recent book under the title: 'The Evolution of the Negro College," Dean Holmes of Howard university gives an excellent. historical account of the forces that have brought the Negro colleges Into being and foster than from their humble...</t>
  </si>
  <si>
    <t>                                           THE UNION SOCIAL CLUB will meet Jan. 7th at the home of Mrs. Brown and was entertained by Mrs. Francie Morris. All members are urged to be present at the meeting at 8 o'clock. Visitors are always welcome.</t>
  </si>
  <si>
    <t>                                           HIS FIRST CLASS                 Last Sunday was Confirmation Day at the St. Paul Episcopal church mi Mavson Turner avenue ami Father Henry J. C. Kowdcu presented his first cla: since ; to Atlanta to B[s' hop Mikell. head of the Atlanta Diix-ese. A111MH5J those takin:; the oath of confirmation were Mr. and    . William Rlnxles. Mrs. Beatrice Stovall, Miss Helen Jones. Miss Annie lr.lla Wilson.            . Miss Myrtle Shepherd, Miss Alice Parks.      Krnestinc Ranks. Miss Beatrice Finley.                 Ralph Long ami l.i-kiry Carter. Plioto by Mackay.</t>
  </si>
  <si>
    <t>                                           This morning coach Jack Adkins, 30 of his charges and Monk Lewis will board a bus for Nashville to take on Tubby Johnson's Bulldogs. Monk's status on or with the team has been the subject of much debate. There arc those who insist that the curly haired one is...</t>
  </si>
  <si>
    <t>                                           Band                 Don Redman is; Bringing H i s Band to Cityi                 !~". llw s.Iiort  ii-    l.:i!   .:   ..r. - fiim-ii,, "l-h.- ..f i],.- \v.~,~" ~,:i.    -"iiiv a naii-.ii at :iir'.v.-~l. is : his n:iti..ii. ally- op-    tin: i":y Aii'liiorliim. Allm;r: i Within. 'lay. K.'l.. -JT.                 K'lllimi. u!i.~. '' -' I iiin! wi.jri! :irr:iti^     'iits h:m; j iir I f..r him tin- till.- i.f -~t:ir.   'in:i.~    ." ranks :i^ .hh- of tli.CT-ati-i -rs ami  if .v -. ~'~:r li-ri- (lir**-t fr-im ?1m- j 'ii-    id- Panv. x,tv York's ww- j ~-st M.'   ;i'i-Hi in  .  f:          IkmI  nm-.it: .     i!: lovers in i-very  mw   -~~olit:in *.t-nu-r in     - ir^.v.  li it         firM. trip r.i-til ni ti-      -iii-rs wh'~ Iinvi.- j hi-: flu- f:itii-     ! -r.  "" tunes  waft-  M   v.-r 1     fr-mi rlx- Cnlmn- !~i;i Hr'KiiJt'a'iiiii^ 5?*~i.        j ilini li.~n :i1   s:~-;k t-~ tin- mii.Tw- i phono     1  piw Itis fans I :i  "I Iti-' a:~J 'Ilvw'm 1   .~ 1 III  it. I::iti is otii-   f { tlh-        vi-      *  i-vi-r ili Vi-lnl.iil.      li:is m:    -riil ihv ;i It . *. violin. Tr--utl-~*Ufl :iin! ~;1i0iii-. Tin- -.-    '.; Iiis i.ri:ln-str:i Imi  l :i:i j :   in-% - "sit In" for I flit* various -rs of lii- Uuiil. -r it Ls tilt- -. ri-*ij nr i :ii xi-. j ICciJiii:iii    Uiokitl IixiiMy U. T1.111 1%i!Ii-.v. wlio : .Vlallt:i  i-'li-l--s :i- Iml,r.^l.m. C.-ili l':i!   ':iy .-iiiiI  Mill, '.-,.                 IN JUBILEE PROGRAM                 The ^ is seen in his last slaves in "(ir. Moll." the feature tif the Royal's  Jubilcs  (or Sunday. Monday and Tuesday. Other          include' Bill "Bojanjflcs" Robinson. Don Rcdmon. I'opcyc. and C'haptrr 11 of  Pirale Treasure."</t>
  </si>
  <si>
    <t>                                           I am the Redman the short dusky bandleader, whose famous "Chant of the Wood" has ... a national airways is bringing his nationally-famous orchestra to the City Auditorium, Atlanta, on Wednesday, Feb. 27.</t>
  </si>
  <si>
    <t>                                           an intv" a m  ta   yo*r km) m tfc* In* KlNHHt  bf Cinmliiii*. 1TOOT1 BE A WINNER YOUR LUCKY NUMBER Individually Divined according to  name In th? ancient and  sciences Kabalbon and Nnmrroleo". 1. the MIGHTY Mastrr of the           of the Occalt will HhT'J~(~:i7^I Oreum Boole  PJK The MasterW7P Key Book S/ which give* an  of all dream* in number* ot three figure*. $$ BE A WINNER $8 WHITE TODAY. Send only one dollar for the  Five-in-One Dream Book together with your FULL name and address. Or if  ou prefer. ISHMAEL will lend the Dream Book and your Number C.O.D. and on arrival you will pay the postman S1.00 plu* pottage. ISHMAEL does not want a nickel ef your money until you have received the mysterious Master-Key Book and your own individually divined Number. ISHMAEL send* this great book with a genuine Money-Back Guarantee. WRITE ISHMAEL. DETT. 120P. GEN. P. 0. DEPT. 557. N.Y.C. : DONT TELL YOUR BANKER</t>
  </si>
  <si>
    <t>                                           Mint Soale Mae Fitapatrtek, of 2210 Bedford Avenue. FUUbarth, Pa... it an ardent *  and Rhone brightly In the recent Lawridale Tenhh Tonrnaoientv Sh*    an ardent Criterion reader.                 MISS  WASH  of St. Petercbarc. Fla.. pretty, pleasing sad popa sr. Allthe boys *re on th* ~(~l^ wh^re the  Li  Undln;.                 THE MARSHALL  welcome*    . PMliBe WUlUnw of MO Fletcher  In Marshall. Texan.                 . J. A. FORTSON it pastor of     Grove church In Marshall Texas,#     Is welcomed In  manner by The Marshall Tribune.                 THE BIRCHtl It BROTHERS, reading from left to right, Cletus, Howard and Fletcher Birchene, three sons of Mr. and Mrs. J. F. Birchette, Asbcville, N. C All are Morehouse college students, the first a senior, the other two sophomores. A fourth intends to enroll in the fall.</t>
  </si>
  <si>
    <t>                                           HE HAS FEAR OF FEAR                 j y..,.   :~- i:a::.-.\ K..;;:: !v......:i V;,;~,</t>
  </si>
  <si>
    <t>                                           SISTER S CHAPEL IS UNDERGOING! COMPLETE REDECORATION FOR OPENING OF SPELMAN TERM                 of improvements i-~ be-, ing made to the buildings and j grounds  f Spelman college in i preparation for the reopening of the college next week. The  item in the program is the complete  of the interior of Sisters chapel. Other                 ments am the building of a new roadway to serve Morgan hall and the college boarding department, the erection of twelve garages for the use of faculty and staff members, and hp recovering of the coal storage bins with permanent cement lids. Thv repainting of Sisters chapel is utilizing the services .ty workmen for a period of approximately two Wacks, and will require 130 gallons of paint To reach the high ceiling of the interior, two steel scaffolds. 32 feet high, have been constructed with run elevated wooden tracks                 from one end of the building to the oth T. The work is being done under the direction of BargeThompson company with a force of colored painters, and laborers. The curved ceiling is being co-ored with a cream colored pair.t. and the ways are being finished in pale green. The new road which has been constructed of concrete will provide a c- service  to ihe college dining room, and easier access to Upton House, the faculty residence hall. The road will also serve the occupants of the new garages which are to be erected in the rear of Morgan hall. Construction of a, new concrete roof on the coal storage bins will greatly improve the appearance of the service . ar.d make the delivery coal for the power plant more efficient.</t>
  </si>
  <si>
    <t>                                           A series of improvements is being made to the buildings and grounds of Spelman college in preparation for the reopening of the college next week. The chief item in the program is the complete redecoraion of the interior of Sisters chapel. Other...</t>
  </si>
  <si>
    <t>                                           .^^^1^~aM^fr^M I ONLY NEGRO DAILY NEWSPAPER IN THE WORLD  VOLUME 7.  :t42 ___J^Z^ ATLANTA. gX. TUESDAY. FEBRUARY 5. 1935    PRICe"fIVE</t>
  </si>
  <si>
    <t>                                           Genera! Missionary Baptist Convention Newnan, Ga., Nov. 13th-15th, 1934 Low coach fares from all ix/ints in Georiji^ lVi PT mile. Tickets from South Georgia points  be routed through Atlanta. Stop-overs allowed. One-way coach f*re Atlanta to Newnan 59c. For Sal rly. Comfort and /:~~/. Tro-rl l*y Train THE WEST POINT ROUTE</t>
  </si>
  <si>
    <t>                                           NOTE: I will answer your questions free in this paper if you will enclose a clipping of      column in  lotter. For a PRIVATE ANSWER send a quarter  2   ) for my NEW CHARACTER ANALYSIS and vnu may ask three questions which will he- answered free Ity return mail. Sign your full name, birthdate and correct address to all letters and address mail to: PROFESSOR ALBERT, care of THE SCOTT NEWS' PAPER SYNDICATE. 210 Auburn Avenue. Atlanta. Oeorcia.</t>
  </si>
  <si>
    <t>                                           We ... into that his bunch of smiles. Walker "Jack" Adkins Sunday night, just a few minutes before be ... for Columbus, Ohio. He was standing near A. A. Branch and Sidney Oates, under the roof at Union Station, chatting about this and that until train time.</t>
  </si>
  <si>
    <t>                                           FRIENDSHIP BARBER SHOP 11:: W.      HEI.L ST.. S. W. HAIRCUT? SHAVE? ? ..Then come to the above named barber shop. We have just moved in to our new j location with a staff cf well-trained bar- bers. We arc equipped to prive you the best of service. Stop in and let one of j r experts serve you: SHAVES 15c .ex .11, Homer Dozier, *nd Sam Shockley.  WEEKi.. -.MATION FREE j     Bur. Bun 10?. But Thi. Bug    .   S2 721 G82 711 S10 370 301 9S1 ~~,r''Ori.SBrf*J" thp B"e w"    InformaUon. To set thU I i .  t  dollar prr . C*t your order in Ume for '        SpMial F'i Uy  ply-    1 r mu" M.KASE USE THIS P.I.ANK WnEN ORDFJtlST.     y':u.fi1"1 for ~'   '  r     Swdr,. ^^^Ks j 112 S. Jeffmon    . Av. Wriefcl I SC Loui*. Mo. C"1" E''1'' for E*          FriiUy. Don't    ,      Opportunity. j Powder Ab.</t>
  </si>
  <si>
    <t>                                           Two Against the Underworld                 Judith Allen and Bruce Cabot in the role of a hard boiled police lieutenant siMM two against the world in ''Men of the Night,' the thrilling action screen drama playing today only al Bailey's New Ashby theatre.</t>
  </si>
  <si>
    <t>                                           PASTOR HITS POLICE HI SLAYING                 Missouri OffhSr^^biDis Down Youth; Minister Flays Slayer Before Whites                 INQUEST IS FARCE                 RICHMOND. Mo., -(By C. E. Chapman for ANP)- Negro citizen* of tM little Missouri town arc indignant over the  killing Thursday night of Charles Camp, bell, 22      old Negro young nun, prominent In nodal circle* of the city. The  nun wm shot                 down by Johnnie Demon, white Policeman. Erewitneao* so? thr  wf/t- ^ 4^~   ." Early Friday morning, Campbell and gome friends were returning from a party and being a little hungry, went as had been their custom by the lunch place of Mrs. Pearl Allen on West Lexington stand tried to awaken the night man as they did on other occasions. Campbell, shook t)ie door of thf restaurant to arouse the nightman, according to a white man by tnr  of Watkins and Charles (Buster) Hidings and Fred Allen, brother-in-law of .Mrs. Pearl Alien the restaurant owner. After shaking (Continued on Page 2, Col. 3)                 PASTOR (Continued from Pare the door several times and  I to the nicht watchman, the   .~pul3t  man was {             in* Policeniun, Johanie Denton. brand  his can and stick, according W *. "Buster" Rirtinss I Kiucht Cumpholl by tbe arm and said. "Com* oti let s irn." Cumpbell and Tlidinct then  off arm in arm. Thr      -.-ni:in. sii .: to , yelled out, to Hiding? "Turn him alow and     sway from him."  that he                 fill him full of hot loud If no did not comply with the request. He thereupon shot ) who died Instantly. The supposed Inquest was said to be "farce." if it rated even that high, as all  showed that I lie dead young man  on trial rather than an  of arriving ;,t how he met di-ath. The killer himself ncn-r appeared or testified at the supposed         . The county sheriff is alleged to have advised Joe Campbell lather of the young man tt "would be_ dangerous for him (Joe         ) it h* had a warrant Issued lor the sl:iyer of his son, Charles." To this day no arrest has been made, no warrant having been sworn to. The matter seems to have been dropped and forgotten  by city mid county authorities. Whites Come to Funeral j The funeral was held Sunday at St. John CME church where the deceased held membership. Several white men came to the funeral., among them being Eugene Farris. county attorney; Chief of Police Dlllard: Judge Tucker of the City court and n, few others. To the amazement of the white  Dr. Bass who Preached the sermon sai'.1. "Th" Ian- ' agencies hav.-  io give Negro protection. If we have any protection, it must come from some other sources or i:       . Since the law enforcing agencies have  so miserably, it is your duty to yourself, to your community, to Charles Cumpbell and those who    ; yet here, to po to the polls and ue your vote    keep out of office persons who  not do their plain and simple duty as in this case. Use your vote    keep such men out of office and if they are already in office, you should use your vole to put them out." The following morning County Atturmy Farris sent for Rev. Bass. Aci-:.  by the Reverends C.I 0. Banks ami II Parker. Rev. Bass vent to the  of the county attorney. The chief of. police of I Richmond and the sheriff of Bay county were preset with the miu-'1 isters and the county attorney. '"I  never seen a preacher with such courage in all my life ami I want you to know I am with you and I'm willing to do my part in this matter", said the  attorney to Tlpv. Bass. The ministers ]p71. feelin- all was well. Huwirvcr, ii later developed i that the  V either changed i his mind was -n l  in whut ihe said 10 Her. I5:iss in his office Monday as    has failed t" a--t even though he is said to be in                 of more than - necessary evidence for action.</t>
  </si>
  <si>
    <t>                                           RICHMOND,Mo.,--(By C. E. Chapman for ANP)--Negro citizens of the little Missouri town are indignant over the ruthless killing Thursday night of Charles Campbell, 22 year old Negro young man, prominent in social circles of the city. The young man was shot...</t>
  </si>
  <si>
    <t>                                           It is a deserted looking place pot a sound can be heard from this spot which was once the scene of much bustling activity as the stage manager would call out the time by saying such and such o'clock, half hour which would mean a half hour before the curtain call.</t>
  </si>
  <si>
    <t>                                           riot lime in Hot Springs                 Rjtcing      it* city revenue.  of     ! Spun;:-. Ar* h:   - .-d municipal ** and tiw numb.i til vi.-i!    I., tin- .s n.-ort u.kinK u liberal ?  l i;:  sale of    arc !*    *(l by ,-'* law. I'ant  to "c!**an up  city" proved ~'jch :i   and futile. Mayor Leo McLau^  a  whcn by        and ~;          pay .- fin^s. In return for their contribution*, they are free from arrest or .--haki-. Tourist trade has since increased ami oily !in:    -~           . The       :       McLauKhlin now  to ; on Arlu.ii^  " lili^ral divorce laws and make a bid for VUc -si of Itrno V-v</t>
  </si>
  <si>
    <t>                                           Madame Estelle  lady will tell you everything ~.~]ii wish to know without -asking iin.v           . No matte* who or what ymi arc or what your hope. I (par or trouble is. nsk her advice. j Slip  j.' more satisfaction than any other advisor known  to date. Gives to have success in business, love, . dlJ , law        and speculations of all kinds. The be*t class of people  her and  their friends. I She ha,       by toon noted  prominent persona than any other Adviser. Don't bo discouraged If others have .failed to help you! Thousands have profited by      InR her advice. AIL  Itrict\y confidential. Absolutely       vate. Rendlngs Daily and Sunday from 9 A. M. to 9 P. M. GIVES LUCKY BAYS. Take Wasbington-Lolrtwoar cv;  r,d off at Marsaret St ir*Z 1V00D AVENT3K Tf  Main 911*                tor 8       ,</t>
  </si>
  <si>
    <t>                                           Candlemas to! Be Celebrated! At St Paul's j                 i- s-.rvi.-c Trill I..- ~.~[~ .it tin- St. Paul Rl'UTup.il I'lnirrli Sun. Jay cv.-. i Folim.iry  at 6:"~~. Tins s--      .  .~I'liiint- l ho nuri:        of Ih* I bl.~s.-U Virgin Man-. also give* 1 communicants :i n  1 friends a I r.-~n l"           .:~- to !"".Mir" cnn ll-s I" lv l.  ^~~.i ..j t!ii  tli^  as a i nu ni'.i i;0   . tii.- l.!i-      departs*'. (Continued on Page 6. Co). 4)                 Candlemas (Cmtiamd from Page 1) I Tlv      4 choir will   v. I .ral renditions, .two of  will I I hr_    "Magnificat" by C.  .and "Send Out Tby IJght" by I Bruno. The choir nm also Ka4 { thv beautiful procession of  dl--.. I father Henry J. C. Bowden. j II.    priest la  of St. Pant I trill deliver .tho ,  ^sase tor the j . This service" is an an- I j r.aal  in the Kpiscopal church and is ono or the most t            and sacred. i 1 All  and (riends     cordially invited to attend any and all services at St. Paul. j</t>
  </si>
  <si>
    <t>                                           Price's Pharmacy PRESCRIPTIONS a SPECIALTY Tbu Ad U worth 50 cnto ra anr Prescription SS4 Truer at Cnualay Pboaa Ja. 8293 WE DELIVER ATLANTA Now Till Dec 16th FIRST TIME EVER HERE PRYOR WALL STS. Below Kimoall Hotel See live Penguin* From Admtra) Byrd*~  AMERICA ADMISSION TO EVERYBODY 1(1* 9 a. m. to 11 p. m. IUC EVERYDAY We are Helping the BIG BROTHERS XMAS FUND.</t>
  </si>
  <si>
    <t>                                           Tired of the smugness and restrictions of civilization. Mark Talbor books passage on the S.S. "Orient" hoping to find the adventure he craves in travel. His brother, John, pleads in vain with him to remain home and settle down. At the dock. Mark's attention is...</t>
  </si>
  <si>
    <t>                                           /im*d   nt to ^^H^^^ Cccajobvitnacirau)a*die''                .'' J^^^^k Women, . da want Umg  and lacs of g^^^^^m n. 7nar*~ why Blade and Wlute Hair Graver    ^^^^HH *%nc 1"           . Toit , ^^^S^^^SSI^H  grower  dw   and y^SflB^EBBsBH   ,         at nothing ^^^MjBwffllTcY lai on. StBt tains i codar.L^ ZJc MBBBvUIOmsiM WORLDS  OVCYOURHAOt HERTS THE WAY TO  -THISKOTCCnON LAY DOWN IM -4 wtk. fWr IWt   HAIK Dm li k    y fcr 1     r  -   StakdmaJha            ki hm   1M ii ml i. h 4mm     5     M ar m   -  at t.ct it  itk Slack aad Vka r i I j. -f rjr wa.au ~^_i_ir u.    Bq whit, aoc SSScteHAwnZ: KLL^rS-     Oi      WHi..i4ir      . NBC        JT</t>
  </si>
  <si>
    <t>                                           TfilSP' DAVIS COAL  em^ Coal For Ml Purposes  R^V "Where To Boy It" VB9 H. J. DAVIS COAL CO. 448     .tta St.          START THE NEW YEAR RIGHT Ther.       , of WORLD r^dUr. wK.      -r ""T  Uy for Urgaia* and wl,r . tfce, t Tke,.  me WORLD      , rid. . too"     ^ a-r money. Tkey       They      , mai ,e.d.c r^l .oda^ and      h^ U.^. .Jy Ob)     par  ile  th. oM ^na^a wu  arl,  4)  nti par mita. GEORGIA RAILROAD</t>
  </si>
  <si>
    <t>                                           When Kay went abroad she found Harrow had gone out somewhere. Spike Winch was there though.</t>
  </si>
  <si>
    <t>                                           Teachers of] Atlanta Area!  Meet;                 T..tti=l,! nt 7:Wt tl,,. Thinl Ad-' imal  ..l N.-r.. Klrmeiw tary  ScrniMlary Scl:.n.I I'rill- I i- :.n.I      -Ii-.   ,,r i]u. City i if Alluntu :     ,,f Knllmi .~~in! I),'. Kail, i- will ..I'm in !i,,Wl. Mi'in. Hall, SiH-Umni -i- i-       . j IT. \V. P.. \ntli;iii.  li::iii ..f Ui.~ ~"iif. '.ini-e will ;,    ,l;at ilir nw'-in;:. r.-i-::: .~l."n: j II"!"- "f Atlanta .r.~:i\ w,l! 1       ak:-:-.     ri. j WVlmar, Cli:iiic.:ll"r ~.r 1'iii-1 vi  nf *~i*~ \v!    wi'1     -s the ~^    *^n(       "' *i:r- j  of the Kutiiiv." I 1 "KUiicatitiu in :t *'!i:it:^inc S'~- I "" is tbc -  t t!ii' !!CI cuii . Startinc at !'::;n a. m. uu Sniur- /lay . - wil! ti-u round     !        -        - N*~ly in       11.111. Tlio :- will i-I.iv with a tea in niI.-~ Mall .\~M.mMv Koont ar 1 1 :~i a. 111. Tin- .mii-l nt tin- c.ur.r.Mi.i' I .N- iii,lti.l.-~ Haz.Ohii' K. i   !icr. run Kiiil.'v. C\y,\r j Ailanis. Cliarli'- M. l'!:.n. Clins. 1 Oiil.-.n. r.. ll:  -r.' M. Abikv I .Inn.-.. Mas:    l-i-rry. Wil!i;in; A. j I IM.in.nu, n,.~,.,, A. Whitiir-. I Digits Still Hit Hard by Judge Wood ConiinnliiK hi* atca.ly   -ry  111 .\lI Innta JihIk,. J,.~~o M. Wood I Tliurmlay pvc u woman -Matlon"           a *7J tin,.-, amwd 551' tinea on ton  and  a four mouthy   ,. on a liT--xM . MrM. lA- Iloivarj, whom polk-f I'lainicil   ; a "pickup"  \va.~ Sh-vn     *75      or   vo of  lx month* In Jnil. Slxly--- Wjli Dlxon,  and    c well. w;m Blvcn f6ur  on  by JudKtf Wool  police said they found him ":"  at a  Pcaehtruo Street address. Klnca of $50 or four month.-* werr  CucHar Youiik, SnmUol U-~tiT. Robrrt Austin. I.. w. WatNun, Sum Speor,     - Murry. I Thvnuis Mllnor. Plttin.in Slurry, Cha.-    Smith and IVimasn Eill;as,.</t>
  </si>
  <si>
    <t>                                           The Chattanovpa lx-asuc or   *ro Bemitictfins *           \-%~       d  ; and           \x organization.                 I'holu by {IntMlton.</t>
  </si>
  <si>
    <t>                                           Slightly cloudy and slightly warmer with temperature ex'.reme-; near 48 and 70 degrees. ProbKbh showers Sunday. I OeorRf W. MturtllnB. United Slates Meteoroltgist</t>
  </si>
  <si>
    <t>                                           SID - WVwr rd TKnif.trt a Smuau T3    . a FU. Sc bat  a na=w Sir</t>
  </si>
  <si>
    <t>                                           Tangier a Mecca for Gamblers?                 Tanrier.Fer railroad at fancier harbor. Dying a slow, economic J-.mli without commerce, industry or v::-       to keep it alive other  its potential tourist trade,  city of Tangier. Morocco,  be Irunsforir.ed into .i mecca for gamblers to rival Mom.: Carlo. In a  vote of representatives of nations controlling the former Gentian-controlled [city, all favored the gambling           Spain.  Sn unanimous vote by the committee of     needed w   ;r lilt- .                 Digits 7, 11 Are Unlucky to Watkinsi      lucky  of "V and "J 1"  too much for Koben Watuinx. when  appeared im the new ot nro      of twin,, who testified against toe youth in j police court. j Mark Barber. better I  as "Fish Head" father 1 of the four boys, appeared in court to  Watklnn, whom hv  had thrown a brick through the window of hU  at  13$ Marklwm street. Watkln, denied the charge and wax just about talking lib mi)' out when the t)io tour . - to names of Mark. jr.. loo, Mayo and Julius appeared. "How old aro you boys?"  Judcc Cone. "Seven" chorused a tenor TenponiM. "   echoed . "Well you just crapped out  time."  the recorder, who fined the unlucky  bond  t J100 to city Criminal court for ' i nib*     -f." *f i Woman Freed! Second Time Of Murder Suntamins a motion made-    her attorney. i:        A. Garlan.i. CliU'f J  L, 7.. KOKser. Tuft-, tiny           .  a war-' rant  murder to . Alllllr Mae Lewis, whw two  (Continued on      4: Col. 1)                 Woman Freed.. i (CMtiawd from Peg* 1) oca fatally slabbed htr husband. Attorwy CarlanA "a=ke2 - the variant ,bo dismissed        *  ift  M.     .' ,~       ^* Jury had no- an Indieuncct'         the .irtf-made  last u/". \VC The warrant was taken out         JJro.      , by         , ot her slain.' Hv$     ./, f V'      - Nira'dy Hoapltal troo, Um  low        hla      kd        him la iho rUht *      .MvA%e a Mood wmt: a-VS *v.?* .^J, OfcrUn^.-t^iM       V     ww in HU-4*      is.         4      beating on hU wile oU  Bitovtoi% to      iru  laja.                 University Player* Polish Work for Curtain Raiser The .Ni-t vt lh.~ "Lai.: *!r Chris.  Bean- tlK- initial Ii.34.3i  of tho I'nivcnlty Players. :i  Kroup com* pow- of Atlaiitu . Spelman.  .Monrhouxe ^Kv hIu-         tliP direction ot Mtw. Ann Cuok.    rapidly  In  for  -r wawn bon j which will     place iu thc IJttic Tbeotvr tn  Hull Friday :ind S'ltturOuy . I This   in !       tn permit  Un\-\ I  fIu. t.~  theit i I       rt^ord of     r#-~r?lved      -  that n         of     lx-.x,-~^ will i b0  by tin? .:.nt crop I of yount' Urainatlet"</t>
  </si>
  <si>
    <t>                                           j MADAM MINGY J m* WOMAN WHO KNOWS I Telli put, present ind . PERMANENTLY LOCATED Palmist *nd Life Bndgi OIvm advice on all attain at life, Love,          and Speculations of all kinds. Don't fail ^~ to iee this gifted  Palmist,  the WiNfll iray of all troubles fc ~^*WE and  yot. Low j^ to OTcrcomc enr. mitt. Madun MIqjj haa helped thousand! and Ac ran help job. TELLS LUCKY DAYS ATTO SPECIAL READING S0 Take Federal Prison tar to end   Batisfacdon CnarantMH 638 McDouough Koid Office Hours: S A. M. to 9 P. M. i at line. Look for Na;iie on Blto. I Madam IMlncy Mikn No j Home Call* Ret In Tent j</t>
  </si>
  <si>
    <t>                                           DeKalb Jury Frees Driver Of CarThat Claimed Young David L. Howard's Life                 ''h.-iwd with r;~(~lnu to stop f t.-i' ;in ;  -     -nf. (\ij-t.-r. 1 1 river i li(- automobile  ~*n months a^(~ ran     .*r ami fatally injured David i,. Howar.i, Jr..  ~~{ t ho pioneer , was acquitted }~y a jury in .Itiil^e Frank (' court at                 iK catur yesterday. Thi.' charges against Carter, who was tracked down with i.loo.l- i hounds,  pressed by William Sch(f.v Howard and Eugene Tiller, retained by    ; prosecution. The Dek'atb county gram] jury refused to indict Carter  m . i dcr r ha pros as asked l.~y Schicy Howard, rot u mint? ;i no-bill in thr !-jiti*f an .'UTiisation w;is  nKi insi Curlt'i* in the -ity t . n:il court ch.       him with *f.*  .      tn stop". Kt- r;;irland. pi Mtnitw-nt  ~;nv.vci'.  l for ParU-v.  lfd Mint his r-1      did Stop ;itt'-r thr   -    (-nt ;~s tlu- i-:ji he \v:is d riving was i-nished int i I :in ''in h;i n k in fill,   it iin          for him I n ha v* drivon  tin; , In his  st.'iti  i*nr- j ~.-r t .1.1    - jury th"'t he (K'd tho j si-i-ii,. nf     - i-r;ish 'in t'~i"t.                  'f. n in '-in   - 1- nf the jj;m h,.r. int.' ,:r.~u-.~ y*.  . ~"Tii.T.- hi- K-nos. NlioOt him". Truck r-d (     with . Carter was  .~       in ;i  a Miilc  whi-rc th,. ;i(.-(-i. 'k-ni -il. .After a twd-h.nir iU*(M-      , the jury l.rou^-ht in a \ of "nut guilty."</t>
  </si>
  <si>
    <t>                                           Charged with falling to stop after an accident, Lee Carter, driver of the automobile which two months ago ran over and fatally injured David L. Howard, Jr., grandsooon of the pioneer undertaker, was acquitted by a jury in judge frank Guess court at...</t>
  </si>
  <si>
    <t>                                           FLORIDIA.N Willie -Bill* Thompson, of New York has been invited by his parent*. Mr. and Mrs. Pinkney Thompson of St. Petersburg, Fla., to visit them for the winter. Thla picture taken in the northland will give you an idea of what his joy should be   the sun shines in St. Petersburg every day of the year -year In and year out.</t>
  </si>
  <si>
    <t>                                           Yotcs Milton Pharmacy  , JMt Parfcv "HI HO    * Dmm I " Ua* MMktt I FulwrlM      bvM I Nam*         * la n vn^^iiu*      a M#*rt** II MM4    bvn' A real hot Wtstern! j Jack Perrin in "LOSER S END" j Today Tomorrow LINCOLN</t>
  </si>
  <si>
    <t>                                           GEORGIA I RAILROAD Announces lowest one way Coach Fares            - Tickets on sale dally, At- i lanta to Lilhonia .37 Conyers .47 Covington .62 Social Circle .78 Madison 1.02 Greensboro 1.33 Union Point 1.43 Crawfordville 1.61 Thomson 2.01 Augusta 2.57 j Also          Round-Trip Week-End Fares lo All Local Points. J. A. HIGGINS General Passenger Agt.</t>
  </si>
  <si>
    <t>                                           ora? a. LUCKY HAND Happr Homa       Attain.          Troubles. Enjoy T4   u Nattira Intended. JaeloM Je  for  Alexander's Psycho Aid (Incorporated) lit XT. )S1th St.. Soil, MO. Haw To*. K. T. 6 REDUCED And Short Breaching relieved when caused by unnatural collection of water in the abdomen, feet and legs, and when pressure above ankles leaves a dent. Trial package FREE.  MEDICINE COMPANY Dept. 580, Atlanta, Ga. /j^eMagic Razodess Quick  no cuts Without      and without razor, you can keep your face free from beard as hundreds of other well-Broomed, men nre doing. Magic Shaving Powder not only takes oS beard, but leaves the face extremely smooth and clear; because it Is antiseptic'          ;. .at  stores, or direct from Maglc Shaving Powder Co., Dept.* 14. Savannah, -Oa. Free trial sample upon request. TIRED, WORN OUT. NO AMBITION  many JC1 women are rundown, nervous, tired out? Not equal to the common tasks of the home. Probably a good tonic like Lydia E. Pinkhlm's Vegetable Compound would help them a lot. Mrs. Margaret Johnson of Norfolk, Virginia, says "I was so weak and  I could not do my housework. Your Vegetable Com-. pound made me feel wonderful." PASSION POWDER Get that man. and make him yours forever. Don't      . Don't t*ke         against other women who may be  MyaUrlous Cbarnu. Send, at once for your full 30 d*y supply of tbe Rare and            Oriental Pawlon Pomier, *ald to if tho greatest Uovt Fonder and Jinx Ureaker of all the Age*. Used at all      hy the Oreateat Vampire* In history Let It do for you what It did for them. HAsKXAVI COW  For a limited      only, every pemon who buys a month s supply of the Powerful and Mysterious Oriental Passion 2*       receive flee one genuine M*~           Cola of Lack,  Id to brine Oood Fortune to all who wear It In all matters of L*ve, Money, Health, Business, Policy, etc. StHND NO HONEY Just pay the Postman ll.Zf ant)         on delivery. We, don't want a cent of your money until you have actually received the Powerful Orttmtal PlwstoD Ptmder and the famous  Carl* Coin  f Good IjicU. You have  c to      because ir you     sot delighted your money will be returned Immediately Order at      Oriental Products Co.. Dept, 53-K ^Sdl Fifth Ave^ Sew Yoffc City.</t>
  </si>
  <si>
    <t>                                           DIVORCED                 DR. E. W. D. ABNER Rftirrd Snprnne Commander  f.' thr American Woodmen of Druver.l Colo..     b*^~  l.y hbl     - Mrs. Maudr' Aburr. accord-' im; t(~ rt-i^rts a iiu a   -    -      made. Both  w f rom j         -nt Texas *. j</t>
  </si>
  <si>
    <t>                                           MADAM MINGY THE WOMAN'  KNOWS Palmist mud Life Header Xelb past, present and future. PEBMAtfE.N".O.r LOCATED CJvei  on all attain of life, Vtnte. Muiiaca  nd Bpecnlatlom of  aU Idndj. Dont .VHff to iee this sifted -l Palmist. Points the Mian     of i II trouble*     and,  yon how BGEJh to  enr- . Madam Mingy has helped., thousands and ihe can help . TELLS H^CKT DATS AND  numbers SattetscUsn GTBranteed (38 Mclt'onmteh Road Otfloo Ifoan:: 9 A. M. to 9 P. M.  AcroM fan ft Federal Prison) SPECIAL HEADING 50c Take Federal Prison ear to end if Use. Look For Name on Sign. Madam Mltao Makes No Hone Calli Wot In Trn*.</t>
  </si>
  <si>
    <t>                                           Open for Engagements HASSIE DOMINECK AND HIS Ambassadors of Rhythm ELEVEN 1'IECE ORCHESTRA For Information roll STALLiNGS J.\. .".101- I*" M.E ST.</t>
  </si>
  <si>
    <t>                                           WANTED Newsboy*  W Agate Everywhere REPRESENT THE WORLD S ONLY  Daily mi Sani-Wetkly DAILY  Atlanta Daily World Atlaate, Gecxsls tit Aabon Are, N. K</t>
  </si>
  <si>
    <t>                                           Woman is FirstHomi cide Victim for February                 19MUH TIL NOW AT 15                 Brooks Alley Scene Of Fatal Stabbing Saturday Night                 HORTON BETTER                 Iv. In t*~ l:ipt nicht v;       "'     :    -   tli-% f.-itnl t.'iu.inc of Willie m.i/- i.r-r.Kot.t. of l $H  all*~y whoso  w.tr found  on CMn  t  Butler, a ** WAimd )     * .                 Tho  of Mis*         -.ran tho fir^i In tho month of Fehnx- i nry and  ihi* Atlanta's homicide total *~f N^     fif- j Found     s hAdy.     **s J-^. oom- mon-tAw hu*        of tho sIMi* woman, wan arro*     by Rad PatrAlniAn Turner      Wallace on Mankot       *s of ".ti^. l*'v2      . who  t*"~      *o reports wns Intoxicated :it th*~ tlm^ of  arrf^t denied i*'* police *that hA       hW u*    . JV  that   **hnd b*~rn HvInc with M*i8 i I^. whom In* said sometimes wont und**r th*~ name of Jackson, for * year?*. Tlio woman V      was /arr1**t1 (a the n.ini^y company funeral homo. Tlw  of   *nrv "KSllAtt. r.f Kt:      **.t. who wa-~                 nonr t^o  Pri-Liy  In u  that took plar.*o at tht* r..       f :~m      HilliaM  tro.~L  r**;i,,rtM. as fp r lat?                 lart niL-ht. Tho m:in \v.   **! I" Cr:nly in :t critical condition : ihf        whil.- Ana Smith, of th^  s:r. -t      . who w:is  :it r:ni*ly ) for .~ .N. is  hold on Mi.~;   :ion     ~*ity i*~l^iih  man ami w. s: th.-y  l:tl not know uhn .*u: .                 15</t>
  </si>
  <si>
    <t>                                           Police late last night were probing the mystery surrounding the fatal stabbing of Willie Mae Leggett, of 196 Brooks alley whose body was found lying on Cain street near Butler, a Knife wound through the heart.</t>
  </si>
  <si>
    <t>                                           HP^^vJ CCT QUICK MONEY* IV *~ur L1~*^Jb Brawn 'jt.i.r Dic*      K^ VA1MM  CO.. Omt. 6Z7 R*r. L N. Deary say* I hoot faad   m tiU Put 20 years  eas          Pj*~~ -Jf Dr. MO*. A^i-P.1, j  nv  % j Sufferew frv.    4 eh, ^, Tootiwche, Backacbr  *. Rheumatism. Lombaatt Jrurttia, Muscular Pairs, Pert- 'lie Pnlns. write  they bav. *d Dr. MUes AaU-     PiU, rtth better results      thcr Iwl i -  =J  fat Coctntleai Amiafcsn      "^  tUnl rf  house without D* 'Jila Anti-Pain PUbthTOwttly j ut  or sugar Keep a p,^. I  e in your  cabinet and   e               -~0 5     -2Sg ^p,M</t>
  </si>
  <si>
    <t>                                           Fair and coM.r for Atlanta and . I Georso TV. JjIlnaiUls'. P.-5-   (~4jr JJetWlPftst.</t>
  </si>
  <si>
    <t>                                           Michiganders Are Riled by COP Cov.                 DETROIT Mich.. March 28.-                 Gov  r. 11. l'"it7.Kci", tho min who uris waft.-d into     c- ecutive '.- in      lust November election by an :itc turn In the JJvmocl- ranks. 'i;is  the       --s of this  ati"      what his .-Lttltiule   ni rt- is Is. If you                 havo n-y  ht in your mind '-nt is df- unfair, think ',js  f!-. a vacancy M-ns on is rl 'n the Common Pleas 'ourt wi m .Tudfro Schcmn/iske ~'.'Ofs removed on charges of poor        . The names of Charles               fnd Co"!l Howlotte. two of    * roll s ^K attorneys were Tart^ii t'-'f-.v- *Ii" . Thos^         cn--'rd the u- of six,v,r.(.,.n, oc .VlH  Er^ VOti* ~-n rny^il '    yi-ar tn the final '"~t:nn Tli T \~"ovt!'y ROvcrnnr -hn  nf      t. "i- *f ?^.r cfi*" l^norf! ~^.--r- ttrr, f.-i-     :r(1  i. -l re,,t-- V* !~\    n M'n]i '.-novn       ;.,~. or!y  ;hn   ^m!..o.. very e"i:il1 .v,..;.. ..,,r? V.--Uf L-n-Tio:1 ,;,s , liv this  that  i^ n^t       hn nn respect for your '(Meiers. It ut I hat h'"1 h:is no  t for you. All  of his typo OmmiI.1 h,- un the  list of -y thin1-" iv-; Nccri'n. Th^ro arc J :i Mi.' T of th^m running; for r^-i-  -       in this coming (Mt'ci"n KM)~'"l-:it^ t.huni :\s thev 'vi-.i- r.'.Ml you.</t>
  </si>
  <si>
    <t>                                           Gov Frank D. Fitzgerld, the man who was wafted into the executive office in the last November election by an unfortunate turn in the Democratic ranks has showed the Negroes of this state just what his attitude toward them really is is. If you...</t>
  </si>
  <si>
    <t>                                           University Players To Be Seen In "Mr. Pirn Passes By"                 ThT presentation of the Sum- 1    Theatre Company In A. A. Milne's play: -Mr. pim Passes By" en Friday and Saturday nights ol this week Is unique in that it is being done entirely under student % upen-. Thb project represents i a particular phase of educational                 development that Is being tried by each of the Institutions in the university system. In the cast of the production arc included three students whose dramatic talents blend splendidly wmi those of me cast who come  the facility group. Kxcept lor      direction ol me      ,  It being  by Miss  Codec, tne Matt of technicians is entirely composed of students members 01 me university . on the business cna of uic production, students from each of me lour . nave assumed active  to  the project a  success. Tnc  persons compose the executive : Mrs. L. J. Gabrell. of Atlanta university; Drew Uays and Annul Christopher. of..         ; har. net  and Margucn.e Sun'ou. of Spciman; Anna Bumey. of the Laboratory High- and J. L.                 ing. ol the       :nury School. the board. Drew Days te acting as ^s manager aud     tn this tain by Mr, Chnstopher. Several member* ot cat... ot   Coatinacd on      4  Col. 1)                 University Players I (Continued from Page 1) individual student bodies are   pans in publicly, advance . and planning l"r tht- set-vice. j 5Tie concentrated drive on nd- v*ice ticket sales will jti-t under way In full .his morning  tickets will go on sa!,- at Vans and Xilton Stores No 1 amt 2: and a;: of; the in- in tile Allan!..  community Be     -    find   Uio:-c p.itro:-.ol youthful adventures wtvn Initial . P':'~ Friday vvi-nii:::. Novi- ii .n pm.. In      - Il.i!l Tiifa!:-'.   -lln:ill</t>
  </si>
  <si>
    <t>                                           The presentation of the Summes. Theatre Company in A. A. Milne's play: Mr. Pim passes By" en Friday and Saturday nights of this Week is unique in that It is being done entirely under student supervision. This project represents a particular phase of educations:</t>
  </si>
  <si>
    <t>                                           AN UNWELCOME SUITOR                 Frederic March finds himself unwelcome in the Barrett household when he calls on lovely Xorma Shearer in  scene from "Barretts of Wimpole Street." which starts today at the Royal theatre. Charles Laughton plays the role the-  and l .</t>
  </si>
  <si>
    <t>                                           Clark Group! Has Musical Fete Toniaht                 I Tli.- P.-in-rii-lii Uic O.Uhril '.r Clark I University is bt*"    .riu^ the lir.sl i *'f :i M-rie:~ of   events to- i iii^-lit  tins sr"     will prex iu ;.-i tn i.-iiM! u: .i^hl o ; in the i jO'^HKiu CUu;n:l, Clark L"- I sity. I This pror-nu will furni-h uu I :irr:iy of talent ^ *.-- I sont;rli\~-i from ^^b.-r   -ho"N.  p;tr!  -   :, wh" ::nly t-njoy ;i ii M of 1'- !~~~-:iu-m' at having  arr.i uu oth'-r i-ro^ram^. i I i 1         the  Known par- Tlrlpaul.- :ir.-: Mis^ V. M. Nichols. soloist: Mi^. Maymf Suv AVcbh, pianist: Ed^ur l:osii. Clurk. ctk- tinned tenor:   .   . Crawford, i .t Clltfor-J I5       , so-      : and . j These eventful ;~3 arc U:- in^ ^pon^   '^l in an effort to stimulate tl)~~ appreciation of culture on the ClarU Vniverdty campus. Amou; the other went* -J     appear in the near future are: "Uterary       1cl.'~tion." "Art Krblliit" mill "Drama." I The- pul.' raw  In- I</t>
  </si>
  <si>
    <t>                                           In the last half century we have herded fifty million more human beings into towns and cities where the whole setting is new to the race. We have created highly congested areas with a thousand changes resulting in the swift transition from rural and...</t>
  </si>
  <si>
    <t>                                           1st Grade Lump COAL       100 lb. omc          50c 200 Ibi.  S1.00 GaD MA. 1620</t>
  </si>
  <si>
    <t>                                           PERMANENTLY LOCATED MADAM MINGY THE WOMAN WHO KNOWS l  and Life Reader Tells put, present and future. Cjves, advice on all affairs of ^y lift. Love, Marriage  and Speculations of Bnlj all kinds. Don't fail     ] to tre this  nMH I'almlU. Points the Af\-*9I way of all trouble* S^fK^B an^ shows you how to overcome enemies. Madam Minn has helped thousands and she can  yon. TELLS LUCKY DAYS AND LUCKY NUMBERS SaUtfaellon Guaranteed Office Uours: 9 a. m. to S p. m. .638 McDonouch Road (Across from Federal Prison) SPECIAL HEADING 50c Take Federal Prison car to end at line. Look for Name on sign. Madam Miner Makes No Home Calls Net In Tent.</t>
  </si>
  <si>
    <t>                                           -^TJfcJR' DAVIS COAL ~^1^. Cos! For All Purposes-- JCT^iBg -Where To Buy     18i!l H. J. DAVIS COAL CO. 44  .MarlctU St. JAcfaon. Z*00</t>
  </si>
  <si>
    <t>                                           JQifTHIS CREAM YOUR COMPLEXION^^^H Here's the belt protection for the    ^^^^^^^^m worst weather Black and White' ^t^^^^^^^H Peroxide Cream and it  your ^^^^^^^^^H skin f-cf from coarsening And roughen- '^^^^^^^^H ing no matter how much it is exposed '^t^s^s^s^s^s^s^sm to wind nnd weather. Also holds on face sl^^^^^^^l powder hours longer and contains just ^oH^^^^H V enough peroxide to lighten and refine TtEBsR^^M  SS. skin. Lnrge j.ir Black and White           ^H ^^VPeroxide Crcnm, 25c. Trial     ICc. '^*^S^~H CJeanwYoorSMn UmtWi Your Skin '^     ::      11      from       Sur kin A. 1xa^    -jx SJ4SS3 SSftSSS -^^fe 2 t. Triri sg. 10c MclSl i^loiT          .       W..r Nl.hl. NBC         jt</t>
  </si>
  <si>
    <t>                                           Domino Sugar j;.. 25c 50c Blackberry or Grape Jam    49c Royal Gelatin iiis? 8c Vegetable Shortening __J^J^__ 1 5.C 3 "TO* tail 53C CA- BELLE -^^ISi^r- CUT BEANS ALASKA PINK j 3 OE-. SALMON -~  ^?5~-~ FLEETWOOD  ""y- Sauer Kraut PICKLES *js- 17ci .s joe Clovernook Tomato Ketchup 2 25c MaxwellHouse           3ifc Standard Tomatoes 3 ~^25c NO. 1 1*S POTATOES  w-^-ifc5  8C    1 OLYMPIA ""^TrnMeal '"S and         6 15c 3      25c JflBBS- K.UCL.Y JUNK MOTHEIfS PEAS 2 *q 25c;COCOA 2 19c PETor CARNATION""^~UPPiNCOT^1"^n STSTk PEflWT  !f! I L I* 8-     ? ..~Oc 3 sot cn iOe   -Or, Jar 17e 3 till tut aOc 31 'Ox. Jar 27c</t>
  </si>
  <si>
    <t>                                           Love demands a light clear skin Wkitenjkin with douBle-acting bleach Have you been disappointed in ordinary bleaching creams? Then a big surprise awaits you^for. famous Nadinola Bleaching Cream has double-action yet is won- ; gentle to sensitive skin, in an amazingly short time you will see your skin grow shades lighter- free from freckles, -pimples, blackheads,' blotches, en-*  pores and blemishes. Just spread a little Nndinola on your face, neck and arms at bedtime- no massaging, no rubbing. .Then while you sleep, this magic formula actually dissolves dark pigment. Hundreds of thousands of women have found this to be. true. Git Results- or Money Bad Get a Jar of Nadinola Bleaching Cream at any toilet counter or by mail postpaid, 50c If you arc not delighted your  be cheerfully refunded. Don't ruin your  , bleaching creams, ointments of. lotions- insist on Nadlnola tested and trusted for over a generation. NADlNOlX'Box N-18, Paris, Tenn.  MidixvAacBkac/</t>
  </si>
  <si>
    <t>                                           .r\-</t>
  </si>
  <si>
    <t>                                           .^MJ^^MlafMI ONLY NEGRO DAILY NEWSPAPER IN THE WORLD i^^^gJ^Jy^J VOLUME 7, NUMBER 243 ^ANTA^A.. M0NDAY' MONDAY. OCTOBER 29. 1934 PRICE FIVE CENTS</t>
  </si>
  <si>
    <t>                                           Featuring the $15,000,00 Texas Derby, richest turf classic in the South and aggregating more than $150,000. In purse montes blessed with extravagant weather and shattering all records for early days attendance. The Texas Jockey Club's gala Spring...</t>
  </si>
  <si>
    <t>                                           The Detmusgo Club met Sunday afternoon at the home of Mrs. Lula Gordon, the president, on Lanshe Street and completed its organization. Mrs. Jesters was elected vice president, Mrs. L. C. Bensley was elected secretary, and Mr. William Starr was elected...</t>
  </si>
  <si>
    <t>                                           ~^                         \^   } MY PIPES I am t got gold nor  . far from the          types. With  cars down the speedways, but noah I got some pipes. Here in my unkept office where fancy s -fabric runs, Above tlie old desk s molding, they re hangin' ''..like guns. Ive a couple goose neckers that ain't been cleaned fer moons, A dozen cobs all frazzled jes like the skins, of coons: En I've some straight stem briars, with- rippled " stripes. En while the panic flickers, I'm sittin' pretty in pipes. OV books arc lull of ashes, ol* table charred like  Match heads all in tlie corners where.- 1 throw 'em after a light: Duns comin' in by dozens that I treat jes' like a joke." When a feller comes, in person, we jes sit there en smoke. Ah man, there s " like it. en you call liard limes a liar. When you can poke your finger down till you tcel the lire: When you send uo' a velvet to the ' you ain't broke Long as your Duke's Mixtur,.     's got one more smoke. So  I'm here in Dixie, where a feller can keep warm. Tilt tlie springtime daisies come ' 'roun* the farm Ain't got no bank stock shrinkin' no gilt to soak. Down here a nickel is money, en Duke says I can smoke.</t>
  </si>
  <si>
    <t>                                           With eight conference victories including three each over Talladega and Morehouse and one each over Tuskegee and Clark and four conference defeats credited one each to Talladega, Tuskegee, Clark and Xavier, and then three remaining home conference games...</t>
  </si>
  <si>
    <t>                                           NOT THIS "IDA MAE" *'rs. Ida Mae Craig, ol 148 Cain street, northeast, asked tlie World yesterday t0 Inform her many  she was not (lie "Ida Mae' mentioned In a story published In M Jidays bane.</t>
  </si>
  <si>
    <t>                                           i: Christmas Tonight $ liv THOMAS .IF.KFP.RSON' I- 1. A. VAC. A. V J It'llll .1  tii'-i l.i -y/Wv if: J T lie wil.l ,:   -.!s riii:,' ol tin- l. 01 a. King, Ami ii"~ i :   tonight; fl $ Aii.i l.i .vi- li-^lu-. - u:iy  die  bring ff: y In tin- (Jliritiiiiria toni^lit iJ !j' li^'i.-u i thr Mis ili:u the hoa rt-strings chime, y '.in.:.; in.-.i.- t.. ~.lc..in.- h.-.nic   good rime d     I where  v:. .- every soul and dime, :S    It"-. Cliri-tni.is t.jni!~hr. S J Ii-i.-m im tl.o l.nnl.1 Sli.--ut. "H:,;.-i". S v: IT-              ;l)i Tlic  st.-sr         .- and through you 5 C: Ami it*s        :   : S \  - ni!~ji-~l        i-sc:   -.1 Krim poverty s j.iws 5 J: .-\n. I       -~~ions li:   - st-:irt-   with the strangest of awes :S J Atul   - i-omt* sli'^. th.i" we have no Santa Claus: f: "It's Clii'i itn:is tonight.' -tt Sirr.ii? Mir,, ~,;,  - f. tho cru..-l year ', -H J Tw ("       :vts tonight: "-".i g; Sj- And Jty^^-^- jn.J its Mug^V^ J l-'.ir  Cliri..1.-. ;lii  p jr Tin- l.in.l lies            ih.-  of vst. j- And i!ie  ,,.-].-  ..ii the iii.ium.-im s breast, And oven-wher--     ; thp   -v.s:     ; .-if the blest: .fi "It's Cliristm:    itii ln i: Tlii- .-. u-in.~ -       ilic :,\~k- Ol III.- f.in.~ tX p "Chrisitu.-c, ":    An.l -'s Ik-- in the    .-.w  the  fii- 5 Tin-         :   trmi^ht. :S In thi-ir "l.iv to the World" lU-  n-v ~-l..n.U     . a' TIir.-.      tin- ril.l.nni-,1 l,.    uh.-rr tli-- ni.~in -glows dip. :S 'IV, ,vli,-  -  li- lulls k-mv! i., kis- th.- o.-.l.J  s lip S In Cfirislin.i* i.-.ni;ht.</t>
  </si>
  <si>
    <t>                                           Institute On Missions is Held In Pa                 LITITZ, Pa.- (ANP)- An Institnthe of Missions was held in the L'tiz Church of the Bretheren on July 14 ana IS. Thu Institute was :ed by the- Board of Christian Education of the Lititz congregation. Prominent among the speakers who addressed the Institute were: Alphonse Heningburg. Director of Academic work at TusktRee Institute; Akintunde B. Dipeolu, a native of Lagrs, Nigeria, West Africa, who in taking graduate work at New York University. and Or. A. D. Hesler, a missionary to Nigeria. Africa, who is on furlough. Mr. Helser has just completed a book on tbe ''Education of Primitive Peoples." Mr. Henlngburg. who is completing  work for his Ph.   . in the school of Education of New York University, addressed the conference on "The Negro In America Society" and "Economic Aspecta of Race Prejudice.* Elder C. D. Bonsack, general missionary secretary of the Church of the Brethern. spoke at each  sessions of the Institute.</t>
  </si>
  <si>
    <t>                                           Afro American To Open Its Third Annual Drive                 Thf Atlanta branch or the Afro American Ufe Insurance Company will launch its Annual collection drive on Monday. December 3rd. Each agent will' be competing lor the much coveted ,     agents of the West Side are competing with th(. agent* of the Ea*t Side. There will be Individual  u well as a group prize. Each  is confident that his side win win. In addition to these *. there will be given to the             who pay out *or     ." lucky tickets. Those ri..lc3tur the lucky ticket will be  . 2Mb* bacs of sugar, and other groceries. The Afro U depending on tt* coopt  of l;s members to pot tho             over.                 JOSHUA  By L P.KoooVh "I don't K(M with with you, BtK BrU. but at the         t'-,. mm        to do any fl(,'*^y</t>
  </si>
  <si>
    <t>                                           ^ JO HEAR MADDOX TRIAL                 Only a few  person* I wero      " to obtain .-imv w Jiidso IInwanru  court room of i lie Fulton County Siiix.t- lor Court          a* Georsi- M:. Jr., "wont on  for his liftIn connection with tbc  of tbo late W. A. Scorr.    of     Atlnntu  i . Shortly after this pie- I                 tnr* was ,  -- in tho  ot tlm court room wi-n- I  to .-   ~-r elixir Die      -s while  linn- j 'Ir^ls .vl in v:iin for n ^- j in lK-:ir tin- K- Miy in this j hat has ;             -         from other  tif     ? country. Atiion?   ^pi^' are: \V. A. Sroti. Jr., el.k-st                 Mm  if iIm*      4*n*   n*-            : i^t MN- K-     W. a.' Si-'.ti.   --lm:m M-nior. :i sister  if th- -l:iin m.m i:ii Mi-s Until   '..t', :iii..iIi.t       :     - mill      : :im.I Mrs. \V. A.   ^)IU Sr., .T of  m:in wlio mutU;   .-:il  as the owner of the first  N'.-sro  .</t>
  </si>
  <si>
    <t>                                           There's an air a expectancy hovering around St. Paul A.M.E Church. Do you know why? The very fertile brain of charming Miss 'Vivienne Beatrice Jones has again brought to us something quite pleasing and very unique. This time it is St. Paul Girls...</t>
  </si>
  <si>
    <t>                                           Horace... Dalton found the going a bit rougher Saturday night. The Sigma nee was limited to three goals by the cunning young Elgin Oslin, Kappa yearling, and added but eight points to his already substantial total of 29 in the first two games. He finished in the 1935 inter-fraternity games with 31 tallies, just two ahead of his teammate, Cab Green, who came in with 35. Donald Reever,</t>
  </si>
  <si>
    <t>                                           CHATHAM--The ... Charlie Chatham art held for ... location of relatives Davis ... Howard Co.</t>
  </si>
  <si>
    <t>                                           PAGE TWO ^7H THE ATLANTA DAILY WORLD. ATLANTA. GA. SAT-URDAY^.OCIOJgiR,^, 1934</t>
  </si>
  <si>
    <t>                                           Credit Union Plan Praised By H. A. Hunt                 Economic Status Of Group Is Outlined In Address Given                 ATCHATT'NOOGAi                 Ft. Valley Principal j Points To Purposes Of Federal Plan                 WILL HELP RACE j I                 CHATTANOOGA. Tcnn. Mar. 30.                 Prof. it. A. ,  ot Fcrt Vallcv school and Kovernmenl representative In t]ie Farm Ciertit DivUlon. spoke to nn enthusiastic prouD of Ncijro citizens Thursday evening at the Y. W. C. A. Th? meeting was under the direction of tne Governing Hoard of the Y                 W. C. A. Mrs. Bertha Singleton. j pres. Mr. Hunt was Introduced to the audience by Rev. J. M. Miles Mr. Hunt spoke briefly on the subject of Farm Credit, but more at length on the subject of Credit Unions. These unions uro groups cf local ci 'teens in urban communities who band themselves together for their own economic betterment. The j  is sponsored by the Oov- I ernment, and Mr. Hunt is travel- Ing throughout the country setting up groups in every city. He spoke j of the results lhat have followed the introduction of the W'.i. in seme of the larger cities. He said 1 that the unions may be organized (Continued on Page 4; Col. 6)                 Credit Union (Continued from PaBe i) I ot"er T Mr. Hunt said -Congress  he Credit Union Bill to  U e masB of the people from th, high ra.es of Interest.' He said u,a he reason Jews nrf so  Is that thoy  u Pay high Interest tales. He told c his study of Interest charges to Negroes throughout the      snowed that in some instances, wi are made to pay as high as 50 pa cent on loans and credit purchases ?Hgr?!ll;..th" to   P'-~ed in the field of  charges b our teaching . He express ed the opinion that toe credit un- I ion idea will be most helpful tt members of the teaching profession He called attention to the appal ling economic  of the Negro stating that we are on the nil M                 rolLi far in excess of cur proportion to the population. Speaking of the present employment situation, lie said, 'There are no more Negro jobs as such, white        are  all the jobs that Negroes  felt were thei:-: '~ . There are not '.nifty Negro  j en [rains, white barbers, white Cooks, and wt.tte maids and wait- I  are taking our places in every community, in Mississippi, white women are teaching Nrf.rces in Relief schools, against the lavs of the state. In some comn.jni.les white  aie feeding u. nourished Negro children. They give as their reason, that Negro women are not good cooks.1 In concluding, he urged thai Ne- , in every sphere, lake - j ;age of the government s Help to establish then i on u  econo- mlc basis, and that the best means of self help Is to be found ip the formation of local credit unions.</t>
  </si>
  <si>
    <t>                                           Prof. R. A. Hunt, principal of Fort Valley school and government representative in the Farm Credit Division, spoke to an enthusiastic group of Negro citizens Thursday evening at the Y. W. C. A. The meeting was under the direction of the Governing Board of the...</t>
  </si>
  <si>
    <t>                                           SONGBIRD OP THE RACE- Thouamb of people -in many      have thrilled to the Cod given voice of Mme. Lillian Evanti.</t>
  </si>
  <si>
    <t>                                           Dr. James Corry, Ex-Army Doctor 16 Years ENpericnce in America and Abroad I seized with both the American and British Armies during the World War, holding: the rank of Captain. I find so many colored people who are unable to pay, these I serve free, charge only for MedicinesCome after working hours. My offices are open daily until 8 o clock at night for your convenience. No appointment necessary. 75 Ivy St., N. E. Between HOUSTON and AUBURN Office Phone: (Cut Ad Out) Uea.      :~; MAin 6873 MAin 8087</t>
  </si>
  <si>
    <t>                                           PATRONIZE OUR ADVERTISERS</t>
  </si>
  <si>
    <t>                                           PHijUBLOW AWAY  V^^     *"V i^^^^H      sPr'~~ Wind* can be ~~^^^BC JL^fy^fj^^^^^^ TeT damaging  700 lafe- l^^^^VrSj^} fJA guard* tout complexion .with ^^^^2b^MT BUck and While Peroxide Cream. PMrenU ^^^I^^^^^^H  from  and ^^^K^^^^^f\ **~l"Ci keep* yoor   of U ^        W^^^^^^^f . HoU* on face powder K "j^^k ^jt^^^^^^f       laager, and  Jail jf\~^^\]j\ 7^^^  ^^~~- enough peroxide to gradually /W^^^SplSV 1(1/ "X.  d refine yw  kln.lk( rT^f^sf Z5c- TrW       1Ot-\^~MB[r/^ H          *          ll                  I Mm.  -         b *t            wart fMii             4   fcw       kla wMk IHMk mm* IWnimWr  Mack asl WkfeV Wkltr .M CnaM. Mm ftrk. ni T i)~~ Crra*.  rt  alb        a4 *    awaV       1 raa a .  - lira, .  Lann laa. UimfaaJV. Jar     . ^ I ^^^^^^^^^      1 aMV ~*r* Trial alsa, fc *~^W ^H^8^BHSal^pS^aaaaa^^l^a^^^^^r^t^^^i^i^^^^^^a^^J^^VilBBBI i^^^^aWB  i i' llll^St i i ill I  B%~*TijiMajH Tune fa "TtMwTt I.W      Wcdood.,      NBC         ama , .</t>
  </si>
  <si>
    <t>                                           f%^ Same Price Todntf. is 44- tears Aqo I25 ounces25f STOP FEAR, , MISERY and you can find JOY, , JOHS, HEALTH, WEALTH  ii., m i ARK YOU     ^ll ? V T^ 'i UNLUCKY? iCW^ V, AKK VOU EASILY               ? ARK VOU  OKMlESSKUT YOU CANNOT LOSK If you own     SlCCOit:;' LUCKY  KING and  Ult: SECRETS.  THE GREAT Will send- you the Code and Secrets ! Follow the Code for 7 days and' if not delighted your mon-. ey immediately refunded'. You Can't Lose! R^ad what M. Mcndes says: j -Thanks a million limes. Just! what 1 wanted. My -worries ond tl. Your code miraculous in ils successful adaption."  SOU TOO CAM OWN THIS  ! Kandu will send you the Secret Lucky Code (3 sign) Hjng, and the Code it you will -write today.  nd full,name and address and  size with only SI. 'If you wish, you can pay I he postman C. D-r?~=^J on arrival, $1.00, ^T^l postage. Write !        Vou can t lose. Enoucli {^^i^'i KANDU, Dept. W15 Gi-n. r. Box C02 NEW YORK, N. Y.</t>
  </si>
  <si>
    <t>                                           \Y\. Extend rhe SEASON S Greetings 10 our students, j- nnd friends Crofftnan. Evening j School j Mrs. P. M. Hubert, prin.</t>
  </si>
  <si>
    <t>                                           Dr. James Corrv, Ex-Army Doctor 16 Years Experience in America and Abroad I served with both the American and British Armies during the World War. I find so many people who are unable to pay, these I sei-ve free at office, charge only for Medicine.      after working hours. My offices are open daily until 8 o clock at night. 75 Ivy SL, N. E. Between HOUSTON cud AUBURN Office Phone: (Cot Ad Out) Res. PboaeMAln 6873 HAin 3087</t>
  </si>
  <si>
    <t>                                           TO "DE LAWD" I  v SARsl GRACE BRADLEY l Your place is vacant in the heart* ot men Your deeds have won you fame. You stirred the hearts of those who sin And many their faults  Our hearts are sad. our eyes arc tilled With tears, but we arc proud \Ve had the chance to meet you here Tho" sorrows o er us cloud. You gave us inspiration  To do  tor best all times Hold high our heads' tho" tempest tos t I To hear those Heavenly chimes A sad farewell we      to  j But God knows best always i He js;;es and vet He takes away Oiifbcst friends.- of these days-1 But we will always keep a flower Of fragrance for your deed. And serve. our Maker evermore "Til Gabriel's call ivell heed.</t>
  </si>
  <si>
    <t>                                           Fulton Grand Jury Indicts One as Slayer                 Tin' Full on ~-rand jury  Mil and a iiu-hlll in   asi-s at its Friday session, i Gluy Wilson     indicted on i murder charges in ilie fatal wounding with h rock of Howard Rogers on March 17. Rogers sustained a fracture of I7TP skull whe i struck hi tlie head witli a rock hurled by Wilson, following a quarrell over a cirl witli  Iwlh were keeping company. The  jr occurred in Alpharetta. Gil. Sam "Allen     Kiven his  ' in Kridiiy af.er tilt-  jury ~.-    t.-il ii uo- In the fatal shoot- I March W. Qf Henry face, i The . . il in the n-nr nf       \.  at 279 i Vvriion place, northeast. ~'          said :- Allen flood I i'i h"s l.n.k d..Or and shot  I !'ai-c- hoBan - n.cks ;ii hi.- I Continued on page 2, col. 4)                 FULTON  from  1) ;-.   *. A.V.v r. i:^^ previously -Wc s r*r-;. which Pace wns :i r-.-.xn;tvr. *E'r.-~ hv^1 .ij dice .i::c "      ^ -t disturbance in his All h.ia U'ti  in I'ace. -s^-v said. Pace Hn^ored behind mid le; l'.~  ;(~ a Imrrage of curse words at Allon because he had broken    the ;arac just when he (Paoe) was  a.r died in Ci   several days after tUr shooting.</t>
  </si>
  <si>
    <t>                                           MADAM MINGY THE WOMAN WHO KNOWS Palmist sod Life Reader      past, pretest and . ? LOCATED Qirca advice on aU attain of life, Love,          arid Bpi'ffBlatlinis of KavVfiHl an Mad*. Dotft UWW to aee this sifted -U Palmist. Folata  KsnNU way of an  Ar^fll and  yon how ~^f^jp to  COCU ha* kdp*d  and abe can help yoa.  LOCKY  AND              Caaranteed OS McDoaoagli Bosd       Hours 9 A. M. to 9 P. Jl (Acraa from Federal Prbum)   Me Ate Federal Prison car to  no t Una, Look for Name on sifa. Madam Mmcr Makes No Botae Calls 9* ta tal</t>
  </si>
  <si>
    <t>                                           TWO DAYS APRIL3AND4 IN PERSON kjp "% Star of LEW LESLIE S f^^^l "BLACKBIRDS C?~iK ADELAIDE  j</t>
  </si>
  <si>
    <t>                                           anywhere..any day ft /a on the SOUTHERN Vtg Afare Jin- every purse...! mwu i ONE VAY and ROUND TRIP COACH TICKETS \~tp tor     toil* TnnrU4 it m^m SOUND TRIP TICKETS- Rctarn Umk IS Dav* k' W^    - Each Mile TravrM ROUND TRIP TICKETS-Reium Unit 6 MmiIm jgaa fur Each Mile Traveled 4c^ ONE -WAY TICKETS -~j for Each MOe Traveled "Good in Slccplaic mmd Parlor Can ob Hroral of  v proper  for apace occupied. No           . /Economize by leaving your Automobile at home and v  the Southern V' Excellent Dining Car Service' iV Be Comfortable in the Safety of Train Travl 4 E. E. BARRY. Assistant General Paaseng-er Agent. Atlanta Southern Railway System</t>
  </si>
  <si>
    <t>                                           4 ~^^*^~^^        ^^ka^^^kJ^^L^^^i^^^^J^J^A^U^J^^^^^^^^J^ b 3 r^*:: DR*T- Y* YOUNG 1 ff A MESSAGE TO THE SUFFERERS y ~*~2 4  *m ^*n" n*Tfi not be discouraged about your J j/' "TP'Hj^Jf . Cheer up! There is help for you. 4 v % e This is      one reliable. 2 j\ JZjL-::'-* doctor t. y. young 4 j ...v:*^T'."; i w''-h h^ famous and harmless   I A**^"~if^~ , treatments which have been      for E2k ^5 kfc"'1 centuries, and are highly  for Z Flft i Mmi any trouble of the system, such oa of the 4 Diitist Acnle or Chronic: Faint Typhnn 1 Fever. Catrrhil  UlirU. Mllluim. Nnnl- DOCTOR Jria. . HemiplecU, Bronchi]- . Inflnenu and Gutrocnterltoclie la- IT V Vo.ixr -m. (.I.TOUng Luncs. Stoouch. Heart Liver. KJdneyi. Blood Tobon. Rheamatbra. Catarrh. Weak- ness. Nervotunem. Bladder Trouble. Con- FAMOUS . Appendicitis. Sicln DbcaM and J To those whom It may concern, tall at 1 HERB  5ce- Dont Slve UP "OP*- ^U. W Y,,,,  ,s posing tQ 0)1 wh() J^ Q^. 4 medicines will cure many, many eom2 SPECIALIST  1?'nts-      -~ or       . call or .    h will send tome herb medicine* for your 4 . J 25 YEARS d?n-t delay-call at once z 133 Edcewood Ave. Phene WAlnst Jin in ATLANTA h,,^.^^ Sunday Bonn- 7 A. M. to 1 r. K. awl 3 7 P. M. to 10 r.  L</t>
  </si>
  <si>
    <t>                                           Cold Wave is Deadly; Lady 70, is Frozeni                 Kuiicnil  arc ;. I p- nt On-  T. Howard I Kuncnil Uonn- r..r  Imriul of Mrs. Mamie . Tii  old .Mkuiluu. wlio n-iis   to  k-ath in  \ Ibiir .120 Connolly -l.   WoducMliiy  Tlie u;~U  wa s  by two           . EalUic Hu^icx unU T. H. Dawx.n.  t" reports by Offlwrs  und Tyson. Police reports   ate Uint the woman died - 0    of the      ^~t  in the C;ue City    fur tills winter anil that when found sbc had no fin: lu ber room and was ako  .</t>
  </si>
  <si>
    <t>                                           THE COLLEGIATE WHIRL will be rampant again Friday night at Sunset Casino when the Morris Brown and Clark basketball teams play, with the Troubadours playing for a gay after-game dance.</t>
  </si>
  <si>
    <t>                                           HAMPTON, Va.--"The Green Pastures" the most successful stage offering of more than a decade , will come to this city for one performance on Monday October 1.</t>
  </si>
  <si>
    <t>                                           Don't inUi thr Opportunity    mention the Daily Worlil when spending      money  our .. TELL THE MANAGER.</t>
  </si>
  <si>
    <t>                                           NEW ORLEANS, La., Dec. 8--Pre-game excitement had the Navier University campus bubbling over with effervescence Friday evening as ... colorful Gold Rush tapered its ... in its own stadium...Early in the day, led ... a young senior, Jimmy Faustina, head cheerleader, a gay pep meeting was staged in the college auditorium. This assembly was featured by pop songs...</t>
  </si>
  <si>
    <t>                                           . DECEMBER 25. 193-1 ATLANTA DAILY WORLD. ATLANTA", 6A. I AGE THltliiS</t>
  </si>
  <si>
    <t>                                           GOVERNOR BIBB GRAVES of Alabama is setting a laudable example for those wishing to retire the needy from the government dole system. Instead of inflating race prejudice by holding up the sacred sponsorship of the government in caring for the unfortunate in ridicule, he made a trip to Washington and secured a loan of some sixteen thousand dollars for the setting up of a kind of community center for those willing to work and earn a living.</t>
  </si>
  <si>
    <t>                                           Decatur Choir To Appear in SS Broadcast                 Sharing t    -                       His. .1. .1. i.:i,,w ,,t ihu i.n,ort.v JJnpitist  OH_iJl;; .y. w.M-u;y i.i-n:-:i3t" in1 "7li,. "Atlanta' Sunday SVhuuI AsKut'liitlKll wi.l Iho r.' choir of Thankful   of . on. Mrs. i 'low. ihi' wife of tho pro- irri/.HSiv  pa. of Liberty Hapiisi i-huri-h. is widi-ly known fur Iut \\urk in the  school am] U'-r t;ilk *S'.-s tn In- one J Continued on page 2, col. 6)                 Decatur Choir i (Continued from Page 1)  I   St. (.hi tli.- i.tli.-r hand, ih.- Thank- t til Kapllsl .-h-'tr is rau-d us on" nl rh- l..fst in 1 he MaU\ having  honors at the Siato Hapti^t Suu.l;iy Si- and I'.. Y. K V.  ini; at Washington. Ga.. la-^t  T anil having also attained  faun* i oi* its        "U'.s   vi-r !.H-al i-.  that of tli.- Mt. Ziuii Uapiist church. This j^roup. which is under     dii  of Mrri. Day to ii, \\i\\ i ."inv: a  SHh-^. Tli-? Kprniiit;  h-:  *t will he  1   (lit* seven-yt ar-oUl ^hter of M r. and Mrs. p. Williams *if ]~*'. Ti'UtKhl's Itroaili-ast 1-*  fn/ ,-i^lit   U: Stalio.i WJTL :~t 'Ii'" Siu-ino Moitqui*.                 Gypsy Finds Th is S iste r Not so Dumb A tii.-in1...r ,,1 s-,,,.,1 1,:n..1s nf ?:~Msi.-s - (   'ii- ::il t f.- Ic I" .WhinM. K..sir Mill. i. in-l]i,T 11!' I'M! I'll i 111 ]-.Mi, \\;is .l $'_'7   1* thirty days hi (Ju- city s:nfk;nlo on (- i-li:uv-vs hv i*ol    . - T,. Chip Ki-W];ij'. Tho wmn.'iii u-jis ;    'strd M '    ] Wiiltou sU'('ot(' wlv io tl;r ml way '^ tii mi a VJirant st Ti i , by tf*c-t;vi'~ W. 1*.. M. suut 1). 1.. Tiiyli.r. AlMH'MiIni: as ~-hit f \\         jiU iiin*' iho Nvimwii \v;ts Mi's. Clax-i r.l.. of ;i Smith         .  said th;~l sin- li.nl    ---n rnl i'-"'l *    '   l:u:o     other Continued on page 2, col. 6)                 Gypsy Finds i (Continued from " 1) members oi" 11k1 c'. l.atnl. IiimiIo. Mi's. Blackhurn .   Oil to tell her fortune free with ouch  of a twenty-live cent string of beads. ], Iut  a. curtain  UP hi thi- . the Gyi)sy woman, according to th^. reached tov her  anil  It, wave   'r '-he  that she was "a BOod won::ili." "If you will  a  in m.v hand. I'll make all your troubles vanish". Mi*. Blackburn   '. the ^y  :   ti.- her. ~~\\\-U. .li.l von nut the  in her  inU  .Tuilgu Coi'.e. ~.\",i sir.  honor." I'eph'M jl,,. Hiackhiirn. "1        that if i ptn il Ihore. my dollar  vanish."                 Rome Pastors Swap Pulpits This Sunday ROME. Ga. ) 1 Thankful  lrt Church will - a. mrr I real Snmlii.v. M:in-li ,yi with :i   the . J. A. Mel'ami'l of thp Euvnuzcr I'lesliytorlan Church of tin; city- At thu .same t lmv the Ebenezer Presbyj  Clmrch will he served by the Hcv. Rnlpli W. Rlley, of Thankful Buptlst Church. The ex(~! of the pulpits by the two ministers, up until tile present time.     not  announced by I'lther of the ministers- The  or the . Mr. MeDaniel will In- "'J'hi' Christian Soldier and Ills Equipment'," ! the Uev. I Mr. Rllcy will use us his subject: I Tile Christian          Without His Weapon." Theae  have been  in connection with 1 tlip -~i(lc revival ^u which Ir  conducted In the cll y by ihp various churches leading up tn EasterUemember that all members of both churches are expected to be [nt their places and posts of duly jut his respective church- Sunday school nnd church hour will lie as I usual mid . Is exported !lo        . Brofher K. D. Moore, Teporter.</t>
  </si>
  <si>
    <t>                                           We wish to thank you ior your Patronage and Wish Von A Merry Xmas and a Prosperous New Year! J. L. . "jeweler A MERRY XMAS ami a HAPPY NEW YEAR! To Our Friends .ind Patrons Pea Green Tea Room Mrs. G. E. Saunclcrs. pro)). Season's Greetings to all our Punils and Friends from jhe Principal and Staff of the" Atlanta University Laboratory School</t>
  </si>
  <si>
    <t>                                           Tuesday night, March 26th Rev. Grover H. Carter, A. B., B. D., Pastor of West Mitchell CME church and the West Mitchell choir will be at our church. We are asking all visitors and members to come on and hear him at Flipper Temple A. M. E. church.</t>
  </si>
  <si>
    <t>                                           "The evening shall be filled with music and mirth"......with these simple words as the theme of the evening the Ki Yi's, one of the Gate Cify's smartest collegiate male units again dominated the spotlight Friday afternoon at Sunset Casino when this rampant...</t>
  </si>
  <si>
    <t>                                           What appears to be another attempt to destroy interracial gathering and the power controlled in this section by the organized Reds and Socialists flared Wednesday when open reports exposed the name of a LeMloyne Colleges professor and his...</t>
  </si>
  <si>
    <t>                                           Elks Rest Will Be Scene of Jollity Monday Night                 Til? Elks    !. 73 Ftt, .vre.t' jc. E., will be .. " ..f rr. fU '.y Monday ;:   dance in the *~rii" beine staged by the Elks Sociol dub will bs pr- . Sqiks'  r.a sm m nt rii  to good m J^lc. have be p:        f:r      calling and th.BiT ari- inviting  au\y ^ tn come cql and have a sood tlmi-. Tin."*  are    Hit- b.-m-fit c( tlh- fund b:ing raised r:r the  of the State Dk Csnvcmion which will \~K.  :u Atlanta early this spring.</t>
  </si>
  <si>
    <t>                                           A Daily Thought "The LORD Thy GOD In -h*  of  Is MIGHTY:  SAVE, hv w'.H RnJOICK ov.-r Jily. hi- will .REST i.OVK h.- will JA i" - ..':v SI.VC1NC."</t>
  </si>
  <si>
    <t>                                           MADAM MINGY THE WOMAN WHO KNOWS Tells past, present ana . PERMANENT?.? LOCATED Palmist  od Lif- Reader Glvea advice od all  ol We, Love, MarriaKo j and Speculations of 3B5S?~jj8 1 II kinds. Don't fail  to see this gifted Kp^ I Palmist. Points the *$~~'~ way of all troubles -^c-'   ~$ 1 and  yo6 tow ;"'fil^sr,i to overcome cne. . Madam Minn hat helped thousands and rbt can help yon. i TELLS  DATS AND SPECIAL READING Gfln Take Federal Prison rar to cno  NUSIBtKS BatlsfacUon Guaranteed i 638 McDonough      Office Hours: 9 A. M. to r. M of line. Look for Uamo nn sign. Madam Mingy Make* No j Elomc       I Rot la Tent.</t>
  </si>
  <si>
    <t>                                           THEY RE GOOD PALS AGAIN                 Frank McHugh was Jimmy Cajtncy's sailor ual in "Here Comes the Navy." Now he s ready to lake Jimmy to 1he hospital, for Frank is a Marine ambulance driver" in "Devil Dors of the Air." and he knows that where Cagnev is trouble is sure to be. They will be on the screen of Baileys St theatre starting tomorrow.</t>
  </si>
  <si>
    <t>                                           TIM TYLER S LUCK By Young                 . IKE By Huntley                 FELIX, THE CAT By Sullivan                 By CY HUNGERFORD                 PETER PEN                 THE  GIRLS</t>
  </si>
  <si>
    <t>                                           Kenner Sea Foods I 4 Brood Street SPECIAL i FRIDAY SATURDAY 1 UW Ccntt Mullets -lb. 9c hnr) Krd Tin Croakers lb. 7''ic Krn4  Trap Rabbits } 29c Droned Sonic Day yon Buv 'cm Hens Ah. 22%c i VARIOUS- OTHER FRESH SEA FOODS</t>
  </si>
  <si>
    <t>                                           TERRY GIN SENTENCE ON FLEA                 Claims^Fuss Started Over Price of Half Pint of Liquor                 VICTIM IS DEAD                 MVPA. -                 Richard Terry. who was arrested early Sunday morning. June 15th.  i few minutes after be had alleged, ly stabbed W. Bobbins In an antu.. meat over the price oT a half pint "f .        to a charge -f manslaughter before judge PetNs  ay of the Criminal court. Vonday.                 23W ana^waa given'  com, Taratively light sentence of four vears for his crime. According to the s ory told police by Terry at the rime of his arrest, he was sitting on the corner of Buffalo avenue and 29th s reet a_ bout 5:00 A. M. on the day of the killing, when he was approached by Clifford Murry and another man who inquired whether Terry wanted i drink. Murry sugg-sted that the three go to the home of Robbing ind purchase :he whiskey. Terry's -~tory continued to the effect that 'he men went to the home of Rob_ '. In spl.e of.the fact- that the hree had only ten cents between hem. It is  that the men obtained -he whiskey and drank It. When bobbins demand his money, the trio old him that they had none. An . tegan when they offered  a nickel with the under.  that the would pay him later. Terry and Bobbins came to blows about the affair, and, during the .. Turry Is allc^eu to have drawn a  and to nave stabbed Rob. jins. Robtins died about flf .een .. after he had been rushed to ..e Tampa  hospital far rca..</t>
  </si>
  <si>
    <t>                                           Richard Terry, who was arrested early Sunday morning. June 15th. a few minutes after he had allegedly stabbed W. Robbins In an argument over the price of a half pint of whiskey, plead guilty to a charge of manslaughter before Judge ... of the Criminal Court, Monday.</t>
  </si>
  <si>
    <t>                                           FOLK ARE ACTIVE                 Start Collection f Funds to Aid The Scottsboro Boys                 NOT WITH I. L. D.                 KXOXVfLLE. Tenn.. Feb.                 The Knoxvillc Branch of the' American Scottsboro Committee^ recently organized with Procssor: C \V. Blackburn of Knoxville CoLIcgv os chairman is conducting a campaign for funds to aid in the defense of the Scottsboro .                 Members of the committee      calling upon citizens to contribute! to the fund being  by the j general committee. T i The American Scottsboro Com-!  is headed by Dr. J. H. Dil-! lard of Charlottcsvillc, Virc'nia  and Dr. Georce E. Hayncs of New: York City. The committee is not affiliated with the International Labor Defense. Money raised will be used to carry an appeal to the United States Supreme Court. Outstanding lawyers arc donating their             the cause of justice. Mrs. C W. Canslcr is secretary of the local committee. Other members are Prof. William Brooks. Rev. D. A. Jackson. Rev. T. A.! Jenkins. Mrs. J. H. PrcsndJ. Mrs.} Hardy Iiston. Mrs. Cora Burke. I Attorney John Huff, and X. B. Miller. I "    "Amcncan Scottsboro Committee is a non-sectarian, norr-political group of Negro and white Americans which has been formed; to prevent the exploitation of the Scottsboro case. The movement is being endorsed by leading citizens everywhere. A list of local contributors will be published ai the cose of the campaign.</t>
  </si>
  <si>
    <t>                                           The Knoxville Branch of the American Scottsboro Committee, recently organized with Proessor C. W. Blackburn of Knoxville College as chairman is conducting a campaign for funds to aid in the defense of the Scottsboro boys.</t>
  </si>
  <si>
    <t>                                           I TODAY MONDAY TUESDAY I Bailey's ROYAL Theatre j  GLORIFY THE C0U^G]~~~HSfe *?*^  WAint imc jnk Mnnu auv   AM HOGBMHOf-GtAHTIUTaBl UllE MUKE XOSmMTAMBJOWiadMBI ^     HKXfOtW ?0B1M^~ 'I i S1BM  I JIMnv il I Also "FEMININE RHYTHM"- INA MAY HUTTON TODD-KELLY COMEDY and Van. Shadow, No. 5</t>
  </si>
  <si>
    <t>                                           1 THE HOUSE OF MURPHY PRINTERS Invitations Programs -Stationery JACKSON 8118 275 AUBURN AVE. Atlanta, Georgia I</t>
  </si>
  <si>
    <t>                                           Too Convenient Sick Spells Lose Power                 The convenient sick "spells" of Waller West alms Willie Green baffled police for several months and even puzzled Judge Jesse M. Wood in Fulton criminal court twice, but. the saying goes the third time is the charm. Green was arrested on December" 22, last year, and bound   on shoplifting charges. On reaching' Fulton tower, he fcl\ out". .Frightened jailers rushed the prostrate prisoner to Grady hospital. They left him silting in the car while they went in for a stretcher; Coming out.wlth the stretcher, they found that' their  had flown the coop. He was captured again in February and brought to face trial before Judge Wood, he crumpled before the bench. Brought back, a week later he again conveniently became deathly 11L Friday morning morning he was brought back a third time. He stood -leaning against the bar while witnesses testified. Just as Judge Wood was about to pass sentence, down he went, his body shaking with convulsions. "Twelve months." said Judge Wood. "It's all  Willie you can get up." Startled Green got up and was led from, the courtroom by smiling bailiffs. BOUND OVER, Given preliminary -hearing' Pridny afternoon before Recorder A. i.-VT. Calloway, John McCrary was held to the grand Jury under $300 j bond on sodomy. charges. If found: guilty of thc^charge. he faces a life sentence under Oeorgla laws.</t>
  </si>
  <si>
    <t>                                           Sunday Schools To] Start Weekly Air Programs Friday                 Th.- Atlanta Sumlay .-"clio"! A*-  will mnt;   its Initial                 .~ Frld.-iy    ;ht.     - ru:iry Him. at S::i(i      a. pro- KKim will lw   Sta- tion WJTL at Ogl.-thorp,. - I .                 An :; ). is   - i inc ^d for t'~ls event, an Innovation in   of the  of    : Sunday school by colored Sunday school workers of I      John C. Coley. pr.'*M..nt o{ the - I .     an*i W. A. Murphy, chairman of tho    committee. Thu  si.v.     will    Jnwr 0. T1:is.  -   tary nf    - National i Urban T.- .wh i.- special mu-  Hrl* will al.~i. Ih- -U. {      is th,-  major under-  to        - the Atlanta Sunday school Association, a        '~^d of representatives from churches   f *~\*   ' denomination in Atlanta, other  ? the annual city  mass ; during tho summer, thv  of Sunday  attendance every Tuesday in the Atlanta Dally World, the staging of a Sunday school chorus ^t. and tlu* promotion of a "School of Method* for Sunday School Vorkon! and         ." Tht*!*,. radio . u* ha\*e bee n               *~ through the co-operation of officials of \.  laxt a halt hour and will be d.fdK-ncd to create a Creator IntereBt In the w- of the Sunday Hchuolg of the city. The bent local talent will    featured la those air             .</t>
  </si>
  <si>
    <t>                                           The Atlanta Sunday School Association will make its initial bow over the radio Friday night. February first, at 8:30 when a program will broadcast over Station WJTL at Oglethorpe, university.</t>
  </si>
  <si>
    <t>                                           Met at the home of Mrs. Eugenia Paiten, 89 Haynes street. The club is giving a silver tea Sunday afternoon at the home of Rev. H. O. Haynes, 397 Lyons avenue, N. E. The public is cordially Invited. The club will meet next week Wednesday night at 89 Haynes street.</t>
  </si>
  <si>
    <t>                                           ONLY NCftRO DAILY, . IN THt WOR1-O i FOUNDED AUGUST 5. 1K8 BY W. A. SCOTT Published Daily and Sunday at 210 Auburn Avenue. N. E. By SCOTT NEWSPAPER SYNDICATE Telephones: Walnut 1459 and 1460 i MEMBEROF THE ASSOCIATED NEGRO TRESS MEMBER AUDIT BUREAU OF CIRCULATIONS C A. SCOTT General Manager; 3. R. PATTERSON' J.AssT General Manascr E. N. DAVIS Manaeini; Editor SUBSCRIPTION RATES DAILY:- 1 Yr. $9JS: 6    . $4.75; J Mos. S2J0; I   . 90. SUNDAY ONLY:- 1 Yr. S3.B0: 6 Mos. SIM: 3 .Mos. S1.WI: Canada: 1 r. S4J5U: C Mos. S2.75: Forcicn: 1 Yr. S53U: 6 Mtis. $S"J NATIONAiTaDVERTISTnG REPRESENTATIVE: W. B. ZIFF CO, ChlcaBO. HI, and New York. N. Y. Entered as second class matter at the post office  t Atlanta, Ca. under the Act of March 3. 1879^</t>
  </si>
  <si>
    <t>                                           Kay Owen, pretty Daytona Beach girl, finds a luxurious yacht. "Commander III," in her mooring place when she goes to dock her small motor launch. Inquiry reveals that the yacht belongs to Earl Harrow, noted theatrical producer. Kay is thrilled for she is the star of the...</t>
  </si>
  <si>
    <t>                                           VOTERS VERY LAX ABOUT VOTING                 Both Blackshear and Dr. Sherrard Win In Home Ward!                 PLAN ACTIVITY                 Mitkins a   in their  ward  nd leading  Icnwrutic opponent* in their    -~ Motions. Dr. B. JL Sherrard and Macw Blactohrar. to  mtnt be ami credit for bei ins      first         to run for i local pi T offices in  rmr.                 ire      than pleased 'with' \he * achieved in their Wiili_ a total of l. votes cast t!irr.~shout    - whole city in  favor us  with the 100 v.it.-s  to Macco Blarksbear, il'~trict ;rcr of ilic Afro-American Lite Insurance . the Iiid.-tn.-    :nt candidate. Alderman (Siiy Colwnan, Present incumbent, n-iaim^l bis seat in the city - Mr. Elackshcar, however, in flu- homo ward, the first ward, n-~i-i\-~^i votes as compared with i he UT votes received by lls white 1'. . b. m. Sberrard. prominent l'~':il  wlio opposed J. H. Luiuli-rs.  prp*_-nt board of \*\z U'-Jitimi -r from the f^      w:inl for his seat, was also ,'vici-rious in his home ward, t^Dyiiic    -s     Mr. Landers' 20. Mr. Lunilen', , won the scat      I.IC? votes from all tin* precincts in th** city a*  anil  Dr. Sherrard's total f      votes. Following its initial             in tin-    .il political . tli^~ot. Voters" Leacnc of Atlanta and Fulton County     to': a. movement that will  -lf :i strong  by th" t!  - Hi- iii-xt election     in Atl.. ,\U arc jubilant over the r;--- -. I"- -.'tit J. T. Carlton, head of li.-   :. k   a.  of ill  maunders as well     on Pace 4: CoL. 1)                 Voters Very (Continued from     1) i ~\  to     hoM :it 1  this afternoon at the Ipasiw -rs. WO 1-2     Ilniitor i . At this . j.lans for tho  future activity of     '  will Ik* (1~*     :intl TtiiMluKl* of Procwluro. o-^ :il..~i= !      "* of :i ~~'liti'-illy           !     wlu.      -'l i-r.           -.l. Tn tli- meantime IV. i:. M.           .       nm for      \"~i M    f       :tii'~ii  from rile first mini  M:     r.-.  r:   for 1   - in.si  f il4l^rm:in fe^m tin*  imo ~~-~*ii"ti. ~*vpr****) ttH-m^^lvr-J :is pl'\a*JN]  The fJn-'i lli ii -y \  -    t:     llU'    :-          "f Atlanta      tin* fir^t s;*-!*      ':     in   ic-ri I :      that tiny   .       ! that tho m-x' i-lrt- will  Iho MiUirwl          nf Atlanta ^; to tli;-      in aw  r-i t.~       pan in tin" affairs  if  "'n!.</t>
  </si>
  <si>
    <t>                                           Making a splendid showing in their home ward and leading their democratic opponents in their respective sections, Dr. B. M. Sherrard and Macon Blackshear, to whom must be given credit for being the first Negroes to run for local city offices in many a year.</t>
  </si>
  <si>
    <t>                                           Burglar Suspect Is Nabbed With Tools, Keys                 (."audit in the act of burglarizing the residence of T. M. MoConneJI. white, at 85J Stewart avenue, a youth giving his name as ConneJI Ouihoun. 1?. of 752 Welch street, was arrested on suspicion Friday by Radio Patrolmen Henshaw and Austin. Calhoun. according to police .-eports. had entered the house Jfler prizing a screen from a side window. He then unscrewed all j ihe light  from their sockets to prevent  from  (Coatinued on page 2, col. 4)                 Burglar Suspect (Continued from Pate 1) on the light*-. MeConnell   :iid ho discovered i the  after lighting a match and after a struggle held him un- i til police arrived. Found in possession of n largo bunch of keys, including several master and skeleton keys; Marion j Hudson. .35. oC 3C3 Nelson street, j was arrested on suspicion Friday by Radio Patrolmen Hicks and j Chewning. j Hudson was also carrying spoon fashioned into a pick, :i screw driver and a pair of pliers, police said. Det\ \y               ; several .u laric-s which occurred in the vicinity nuar where ho was arre-. j</t>
  </si>
  <si>
    <t>                                           TIM TYLER S LUCK BY LYM YOUNG                 r-r--. B SaUivan FELIX. THE CAT                 .1KE                 L?'. TT^ IF YOU DONT WEAKEN""" By^ lack, Rabbit                 "PETER" PEN                 THE  GIRLS</t>
  </si>
  <si>
    <t>                                           . WE4THER SLIGHTLY COOLER this  with occasion*! ;   ** near 58 and Git  W. 1NG. Vailed SUtc</t>
  </si>
  <si>
    <t>                                           :;~M T 5UTiE KETa,"D^f</t>
  </si>
  <si>
    <t>                                           IF anything has bored the Negro to the exhaustion of his patience, it is that oft broadcast that seeks to interpret as contentment his abject poverty, his brave succumbing to starvation and his powerless stroke at those lawless forces that seek to take away his manhod rights, his economic weapons and his political defense. Only a few days ago a statement: "The most contented group in America today destitute Negroes." It is left to a civilizatoin with a...</t>
  </si>
  <si>
    <t>                                           Winnie Pate is Winner of Cup For Spelling                 Ttvflvp yi-ar Winnie \':~U; a  in the   sra-lr or lit** .\     * sln*of          t lie Jointuil Syollinu ContvSt Thui-s:l:iy "ii :ii thi"         T.  hish   -Ihn.I.                 Tin?. Hi I Ir line . who i* Mm?   Mr. ami Mrs. I'awhal l"!itc. won oui over a  of 'M         :iry school youn^ who hiid previously ~?n]ttun-il honors In '.      : schools. She (Continued on Page 6  Col. 3)                 j Winnie Patt j (Continued from Pace 1) has been a  in the local school* ever since lier advent Into the -world of learnin?. Promtly at three o clock, tlic finals pot underway with Mrs. M. I Ames Join's.' supervisor of the j Colored' Schools, In charge. Jim. -s was assisted by Mrs. L. I). Shivery, of the English Depart[     -of Booker T. Washimrton  schoo. Miss Venltia Nichols. 3Hss Grace Arnold. Miss Cora   .. and JUss Mablc Hall. All served as Judges while Miss Hall called the very  words the  of which event. j u:illy led to the Asliby Street star PnplI winning as well earned vie i troy. 1 Willie JennioRft. also 12, of the B^U '.street school was a close rnn,ner utf.  second place honors while another 2*?Il street school pupil. Colentan Welts, 12 yearn old, was awarded third j prise. Fonrtli honors went to Sawn KN-  r (hi- .\~     Slnvt  1</t>
  </si>
  <si>
    <t>                                           Twelve year old Winnie Pate, a pupil in the high sixth grade of the Ashby street school won the Journal Spelling Contest Thursday afternoon at the Booker T. Washington high school.</t>
  </si>
  <si>
    <t>                                           -:-:-:-x-:-:-x-:-:-:-x-:-x-:-:-:-:-x-~ ^BAILEY S STRAND I TODAY WEI). THURSlj  Clarence Muse ane?:~ -'AiV-iV-V-V-'.V-V-'-V-vJ</t>
  </si>
  <si>
    <t>                                           L. P.O.--I want to know if me and my boy friend will be married env time soon?</t>
  </si>
  <si>
    <t>                                           MARKET DATA j TUESDAY,  111. l X\:, Total New Ycrk Curb Exch:i:i;;j Transactions 509.-15U Shares T..tal New York Slo:k Kxcluuigc Bonri Hales S2.U!'u,i)no ~~'cl;jl New York s'.ock Bxclinivjc Bond S.ik-s SIU.iMU.</t>
  </si>
  <si>
    <t>                                           1 100% WRONG CLUB j 1 i i mm Games 'if i S'S :f :f i i j :f a a  i a S u :S    1 WILEY 0! 0  0U3: 0! 0 0- 0 1 i 6  6  0! KENTUCKY OJ 7\IS'' 0!20;i3:!61.V fl3 12:20'  113  0  7: 6; 7j 7\ 6 13; 0 7   V VIRGINIA i 7! 61 6:131 6] 6: 7" 0\ 61 0'121 texas     6i 6iio: I I 71 6i I- 0: 71 0'12! 0! 7ilS' 71 jHf 7  71  7! 0! f,! 0! 0' 0! I 6! 01 0!  0]19i20i20;i3!20Tlo:io] j      2il2l</t>
  </si>
  <si>
    <t>                                           1 "31^1 SUGAR SATURDAY II k I "1  YOURSELF 5-lb. aqc io.lb. cf*c VALUES l__HfflFfftlJffln_EM_?_____i MONEY a^MM ^B^^ JJ/\^~ ^B^^ ^H^^ .*^___H*^^_M^_a^H- ^M*~- ^   ^^B^B*^ T 't ^y^ ^^*~~TM7    ^*l"~ SS-:::::::::::iE Pink SdlnflOfl   - IO2* I Land Lake* Butter w. 32c I Circus Flour 12 u.ut 53c s=ir-^i".-.v.-.r.:: n:  ra r AtfAC ^T r 1 Puritan Marshm- 13c VlKQl Vllv9 V H Octagon       6        13c ^M^P }*/.* --a^i Octagon Washing Powders 6 ~*oj. 13c ^mb _0^^ ^tii SrH-EEEH Select Eggs v^vz/0 Super Suds, For Dish Washing. .3 . 25c Postum Cereal mm. 25c ^mbw ^0^ 1 Grape Nuts Cereal  ko. 19c A^~ Ia _f^ _g^ ._p^ ^H l____^* Swan.down Cake FOour 29c 1^ Fl U A K A LB. 1 W^ Johnson's Qlo-Coat W.x Pdish...     63c ^~T %# ^iT American ^m Sky Flake Wafers  ta. 19c j Sunsweet Prune Joice  25c  Vi^k ^^k a^"fe  aV *% Sunsweet Prune. 15c     g^ ^3 ^JN0.2 Sunshine Krispy Crackwrs... k*~.. 10c % -PI lj/~   If l-fl I^CflS CANS ^^^M Rippled Wheat Cereal 10c ^a^   #IM %#%*~~W ^H^ a^ilW^iW Hershey's Cocoa aox 10c Hershey's Cocoa box 5c   h^ BA    ^fl^ C ^~W H^ r.r^c;rr,oW... IjaI IVIonte Uorii Z^aw Nucoa Margarine 2 33e ^~*B W rfl^ ^W *^T 1* ^^^E Pillabury's Buckwheat Flour. iko. 15c ^__l^ Armour's Lighthouse Cleanser. 3 cans 10c ~^_     If" _4  ^^B C Carnation Evap. Milk 3 t*_ c.MS 19c     \iA _P^__k __l^ _E_L LBS. Carnation Evap. Milk 6 small c*~ 19c ^^Pl  3 l_r 1% fen W C? I   ] S ^^T _____%^ Our Mother's Cocoa box 19c W Our Mother's Cocoa *~x 10c I I Stokely's Diced Carets c., 10c J^ WkM I 6-LB EC 12-LB: ^_iCiC I Blue Ribbon Malt 55c ;#*     IM A 49_ I Best par RAf ^T I Brer Rabbit Red Label Syrup. ~.    33c I I Jersey Corn Flakes 2     . 13c M ScotTowel* *oLL 1Oc    ^^^^^9R^^M_Vi^^^_!^_^^  ^7T^l^-_^_!^____V r" 4 C*^ Welch's. Grape Juic* "~t 17c I _^8-__M___i____XaB-M_^^  XYZ Salad Dressing pint    13c I^I^B ^^^^^HB^ + LI XYZ Salad Dressing au**T in 21c I U. S. Cnvemmnsl Inspected Mrots y 6S?6S XYZ Salad Spread *3e I XYZ Salad Spread     21c I I ^^^1    ; k 1 ^)U s. lVo. Whit* Irish New Crop Navy Beans 4 1.-. 2   I        LidrU   /m    - Jk  or Roco   -fl* 4 u. 2   I  rUI Al    9 New Prun*~, mad 1Sc I I _%^y _^f 1 i% Cenuin; 4 ^4^ II Thln.h*M Butt*r Cookies l. .ox 17c I L6g U IhCHTIU     * JL *J II 5 /C Chocolate Covered Cakes 2lc I Tellam's Hl-Orade Peanut Butter ii j*~ 17c I r- TZ7] II _  Borden's or Kraft's Cream Ch^se- 5c Lamb Shoulder  c J L_      c I Lamb Rib Chop* 22c II Ull ro_I Puritan Skinned Ham* ^     20c crapes 2j^i5c .Rogers Best, Plain or Self-Rising I 1 cauliflower i2/ac  h 1 II Red Fin Croaker* 9c Pure Pork      _e u 23c carrot*   5c fca^^*#i% Beef Pot Roast 14c Sweet Meat*     2E  29c .   $~ _%__ Veal Round Cutlet* 25c Jewel          VS: 43c bah__!*~ BAG'5# BAG l.UO Veal Loin Cutlet* 25c Vegetole 43c V^  'MW s 8c V*al $t*w Meat lie Dried Beef 10c I rj_- ~_.Ow p 1 I ONIONS w_ 3  FREE-2MlgicTrkk$ I Corn.Fed      Chuck Roa.t 17  I " 2 He   _v.ord."s*if-Ru_~"from I Swift's Premium Wiener* 19c  wim*nr*a S^^KfSS1- ^{~ I Smoked Country Styie Sau*    25c -i-25* NUwy's Pancake  WIA  4 tM. tc gg- Pork Roast ts 14  gy- __l^^^___H!_      chuck Roasts 15C i5^" _J _________v_____MMaaM_Ha__A_Atai-B^^h_k^^__^____B_~^_______________________________________^</t>
  </si>
  <si>
    <t>                                           PINE BLUFF, Ark.--More than a thousand enthusiastic fans braved downpour of rain this afternoon to see the mighty Arkansas State Lions come to life and tame the scratching Wild- cats of Marshall, Texas, defeating them 4 to 2 on the Arkansas State Athletic Field.</t>
  </si>
  <si>
    <t>                                           WHILE not meeting the general approval of the colored populace of the country. Mr. Arthur W. Mitchell's advice to them to let their buckets down where they are and that he represents the First ... congressional district and that if a properly represents it, he will have a hand full may make many of our should-be volers sit up and make notice.</t>
  </si>
  <si>
    <t>                                           %~^~V( wl wl HI I t FAIR and *    ]r with            be-  30 and SS decree* i "Oeerre W. BUndHnr. United State* Meleoralofiit.</t>
  </si>
  <si>
    <t>                                           I1     3EsM]E3uK3D^^^^9IHHHiI rAGE SIX ATLANTA DAILY WORLD. ATLANTA. GA. WEDNESDAY, JULY 18, 19JW</t>
  </si>
  <si>
    <t>                                           LAST TIMES  Wild Piirltps. Sporty ApartmvutR Pleasure-Mail  i  of PnsKiauaf STARTING TOMORROW "(INK MORK ^~~TM 5 f in i' ^ H T (TODAY ONLY) she sa~;f"d mis AJtmT .OT-TH6M ~$~mk\ STARTS TO.MORROW "LIVES OV A BENGAL i LAN CEK' With GARY COOPER LAST TIMES  _A Iso Lost JjUJKle, Xol "WHOLE tOWN^ I TALKING" With EOW. C. ROBINSON</t>
  </si>
  <si>
    <t>                                           *TAU-G0Ob[^    ^pRU0 STORt Syp A nca% a nt4 Rcoicdy tor Rtwwaatk ty? . M4L6I ttu* 8Jood ^Mb  oi       ,. Bu Id, Slunjih .,J V,s.,. Madame Zella PALMIST AND BUSINESS ADVISOR Consult thf Wonu Who SPECIAL. ONE WEEK WITH THIS AD Three questions       *d free. IF you want . and Dot promises, consult this woman. If you are down hearted,         trouble, at     , or failure' in business, love, marriage or' divorce, THIS ME3SACE IS FOR YOU. Cives names, dates and lucky numbers All readings * anteed or no charge. SPECIAL, a  dollar readIng for one dollar, on* week only. 2971 Peachtree Road in Buckbead,   . Not in tent. Hours: 9 A. M. to 9 P. M.</t>
  </si>
  <si>
    <t>                                           Skegee Lass                 Vf.ri Arthur. T-xns. j  lin^'          n  joa**b 1 Rohorts' l^.",:. vnr^ity Tiaskcibv/l to.iir..      rt"U:ir i:       H ex- P^ctC l   "~ mm Iii. ^r'.ai r*    j :if7:un.~t all i;ipo^i* ;hlr. sea- I sati.</t>
  </si>
  <si>
    <t>                                           The annual Kite Tournament of the Park and Recreation Board was held Saturday, March 25 at the Sless Field with more than five dozen kids on hand with kites, and kites, and more kites, in all shapes, sizes and colors.</t>
  </si>
  <si>
    <t>http://search.proquest.com/docview/490449608/</t>
  </si>
  <si>
    <t>                                           Accessories are selected for color notes interest and as a means of accenting the general theme of the room. Unimportant accessories that do not tie-in with the color of the room, do not add interest should be discarded. Unrelated accessories will often...</t>
  </si>
  <si>
    <t>                                           FLUSH KIDNEYS OF POISONS AND STOP GETTING UP NIGHTS                 Thousands of men and women wonder why backache bothers them- why Oiey havs to visit the bathroom often at night why flow is scanty and sometimes smarts and . Any one of these symptoms means that your kidneys and          seed attention now before these minor symptoms develop into serious trouble. To flush out  poisons and add from kidneys,  your irritated bladder and put healthy activity into them, set- a 35-cant                 package of GOLD MEDAL Haarlem Capsules and take u directed. This harmless, tried and true medicine always works- you ll feel better in a few days, ai the supremely effective diuretic and kidney stimulant drives excess uric add from the body which is often the aggravation of Joint agony, sciatica and . But be sure and get GOLD MEDAL Haarlem OH Capsules- the original and genuine- right from Haar* lem in Holland. All good things arc Imitated.</t>
  </si>
  <si>
    <t>                                           J. L.--Please tell me what makes my life so unhappy?...</t>
  </si>
  <si>
    <t>                                           Varicose Or Swollen Veins Ulcers You poor  from bad legs What misery you have ! What crippling discomfort! But here at last U help for you! No operations nor injections. No enforced rest nor time off from work. A simple home treatment with Emerald Oil heals your sores like magic, reduce* swelling, ends pain, and makes your legs as good as  new while you go about your daily routine as usual Follow the cany directions you are sure to he helped or money back. Yates 4 Milton Pharmacy and  everywhere.</t>
  </si>
  <si>
    <t>                                           fgf mm /V         ;wMU  Oxtrenus8, S8 and VH tec***. "Gonrpo W.           ,  StnUV JIcHcorologlsu</t>
  </si>
  <si>
    <t>                                           indict Driver Of Car That Killed Man                 .T. P. Hall, driver of tl,c automobile which figured in a crash with a fire car resulting in the death several days', ago of s. J. Cooger, city fireman, was held to the grand jury  bond on involuntary, manslaughter charges following preliminary hearings in                 recorder s court Wednesday." The collision occurred at ponce de Loon and piedmont avenue when the fire car driven by Ccoger and in which Assistant Fire Chief Fleming was a passenger dished out. Into the intersection striking broadside the car Hall was operating south on Piedmont avenue. Two victims of the crash, Jack Barnes of    Connolly street address and- Fire Chief Fleming are still In  nls recovering fron: injuries received. Barnes is at Grady hospital with a badly fractured skull  Fleming is at Crawford W. Long hospital suffering from Internal injuries. Hall was also fined $27 or thirty days In the city  after he had been  guilty ot reckless driving charges by the recorder. Hall In his statement contended that he did not hear the siren on the fire department enr and that he was proceeding across the Intersection on a green       .. 7"5 i!d he was ! tlj;  the Intersection when hh e.ir w?struck.</t>
  </si>
  <si>
    <t>                                           J. P. Hall, driver of the automobile which figured in a crash with a fire car resulting in the death several days, ago of S. J. Cooger, city fireman, was held to the grand jury withcut bond on involuntary manslaughter charges following preliminary hearings in...</t>
  </si>
  <si>
    <t>                                           TIM TYLER B^ LYM YOUNG                 ME5CAI- 1KE By Btamley^                 X^-CAX- By                  DOROTHY; DARNIT                 THE. TWO ORPHANS                 PETER" PEN</t>
  </si>
  <si>
    <t>                                           The Branch is now in the midst of its plans for the Committee Setting-Up Conference which will be November 16th when Miss Frank is Adams of Atlanta School of Social Work will be the guest speaker. All committee women and advisers will be present as she...</t>
  </si>
  <si>
    <t>                                           Last week the Hill Top, Florida A. and M. College was literally covered with boys and girls from all over the state of Florida There were representatives present from Bethune-Cookman College, Florida Normal, Forward Waters College, Jeans workers...</t>
  </si>
  <si>
    <t>                                           Auxiliary Meets in Newnan, Ga.                 . Oa.- The Xouiiz          Au\      the Women** (HnrtOKiit nf the Slate Missionnry Convention ot Co..  one         mo*t Hnocowtul  till* year tit      Zion Hill Baptist .bun.-h,         , Oa. A large  from many  and towns of Ooorcia wore  st. Many who bad never attended the  tion before. Mi*a Kuby Nfnbrit cave a  report of the Nutioual Cooventiou. Sbv is milking a wonderful ,          The   anr proud of her. Under the direction of Hm D. E. Hamas, ,   i\-ero raised. There will be a big program ut Athens,   . in                 Clark University Stands For Clean Sportsmanship                 Through the years Clark University as an Institution j has stood for clean sportsmanship. As with all other institutions that participate in inter- athletic contests, occasions arise when under the momentary stress and strain of the game the unfortunate thing occurs which is not in harmony with the ideals of the Institution. The Administration of Clark University makes this public declaration that unsportsman-like conduct on the part of its athletes is  out of harmony with the ideals and teaching of this Institution. There is but one stand which Clark University could take, and that is the stand for good sportsmanship as it relates to both players and officials in the game. Clark University is fully cognizant of the fact that if there are any real values in participating in intercollegiate sports, these values must of necessity be moral and educational, making for a rational self control under the most trying circumstances. It is toward these values that the I Administration, the Faculty, and the Coaching Staff of Clark University direct their efforts in athletics. James P. Urawley. Dean                 Georgia Elks Plan for '35 State Confab 3iA.CON-.Qtt- ^r.-)Flan* for the  Elks* State Convention which will be in Atlanta  W( made at the * of state Elks leaden In Mocon Saturday. The  was presided over by Dr. R. H. Cobb. Columbus. Ca.. while Frank L. Jones. Atlanta. Dnunclal  of the       .          ] Uiv plans  made for the       by the members of the Gate City Lodco No. 5-1. I.B.P.O.E.W. of Atlanta, hosts to the state meeting which will be held In the Gate City ic April. 1935. The Melba Lodge of Macon was host to the many state leades who expressed considerable  asm    -r     !  )~cing  tin; reception of the delegates next year and Indication^ ar.that  will bo on.- of the meeting* In    : IiIkIuo' "t tU1' i state . j</t>
  </si>
  <si>
    <t>                                           Police Probe Shooting at Auditorium                 While Miss Mildred Mnxv.rll.  :a Grady hosi- in u tenons condition. :t bullet v.o   her tody,  ili-n- Wednesday :~t ai: i:.ve.-.n^a.ion of the sIk^hhk ..in'-.            Til'  J:iy  :il   ; Cjl;. Audilorluni following i lit- .vm^:-.'.-,. ma tell. Po'.lco     ; ; CI.hcho.' Cluindlvr. ot 333 Fclcon Dnv.-          "f su-~;nci'-:i  with Llur .:1.. ;ii:d v.'TC dPt.'.'. Aitliur Fr.;!il:li:i. 115 1-2 Becauir .\in-~M :   :i ui..il \^^. AixordinK io -. Chunc!    :n     (Continued on P*gc C. Col. 7)                 POLICE PROBE (Continued from P*   I) Maxwell, wounding her  the bade, the .slug  Its exit through her abdomen and wicc at Franklin, both shots ccimt wild. The shooting, police claim,  an argument between the     over the mutual affections of Miss Maxwell who lives at 558 i Pulliam street. Two witnesses reported having 5rcn a knife in Franklin.-- Hand. i y-si before the : .                 PAMPHLET READY OS N  RETAIL m SlNICSS Washington. A3CP) Annou  has been made by :!u- ecn- I sus bureau in the Department of I Commerce that a pamphlet is n:idy j on retail business conducted by       proprietors in the United Sk.1i-in the 15 cities h.- a population of 30.000 or more in 1930. Tht: pamphlet sells for IS cents. Of the 25.701 stores covered. 73.4 I .iro in the . Chicago led all cities in  vol. amc of sales.</t>
  </si>
  <si>
    <t>                                           YES, THEY CELEBRATED                 Lyiiie.n Yu;ir.s (right) creator ,,i t!  - Atlanta Uurld's , adventure strip "Tim TyierV I.hcU  Ku-~" B,K-r. n,lK.,~ columnist ami  ict-nic-r) and Anlu:r Uoran-nf st:,..c                  'Ini'iii) l.iiiii- ;in.-i :it   - H.'i.^   -.\~iiiii:: i;: New. \-,:k City and !).-...!c- fan-well     1V34    \\w f.incs i'S" Aulil i.^-itit- Sv:iv.</t>
  </si>
  <si>
    <t>                                           MISSISSIPPI RIVER RAMPAGE PROVING COSTLY                 15 NEGROES 1 LOSE LIVES i IN FLOOD                 Mother And 2 Kids Are Drowned Near Lost Ldce, Mis*.                 AID IS NEEDED                 T*y Robert ii\   ,                        MEMPHIS.     .. Jan. 28.                 Fifteen cf the 22 known       la i West Tennessee. North Slisslsrtpj,! East          - deltas of risi 'nu* river and cold*  wea her- ara Vl-;. Two of the deaths occur1 "cd on Memphis streets.                 Aa  colored woman vas rescued at Crcnsbaw, Miss., 7 after she bad given birth a child. The babe was dead -hen rescuers reached the womans NEGRO IS HERO SPECIAl Ac unidentified i Nosro riding a. raft made or I two house doors lashed toj ,          16        last week. Tho colored man piloted hl8 mako- raft over tho hish ' ""Between "Siedre and j Crcnshaw.      lha rescued I      white. rater-soaked home. Freeman Eemphd, Darling, 'Oss., Negro was drowned Wednesday Vhlk attemp:inc to   to safety. The ^~ti worked on the P. T. Henry place. Elaner Jones, Eddie and Field Woods were reported drowned be(CoatiaiMd Pac. 2, Col. 4)                 MISSISSIPPI FLOODS INUNDATE TOWNS, LEAVING THOUSANDS HOMELESS                 This air view shows the town of Darling. Miss., flooded by the hish waters of the Mississippi, which caused ?nds of dollars in damage, drove hundreds from their homes and claimed 15 lives in the deltar region.                 15 NEGROES. (Continued from poro If  Dundee sod Savage, small Mississippi towns. A colored man, A Tate. became a victim of ine flood near the Tate-Quitman county line and George Alexander and George AlUson. Jr, wero drowned near Ooldwoter after attempting to drive an automobile over a water-covered highway. Bodies of five Negroes who were drowned Sunday near Lost Lake. Miss., have been recovered and identified as Mrs. Frankie Ecools; her two sons, and a brother and sister. Fred and Inez A.VillinfEhain The quintet was  the flooded area when overcome by the raging water. Ruth Lackey, 16-year-old high school girl, and Guy Piggee, 35, are the Msmphians who died on icy streets. According to Miss Man' Poston, executive secretary for the local branch 01 the National Bed Cross, approximately 100 colored persons are  cared ror in this . Most of the number are refugees brought here from neighboring towns. They are being sheltered in homes of local colored people. Damage in the southern territory is estimated at- $3,000,000. Most of the levee breaks have been repaired by prisoners, while the convicts are struggling tn check the destructive floods, more than 500 colored homeless are receiving aid at several penitentiary farms. The cold wave and loose waters did most da:;e at Sledge. Marks and Crcnshaw. Mississippi. At Sledge. Negro refugees, are  housed in a section or the Railroad s.. The main street in this little torn      been under five-feet of water. At Darling. Miss., colored 'vere  carried to churches where they were supplied food and dry clothes. Fourteen box cars at                 Siecfge, Miss., arc Housing the Vesroes. Each car  Irini \~i to 32 people. Nearly 10 North Dsita  hav,~ been affected by me  water.</t>
  </si>
  <si>
    <t>                                           Fifteen of the 22 known dead in West Tennessee, North Mississippi and East Arkansas--victims of rising river and cold weather--are Negroe. Two of the deaths occurred on Memphis streets.</t>
  </si>
  <si>
    <t>                                           will hold a business meeting Monday night, October 22, at 356 1-2 Auburn avenue, N. E. All members are asked to be Present. Visitors and friends are always welcome.</t>
  </si>
  <si>
    <t>                                           Where Bremer Was Held Captive                 Thii layout shows. scenes at a home near Bvnsiun-ilk-. HI., when* federal agents say Edward p. Bromer.' kidnaped St. Paul banker. was hold  for 23 days in 1934. Top. exterior view of tht house; below, left, the bedroom where Bremer was held . and b*low. . the  on the wallpaper which Bnmer tad described to federal a(*nU after his</t>
  </si>
  <si>
    <t>                                           mlv       daily n r*     *. in tX would FOUNDED AUGUST 5. 1928 BY W. A. SCOTT Published Dally and Sunday at 210 Auburn Avenue. N. E. By SCOTT NEWSPAPER SYNDICATE Telephones: Walnut 1459 and 1460 MEMBER OF THE ASSOCIATED NEGRO PRESS MEMBER AUDIT BUREAU OF CIRCULATIONS C A. SCOTT General Manajrer j J. R. PATTERSON Ass't General Manajrer E. N. DAVIS Manaftne Editor  rates DAILY:- 1 Yr. $9.25; 6 Mos. $4.75; 3 Mos. $2.50: 1 Mo. 90. SUNDAY ONLY:- 1 Yr. $3.50: 6 Mos. $2.25. Canada: I Yr. $4.50; 6 Mm. I CIS; 3 Mos. $1.60; Foreign: 1 Yr. $5.50: G Mos. $3.75: 3 Mos. $2.25. NATIONAL ADVERTISING REPRESENTATIVE: W. B. ZIFF CO., Chicago. W, and New York. N. Y. Entered as second class matter at the post office at Atlanta. Ga. onder the Act of March 3. 1879. Daily Bible Verse "The Lord is my light and my salvation; whom shall I fear? The Lord is the strength of my life: of whom shall I be afraid?" Psalms 27:1. i Today's daily Bible verse was submitted by Rev. C. A. Wingfield, presiding elder of the Marietta district of the A. M. E. church.</t>
  </si>
  <si>
    <t>                                           Invites you cut to Sunset Casino Monday evening, October 22 to their annual fall dance Music by the Troubadours. Time 10 until 2. Get light on your toes and let your feet stroll.</t>
  </si>
  <si>
    <t>                                           Met Frilly, January 11 at the home of Mrs. Mae Eliza Davis, 145 Haynes street. The director, Mr. Kelley and the directress, Mrs. Mamie Crittle are showing great interest in the club. Each member is striving to do their best for the betterment of the club...</t>
  </si>
  <si>
    <t>                                           MADAM  This lady will tell you everything you wish to know without asking any questions. No matter who or what you-are or what your hope, fear or trouble if, ask her advice. She Tus given more satisfaction 1^^^^^^^^^ than any other   m advisor known B^V^I B'^Hto date. Gives ^^H J.lw-B lawsuits,        ^B""^i*T-~^B ments, , ^^L bJT^^B 7OU are ^^k JUl ^H happy,           ^^SUHher. Tells how to have success in business, love, marriage, divorce, law suits and speculations of all . The best class of people consult krr and take their friends. She has been consulted by more  and prominent persons than arty other Adviser. Don't be discouraged It others have failed to help youl Thousands have profited by asking her advice. All readings strictly confidential. Absolutely private. Reading] Daily and Sunday from 9 A. M. to 9 P. M. CIVES LUCKY DAYS. Take Washlngton-Lokcwood car; get off at Margaret St. 1582 LAKEWOOD AVENUE Telephone Main 9114 Upeclal Namber for</t>
  </si>
  <si>
    <t>                                           Seductive Cuban Rhythms Are Background of 81 's Picture                 Tlir , f::~^ an.l -r- j ( rhythms of Cufcn s centuries-old na iv: dunces form Uic  and ? f'r the .[ love story cr C:cm^'- Raft'x  starring Uarainuum ivc- tun* tR'^^i" :y^c1i .comes  ttf the Bailers si Theatre. Cauic                 Lomtmrd. his partner In Btlero.' is again   - and Murso. p? it? Spaaisii dancer is . Rumba' is a  Icvi- story I or .-...tempestuous dancer and :i madcap heiress. 'During the n  of Mie '-ot 5lgW n?w  . never  filmed, vrr . A troupe rr  dancers I was bi ought from Cubit i"                 -l especially for this picture. The elaborate Ralph Rainier score a** added  dements. Ra!l is cast ns a cabaret dancer in Havana, exiled from his .~ Br;nd\v:\y by threats of Ran;: vr". He falls in love  Carvle Lombard.- an- *. and. despite repeated .. pc^^U. in hi.= sun., in time die         in love with hib. but her ^JEccts Irani ol Uic infatuation and forte her     return lo New York. In,      \ to tc. near .the -cirl be loves. Haf, u- the starring pan In a Br- show. On the : of his opening he receives a r:~   note warning him that if he appears in ihc show it will be his                 'dance cf death. 'Hie story moves Jo a climax in which the lovers are rejoined in an ecstatic 'rumba' the Cufcan dance of love.</t>
  </si>
  <si>
    <t>                                           The tricky, fascinating and reductive rhythms of Cuts's centuries-old native dunces form the accompaniment and background for the dramatic love Story of George Raft's new starring paramcum picture "Rumba" which comes today to the Bailey's 81 Theatre, Caroic...</t>
  </si>
  <si>
    <t>                                           Remarkable New Shampoo TINTS HAIR To Jet Black Beauty ^HVV' As It Washes Away Hi4  Dirt and Dandruff. HH*   T.his new SHAMPOO  discovery called        JET BLACK KJhBjBB is different from                  ever  ' new life Jir ~"^B^ and lustre as it tints faded hair to a natural, smooth, full. , rich, jet black color all while you wash your hair and cleanse out dirt, dandruff, grease and grime. You nctd nothing else, only  JET BLACK SHAMPOO. Tints hair and gives it a smooth, even, beautiful lustre! Only COc for a liberal size bottle. Don't Wait; Mail This Coupon for Guaran- teed Test:  SHAMPOO CO., Dept. 501 207 N. Michigan, Chicago, III. Send 00c bottle  JET BLACK SHAMPOO. (If C. 0. D. Postage Extra) Name Address City^^^^^^^State^^^ ORGANIZERS -DISTRIBUTORS WANTED Big money for live wire distri-_ , crew managers to or-  direct sates force for sensational new Skin-Whiten, er. Bleach and Deodorant. Works like magic. Gives amazing results. Sells like wildfire'. Enormous profits. Write at once for details and sample. Midland Co., 5 W. Austin, Chicago</t>
  </si>
  <si>
    <t>                                           Today, I had Promised my readers some comments on the sacred song "TAKE YOUR BURDENS TO THE LORD AND LEAVE THEM THERE" but I will beg your indulgence and present, instead, a plea for HELP.</t>
  </si>
  <si>
    <t>                                           The Science club had as its principal speaker on Tuesday, Mr. Herbert Puckett of St. Louis, Mo. Mr. Puckett is among the small group of Negroes who have seemed jobs as city chemists in that state. He explained very interestingly jest bow this position was...</t>
  </si>
  <si>
    <t>                                           MARKET DATA MONDAY. OCTOBER 22. 1934 I Total New York Stock Exchange j Transaction! 574,000 Total New York Curb Exchange; Bond Sales $2.400,000 1 Total New York Stock Exchange! Bond Sale. $10,91t,000</t>
  </si>
  <si>
    <t>                                           JOSHUA JONES                 !}j 1. I*. *                 The Brother old ba wM s ma who did not Uka  ny . Brother     Mid ha  eaM M* by Ibe  en and  on. Um hard rf the Crotber** head Hut to jpo^c true.</t>
  </si>
  <si>
    <t>                                           Maise's Pre-Easter SALE of Swanky HATS    ^B^H^^~      tiling ^MHP^^^'*     Street or       Wear Off the Ksicu and TurnDown PATTERNS! Thete are  in style and color ^j with the haU down A   \ (own that tell for $ I \}\J much more. Priced at Others at $1.08 $2.98 WONDERFUL Values IN Sheer Chiffon HOSE Every Pair Full Faihionad Offered at 39c, 41 c, 59c, 69c $1.00 Women's Smart SATIN SLIPS Perfectly Shadow Proofed, in V-Necic. and Straight Top., atS1.008 MAISE S Auburn and Bulter</t>
  </si>
  <si>
    <t>                                           Funeral Motlcesif                 DENNIS The funeral of Hrs. Tessie Dennis will be held Monday at 7: JO P. M., from Ttl-. umph the Church and Klnfedoi. of Cod In Christ. Rev. J. T.; Ford and Rev. C. L. Wilder     .ung The cortege will L oar chapel it 9 A. M.         for Sandersvilee, Ga. Cox Bros. Co. SMITH- The funeral of Mr. SI] Smith will be announced later." Cox Bros. Co. GATES The friends and -*  of Mr. Henry Gates ore Invited to attend his funeral Tuesday at P. M. from BothEden Baptist church. Rev. S. Sutton. Interment South View. Cox Bros. Co. MISS RUTH  ENTERTAINS Mjks Itutu Butler, popular       'b uud vice president or the So-~ Li-Sri club  a few of her friends ou Tbank- after the Morrix       -Clark game at htT  . SM Bcvlcwith *t.;          dinner wen? Mi-wn Elizabetli Wad ley. Dorothy         , Trillic U Jackkoo. MviMni. \V. It.- Thomas, Garlund Pius, D. T. GeorRf, anJ Mr. Thornton of Chattanooga. Touu. and the . Miss Rath Butlvr. In Memoriam In lovine and            memory of my dear . Marion \    . , who died Dec. 1, 11KW, tln"\ I  thin memorial : His lovely lib and fine    nml  in    -  of as who loved him so . Mrs. Sadie \V.          , wife. C In Memoriam In memory of our dear son an* brother, Mr. Scott Ricks, Jr., who departed this life eight years ago tonight. December 2, 1926. We haven't forgotten you, Nor do we intend to. We think of you often. And will until the end. Mr. and Mrs. Scott Ricks and family. Mr. and Mrs. Weatley Barley,</t>
  </si>
  <si>
    <t>                                           The feature of the Kappa Alpha Psi triumph over Sigma last evening at Sunset was the performance at forward by squat Johnson who returned to his old time form to swish fifteen points through the hoops. Cab Green and Itly Dalton kept up their...</t>
  </si>
  <si>
    <t>                                           HOST OF LOTTERY I CASES SLATED THIS WEEK                 Sljrty-. many of whom W  to hi- syndicate operators, will fai o trial this week before Snerior .       Hntolicsnn or Douffhisvlllc. ProsidiiiK  tbp special criminal court, on lottery Indictments.                 In a special two-day ,  1  voted entirely to the  of lottery defendants. Judge Hutrhesim mi Thursday nnd Friday of this week will reside over the second  lottery court In Fulton County's history. The  were put on thp c: to clean up indictments returned by Fultou grand   lur(Contlnued on Page 8; Col. 3)                 HOST OF (Continue) from Page 1) Ine the summer months. Many of the eases hare been sending    lone os three months. Those who will face trial on Thursday : A. T. Jeans alias Pe-? Burns, B. P. Crocker, .Tames H. Terrlll. Grady Terrell. Janvrs Williams. Martha Fralcy. Bill Ward. Carl Thomas, .Terry Simmons. Jesse .Teffares, Will Hari ris. .1. I_ Bates. Sam G. Cohen. I. A. Dent, Ed West. E. H, HocIrps. Pd'Jl (JH^rp", Gladstone Whlto. j .Tas.' Thomas A. Teasley. Fate OkIctrfo. Herman Irwin, Henry Bry- ant. Florence Bostic. Scheduled to he tried Friday are: Kohert Cook, Bortlia Colley, Robert Darden. Daniel Johnson. C. W. -fines, jve Williams. Jester Moon. John Mitchell. Lester Walker. F. C. Cole. Charlie Harris. P. Glenn House, Clifford Owens. Charlie Fraley. Annie Jones. Clarence Duncan. Mary Smith, Charlie Klni;, Alex Norman. Robert Burce. Daisy Edge, Leonard Jackson. James Turman, alias Bud, K. G. Goodwill. E. L. Hollonay. Heury Kennedy. Mattle Mae Kimhrow, Charlie Martin. Masnolui Martin. George Merritt, Miles Sprcr. Fred Xew alias Ernest New, Ethel Rooks. James Ransom. William Rnmiom. W. A. Clements, Bryant Bass,  Addle Poyt. Gantt. Charlie Pierce. Hllliard Wynn, Louis White and Martha Ware.</t>
  </si>
  <si>
    <t>                                           Sixty-seven, many of whom are said to be syndicate operators, will face trial this week before Suerior Judge Hutcheson of Douglasville Presiding aver the special criminal court, on lottery indictments.</t>
  </si>
  <si>
    <t>                                           RICHMOND, Va.-- The week of October 1 to 5 was Freshman Orientation Week at Virginia Union University. This Year's Freshman class is the largest in recent years</t>
  </si>
  <si>
    <t>                                           WASHINGTON, D. C. -- Your writer just happened to hear this story concerning John P. Davis, executive secretary of the Joint Committee on National Affairs, in charge of this particular code. In talking over topics of the day Mr. Davis happened to mention...</t>
  </si>
  <si>
    <t>                                           "The Mickeys and the Minnies" smart little collegiate social unit of Clark university, was entertained at an enjoyable informal party at the home of the congenial Mr. and Mrs. L. G. Powell, Simpson, N. W., last, Friday evening, Miss Edith Powell...</t>
  </si>
  <si>
    <t>                                           PROMINENT COUPLE S MARITAL TROUBLES AGAIN IN COURT                 LOS ANGELES  WS) decree of annulment awarded George Johnson Rldcout from his wile Leila In the superior court on Sep  SCth of this year was set aside on Novrmtvr sth. records . Mrs. Ridcout asserted in Her' Proust action that her husband                 had told her tint be was not to PronccuU. the action and she did nut answer a court summons. Mrs. Rldcout Jra*  a cross, complaint asking for  and alimony nnd asserts th.it her husband has about $15,000 deposited in a bank at the comer of Vcr. non and O- Avenues. Attorney's fees of $1500 and a stipend of $300 per month lor alimony nre Included In the complaint. Mrs. RIdeout has asked and received a restraining  to  her husband        drawing the money out of the bank and from disposing of the community property. Bculuh King, owner and operator of the Mexican Farm House, has been named corespondent and also one or tho defendants. She and Rldcout have formed a part,         which Is to own and  the RIdeout Funeral Hume, which has recently "been bought by the husband. According to the complaint. Rldcout called his wife rile names, had affaire wlht Mis. Kins, locked the door on his wife and disregarded his  tows with. JJe.y                 icon girls who work at the Green Parrot as hostesses, attempted to force her to engage In wild parties for white Pi'..     who visited Hi* place and committed, many       acts which caused her mental and physical . She  that at one time Ride, out ami Miss King bad a lover s quarrel and she took the stand and testified in behalf of her busband and he Promised to put an end t,~ the :  him and the woman. -However he soon broke this promise and since thai time hus joined hands with the wo. mim 1n persecuting her. The couple      marrica In Vuma. Arizona on October 24th, 1833 and Mis. Rldeou: -i that she borrowed 82.00 in order that they might come to Los Ange'es. Be soon entered business at the Green Parrot and is maltIng SIM per day. .His bank  hat reached .the vicinity SUMO and for a; time he bonked it as community properly. How. ever in a at of rage he toy the woman that he- was going to        tile account jo no woman could get any of it. At the time of the marriage Mrs. Rideout asserted ,she was making 1100 per; month in the cleaning and pressing business and her husband made her give it up to help him. The Property lie has ^Continued pn Fafo % col. 3)                 Prominent (Continued from I*~ge 1)       !~f/.fj sl"W       In I/"* angels hut ^^on .secured    -   s his wife.    ,.       : that she i* ""t a*~V" .mrv and ii *a);~s .~3no.nn              separated .~i"'~ rr^-^-e to her cross-complaint On October      or this y?   Miss Ktor and Rid.~our camo to her place of b   and 'here -  : an altercation. The woman       cet a complaint ls";u?d hv t^e antho-iti S. bu* i' could not     .  to the papers flW by Mrs. Bideout. The  has fi c-' his ar. ~.wrr the c^oss-Comela int an', avert 'ha* h-     only r242 in the California Bank and his be?r garden is barely making expenses. He denies a]l *hs allegations about the -dla; of the marriage vows and  the court tha: h" Is unable to pay $1500 attorney fees and $300 per       as alimony.</t>
  </si>
  <si>
    <t>                                           LOS ANGELES WS--The decree of annulment awarded George Johnson Rideout from his wife Letta in the superior Court on September, 26th of this year was set aside on November 8th, records reveal Mrs. Rideout asserted in her protest action that her husband...</t>
  </si>
  <si>
    <t>                                           Downtown Slashing Ends in Arrest Of Assailant                 Patrolman Wi-~r arrested Gvucgc T. Ivcy, !CI Cypress street, ou charges  f suspicion after be          and cue Frank Williamson, -d. of -4U  ast Linden  while tbc        iraa       him 3L Uic  of BroaU ml Marietta  7:30 Wednesday ni^bt. It ~"as * to Uke Williiinxsou lo Grady hospital  10 stitches wetv taken in bi* vcr ist and tvro in his throat. Accordixis to the . .  a quarter. The white nun, trbo vat standing       him.  him of  the . Whon Wfllinmswn ~.        to pick up tbc money, Ivey -      ! him on the wrist. and a* 1     'ho       . "\       I n!       1       ho bail 'lio knife opon jn his hand"* Officer Wise reported.                 JOSHUA  Bjir. Hemol* "If my   t      . i am           Bro.     ."     . MU4 u* the              wound to hear about the . but  bU mind when Bro. B(U Pklted up a brick.</t>
  </si>
  <si>
    <t>                                           HERE S WHAT ATLANTIC CITY SEEKS TO END                 None of the lun i rays on tl.e Southslde of Atlantic City shine in this place, where, according to in-! . a "; cannot see his shadow!" Civic, religious and social leaders are seeking federa fund allocations to remedy ton-:  such as those pictured in Pocono, Atlantic Citv, New Jersey,1 the great health  of the world, i This is one of the forty-score                 spots of that city where a large percentage or the colored citizens! are forced to live. Some 20 odd I families make their homes there.! It is the cleaning up of places like this that citizens, all over the country, will join in working on during the observance of National i Negro Health Week, March 31     April 7. The death rate in Atlantic City is an average of five colored                 citizens to one white and statistics show that the institution for consumptives at Northfield is over- crowded with a large waiting list of patients. In Atlanta, especially, a cons-. effort will be made to make the observance of National Negro Health Week, the start of better, health for the entire city as diseases starting in one section spread to                 other sections and have no respect ror race or color The city is cooperating by furnishing trucks to carry off rubbish cleaned up this week and next week (Call Main 06111 while the Better Housing Bureau is still providing; information as to how homes may be mod- crni/.ed through the  of reasonable loans under the HOLC and the Federal Housing Act (Call Walnut 07431.</t>
  </si>
  <si>
    <t>                                           'Pie Martinj Is Fined foi Cursing Mar!                 Pointed "u, in police court by I Edward McEIroy. while, as the man who had called him a foul name. James Martin better known as "Pic" was fined S27 or thirty days In the city stockade on disorderly charges Thursday afternoon.. Martin paid the. fine. I According to the witness- tes- timony he was - behind Martin when the letter suddenly brought his car to a stop. As he drove by. McEIroy said. Martin cursed him. He said i,e stopped ,'iiis car and walked back, j  Manin repealed the cpi-  and pulled cut a gun. j The white man after .seeing the i gun. turned and left, he tes'.. i Later with  he walked tl.rough two -r three Auburn ave- I I (Continued on Page 6, Cot. 8) I                 Tie' Martin r-\- "VL-. (Continued from      1) mtc business places," seeking ihc man who had cursed him and after twice passing Martin by. finally picked him out. Vtertln denied the charge, and declared that he had not seen McElroy before his arrest. Judge Calloway first  .Martin over to Fulton, criminal court on .charges of pointing a pistol' at another, and  later changed the sentence to a city fine.</t>
  </si>
  <si>
    <t>                                           "Does Crime Pay?" Is Topic For Bethel Talk                 Attorney Tncmas X Henry, jr.. win address the Allen Christian i Endeavor league Sunday evening j at 6:30 at Big Bethel     church on the  "Doe* Crime Pay?" I Attorney Henry, who is we*! j -n for his work here and his great interest in the . people of the racial group, is well prepared to present this talk on the much discussed subject of Crime. In addition to this address, I specially arranged musical pro- i (from will be preserved which ull! I feature some cf the best musical I  of the city. Members and friends are invited to attend this program which is being sponsored by the program committee of which Miss Alice Durham is chairman. Savannah Minister Is Conducting Revival Here 15y K*v. Tascherau Aniolrt Ai-i- : coining from tlie Rev. G. W. .Tnr- I  .   :   ,,r ,.r [lie         Mr. j olive KniftNt . ihc Rev. N. I Conner ~.r Savannah, Cm., is now i-jj^   .il in ;l  revival campaign. Rov. (. who is president n{ i!).- SavuinKili        .-r MlnlMorla] AUinncf,  of the Second i I'nloii A^^.n. president of. I tbe First               district of th^-Stati- Baptist, convention, is al. so        of Conner's Temple Bap- I tint . Thv  divine Is one ot the Ik-si '"revivalists** in Georgia and l.~ a  iT of .1 '. Tlic  Is Invited to lii ar him       d    romi1 early to avoid standing. .T.VMTOItS. MAIDS. PORTTRs* I AND   *  On Hi" invitation of Rev. John C. WrichL p. of the First Con- I Krvgaiional church.     Janliors. j Malda. Porter^ and Elevator Opcr-       Association will worship in a body at the 11 o clock -. Sunday. Marcp, 10. All ^rt "M.I f-i.-nds ,,f t'-i- A'-oi-'s iiin -il to l.e     -sc.ii -i 111 :.i s vice.</t>
  </si>
  <si>
    <t>                                           Robinson's School of Commerce  L. 8OK. , Mraetor Mi fart CeaH Mratf, Djaibwrs, TimrMll If yon want a Business Course ask about our scholarship. Write at once.               *~ nh.4 ym mm* m tkt art ff  W C in  L^^^^l^^l II Hu</t>
  </si>
  <si>
    <t>                                           er. N. Dmr *ttk j 20       thai      As Or.      Asti-Pate a The*  a ma*  far ." j ^ frees Headache I . Tootharfw Twt ^4, Shetnnatisn. Lomb^o. . Muscular Pains, Peric i^"1 'writ* *    i Dr. Miles AatJ-Pam PJftt i  * Mma tbey b*A ^hoped fbc  Amerium             no      D^ I' 31 Anti -Pain P5Hs than 4our ar -   ^ a    cabinet  ad ^.rts  needles . j Ai   -ug Stont- SSe aad (LOO</t>
  </si>
  <si>
    <t>                                           THE boys rushed up to Coach Hank Archer last night and patted him on his clavicles. They bouyed him up with fetching bursts of laughter mixed in with congratulatory phrases. His Morehouse team had just put a ball game on the right side of the ledger after taking it four straight times in a row to the chin. His charges surrounded the Talladegan ensemble by the almost unbelieable marge of...</t>
  </si>
  <si>
    <t>                                           LAST TIMES TODAY STEl'JN FEtCHlT- CHAIRMAN Also Mystery Squad. No. 6 And Pathe Mews TODAY TOMORROW I W W IS IB 3m MftSV.V i^^fl BUCK JONES in "The Fighting Sheriff* Ami .Lost Junjjlc. No. 5 STARTING SUNDAY GEO RAFT in "RUMBA" J.AST TIMES TODAY KICK POWELL in. Ricardo Cortex Al J^Uon Kay Francii Dolore* Del "Rio Also SmaJlTj Paradise^ 1 .Band and Betty      " STARTING SUNDAY Clark      , Comic           AFTER OFFICE HOURS* I SXCDESTTOffK I I         1% BIG ACT! I 'a:i^!!1- Jl .     - TODAY TOMORROW</t>
  </si>
  <si>
    <t>                                           GOOD-L(DOK!NG GLASSES PERFECTLY FITTED N'cvl designs that :ult! ;l smartness to jour      :at"unco. Urinj;' in your -prescription and let us help you select the glasses that suit your features. Curet'ul  io   in their own department. Sheer! Every Pair                49e, S9c, S9c .See tha  new Sprilis hosiery shades in these delightful new shad s. MAISE S AUBURN at BUTLER ID.</t>
  </si>
  <si>
    <t>                                           IT/* BAKING Ivv powder! Ssmc Price Tedatfas44 25 ounces 25?</t>
  </si>
  <si>
    <t>                                           PROMINENT YOUNG . .Mr. Wilmont J. Frmjler is  his second term as Principal of Shaw Memorial Schoo! in Charleston</t>
  </si>
  <si>
    <t>                                           NOTED FARMER i DIES SUDDENLY                 MT.  8. C- i Special*- Tom Hcirtfirid. Wi'H known :          :ir citizen of Mt. Carmol. S. C dii d suddenly Thursday -ji :it 1:30 o clock fr.im a stroke aua.-.k. Mr. Hcur*fie!d was walking about in tlie yard, when suddenly he felt sumo what Indisposed. A little later he suffered stroke attack to which ho succumbed about 1:30. He was native cf VrC" Couuty. thi' .ton of Mr. and Mrs George Heart ffc ld. Hi1 was about too aue of 40 years and was a . ful and loyal member of St. Mary's church, ? Masonic order and ,.tn. cr  y . His occupation       ^~~n  until Fuiteral Mtviees were conduced Sunday a/ at 3:3u o clock at St. .\''s . interment was in St. Mary's cemetery. Tile              = conducted by Rev. H. Bums pastor of St        church of M^ Caitnol. C. Hjr. Hoartfleld was well known and ,\ of among both races. Ovcr .live hund-ed Necrncii anu sev.-nil wl itcs ai;ou,led tile fun*r:      pay i ~*     to the deceased. Hi1 lc:   *s to mourn a wife. thP'-joa\ one daughter, ana a      si relatives an Tj .</t>
  </si>
  <si>
    <t>                                           Rev. Henderson Assumes Leadership of I Committee on Church Co-Operation; ProL Logan Speaks on Haiti.                 -v. J. Raymond 1 [     -      was Ind^ Into ..Itlcr an t pr.-ni.lent ofl the MlnMrrg' Cu- IMTsitlw ('...'.-  tht? ; . Ulxhop av. A. Fuuntaln. who with appropriate . N- tin-             - vt    .           or that                 thv * f Hi" y.mm;                . at tli" in'.- ihu-  f Inxjy at 1 (i'~*tiM*k      .iy afternoon In the .T     -'l V. M. C\ A.     the  m*t  year* Bbihop Fountain h:i* i-i-mi llic :: ..i:,.-.r ut the cr.uip which Ik *ii of tho   civic   lf:    * In the c-.. Th(r        'y P4LTtlnic In* JiVii-tion  that     ~-'~'"~ mi  oxton*                  -                  . do that Irs    .     *^*  i: v. Il. Juvularly assi.ni.-.l ~- nnO     . honor. nl':.-h.   .  KUited. hail 1..M-H          niMm him. He - 1 i to         ith I -r ()f !* i ."r   ^i-    ~~-        4 at a lat...r I . 'l"l :          thr  \\:   . Ifrtun* ~*u Ibtltl.          M.I l.y    . IMyf'T'l W. Ixcan. ....^.r ..f history at Atlanta L'nl- I        . Il.'. h" ^l out.      tH*~~n -pro^ in     '~~  aK the "Land ot Vo*~- I  loo.'* TIhtm    no        thm .ni -\i*tA        .*" ho tiaM.         Illustration of th" fart. "l*ii t to   .~ of the country itt   -rmit of '* I*  a   of It." Th,. np^aker           . In pnr- J ti .    . Imiirvmlon -u ou* thr  ' 1 vok. I "f  i;~     ."  la. I diet" cou-ln -jf a  ex- 1 I  to the United Slat** I for thr nra tK-"' of . I I "In thf Init^      I           . "thi-j"        j                 a   -~    In Marianna. KlorMn, '( :       ai*vn him- . An. I tli-iv many In-: -d in tin- ft  that thv starr I        nut  to the     - sons". I "X,, X.-urn    -.l Ih- 3vl,:,m.-,i of I th.- history of Iliiltl." .~;:it.-J Dr. J I-.u;an. The Npgrovx       ere- ntc.l the           in tit**  Hemixphcre after amis- glint; (or thirteen yean  tht- ..[.;  of Franc?. Spain, and Knsland. and without j     - help of any other nation. KriMii JS04 to 1915. Ill yean.      i maintained       republic; until     !  States max nen were ~-nt in by WllUam Jenninn Unant. the  plona and    : itii.'I     '    - of  uif. Aitn- haa wer known. Haiti play.-. I a gp-at part in   South American patriot. l:.illv:.r.  five   . i  in Hviitli AiiiTiu... When hv w:i!t ii '.    -      him  and  with u hic^ h-  rn,     - 1~. l. tit- j-         n tin-  KUcvemfully.      .~hi*   i  l-il only in return, thai (t--v tif        in every conn- try     - hv wt m. a. ii.^. TIim* w:~^  . The .-~t   o.'.u   ?  a man in  iv    call him a "coud NeRru.' Ur.   - Kin gald. pointing out the  that  pride is developed j     -   to a remarkable decree. Tli.- mo*t   of Haiti'" IT"~   -nt Vincvnt b that an       -hvi tr- tw*en N*~*;roC'4 m the X.'olt'^i i Iim und       in Haiti, lia! ' have        i-.- 1 American Xeeroc* an inferior Ihom. Dr.       . In concluding his talk h,        the          to  Hitlli  n I to for            how wonderful the         !!.K "     - tb*     '. :. h:iK bid    *        .'* "and 1 iw*  ur.' y..u that you trill  a very  time.'1</t>
  </si>
  <si>
    <t>                                           Rev.J.Raymond Hendsrson Was indicted into office as the president of the Ministers' Cooperative Committee by the retiring president, Bishop W.A.Fountain, who with appropriate remarks... the responsibility of leadership of that...</t>
  </si>
  <si>
    <t>                                           Orderly, 102, Dead                 I TUSCON. Arizona (Special) I Hie man who once held the spotlight  to General I'. S. Grant  the War between the States died here Sunday al I the ace of 102. He wan James Young. Necroi  for General Grant duri in* the  conflict or the j -60-x. i I Mr. Young;, who served Gen.' .;rant, following the war. as valet in the White House and In 1st- er life until hi* death in IMS.., came to Arizona in 1SS5  i I President Grant's death. Ellaville Police Chiefs Slayer Dies in Chair .E.     '. ClKirztil  ilie   f hi.-f of Polliv Wlllbun I! Somor   r Kllavillc. Gior/ia. Charlie Uotl- son.  Svzr*\ \~aM Ihv -DHtH-nuIt.v In ilic   at      *f)i;* M"tnJ!iy morning. -. win. was   a j \\  ! anil   at Ella- vil*~ on iNt^'ntU r Xl after b? is uil-i tn  shor the chief tUn.i-   the  :    ^       to :nr.-si him "ti ~.'!~ Err. At the . IKhIhoh was  of I ii tln-ft. Hi' imk! ami    5 rap- tun-J m vi-riI  l!    later in a ~~'~ on Pace S. Col. S) I                 Eilavilie Police (Continued from Page 1) sn-.iiii;i . ;i shot ln-ing fired  lie was  with ilic   mm .at the time JTiv.m i,   -i:ils i. .1,1 n- win. n- rhe  that Dodsfn admitted Uu? sl:i.rin^. Ffe icts  in ilic electric chair ar    :nr A. M. and -il   :il 1u:l!l.</t>
  </si>
  <si>
    <t>                                           LAST TIMES TODAY And "Red Rider" No 3 LAST TIMES TODAY !~    j J-^ i JOHN-Bbtirs ^ i ALSO CAB CALLOW AY</t>
  </si>
  <si>
    <t>                                           Mr. Bill Collins was host to the club at the last meeting. Business was carried out in the usual manner. The next meeting will be at the home of Mr. L. C. Henderson, 88 planning St. at 6 P.M. WE are planning a Progressive Whist party, Watch for...</t>
  </si>
  <si>
    <t>                                           New Dealers Rule High School Today                 By Lena LcViOe                 Today will be history-making at            Hish School when thousands of youths and citizen* assembl,. at noon t0 hear the inaugural  or the president of the United States of Booker T. Washington High School.      event will mark thc. third of                 kind held at the school. It will be recalled thai such events have brought to the student body such noted speakers as Chief Justice Rus-'oH. Aitomcy T. J. Henry and others of note who have taken .  on the problem: Chief Justice Russell who  the oath the 1    time was moJ favorably Impressed with the. project which     be^n made ity-wide and from which has Rrotrit civic organizations all doing their part in making better  tin in      city of Atlanta. On ihw of(.a^'~n ihi i\. will bo ^'  tlip elementary :.olion^ in ' city      will act a*  -;       .    11cro prc*si-, , hi.mi r.t   and  i            nf all business u-j  aci.l  ot the parents of the s . The  ^s will be                 delivered by the president,         Campbell, who won in the recent election when the New Deal party defeated the close-runnins Independents, who .left the Profires:  in the background. Attorney T. W. Holmes, president of the Atlnnt.i Bar Association will KlrTii:      * 'lv oath. Tin. program will consis^'of the following numbers: Overture School Orchestra l  by Mr. Graham .hi.  America Audience Invocation Rev. J. C. Wrir.ht Pastor First Congregational Church Address Dr. D.' H. Stanton American Bible Association Administering of Oath Atty. T. W. Holmes Al. Bar A?~ Inaugural Aridress-Prcs      .ion Campbell Ni'Kro National Anthem Audience 13L'iicdietion t r E. R. Cartrr P:      Friendship     . Cliurcli.Miss SU-ie Taylor. Roiling Vice-President Presiding. Tli...  is cordially invited. I</t>
  </si>
  <si>
    <t>                                           Today will be history-making a Washington High School when thousands of youths and citizens assemble at noun to hear the inaugural address of the president of the United States of Booker T. Washington High School. This event will mark the, third of as...</t>
  </si>
  <si>
    <t>                                           Mj ;issippi Flood Control a Major Problem                 of floodwaters which recently swept five state*.                 T^Tpnt floods of the              river tributaries  ii ovr f.two  , that the hue*  along    .''**fath'.T of waters"  the faith of Tcdrnil cn^; and second,  ;          ^l flood control work wns needed. Despite t!ie  lo^s '*'!     the recent inundation of thousands of ;, lh*~                 ?      ;~I to break through ir.v I,KflO* levee system - the .Mi.-MK.*. The  . J system start"! in IP27  t!"-.* Ki*o;it Hood of th:.t year i.~ to be ^            *d by headwater rcsi*      which will  tlie overflow wli^n torrential rains swell the "father of waters*' anil it.* tributaries                 w</t>
  </si>
  <si>
    <t>                                           Dr. James Corry, Ex-Army Doctor 'i lti Years. Experience in America ami Abroad a WEEKS .EA TREATMENT- $1 ^Medical Dental Offices You Can Now Have The Very Best of Dental Work and Make Small Weekly Payments. I Have Associated With Me A Very Competent Licensed Dentist With Years of Experience. j DR. E. H. HAWKINS, Dentist 1 (ASSOCIATE) 2 Office Hours: 9 A. M. to 8 V. M. Offfte: Ma. 6873 Res.: Rja 3(iS7 CUTtTHIS AD OUT AND KEEP FOR FUTURE REFERENCE M Vg IVY ST., N. E, (Between Houiton EDd</t>
  </si>
  <si>
    <t>                                           Huey Long Ignores Lynching And Franchise for Negroes In Battle for 'Poor Man'                 .~I;K )- Senator Hucy P. bone- the Kingfish of; Louisiana and possible candidate for President in 1936. gave out his first Interview on Negroes to Thcj Crisis magazine here last week and in it ignored the question of Kc!  voting in the South and                  question or . i The Kingfiih. who talked with i Roy Wilklns. managing editor of The Chrisis. for thirty minutes.] said he 'wouldn't touch" the ques.~ lion of Negroes voting in the South. He s.i id it was one of the! things that "even Huey Long couldn't handle. The complete in-;  appears In the February; issue of The Crisis, on sale this j week. j On  the Ktngfish dodged a question about bis attitude on the I Cosligan-Wagner bill. It is well I known that he opposes it. Qucs-I tioned about the lynching of Jerome i Wilson iu . La. on January 11.     day before the . Senator Long said that, lynching had "slipped up" on him and the state, but expressed      opinion that the lynched man was I -guilty as bell." He rambled on. talking about his: belief in education for Negroes as well as whites, telling how he had distributed free school books when he was governor of Louisiana. He also dwelled at length on public health facilities which he said the state of Louisiana was maintaining for Negroes. The Kingfish. clad only in a suit of  silk pajamas, received his caller in his bedroom at the Hotel New Yorker. Hr was court,  except that throughout the interview he used thv word -nigger"* continuously. He said Negroes id the North                 wore welcome     join his "share-! wealth" clubs because they could vote. He denies that he is definite, ly going to run for the Presidency, in 1936. but it would be easy to turn his "sharc." clubs into' a political organization amost overnight. Anotlicr leading article in the February Crisis is "Italy Over Abyssinia- by J. A. Roger* famous writer and traveller.      was present in 1930 at the coronation of the Abyrsiniao emperor. He declares Italy cannot afford to make war in Africa, so far from home and that England and France will not permit Italy ;i free li.-iml in  hc Ethiopian kingdom.                 'WON T TOUCH' AND 'CAN T DO IT'                 'Hint's wli.-it Senator Hitey I*. Ijhi.u. the powerful ";\:v.^'isli" Ml l.     .-n:; t"kl llic        in an interview ^ l!:at :c won t  tlie 'motion  i Xejfrrics -; in tli,. Souti, .v.tiI :;Kit lie "can t iln anything  lynching-"</t>
  </si>
  <si>
    <t>                                           NEW YORK (Special)--Senator Huey P. Long the Kingfish of Louisiana and possible candidate for President in 1936, gave out his first interview on Negroes to The Crisis magazine here last week and in it ignored the question a Negros voting in the South and the...</t>
  </si>
  <si>
    <t>                                           KNONVILLE; Tean.--Syracuse University School of Fine Arts has awarded to Newell Coleridge Fitzpatrick, head of the voice department at Knoxville College the degree at Master of Music. The degree le one held by comparatively few teachers.</t>
  </si>
  <si>
    <t>                                           What is needed in the world is some sort of school or institution to teach people how to live more than anything else they need to know. Money-making, building churches, Prohibition, simplified spelling, food checking and criminal laws are all alright in their way, but still the...</t>
  </si>
  <si>
    <t>                                           For some time it has been in my hear to sing a paean on the glorious Springtime; but each time. I screwed up my courage to the singing point, a dark, dismal day would ensue and my somewhat balmy thoughts would take flight.</t>
  </si>
  <si>
    <t>                                           Morehouse In Plans Anent Fine Concert                 . r..nh.H.i,     - Amiiuii r-      nf Uiv     -   .   . I'.ill.t;;       and Orctintirn iH ,-xK-ct.Nl to *     KDthUidiiStlc HUiipnrt of a.       of           nd          who will mulct- a    ..- xr^nl-.n ,.t their dwlr.- it.  on. ,,r th^ dynamic                 ""IN of cultural Ivvvlupim-nt In Ihv Atlanta .     or. Kanlxiitlnn which       .,;n      .nf..r the presentation of  evening of d-  to! Atlanta -*. nnd -fur the i  of individual performers regularly heard in nil ports of      In .,uW-           of ct.- uwl . Th.. concert orchestra of murf ,han  piece* has Ix-cn  n Institution i.f that *ixe tor roor,  Jlftwn years. Prom,  musicians have gone our from tho  to ail parts of the world ~.* with them the lino  that the            suv^ them. Tl...    .r. ~;~ut, has i^o,, lu-raW.-!     iix [K-* an one of tho lln.-xt in   .II'-~lat.- . Quit r*o..    .  unit w:ts :.~ic-.lly h,.ar,l l,y a  a.^n,. nf c(.ll..  - pn-.1 who  In     city for an  M-nf.-reno- at     Atlanta. E1Hmore. At Ikiytona i:~^. Florl- i dn. on the recent concert tour, tho "Iniilnff of th.-  "Star      -. Was so \    don* that the plc-cf wan rendered three tini4-s to    ? appreciative       ^. % The tiv o college quartets have      -~1 In honor*. Besides the r'-cular weekly broadcasts over radi., Ration -\VSn. the       ..v,-r  U RUF at Ralni-. Florida, and  on tho n-turn at ."Uaei.n. Ca. Aft-r an .-   [~-ar:     at *Th.~ IJttI" Whit" Ilouw'* at Warm Spring for Pri- RixiKCWlt. the   Uar'/l        a   ^:      for      I'resldent at     national         In Washlncton. 1'rtif. Ki-       Im  n^l.      In developing the         fur     * year s concert by I'rof. WIIHm Uaun'ncir      *s, alMo f ihe music             .            flub win render an arrangement of "S^        -s**. a Negro spiritual ItrautiCuIly treated ny I'rof. .. l**   *nd^ are a5         make rt^i'n * ~' ftir seats in      "N'tloli which the   r-~m..t.rs \'intf      .</t>
  </si>
  <si>
    <t>                                           The forthcoming Annual Concert of the Morehouse College Glee Club and Orchestra is expected to receive the enthusiastic support of a host of patrons and friends who will make a definite extension of their desire to maintain one of the dynamic...</t>
  </si>
  <si>
    <t>                                           Big Bethel's Drive Ends as More Than $3,000 is Reported; Continue Effort For $10,000 After Conference Time                 Clearly demonstrating their loyally to Big Bethel A. M." E. church the enthusiastic members Monday  boosted the total ia the Anniversary Drive to more than $3,000. Simultaneously, Rev. G. AV. Scott, the pastor, announced that the holders of the church                 mortage  agreed to accept tho amount raised and to postpone the requirement of the balance on the $10,000.00 until a' later date, with all of the advantages originally . j Prof. C. L. Harper and Miss Rebecca Dickcrson were permanent ly crowned as king and queen signifying the leadership of Sec. tlon A over Section B under 'Mrs. Viola Sutton and S. S. Ahrams. Miss Florine Dyer was heroine of the occasion, she and H. Furlowe having raised in Division 3, more than -$600. Mrs. Xelllo L. Davis was second supported by A. Matthews with nearly SHOO for Divi. slon 0. Miss Eugenia .Tohnson and J. H. Richardson. Division 6, came third, John Randall and Mrs. Wy.. lene Pulllam. Division 4. were fourth. Mr. and Mrs. H. A. Ghol sron. Division 8, fifth Miss Julia' Rivers and Evans Jones, Division I, sixth: Dr. J. \V. E. Under and Mrs. L. M. Baker, Division 2. seventh; and Miss Lillian Jones and W. M. Jackson, Division 7, Sth. The keen but friendly rivalry, which has characterized the drive was kept up to the very last, and everyone was highly pleased with the results shown.                 D. W. 'Washington announced Plans for the 'Dollar Money' drive which begins next Sunday, and the  pledged Iheir efforts to helping their pastor to raise his conference claims in full. It is planned to raise the Dollar Money quickly so that the debt drive may lie resumed In time to rai.se the full $10,000.00 as Planned, by Christmas. Again the members and workers in the campaign expressed their appreciation to the- citizens of Atlanta for their loyal sup. port of Old Bethel, in the city s greatest drive.</t>
  </si>
  <si>
    <t>                                           Clearly demonstrating their loyalty to Big Bethel A. M. E. church the enthusiastic members Monday night boosted the total in the Anniversary Drive to more than $3,000. Simultaneously, Rev. G. W. Scott, the pastor, announced that the holders of the church...</t>
  </si>
  <si>
    <t>                                           DOWN THE LONG stride of time, under various brands and colors at last, two men have been brought face to face. Both saw service in the settlement and colonization of this vast republic It was the exploited in the mother country that sought to throw off the bitter and hard joke of oppression that took the phases of religious and caste prejudice. So eager and determined to escape the bitter trials they endured for centuries, they were willing to try an unknown country for their freedom. It was not many years...</t>
  </si>
  <si>
    <t>                                           *    to      4</t>
  </si>
  <si>
    <t>                                           !e as milk itself!' T!^'**~*~~    0!     '"!S C"eej?e rood 1 1 ^^''^i^^^^j^'^'O v/'^" ^e deliriously W;  3~^S* mi c' Cheddar flavor Sf!f^f.5::!-~          $/P^ L*t tho f^i y : (his  t:'^fr;-^^Ps^!?2=:5N. Cl'MW   "'1  rWn in '"~~     'cv in jv'   ^t^^^- ,f '-^   - ca* , and, ,  u a  sV, :-y^\ \^?i!u5~!*^3' f')l- %'~~ or  ea food. W^</t>
  </si>
  <si>
    <t>                                           Edward Johnson, alias Nassau Johnson, shot and killed Lillie Bell Lish, May 21. 1934, after he swore to get her for cutting off his finger. Johnson went on trial in circuit court Tuesday, March 6, and late Wednesday night, March 7, 1935, the jury...</t>
  </si>
  <si>
    <t>                                           D.B.W.--Will I win the suit I'm entering into?</t>
  </si>
  <si>
    <t>                                           Select Guaranteed BBByblSliBEBjJw^MMMMMBjr Fresh Eggs 22  JELKE S GOOD LUCK   *~T 19c Domino Granulated ^UfeOi Bag      *t BULK SHORTENING 12jc Best American Ch@ese pud 19  SPRiNGBROOH BUTTER 33c Brookfield or Cloverbloom LAf^D Q' LA ICES    Butter 37c Gold Medal Kitchen Tested        * 12-Lb A^lc 24-Lb- $1-23 ^'"~m^^Wi F1"cr!1 Meats 'i^^^Uf-^^ik At Rogers Markets :S '~~'^Pyk$''':ii^/-~\a$YJ You'll always find the choicest, most tender     " ;'^4 $~!ir *   %  ' meats at Rogers Markets. You can always MllllS -~d ^~m^^ B^^^ s nop w'1^ con^dence here for anything from ^.^^^''-^~^^^8 M t le mOSt c^0lce cul to l^e more inexpensive ;^Pl, ^^-J^^^^^^^S^^^"" CUtS  f meat' Anc*' to insure     ^at you are \M:^k.^ ^%-^-^^0~^A r-i'%i getting the finest meat obtainable all Roger* ''I^ j.y?^/ *M!5   J'*^~~t M*fj mcal 's United States Government inspected. Round or Sirloin Genuine Spring STEAK UG 0' LAMB Fancy Km.,,- Tender ^        ^  C Wwfcrn /?o6i. fice^   . Tcnrfcr Lb.   .^ Bulk- Swift's- Georgia Shortening Peanut Hams I.K % ^JC HalforWhoU OCC *~"2 Skinned 12 to 16 Lb,. Lb- ^t^^ Lamb Shoulder, Whole 17c Red Fin Croakers w. 5c Lamb R5b Chops 35c Spanish Mackerel i 17c Fancy SVSrik Fed Fryers "25c Pan Whi*in^ Dressed Hens, 3 lbs. and under 20c ^h'*'"g 15c HormeJ's Thuringer ,lb 18c Norfolk Select Oysters knt 29c Hormel's Liver Pudding ulb 18c Pancy Fish Steaks u. 25c Armour's Star Sliced Bacon '.i-m- 20c Haddock Fillets, All Meat   . 17c Southern Mansion Bacon is. 39c Jewel or Vegetole   . ctn. 15c Whole Red Snappar i9c Flakewhite or Vegetole. '.L. ctk 57c Give Your Dog a Treat The World's Best Shortening Ideal Dog Food Clix I 3 25C I I    19C Rib or Loin End Center Cut Pork Loin Roast PORK CHOPS b 19C rez:rnd 2Sfc</t>
  </si>
  <si>
    <t>                                           Texans Make Political History As Candidate Polls Many Votes                 By C.W. WILLIAMS Manager Star Publishing Co. Dnllas, Texas (Special /Mouse)                 Well, I he most hectic local election over held in To.wis is now . :ni(l from this  s viewpoint, it is Important,                 Hon. .S. AVell,  lawyer and civic leader in Dallas for over Uiirly years, insult? strong hid for the position in the 7- , left vacant  the  of Hon. Snrali T. HuKhiM to judge of tile Mill  court, hore. Tht/.'e -were' e. lil) ( in tlie field with  EUid pet  s varying from Hie dyt il-in-tlie-wool  to the i/iivi./tu irt old ape pcr.~     ami the l''.n.K. Now Heal. The  ii  il a little over 1 wi cks and was the , niosi  ever  In this stall", lion. A. S. Wells, the only Xi'lfru in i he  mid the first of our      olVer sinn- IS!)0,  u 5 1 1 n stir In ihe ramp                 of hiK opponents. They resorted 10 everything imaginable 10 ger him out of tlie row. Som,. =;:ii.T ho  not hs* seated if elected others said lie did not have sense plough tn hold such an office; that ho could not make bond. .Many her lim  things were .', including efforts In  mill buy Wells out: threatening let.ters were sent, the u.id of tin: Meal newY.~.s was M'jeur.i'd, Imt it  d for Llie Knightsof the Kn Kinx Klan to do the one real and American thing. And as usual they wru equal to the t.'tsk. .lust, throe? days hefore the  the following letter was circulated in every Nisro home, ollice and  S*  in Dallas: KxicsiiTS op Tin-: ku i;r.i;x Kr,A.v 'I'o tlio Xijcrnca of :     not let. the ai-  if  radical Xcsroos li-nil you into Uie loss of your personal security anil happiness! Do mil  that I lie while is IJ10 superior rat:(! ami will never . to he  by your color. A. S. .Wells, a  of your race, is a candidate fur the legislature hut. he has no chance of sewing. Wells has uv-vvi- liven ft a radical, sn far as  v know, hut hns permitted  to  the tool of a radical XeRro. This Tndii-it.1, whose name you woll know, Is not. your true friend, lie dreams of power, prides himself in being the owner of two white night-clubs in Dallas, nud brags . his claimed                  ships. We shall pursue our investigations of 1)1 is wealthy radical. You have done well in Did las and your -rty rights are . We     * had no race riots  this city lias been lumpily free from racial prejudices. If you follow prophets you will UriiiL-  raw: riot-s a nil the shedding uf - TliiK is not u -t.. 11 is but 11 stat(! of - Those who ]il:iy with tin.' :irc In danger of ImjIiik . If you value your peace  . .vim will end the candidacy of Wells and shaki-  from the domination of the radical -d al Ovo. (SKUNK!), KNMiiiii'rs ok Tin-: kij kli:x kf.a.v. Thrp*! Rmporlaut Iti'h1/ inn-; Sain .   f.i-- reading ~*. \    tin- ri^'ht. man in the "Pret'-for all fcht'" and :is we all yo tn press, he  to  laws lo (jovi-rn nis lou^ lisi of  and ihe ; m" Texas. Jim there are Uirec lin(Continucd on Pago 4, Col. 7)                 .j Texans (Continued* from Page 1)-  (~ n-ri- from  our jK '  tlio lii puMI ' should lii : First. Wells \    Hul   Ijltiiiisv: 'our ]H OI *lt-  -resi. nr .were rri(rh  I'rom tin-  .s. l,ut IncilUMe  y lni l tint -i"jt"il-!-\    ' ^. Ihi'lr .: (il 'J'Iil' lii^. Hi I. II. .'  -I'.S. l ost Musti-r Ki'U(M:   I'Uiilil.' l.c  '. llic Hi;pul.~     .  Nugro vote. "l"~"ki; ni ii! 01' this ICi'piilillcMu: Ynu Ciilfiioi' "lii^h lint" I      Ni-Kro'iill ii.Ioiik '"' i-  ..lu wlu ii  ,arr In ii il^hl, fie. ("I I Tliu  iil^ iy .Wjsru is truly lo new Xeyro. It Is   i - in 'IVxas nml ihr South Hint 'In ;i* ill :i* livi1  ;    with- such .u ,lh:d  *                 lii       .V))         .iSi'''3ic7r]oir^^ '-^'^ ;i\Niitfrp  *:::ii isi SS,Vi ui dS^inv i)4LMs W!hl 1.0. I hi-  '.;*. voted.' 'Jt' ni .v ' iit ! 'N'vlifUM seem,, the- iC.K K. Vtthrcuis si lVn!tl' mill in ou5 a-; f jie*.Vi^?(      ? Ulrrjin i'l*: .;  -l^~~ifi in!i;^! ihi^t' '. } I'/ui'-,    ;  Ku 'IClux .Kl.'in - .il n  vole of  l iy Unlliis Xvsiow. ,.lj l. ihis a/TMIr In Oiill.it tp*  wiii-iiiii^* to Xi-^riM-.s ~;\'i i-yu  i. 1 :ig:~in_',lii;   -'- -~-.'UdlujtV.li;{'u.;iii.V.". (.Vpll- iiix, i vri')pti0.-)['''~;^. ilot -i I hi- iiu.v -.    '~ ,y.*~ui- n iir?(~              tn   NosroiiS' 'hi  i" in-:s in In?,  shall come.</t>
  </si>
  <si>
    <t>                                           Well, the most hectic local election ever held in Texas is now history, and from this writer's viewpoint, it is important history.</t>
  </si>
  <si>
    <t>                                           To the many people who have asked me to permit ... Howard ... to tell a big one, I wish to state that I am sorry, but that request cannot be granted, as Mr. Russell is in a class by himself when it ... to ... "funny things" and we want the other...</t>
  </si>
  <si>
    <t>                                           BROWN--The arrangements of Mrs. Lucille Brown's Funeral will be announced on arrival of relatives. Ivey Brothers, Morticians...</t>
  </si>
  <si>
    <t>                                           ENTER SAM S LIAR S CONTEST</t>
  </si>
  <si>
    <t>                                           *^t' *~~/ik. rv**1 your     \   \ ^~~m int0 m^ M4 jt0jr -i     **~~i* your ikim /     -r i*g *H*ctt of blowing r Attractive women  complexion  with Black and White Peroxide Oe*m. Thi* fine, *nc cream forms t *n invisible protective covering over your  that fully  it from damaging effect* of winter winds and . BUcic and White Peroxide Cream also holds on face powder hour* longer and also gradually lightens and refines it* . Large jar Black and White Peroxide Cream, 25c. Trial  10c CLEANSE NOURISH  Y 0 U R S K I N mod  Xh*r tkm *        rich.  by -        *~ oil* to dine       of BUck *~d WTut* dirt and *     Cold Cntm. Pr^ . Um      ** BUefc sad WImm and  op r**rly to      L*    jar BUcfc *km        *.  nd U'btu Cold       tin 25c Cr*sm.2?c Tnal Trial mm, 10c tin,  10c Tua* in         Island** Stirring     LoMb* a       * and Kifarclo Coctet. Er*ry           Nlgbc. NBC N^ I</t>
  </si>
  <si>
    <t>                                           Elks To Discuss Membership Campaign                 An important meeting of Gate City Lodge Xo. W. IBPOEW will be held at eight o clock this eve.  at the Elks Rest. 73 Fort street, N. E., and ali "Bills" are being urged by Exalted Ruler Frank L. Jones, to Be present. The Elks are now ? a bip membership drive and all of the members are working hard to push the program of the Gate City Lodco as the local (croup will en.  the State Elk Association hure this  will also be  for the dance that will be  on Thumday  for the benefit ot thf fond  raised for thu entertainment of the - . t At the       of the meeting "ocial  will be Ktu'gsd.                 JONES By I. P. BrYNOLOB Swrotlii'nri, I hurt n      at Hit .                 to</t>
  </si>
  <si>
    <t>                                           BEAUTY AND THE BEST                 --Voted the most beautiful actress of the screen, glamorous          Dc Rio will make you aasp with  in -Madam DuBarry which starts at Bailey's Ashby tomorrow. The story concerns the life and loves of this famous French courtesan and the case includes such stars of stage and screen as Reginald Owen. Victor Jory. OsKood Perkins. Verree Tesdalc and Helen Lowell.</t>
  </si>
  <si>
    <t>                                           AVr.ChV I. 'tis BY W. A- SCOTT PtbUjbcd    7 *    Stjptlav :~i ?lu Anbum Avruac, X. K. Bj SCOTT -  Tfl'phcnfit: H'i!iui H'M  od A, SCOTT Grnrrml        ML  AmX GtJlrnl Mui[CI K. K. DA\1S SUn*    - Edlloe MKMnrn or i in \--(      MEMl'XR Ai:    111 CIRCULATION S Sfj:-- .:ir Mis HATES :- I Tr. *9^J;  t..~ 5**J: Mm.    ; 1   . M.        ONLY:-; 1 r. .-I..-; Mos. Sl.W;       : 1 Xr. I1M Mm. ji.:;: r.ir^i-,-1.. it i  i.~5. $c.:s. XATIOS'Ai- AliVl .1: USING Rl:rr.: W. B. 7.If"F 1,1, jr". HI,  lu) Nor York. N. YgAX4  4 u B^coud cl^^  thr p4 rt o: vi AtluitA, Gft.  1:- \.t .,r Iljrrh 'I 1</t>
  </si>
  <si>
    <t>                                           'STUTTERING JIM' MOSS GETS LIFE IN SLAYING                 ENTERS PLEA OF GUILTY IN CASE                 Fifteen Cent Liquor Debt is Cause of Cruel Murder                 GETS LIFE TERM                 Fearing that he might receive lie death penalty If the case had left in the hands of a Jury .laim-H Moss,  Horace Mo.s* ilias Stuttering Jim on the ad. vice of counsel Thursday entered a  of guilty to the cold-MoodimI murder of R. C. Wlliiaius on                 January ^7, and received, u lifu ~*f ut dice tit hard labor. Sentence was pronounced by Superior Judge G. H. Howard. Moss first entered a plea of not , but changed his plea     -r  state s witnesses, both -tt whom suw the slaying, had lest. lied. The witnesses were Willie Juuei, of ^'Jl l-^ Tyler street , ami John Perry, of 265  direct, , IJoth witnesses described how .\[os.s had plunged a knife through Williuiua' heart following u brief ai\m.    -Mit * a fifteen-cent debt lur whiskey. Perry  that he and WiU liams  -U Moss* * nt I S J Tyler street to get *; I whiskey. ."Ini going to kill some damn ody^'Terrj*  Moss us saying when he and Williams  d the middle room of the house. "I told him, 'Jim. I wouldn't uss  that,* and then Williams ~:i'd 'No, wouldn't .' Jim ; mi: Williams then and said, W^.nt the H you got to do .h t to then raised his knife and -.abbed Williams over the heart," ''it* witness testified. Whllp tho knife was stuck ia (Continued on P*ge 5, Col. 3)                 Enter Plea (Continued from page 1) Wii.h iti:*" h'-nri. fn.:i!        t0 P^. Alosv mad,, n cutting       fni-^ . i' out. Ho started to .slick him .-. but hi.s brothe-i*. John Mo-':-. j^ ]ii* prm. "Williams \v:     !~l out of Hi" lions-*,  nif: ::nri Vv'n walked  tile Ktroet  a half Mo.'lc i\ni\ th**-n he to.U- When \tc. lV.I ht- fell on hlv 1,- .  ^     ^(l Ills ell^st ^c.         ;. "Lorrt hnw . I'm  to dio." Tim witness tow )inv.- Mops hart  his life ir lm  l ;.:       triol. P^rry        Moms" stal1;      in which ht- i:li( '-Uoronso declaring ih.'it ho Btabbed Williams after (Il4  l:~Ltui* run on htm  J .' "AViuiunif;  not: have   iiin\.'"  s?.ict. Th'*  " :   (I hy ilio   the Htrtbtiintj \r:.s . ro the   iy 'Willio Jona^. .Inni.~!  that Williams imrt  on tli^ direct  walkin.' :      . ;i          from whom  .      /i           -:nit. Mill .Kirrjrinsr tho op.Mi      . in Ills   uji. ". -vs: f.wr t0 - Willlnni-- v.i!-- laying:.1" .loix s ~;ii:l, ".mil v^; nim by  nolla'"  :. "~ii-t up.' When ho  Ki't     or say , .Urn *ai.': "Vnri .hf Iti (II" if  :. ." Jon.s   that some ^ -  ;o;,le living on          "tr.-oi had  Sloss when '-i- ^ him for tin' Killing. 1' iati i- . r.lic  in ;:t.l,...i-v ,   ,rp_ l:vi.l-. iu:~- in tll.~  ii-.i,           ni' i.y n. lin^ ,!ii.i T. M'-nni-. :fK- ^iors at1 el! Ivmiir'lil,, .l. ~;     ~-on; i-ui.ii.lnn MIU-.l Cor th'- *;.\  :ll prc- ~~:il'(      ".s of thi1 v.i^f liv II. Allr-n. ai-lli:c iiu.-</t>
  </si>
  <si>
    <t>                                           Fearing that he might receive the death penalty if the case had been left in the hands of a jury James Moss, alias Horace Moss alias Stuttering Jim on the advice of counsel Thursday entered a plea of guilty to the cold-blooded murder of R. C. Williams on...</t>
  </si>
  <si>
    <t>                                           Predict Rough Sledding for! Anti-Mob Bill!                 NEW YORK- (    - Paul Maion, in his column on Rational al.'.-ilrs. the "National Whirling.- a  Syndicate feature, predicts in  end Tor the  anti- bill new in ^ongress. Writes Mr. Mallon: "Comethlng  happens .inti-IynchlnR bills. They always ;c: mislaid for more important justness and. when found, some ; have a sudden urge to tall, . Somehow or : hey never get to a vote. The cus: fate appears to avail' the :urrent one. It Is sponsored vy Democrats . and it will emerge Iran -   "Senate Judicial^- .~con and readi the Senate . There Is no reason to believe it will advance much further. "For . one Democratic - from an Illustrious S"~:i.i.rn .state Is telling his Mends tha. ic had been gradually expanding ns natural     [ in the attic ct nights. He s now fit, he says, to talk lor ai least two week.", continuously it .hat bill ever Dimes up. fhc;e ire at least ether  unv could  11 they thought .here was any need for it. "Controlling leaders are -,  ut of sympathy with the Ic;.ii: and may arrange less exhaustive means for its demise.'</t>
  </si>
  <si>
    <t>                                           ... Warner was host to the club Tuesday night at his home on smith. Plans are being made for the fifth anniversary which will be celebrated in the month of April. Much credit is due to ... H. Wide, the vice president, advisor and J. S. David, the...</t>
  </si>
  <si>
    <t>                                           He Found Body                 WUlUa J.      William J. Allen, the man who found the      of the Lindbergh baby in a woods near the Lindbergh'* HopeweH home, u pictured upon hi* arrival in Flenv . N. J^ to  for the Mate in the trial of Branc Richard Hauptmann.</t>
  </si>
  <si>
    <t>                                           J. C. Smith Gets Cup                 'J'lit Williams V.  : v.on by Harmon Fitch :u ihc National -C'olle.' Tennis Chanipiunsfcip Meet sponsored by H\c American Tennis Association, held ;it Lincoln Univi- August 1!i:ii,  presented to Johnson C. Smith University on     :ilf :if the !-~l of Athletic Control, by Airs. Henry L. SleCrorcy. !lcac!    . left to  W. I?. Coleniiin. conch of tL-nnis, .Inhnson C. Smith Univcrsily: Miss Ollie Johnson of ll m Slotie (t ap. Va..  (lov.ors to Mr. Fitch; Dr. II. I,. McCroi-cy.  of Johnson C. Kmith iMii\cr.sily. 'receiving; 'he cup. and Mis. II. I,. i\Ic(!. These exercises wen; held in the Kindle Memorial I lull. Johnson C- Smith University, upon receipt, of the cup a few days .-i^o.</t>
  </si>
  <si>
    <t>                                           1 9 E^M^y^B LA I ^^jfl^B      * I aUP^^P^ ^WJIt#~t #1%^ I 1 ^TTYmrHrWWWT^fl T*^^"^T I' ONLY NEGRO DAILY NEWSPAPER IN  WOFCLCi^ '' *M,JlCj VOLUME 7. NUMBER 329 ATLANTA. GA.. WEDNESDAY. JANUARY 2.}. 1935 PRICE FIVE CENTS</t>
  </si>
  <si>
    <t>                                           Tired of the smugness and restrictions of civilization. Mark Talbot books passage on the S.S. "Orient" hoping to find the adventure he craves in travel. His brother, john, pleads in vain with him to remain home and settle down. At the dock, Mark's attention is...</t>
  </si>
  <si>
    <t>                                           Tired Of Dodging Ye1 Law; Youth Gives Up!                 IVrlarlns  ho \v:ik  ot   ^i-o. minimi* or Llio law, Frank Slurglilll. 22, of 143 Cain St. walked in police                 shortly after midnight Mondny and cave up. tic told astonished officers  he- was  for tlio theft of n  mower from the .  of Mro. \V. P. f Oo!;. 1, nf 700 1' dc r.oon Jvr-iif! last Frldny. l v  thai ho IiikI sold the -h'!!- for ?2 to a mini on        avenue.</t>
  </si>
  <si>
    <t>                                           Mr. John H. Williams, ... St., who was attached by a stroke In the left side is now able to be up a little. He resides at 389 Pulliam street. Mr. Bunch Broados, Mrs. Azail Gamble and Mrs. Clara Glenn will motor to Henry county to spend the holidays.</t>
  </si>
  <si>
    <t>                                           EX-GEORGIANS ARE ACTIVE AS MERIDIAN (MISS.) NAACP BRANCH IS FORMED                 History has boon  in Mori- 'li;in Mississippi, with the e-i- j i. of a branch of Uiu I National Assnciation for the Ad- . of (."'Mored j)       in! Hint slate, /t is the only. .branch "f th s  Inn t, organization for iho  iit of the; condition s                 of the nice iti thai state In the smaller illustration may l-e  the  s f f the new    .. .Se:     at. the desk is T. Butler, sr. who received, his A. 1.7.  roe from Morris  college, Atlanta, Ga. Others in the group nyo  from left to ) Miss Dorothy Harris, assistant ,.  of Wechslcr hiph st.; Mrs. Louis T^ Webb. A. R.. Morriy   *ow*n,  vice : Rev. Hoy L. Young. A. B., Palne college. Aut;ti.sta. Cn.. president; Ucv. R. Wash ins to ix Coatcs. A. B., Sclm.'i . Selma. Ala.. tU st vice pro.    :nt: and Miss Km ma   . Ivy. A. R.. Uust       . Hully ^. Miss.,  r. Mr. C. T. Ttiitlor. Sr..    !      , has been -an *^ business  n:m of Meridian for a -l ln*r of yours. IK* is now socr1-'- i ta ry of the Mississippi Siair l:-xcr.! Republican com mitt and Krand  nf ihc Odd I'ellows nf      statf uf Missi^sippi. Miss          Harris is thi: I ila UK liter     j*.'   T. Harris nf Wi.  S'*""iil 'if this I city and I* short ha ml instructor. IicImU a Ki'aduato of the   --\v                 !wms Uusiness c-olh-m.\ i Mrs. Louise l. \Vel,b Is I supervisor ut Hie Colon*! Scliuols for i- ,      Ttev. Roy I,. Young: is "r or Novell .Clmiiclf' C -jr^- 13.. - of I his city: secretary of tin.- - brook Benevolent .Association of ihc .Slate of Mississippi, editor nt the \\~!ily I-^lio,  ...f tin; Ociionil Hoard of tin. C. M. K. C'lllirch. SfCrociry uf die Trusts board. M.r. Comoro, II ..llv- spring. Mi.ss.. ex-member of the Itui'rHacial Commission u( the M. K. Church. South. anJ c. M. E. Cliurcll. Rev. B. W. Coates is p.' of the Union Baptist church     Meridian, dean of ^y of the Meridian Baptist .Seminary of this city, am! prosi Ient of the Interdenominational Ministeral Alliance. Miss Emma 13. Ivy Is the principal (if the East I^nd *~:hool. The larger scene shows '.he bist(iry making mass  -h was laj-Kaly attended ami ^\~ t\'as concluded with the obtaining of 12*1 names to be used as charter  t^K^'^er with their annual foes.   'mbers n( the   il.t iiu-bide . Koy I,. Yuuni:. Rfv. H. Wasliinslnn. C. T. Butler. Miss Umina V.. Ivy, Pr. I.. 1". r.ruol;s. M. I).. Uev. 1.. K. .. . W. Illmler. M. A. Walker. lU V. K. K. Yi.'. Miss l.illit! Km'TSoii. Itev. K. A.' Mays, . T. .1. . and W. . j</t>
  </si>
  <si>
    <t>                                           History has been made in Meridian Mississippi, with the establishment of a branch of the National Association for the Advancement of Colored people in that state. It is the only branch of this militant organization for the betterment of the conditions...</t>
  </si>
  <si>
    <t>                                           How Long Will He Smile?                 BRUNO HAUPTMANN Cool, composed, ami smiling throughout the iri.il for his conv.ction in the slaying of the Undl. baby, it is wondered how m:.ch longer Bruno I Inuptmnnn will - to  mile. now that the  tate s case ;  i- showing real strength.</t>
  </si>
  <si>
    <t>                                           INTOXICATED. TrOU^ DROWNS StlJHN N. C                 WTASHINqTOW  A$   ^-Undcr     influence a('---3      . ]~bU CoopR. 35 yean old ct.        took hn-~Bwn Uttbt*e4an6My s^t-mom far Jumpinr      Roa.  river, it vas niti) that she   for quite tarn* tta*  in  sla e for many yean Drlof to  . Sbe had mido    attempts on bet. own Ufa.</t>
  </si>
  <si>
    <t>                                           Jim Chandler Gets Freedom In U.S. Court                 I nd I** tod on two counts. J;       ('handler, well known     ;   mortician. \vas  his freedom In federal court Wednesday     u Jury that  but 10 minutes following a hard fought battle  consumed the better part of Tuesday and Friday.                 Mr. Chandler, belter known to j hundred* of Atlantans us "Jim" i Chandler, was accused by Mrs. Mary R. Beavers of Smyrna. Ca.. of forging and cashing a - mont check on her late husband, j Chnrlio Reavers, back In 1 931. The f.-iHO was prosecuted before Judge K. Marvin Underwood in tho Northern Kedcra] Court "f  by Assistant District At- i  Hay. while Attorney A. T. Waldo n represented Chandler. Four witnesses appeared for each sidr. The- undertaker formerly con- ducted a business In the Hem- j don building, later moving to Houston Street, which establish ment was destroyed by a lire late in 1931. Mrs. Beavers contended that Chandler who buried her husband, cashed a government check she had never  een nor endorsed. Mr. Beavera died in June, 1931Mr. Chandler, whose        'n*s were corroborated by the testimony of his witnesses, said that       -m*ilv at-Mrs.- -Beavers' request, came to IiIh place. He a-s.! he, told Mrs. Beavers of the  itf the letter and said that she* came over and endorsed the cher.U ( to JlOfil him in payment for debts owed him for her husband. At the close of the evidence. upon a motion, the count cha^ginK forgery was dismissed and tho jury instructed to decide upi.n the count for passing the check supposedly forged. After 10 minutes deliberation, Mr. Chandler w.is granted his freedom.</t>
  </si>
  <si>
    <t>                                           Indicted on two counts. James a chandler, well known local mortician, was given his freedom in federal court Wednesday by a jury that deliberated but 10 minutes following a hard fought battle that consumed the better part of Tuesday and Friday.</t>
  </si>
  <si>
    <t>                                           TIMES TODAY IT S GAY .^i^^a-jsP  T ITS TVNKl-TI. Mystoiy Squad. No. 5 JSrODAY THRU SAT. ago. The Passion Piay STHE LIFE OF CHRI5          Christian Should     Si*   Htid SEK It: ^XST TIMES  I OKCUKSTfcV</t>
  </si>
  <si>
    <t>                                           NEW YORK (By for (ANP)--Christmas week in New York saw the greatest increase in business experienced in the past five years. There were any number of shops which reported an unusual increase, but the most interesting comparison...</t>
  </si>
  <si>
    <t>                                           I I  V fc .I-.-,/.**</t>
  </si>
  <si>
    <t>                                           Read World CoraicS;</t>
  </si>
  <si>
    <t>                                           Baptist Head Issues Call For Women 's State Meeting                 IS. FLUKED SENDS OUT MESSAGE                 Baptist Woman Will Hold State Meet At Newnan Soon 1                 PLANS REVEALED                 VALDOSTA. Ca.-(SpeclaJ)_Although she k still frier stricken and broken hearted over the death her youngest, son. Taylor Fluker Mrs. S. Jewell Fluker. president of the General Woman's Missionary Baptist Convention of Georgia, is valiantly going ahead and                  M^ns ior tne state convention which will be held In Ncwnan Ga November 13th to 16th. Oddly enough. Mrs. Fluker, who was attending the National Baptist Convention in Oklahoma City; Oklahoma, at the time, had just received" a  from 'young Fluker stating that he was well and happy and had read the letter she mailed him from Oklahoma City, at the time that she sent word that he was dead. The death of her son was the third in her immediate family in six months, a: nephew Tom watts and a niece. Miss EUen Fluker. having passed previously. In her call for the meeting. Mrs. Fluker still carries a sincere bell- in Cod and his works despite her losses as she and Mrs. Willie F. McKinney state- corresponding secretary, sent out the following general . to the Baptist women of Georgia: "Officers. District presidents. Executive Board Members and Members of the Women's Convention. Auxiliary to the General Missionary Baptist Convention of Georgia: "Because of your love for and pride in our groat denomination. I know you have been thinking of its work and Its needs. I am sure you have tried to keep the home fires burning in your Mlsssionary societies by giving of your time and means to help whenever possible. I     - you have  prayers and come In contact with the unsaved (Continued on Page 3. Col. t)                 ISSUES CALL                 MRS. 3. J. FLL KER of Waycross. Ga., president or the women s Auxiliary of the General Missionary Baptist Convention of Georgia, who is issuing a call to all Baptist women of trie state to send  delegations to the state meeting which will be held in Newnan. Ga., early in November.                 MRS.FLUKER (Continued from Page 1) In your communities, and used j your influence to have them live p better lives you have given of your I means for the support of your church, you have given food to the . clothes to those lhat need-] ed: words of comfort to those in distress. I know you have been on the Bring line. -Now let us turn our attention and energies to our Convention which meets in Newnan. Georgia. November 13th to 16th. The session of 1933 was an excellent one in many respects when you consider the economic conditions, prom the rustling of the leaves, this meeting promises fc overshadow the 1933 meeting. At any rate, let us work toward that  nd"Your president is anxious that more Missionary societies be represented this year and has suggested that new societies (those not representing before) will be permitted to represent with three dollars. The socie:ies that have been members all along must represent with  dollars. District presidents are therefore urged to get as many from their respective districts as possible, tile district having the largest number of societies will be represented as the banner district. Mrs. A. D. Williams, chairman of the President's council, is asking the district presidents to report as many Octagon coupons as they can on Tuesday afternoon, November 13. "Mrs. B. L. Brown, chairman or tlic Art department, wishes you to remember that phase of our work and bring articles this year. The Young people s department must not be forgotten. Bring some of your juniors to this meeting. We must encourage our young people, and If. due to school attendance. they cannot come, be sure to bring the representation fee of $2.50 and $1.50 for all new Junior clubs. The outlook for this meeting Is very bright. Help it to be so. Write me a card us to your intentions. "Do not forget to help us to win the $1,000 promised if we raise $1,000. Signed; Willie F.'McKlnney. corresponding secretary; Mrs. S. P. J. Pluker. president.</t>
  </si>
  <si>
    <t>                                           VALDOSTA, Ga.--(Special)--Although she is still grief stricken and broken hearted over the death of her youngest son Taylor Fluker. Mrs. S. Jewell Fluker. president of the General Woman's Missionary Baptist Convention of Georgia, is vallantly going ahead and making...</t>
  </si>
  <si>
    <t>                                           MON- TIES.. WED. every  street leads straight to excit*;:s            in r**t         Itcan of :.4V Ien4en': .sL; Vttf. A K-Ci'iicy*.' riv.j. witn MflBfiEJAFL Also "Van. ShadowChapter 10</t>
  </si>
  <si>
    <t>                                           Mob Violence j Is Attacked By U.S. Judge                 "JI"I'S :  ! any   whi.-li i:     ihc law Into   lian.ls .- ilie         -      of th,. ' of thi' I'niif.l Si:     'I" ""i alii ill Mampin^ oui -."                 I Tliv        crisp .'Ouitm'tit was      - Mowlay I.y Judge K. Mar. vitt l- in his i-Vuirw I.. ,ilie new   jury :is  .iHi i.f th:it nature lit  Jiitoti'ion to n ii.'\v f Mi.ral I (Continued   n   ^e 2. col. 6)                 MOB VIOLENCE !   1) l;m             tin*               . transportation, anil     * of firearm.*. Hi*    ihis law          ii" much          -Miis suns mil' ami  of          \ :imt   It W*  u]~        . Tin-         al^~'       lime out to make it .I.Mr ili:it inol. ml.' -h.Hil.i W .- "nh..     tli - ln% ;       a.-. a * for thf ii.-.N.    .       .iii   r    tit or \vU**:  *r they.    .n^h Uavtu^ tto lt^;il :    "Uiiiii-n: ..r . Ui.im        for t1    *** of     )tt^iins ih.. Constitution, or  : .li.-u.j.' t.. l.i v. 4.r f"r ;:      .      r worthy nil." In ; Iiik irh:    : U*  tb:~t    '        *iion of      ConKiitiitinn '  when thai lUx-UIll^lit. it.-Hf. is violated in its alK^i^l ~.*cmi iit. ... t:\      t. .1.1  jury tli;ti it n*J\  ir      ill ^ out the ever  r..uuu **vil  from tin-                "f o!       ht.**      mi ^l a  of  law-  . In. I". 1.^1 in  IKt. many of tli.m ..  vi..):       wor**: Th**  tnv. in. ~-    ' tnv.     ^~tios. :i!         .ih.. migrator*  law. fon-it fir*.   -.  binl rul'."~. :ii,,l s nf Hie lat'^t r..      "                    :is rhv XUA. AAA aU4l tin- j  4.  Itaukius law. j "I think nv x*n*      5 t."     r;      rp*~iiii*     :- I *h(  * ~**        !~m  j tin* : iit of      fnt**   f **rw* told  n**ve jurors. or    *  of   ?~tPlc to       *:     ly :i.~N**: ami  it pr^- th\* ri^lit   f         t*~    '   * in  "p^T9*Mis. Iioo^k, ** :~n I ^   search  ."</t>
  </si>
  <si>
    <t>                                           "Mobs And any other groups which take the law into their own lands violate ilte principles Of the Constitution of the United State and do not aid in stamping out crime."</t>
  </si>
  <si>
    <t>                                           MADAM MINGY THE WOMAN WHO KNOWS Fafanbt aod Life Beader t(Ds past, present and- tutor*. ? LOCATED Oires advice on all attain of life; Love, Manias* *;ud SpeciJsttooB -of IHPflK  U kinds. Ootft mWM  ee thb lifted       PahabL Potot* the MiW way of an  Kj^,?B and        bom^^^j^ IO  CSV* kaa helped, * and aha eaa help    . TKLLSLCCSr DATS AND   BaUsfaeaea Oaanmtff* CS MeDocongb Boad Otflce Boon: 9 A. M. to 3 r. M, (       from Pcdenl Prison) SPECIAL BEADING 80s Cako Federal Frlwm car to end g( Bne. Look for Kame glen. Madkm       Makes No Hose Cafe Hot ia XtaL</t>
  </si>
  <si>
    <t>                                           Just another of the usual unusual occasions will take place at Wheat Street Baptist Church, Sunday Evening, March 24, 1935, at 9:30 o'clock, when the Minister. Rev. J. Raymond Henderson, known to Atlanta tan the People's Pastor, will present to the church...</t>
  </si>
  <si>
    <t>                                           INVITED                 Til,- l;,-v. 1~. V. Mnniiuw. .-.ir if    - .Wiv Kith Wnrlil. .\~w Kern,1 X. C. pastor of .-s CliapH A. M. E. /.inn .-. :~wl   ITi.-i:ll  of t tia- .1: s City :itnl Nrw ]!"rn I'ivir h-. II;- is     Wnsliiiiutnii.   . I'.     Mr. II. S. Cuiuiuil)^,      '"ii u-.iiit:iI ..f the I'nltnt Slutes ruli/ii- ll.: ~-r\ui\ to :    *nit ' Xaliiuiiil X(.~i;    Ilmlth WVi-U ('-n-iio'  h-       nitU -7 A list of  for  .~~ \v:is        *~rn! . M.MrliiK-z, tn usi il in -. A Xiilioiinl       }Ir.- si t-iip, similar to tin- National IJonsin:: '' t oi* 1{4 i1~*r !lonn*s unions Ni^nt-s. is e.\        at Uris i*onl.-!,.~i-r.</t>
  </si>
  <si>
    <t>                                           Dr. Harris, Morris Brown Treasurer, Buried in Atlanta                 UK ill IS IIO III CITY                 Simple Rites for Dr. Harris, Noted AME Laymen, Are Held                 EULOGY BY SON                 By S. GRACE RRAm.Yrv                 Simplicity marked the shori but            fun'-ral rites held for Or. U". n. Harris, widely known r   who  i Monday from  received    an automobile accident Suilav on the Danville Road a few     .^ro,^ Athens, Ga. I                 me. services      at the Kw A. II. E. church. Athens. Rev. \V R. Vilkes. pastor, wore presided iver by Bishop w. a. Fountain. 3. life-lone friend of the         '.. The  which wan previously  hy Dr Harris,           of a few musical selections Prayer and an eulogy. A sons Lead Kindly IJcht by     choir prayer by Bi.th.op \V. a. Founudn. scripture, the 23rd Psalm a favorite passage ot the Bible to read hy President V. A. Fian., tain. Jr.. of Morris Brown ctl- lege: 5fy Hope i* Built, sc-"- 1 . by the choir: Jesus Lovrj Jf My Soul, by the choir: Cross- ins the Bar by the quartet cfi Morris Brown college, a - 1 poem of Dr. [arris- The Hou*w! by the Side of the Road, read by Rev. \v. R. Wllkox: silo. My ras!. by Mrs. M. ChrlRtler: EuIokj- by the oldest son. Roderick Harris and lastly. Now    - Day ls O^'cr. by the choir. Son Delivers        An unique innovation from the conventional funeral services was  of a choice eulogy \,y Rwierick B. Harris, eldest son ot the Georgia leader. Speai;    with fervor and inspiration to "Carry on." he reviewed the, many Rood deeds of his father.1 who v.-a... such a companion that i though he win be missed hy ~.ii I friends as well as his devot" j family, the deceased was able to his life-time to reach a goal se' In early years. "He has esta:i. Iished a business, aided - able institutions." he added ".im!  sixty- years ..f age. Father has achieved what must have      an ambition which Rrew out of impress! us (Continned on Page 6) i                 Athens Man (Coo ti  from race u that   * r*~o**      thru       -    *nrt t *li pn-:i :.,c Crowln/r   *o man* who H ti-.n.-h   **vl*vt amont? our. Jiac." F.~.ii er". feelingly declared in.** rrv":*r. "ha* won      - .*        'ii         of rho wnit.* .it*    *n.r. ia ft*** } ux v  11 if.~.in-.l, -o h* 1.:.*  n rjf.'.vly h:tlf n r**      aiM u'*r. sfr.~iir. r!ia,rai t i' an.l will pi.v\.-i-.        )*Ni^            spirit r- r.*  *r.t^- niit!c*~ him   n.* ii" 1**1* i;r3    ?t tn'-n 011 Mivth". ;.As a. .R .*      tn th.* ^.. 'Mr.- Harri- -~*6 :hni vie* h^U oit     i. ~"t :.ts . TU.- ^~rv.c.- tt*~!~ t... .V.r.oi-\'od Juu^ If*. :it \ i     *      ;is u*~*H :   tlw  t-r;: of ihc .it" f.' w.'.l         rt^rtis and *i:  /"~ nf .- ..~n! Jeail^ whi. h sn         *r* 12^ the HIo of on** who has         - bc*n  trom our . nr. Hsrrlr ^ra*:  in Elb^rt county s*-      yeara -ic* HiTint; . from ;omo of th^ )~~adin*: ^ \*~rn\uc the v.orl.t. w.T: :~J1- r^nd^r most *~*ni -^rvi   ?au tiful   wh ir i;  a veritable canopy  * lus casket  a          *ne. In the background won ni^* ami   *] from      *c*s. *^,     A- -M. E. confAr^nor now in nfs K!'~n and many        or^:*, M'-*? of both     **~ mado up ilu-  of  who paid  last tribute to n layman of the :  as         -m:tn. In    *   tho           * family   *rc the m- mb*   of hi.*  tore* and a^ in    * Harris Drue store. operated by his son. Dr. \V. P Harrlu, who     injured in tlr.*  wreck which was fatal to    - the occupant* of the car. At iho close of the     \*ico the c^rt^^o left for . ~",a.. wh*r.r   *rm**nt wan in Onklnnd c*    '. Ht* U j.un iv^il hy his wife :."  !  children,  May H.:~ii: Touns. Roderick B. Harij*. V\. HarrK of Athens; Taliaf^rro vV. Harris, of TuK'i, OUlahoma. u-      *            *l in.son, Washington. D. C-:  Krandcltildtci1 two Uroth'T,-*. who ar-~ *tn.*s  i 1.0   Anm-I^.v. O;          : nnd iv.o        . ir.-n.. ll.in-is Kill, AMuiand AvjIi li.ii     Smith. Mr.* o-i</t>
  </si>
  <si>
    <t>                                           Simplicity marked the short but impressive funeral rites held for Dr. W. H. Harris, widely known retired physician who died Monday from injuries received in an automobile accident Sunday on the Danville Road a few miles from Athens, Ga.</t>
  </si>
  <si>
    <t>                                           SPRING DINNERS! j We always have just (lie thing     tease your ap- i 1. I Fit-- Let us suggest for your Sunday Dinner Vomit' SPRING FRYERS Oil DELICIOUS BAK- i I ED HAM. TURNIP GREENS OR STRING BEANS with a delicious vegetable salad. Then top i it off with a Strawberry Shortcake All these can be found at your MUNICIPAL MARKET More Than 100 Stores Under. One      There Ve hundreds 'of WOULD readers who scan the  "day lor  and why  L they. These simc WORLD readers ride the trains too because they save money. They are    'py They are playing safe and getting' real 'accommodations and, just think, it 'costs' only, (lfe) cents per mile  the old rate? charged was nearly;. (4) cents per, mile. OnfSLOGAN is SAFETY-COURTESY-SERVICE THE WEST POINT ROUTE GEORGIA RAILROAD</t>
  </si>
  <si>
    <t>                                           ^K f^^^23^^^~^y^fi' I %~ lL ^     **"^*%k  OBff^^   pji^  ^ '^**1*^* t^ . r "Vj """^S'^vj gsi iO^*"*s*i^^5 IS</t>
  </si>
  <si>
    <t>                                           THE first round of the inter frat tournament is history. Today we behold Kappa Alpha Psi and Omega, Psi Phi enjoying the uppermost brackets in the processes of elimination Alpha and Sigma have been vanquished and figure very vaguely in chances for the championship. Their biggest satisfaction now must be centered around tripping Omega or Kappa and thereby to frustrate whatever designs either may have toward the top...</t>
  </si>
  <si>
    <t>                                           MADAM MINGY THE WOMAN WHO KNOWS rolls (, present and .  LOCATED Palmist and Llfn Header i GIvcj advice on alt  of life, Love, MurriAte and Speculations of  all kinds. Dnn't ''UgHlfK In sr.e  i; K^Qna 1-AlmM. I'. ilio k SW'^g  uy of all  fe?^~f(   to overcome enc . Mndain Minn     helped  and obe i-an  run. TELLS 1-UCKY DAYS AND SPECIAL. READING SOft Take Federal I'rlsun car lo end LUCKY NUMBERS Hallsfnctton Gaaranteed (138 McDonouKh Road Otllce Iliiurs: 9 A. M. to 9 1'. M.  I line. Look for Namo on RimMadam Mingy Mukcs Ho Home Culli Nol In Tent. %</t>
  </si>
  <si>
    <t>                                           How Safely Lose Fat WlthMit Harm- /JP^5~$S No Violent ^S^SDt' Eat 3 8fe Mate /CflBF/ Yet Sce-Ioehes S^HBt^i MtltAtty       M/~. A. U. Tr**o. BB^HM^Sf ot .iti. ^-QSSS^~.-tt tort i;f*^u*      ^B^B^B^ i^ii Kot\tc        Mrrp} .Utmmtl - A Clip FREE      36? Coupon "KiB.^ It vou van; -i* v Jfc; Bf"^ *.~m:u         '*!'r i:ii  , bn.'t, hip*.  mU^^^^ td.t      '" !ii Iknpw.if and di it .~-i Or. I l:!:nl will rell \ou i S.\FF. ..u.J -.ii.-. -i .re      'u.-.rk j:i/ ~;::!~:% Sr. U;Jr^ll 5      lrr.it jih:i;    !.i\ !*K.i!*i \v.ii:.      i i.-.       NOrw Slid S1' Sk-*r" '1-: :*:'l: S:;!i*. Ni-tc tin* cas;  I i!:.-:i li:~lf ^(~^: ij\'    ' 1 1 .'.:i :t of u.ilf trt MVtil-'tm.i.-.t .1 .(.i.Mn.i;~-.'..-x*t-ian"  ii if-.. -.    -.~iii ;    *:mtl) v.!i ;i i. mt\ '.\ a.m^I)               if '-'iij. *b*n*1r :ur.i i*Money Back Guarantee Sii'e(~\ \la!^i  il!        :ito  v. I Clu.-a-.f. II!. I .,ii. li,.;., li.. i.. co\i*r jri.-kin^ p. t..:*-' fitr **       M-i.rt '.Uf rr^u'.ur T.'h .-;i-mi\ v.-ji.tl -,lis li jn ih.i .1 t..lti.-.! win,   ^      in i!^~n*. I will  tit.* -*-~l ~..1  ..-.i \..u itt  my ;ami c:rv</t>
  </si>
  <si>
    <t>                                           As the minutes tick by the whole Contract Bridge populace of the city is impatiently awaiting the starting time of the B'ham's greatest Contract contest. This much heralded and much talked-of affair begins Promptly at 8 o'clock tonight. Pre-game...</t>
  </si>
  <si>
    <t>                                           FEAR IN LIMEHOUSE                 Here the artist has caught Georjre Raft and Jean Parker in a stirring scene from  Limehouse Blues" which opens a four-day run at Bailey's SI today. It is a story of crime and love in London's famous Chinatown.</t>
  </si>
  <si>
    <t>                                           Hi Y Clubs Appealing for Dinner Help                 The Hi-Y Clubs at V?~ I "high and Howard HlRlWhocls :irr j meeting with success In the r drive Tor the Worthy Boys Chrisimas Dinner." Now Uuit        "! i^n-c rinsed for tho holidays w(~  time to dc\"Ote to the success of our : community "(tort of tiii.% kind tn                 bringing cheer to our fi-llow   oy:; in whom we are very much  was tile expression of Arthur Krtlv pr*3     of the Washmcion iii-y (of the Howard Hl-Y at. iho ({ inst  ai the . The Hl-Y boys will be .;       of Atluntu  Uils  end :m,{ :hey     lintel to give  me Worthy Boys Dlnnor (Continurd on     - 2. rol. 4)                 Hi Y Club (Continnrd from Pase 1) The dinner will be pn- by the Domestic Science Department of Washinc:on High school while the Tri-y Cirls of the High school: nrc .; ^s responsible lor the  and serving th? I Dinner and trill be joint hostesses the  with the Hi-Y. i Contributors  were: Dr. H. S. Barnwell J3r A. B       . Ato-- T.. \V.. Holmes, u. D. MUton. J- L. Holiotray, D- T. Robinson. I Warner. Arthur J. Drake. T. A. David T.        Company. Prank Taylor. Miss E.. E.. MoGcc-. I The Dinner CommItte^ will mc,~x thLs t.       : 5:00 at the Buitcr Si. Y?.1CA. Each member oi    to  promptly i The fellows or Ibc -~        . I will meet together today at 5:00: Kellry's Group, from Wnsliiiinion; Campbell's Croup from WsislfiiK'.ton  be in . of Minor for Uday and     -rs Croup from how. . will  out final plans for die .</t>
  </si>
  <si>
    <t>                                           The Hi-Y Clubs of Washington high and Howard High schools are meeting with success in their drive for the Worthy Boys Christmas Dinner," Now that schools have closed for the holidays we have time to devote to the success of our first community effort of this kind in...</t>
  </si>
  <si>
    <t>                                           The First and Second Grades of South Atanta are glad to be back in school after pleasant Christmas holidays.</t>
  </si>
  <si>
    <t>                                           Morris Brown Honor Studes Given Praise                 REV. II. C. CAKSWEIji,                 Honor students nt Morris Brown college wore paid :i tribute for (heir  work at a   Wednesday.                 Mrs. Coclirnn. hond of the department of education, pi Osontod Miss Ruble Rose Drake, head of the department of English of the Atlanta University laboratory school, who. delivered an Interesting address. M!sH Drake emphasized the fact that honor meant dignity and that Kratltude to ths Eternal Father above was tho highest honor .to be Kiven Christ. Special music  presented by the Young Women's Glee club directed by Miss i. McC.hce,  to Prof. Ilaithcock. who, nt the present time touring the northern  western  with iho Men's Tiadlo Quartet of the -v This Rroup Is adding     \i A-*     to the fame It acquired (Continued on      4, Col. 2)                 Morris Brown (Cmilimiini  Pu^t: 1) ulti!.- i.r.i.ulc. i..'  Milwil A. Kuiintain, .I".. ;i ii:      ~.-i-tl  Morrif I'. j \\"iil(l taUr p:    In  :.; oC ill-- ni*\v Allaula I'nlvui^Uy At'il.'lic I i 1 1 Th.- TI"'"IokIc::iI K.-.     :ir:.-  ir( will I  '"U'll riling this \vi i-U . l.vn'.i (~li:-s 1- Hill is ill. It. 1 K. I.-, h..u,-v.r. assi^h il I'ror. c l.lu-a. in  "~ ihl' .. Anu'ii.t lli Js.. al l ,,.ii - .ins lire   -vs. .1. A. i, .1. S.      -il:      , II'"'i 1-y. .1. VS'. Lv^sian. II. Jl I'arUin1. j I'. IS. Wriulil. II. i". i::    .'ll. IS. i:. Cin-swi-ii: .1. s. s.iiu'..ts. T. s. Ufa hi, TiMTill .. ami XT.Vi.w II. 1 1.. in. r siii.U'ni^ ": r.l:i,U. .il V-: Kim:. ~'-~'V A.: l.. .M.-n-.v I-'..: Honfiof. nzi.ra: T.'U-, Sin- M.: Williams. .i;iin.-s I: .l.iil-   - .lulin: Shell":1.. i 1 1 1 1 i.    .ii.. KiiHi: Si'iil""1- l'"1". Aniii'-: . Ann!' i:.: .\iiiI.-i-si.ii.     : mid r.~-ii:~.-ril. j (.-.-s. u liii.iin-. .'.y- i..: JiivUso'i. j ,-l:ir:i: KiM-r-.      -ln"': Slmmoii.*, -rli'-ivs-i: . l-'.M-lyn: N""I na.li,...,!:   .',,..ns. F.SI l.-ll.-s .May. I'm-llis: .MII..-I1.-U. IVsI ivl.-rs. -: Hill. Mal""l: I KvImi and .Imiiw. Ksih.-r. I.u.'mS. Williaio: W.. I''"'1'' i I..: Iliiiuil.-. i-lidi-Jty. M"1 .v. r 1 1 i Sinlili. ."I nil ii H-I..T!.: i s',.. i-,-: r.rr-!l. I  ul..i i r.: h.'Smi.hs. ~-,l,;,r,l: Williams. Kiibyi:iu.l \    "H. . I</t>
  </si>
  <si>
    <t>                                           Honor students at Morris Brown college were paid a tribute for their fine work at a special program Wednesday.</t>
  </si>
  <si>
    <t>                                           THREE MORE DAYS And the picture        ^^^BTzak Washington l^w .:/^^g in !~Ii9Bl IMITATIONoHIFE Better than "BACK STREET'! Claudettc Colbert, Warren William          THROUGH TUESDlvY BAILEY S ASHBY STARTING NEXT SUNDAY CLARK JOAN ROBERT Gable, Crawford, Montgomery in "FORSAKING ALL OTHERS"</t>
  </si>
  <si>
    <t>                                           If the waiters are to make economic progress in the near future, they will have to cooperate, "Co-operation is the greatest function within any group. By economic training, I mean that we must be careful of the regulation of inside affairs and ... in our...</t>
  </si>
  <si>
    <t>                                           Bishop Mikell Will Confirm Class Sunday                 Sunday :. April -8, Mislmi. Mtki'll will t.  lass ;  tin- Mf- ;i"  It C VI~~:k .*. Thti ry nnd I'Onununii'Kiits (if St. Pi'nl ;'.tv      .  interi-sti-d in   ln;is inni li as it. Is li"           i':-            .s"i- iy      held nC St.  S. This Si.t^ici. *has h"('H ;ii(ii( 1n tin1 'Jveutn;; or at . in tin." past. 'Ibis N the  1-las.x 10 bo    imcd by I ho bishop sini i? the !    . IliMiiy J. C. Bowdi-n       priest in chaise of St. I'aulY.  '; at 7::    im. a!  "He I." will lin       ^nted     the church school Krlijiuls nrp  1 . d at St. I'nul's I*.    I'hurch, which Ik  on Ashby, Strd't. ni-n r MayBon-Turni'r.                 JOSHUA JONM i ttf I, r. KcrnoMa Honmity may b*          pO]~~  y but it will not pay</t>
  </si>
  <si>
    <t>                                           Continuounly Pleasant  with n Konenil  of - .00 nnd "3 degrees. OEX^noF. w. ,   , V. S. MeU-</t>
  </si>
  <si>
    <t>                                           DEFENDS YOUTH                 I . M0U.ISON. j who l"n%  a bluer   -2al hoi- 1 lie in snir l. MeCIln". youthful Xosm, from crim fax* ? a  war-: In          \ A fn*n-/ifd   to tu*fy          ami lynch Srgnt but       anil*  r)    * ln\r -d  mihI MrCllnr wan  1I14* rope anil lUin.c        *)~                out a  of    '       tw  fairly certain of  fruit, niu-kml  toy ill.- Clilnwd  of ilic X. A. r. v.</t>
  </si>
  <si>
    <t>                                           THE HOUSE OF MURPHY, PRINTERS Mintxtes -Booklets Folder* JACKSON 8118 275  ATO. ATLANTA, GEORGIA</t>
  </si>
  <si>
    <t>                                           EMD TOn AIL" -HJlpJipli</t>
  </si>
  <si>
    <t>                                           THE OLD RUB-DOWN                 This scene from "The Band I May* On.~ will  appear* familiar to those -who- "done their best  alma ." Seen in the? rug down after the big football gam* are Robert Young., Russell Hardie. William Tannen and Stuart Erwin. who are appearing in the picture playing through Tuesday at Bailey's Ashby theatre. Action shots Iron the Stanford- Alabama, game arc abo on the screen.</t>
  </si>
  <si>
    <t>                                           Lt. Lawience Oxley, Negro labs: representative in Washington, ba: been invited to come to Chattanooga to study the labor sltantlor hi the T. V. A. Itr. Oxley b; Plannining a trip into the Valley in the near future. at which tune the ... to visit the local Builders...</t>
  </si>
  <si>
    <t>                                           DINNER "SPEAKER i                 miss m.\i: r.  well  Atlanta     in tin- Im-iii i  of Adtilc  Wuoa[~on wlm  vill one of Hi.-    K.  ;,.r, nl     annual  ami  ttf tlie Phyllis Wixatlo'      -lt uf iIm- YWCA liai Plotnunu          . N. ~'        ;,v    -,  Zi. OUkti :            on Um- pro. , will Itc M1 n        ; Aiiunu  Mr*. 1L It. HiiUor. ~;    ilio Girl   -.      will pri-~~-nt a  ppi.. TImt,, will also i lie  M-U--   Aliuniii .       as  as :;. an*  to atli*iMl Uiis i-voni.  in Mrs. Luln \     *n, %-o %r^r%* of Ihc        a- I.-Ii.</t>
  </si>
  <si>
    <t>                                           1000 FANS AWAIT BENS-STABS CAGE ARGUMENT    -ty ~-i.' j. 3. 'S Us. };                 Harris Lists Fadeout Men Of 1934 History;                 By If. LLEWELLYN" HARRIS (A.X.P.)                 CHICAOi. J:~ii.--Xow tlw: the newness, lias worn off of I 1~.?5 - lia-n-  U-      *      illicit like to rei-ill with  K  - lad?       Jan-d to face nice prejudice.                        !    .   -~ show the world  they were just a  Initrr than their white brother, when it ; to ]K. sports. We say . bo-; - thev lad tw Ik- U-tter than the ln-si white tuns 10 I'arn a place on nny white  Iics!                 .          tlw coach wasn't to Manic but he tod his      to think of. For the year biggest           a nice          wo mm to Michigan. No pill \    harder to swallow  tin* one Willis Wan). Micliiy.n .-tar end. was forced to take. All eyes       -Aun Arlmr  (lay l:    fall, when ihr Wolverines took die field       "RainWin' Wreck" from Georgia Tech. All the world ,  just as . Willis Ward, was absent from his t lace in the                 2i:    ) iK-cauM.- the white folks didn't want to soil their hands play- in;; against a Xcgrn. Tliey didn't want to go back to Gcor^a and j  a Nivro stnp;~ed them from winning from Michigan. So Michigan did not use its  tar. Kipkc was small  to do      ii M. Tliruush"ut  ; time when 12 million Xegroc*  v  eyes . Ik retained a painful silence, and ?        day tin-     )ic doesn't know how he felt. And then  Oze .Simnmn-.     . tin- ''Wizard of     as tlic scribes dubbed him who claimed that the white boys wouldn't block for him henceforth he was unable to score touchdowns for deah ole Iov\-a. and 3- of Miclji^aii State of which th,. public knew little, but w.is the lmlv.ark of Michigan States' vain and Rhinehart of Minneapuli-.                 Michigan .-mam ~^uac into  trh n  Lttte     not invite) I,, try out for the varsity lar  jll learn.       lust year          of a Horiny diM*  :-.i*Ht  he was T*    **d .1   li;      to play on the,     . Imt nft*r much dli-!  allon-cil to . In pro     turn to 3t" Ullard wlm In ll SS v.i* the Hparki.lnc  r thv CMcacv ~":         d--. It woh LlllarJ who     nnd      -  demonstrated 1ii?~  a* the h*~it of the Cardln'al member*. bxn   were Kent around tor the 193-1  Ullard wa^ not  "iiv. In 111-  racket" the forgotten man n:   Jtihn Henry LrtvK the      o-iist -. John iu-nrj nini  until :iff.T     h:-.\ -d Maxle Ruocnblouni    :   : of -~. Maxiv nr Hot i tin*' wan     kin?     of          :~  .~.        fr-v.' v;~**~  ^2 ri* r nf him u:, if tt*' \v*   * a        ] Irtlm of nl;          . L*\   .    '     IokI-.'I ~.        for        !il"      titl**, but he      cho*~* .truet the         !~r wa,  "            Alin t,, ri.': .     . WV11. film wu* til** u*inn**r of       -~: mp.1 v..ik       most sur-                 cent in tht house when his hand      at the  nd of Ih.- battle. OUn. too. ha* forgotten that Lewis U around. I Tlio oft  question as to whether       play. rrK mv  enough to join  major*  rather  I  i-ttk-J    4  when the w- j pia      defeated a. Picked torn ot m.       . Mrny ~.f the UOk who woke their I   the pill around the { lile  lot* nave raid that j nome  f            that are barred    .m the        are  as Rood or belter than some of the white boy* 'lr- pay check* from the Wrlgleyti, t)ic Ruppcrtx and other magnate*. UV recall to mind a four who nwd no introduction,  them Satch'II i PuJue. i- /Urch          . who plays  the i whit- \  \ all winter out  n tho      . but tan t good I'nouttlt to set on any major ball club'* roll. Thvn we haw "Mule" %. and JoneK  opposed False that memorably  -     *~    *r :it Ebl^tx F1*'M. i AnJ th*~n thore an* a hont       4 too numerable to mention who are good enough to     head-, IlniTK ln thi-lr                    .i      wh,,   -vcr ore  ot for!      or another. T/. Joh    1k. the man of themoment in the  rack*  t.          t"  iy that w..   n:ini" won t have to gn down nt      Knil nt IKS on tin-   f "K^-n JK-r.." The  i   .    . a   ry           -iit  "f f-~   .     ~\~u      are wlm        ^-.                 Speedster Ralph Metcalfe</t>
  </si>
  <si>
    <t>                                           CHICACO, Jan.--Now that the newness has worn off of 1935 perhaps there might be those who might like to recall with me those heroic lads who dared to face race prejudice, insults perhaps, to show the world that they were just a better than their white brother, when it capie to competitive sports. We say better, because they had to be better than the best white boys to earn a place on any white coaches...</t>
  </si>
  <si>
    <t>                                           POLICEMAN. H. W. Newell, Uneoln Park Police In            . has made a reputation tar him. celt thl* year at the Negro Park, making only four  despite the handling ol .</t>
  </si>
  <si>
    <t>                                           Plan Warfare On All Auto Part Thieves                 That thu*\'    who pr*ay uu      I  HtitillnK th.-lr        nml other *, there- by  ninny AtlitntunH to i sp*~nfl much monny ^. will     proti^cuK-rt to the  . wan Indlcnlinl Friday In :i  to C. A. Scott.  of the Atlanta Dally World, by Albert Pnink. of tho Lincoln Motor Club." Mr. Frank. In h)~  said. "The Lincoln Motor       will prosecute, to the full I'xtont of the law, any one found Htoalinfc any  or  from anyone/a car . If they    a member or not." Tho Lincoln Motor club,  la oi very popular  with hundred" of Atlnntani, la       a reward for any Information  will lead to the (CoBtlaaad at Ptf* 8, Col. 1)                 PLAN WELFARE (Continue from Page 1) arr**st :~    ri: of .-. c*~ stealing  c.^Ps or any       . pan. Dunns t!~* part      mnr.ths.  complaints havo Iv^n   -.;Utcrrd In all * of    - ity.  Dd  alone A'ih"rn . of  car       Xhr situation       so ucu:~ that many motoring arr MraM to   -.ivf ih lr cars  for {~"ar tU.it            . otton nulf costly to        , will br tnis in^ upon  :</t>
  </si>
  <si>
    <t>                                           MY Dear Mrs. Applethwacker you will kindly lay your knitting aside this evening and venture to sunset Park. I am sure are never found disinterested in the cultural and enlightening aspects of an interfraternity basketball tournament. The most elaborate and swanky representations of the literatio our race always embrace the frat wars and usually deploy themselves in ... to sit in the stands and...</t>
  </si>
  <si>
    <t>                                           DR. S.M. LEE GIVES Hi message                 Thanks Union Group For Supporting His Regime                 FINE RESPONSE                 l!y Km: TiKhi- Arnold                 .- lN-     - in ~.   rr. tli- K-v. S. M. Ij-_j1^. lll M  ::il     .-:iii 'tu lho All:iut:i Haj.tNt Miiiist(.r'~ Irii.m. Tn-~il;ty, Junuacy    . Div.-Jw  v:   a.-  ]'r.~- U^~ to I'p-^iil-.                 'Hfiiu his addn-s-  . ins lii.~ election as presid' u; ~-f rhis . Hi. -iI hi,      . Plishnxiirs :     .xpr.-yw.-d  ii ii with    .    -..ni.-. II,. -aid thai In- f. ll Uiat li,.       or* n Iteuvtuly ~**s. He  tin- l.ri-    .~i 10 "- thv ~!olden Unle. and expressed    .~ appreciation fvr tbeir ~*  '~. tl"ti durini: l.   administration. We MiuPly         tw sivo a t-v uUU-UiiiJini stau- In his ad' divs. hnd-T tlH- c- "A M!^. sii r To Tin- Heavenly          .~ -Tin-       Tiwsday in         ' yars .   ,        * x- was mail.. Mi? .w of      .v    I lie Ivadi-r and ^'-r. nu- i der Tbni  1h- all                 )^~i ion was            ^i WHAT rxi yoi'         ~.k    K^ as It has to do with  .  I           you             frankly ;nml clt- in orO-r that       1 Tristam  Iv x-t up ill Print in i your- '' as "a snide. to avoid - and Tn1~*. . i "Knowing   .u a- mwi uf     * :ind standard lA .rs of the j Golden Kule as .'ii by our CUlvf Commander. J^~us (Hirlsi. *As YOf \V.  ULD THAT MEN IK.i UNTO . IX) L1KK WISK UNTO j Til KM." '"Voiir reply was: The pro^ruiii as  is a  Guide. 'Two years *.- 1 am tk- with th.c      question. I Knowing that circumstances uare I chance with time and          is - mother of inventions Brethren          " time element yf Uiis  still satisfy* REV. LEIiTS MESSAGE "After two year* of   I sot mure  tban any twu       in other periods of my     -. I't me stup Ions  1o -t the s^- false - slon or rather thv false- use of  of your very fine impression  mil none*: . No Brother   =. Col." i)                 Strikes Keynote                 KEV.  i. LEE m4m- electrified an ;     -. Rruup of preachers of "the Baptbt         %- Union Tuesday  with a sparkling address in which he struck the keynote of the  al .                 Dr.S.M.Lee (Continued from Pace 1) Lee does not love office, he really detests  and   who wastes his or her time office  Certainly if your  servant      - office ir  not be displaying wisdom oti bis parr to give to vuu free, a service that men and business concerns are now ;; from $200.00 a month To $3,000.00 a year to -a commercial end. but like the sate of God of other days: I would much rather be a door keeper in God'*   Cod's Best) than to rule la the temple of filthy . Ton hare the  idea brethren, hut these nro the vords: Brother Lee loves men. black men, brown men. intelligent men. dumb men. "mart men. Isnoraot men.  men. tad men. honest men, lying m*a. in fac: .nil men. Brother Lee v-liow.- id  of all men. l.- Oirlsr  lld not make, I                 exception in bis death for mankind.) "1. This organization should -pend its boarded influence which if culd be .il into dollars mU cents Cods voice would bring n5 the same words of our : Spend your Money (Influence nud stop tbis Spiritual depression. You Baptists (so called hy the world) are the richest organization on earth. So stir up  sift as Paul told Timothy and  i your influence, buy up rights that the Bible assures. Heaven's rate book. 2. Every Baptist organization  to  up. Even If it a  . he   name. you should couple up. Spcllman and Storehouse also Central City c College were Ikot in our churches. they an- our children in spire of re-hat air some of their   how to the  after receiving their sheep . they arc onr children, some time our own blood children turn up their nose ami call ns ignorant and many time shuttle us off in the kitchen of the house we . but you Still  to. let the world know that s your child. The reflect will be on them not yon, for God still live and Is now writing many words that brains nor money  t straighten ont. Ask Mr. Hoover, Presi- dent Roosevelt and many other men who call' themselves mem- bers of the brain trust. Tes Spell- man. Morehouse. and Central City colleges and many other Baptist. children like state, county,  lis- trict and not  the Nation al and International Convention I ought to be recognized as your child and you ought to invite them to see their mother some  "3. Bothers I am tired cn'!ti: Pharoahs  since I have i learned that milk and honey is j flowing just beyond the river. Brothers some body must cry out. the Truth must come though it . or even kills. We have the I assurance from  Speaker :0f the House: And you shall know the truth, and the truth shall make you free. Time is calling for a i committee of Decorum to     men  are a  to tbe  (know that tb*y can t       each           without loin; .through Baptist principles and . I "Last bnt not least, in  of {wild cat motions to pay money out that you haven't sot. there is a Wise Provident who has favored you with n new deal of elimination of paying the increase price for printing of program. A few extra page* would furnish space for adds of your friends who a I ready have consented to take them, if you consent, thus your approval will give committee the Tights to close the deal when tbe programs are printed they will cost tbe Union nothing and above all we can go buck Into the green by payoff debts made by additional apt  to our humble servants Of 1 M." Brethren I live for t)~ose who love i me, i For those who know me true, j Tor  that waits above me, i And awaits my spirit too. For the cause  needs assistance. :For the v.tous that  re-sist1 anec. For the G-1-o-r-y that s in a distance. For the Good that I can do.</t>
  </si>
  <si>
    <t>                                           As stated before in press releases, the Rev. S. M. ... the ... his annual message to the Atlanta Baptist Minister's Union. Tuesday, January ... Dr. Bivens was asked by President Lee to preside.</t>
  </si>
  <si>
    <t>                                           of the, Travelers, Rest., Baptial church met at the home of Mr Clifford Franklin, 165 Richmond stream with Brother, Wm. Stiggers presiding. A delicious menu was served. Fourteen were present. The collection $1.35. Mrs. Lucile Stiggers, president; Miss...</t>
  </si>
  <si>
    <t>                                           Madame Munsella IVliy despair when yon can attain your desire? Why  up     tiling:  wish 1.. knt.w o.rK- .v..-lf ati.l ilu*je you are !.-.i in,  many milt* way? If      arc in doubt, or in trouble    =as ~_"frV{T x l(~v*.              ' V I ~"1'-  JivoV.:~.~ ^~^/BlAl *V =~ t r a -l-I matter what .CSJj I J-. may be      .1 1 ^    fe  t ions ;'i Ic^^i W -consult Mme. ::~7 ^\  ^' ft. Munsella. Let #i\ ))/r this  ".JT/   a Jvoyant ,    =^   !\-Lse you to :   road of  uil-w, an.I            . You' have .in N. .-.. her to W  '~l h"i-  .' All Ik. siv   r  v.:L!: any difficulty, trouble or - ,-~r should see -     " clairvoyant. TfelU.whon au.l ~-ho yr.u will marry. She gives naini-s ami . N'n -wurk i(   "    .       sho   *~~ .iii l tells  true.    -  i - in     - . Sho       many     -s thru  : Oivinir hi-. Tells the na-. f.nv :uwl cause of your .sickness, makes you well an.I happy. -1    -~~i .wi-. Brine      ad far (pecial 50c re*    . 1836 L* Ave.. Cor. of Stillman Street. Third . Iw-low Lakcwood Heigbli. Look (or  ign on electric *.      : 10 A. M. to 8 P. M. Sunday:    A. M. to :t P. m</t>
  </si>
  <si>
    <t>                                           !l WANT EVERY WOMAN TO TRY FHIS OELIGHTFUl face Powder Free" MailCouponBeiowRigiitNw ForGenerousfreeTnalbckajt Cacti an improve men: in        you u*- u,,. .        FAX TAN l.tty Towrt-r!      ,,,.\..r       -\vit ( Thai     nfT*-i u it.i* tria i iu  ui. taJh, x.,11 jum u.uil tU i   ri^ht     . No      . Naohli tun.in. SciJtl IW lu-~f.  . Just   I i-~u\* . Chrci " .V-     FREE COUPON FAN TAN COMPANY. Drpt. 411 100 West Erie St_ Chicago, HI I Uicbomcoui         :ion.          * ror stct uu! (p Ol KAN I' AN Fiw Pcwdir in ihr      - I       . j Wlutc G Flnh Q Btun"-.:- 3 { Ochrt Sun     D CoWrn      a G j Nanic I j AUdr-n. j [City Sdtc j</t>
  </si>
  <si>
    <t>                                           MADAM MINGY i THE WOMAN WHO KNOWS TeVa past, present and . TER3.Y LOCATED Falmbt and Xlfe Header Grrta advice on an attain of I We, Love.          and Speculations ot   HMD all kinds. Dont fall  HX to fee this gifted  Futaiht. Points the    5? way of all trouble. ~^~g and tt-ovm jot. how       to overcame ene.^" ^B* aUa. Madam Minn baa helped  and can help yoa.   DATS AND 6PECIAL BEADING Son lake Federal Prison car to end   Satisfaction Guaranteed 638 McDonoocb Road Office Boon: 9 A. M. to 9 P. Itt of line. Look for Name on SIcn, Madam Mintr Blakea No Home CalU !(ot In Tent</t>
  </si>
  <si>
    <t>                                           The cold weather which covered a large area during the last week did not hinder the attendance at the David T. Howard elementary and junior exercises which were held at the Congregational Church on Friday afternoon at 3 p.m., Hundreds filled the seating...</t>
  </si>
  <si>
    <t>                                           TIM TYLER S; LUCK By Lym Young                 MESCAL IKE By Huntley                 FEUX, THE -CAT By Sullivan                 By Cy HungerSord                 THE  GIRLS                 PETER PEN</t>
  </si>
  <si>
    <t>                                           VBBmm-nyr. Him tl \ B^^Blh* air. PUU your toon .          had ta*  . Writ* .or  AHMft.r.  r  Main  and AcbiiK M*               . TamoiL'; Prrwi'i'1!.* C-" ~-"pi .SOL*. B49 Cottacr         ,   li"~   II. n. A</t>
  </si>
  <si>
    <t>                                           JAPANESE AND CHINESE CLASH IN FAR EAST                 JAPAN SAYS REBELS TO BLAME                 China, However, Sees Another Big Push By Nipponese                 HEAVY FIGHTING                 I'lnriNy;. China- - W.Tf:. T'- "ti ni.' seal*.-  iti-n ..nt .'t^ain in      Pur East  k Jnp:       forces :itf*mpt tn     -ii th^ir wray into rh*~ Chaharvinco. ~*Inimln7- that ** Ch        under General       Cho-       or^                       Independent Mate In Poxolato " in vi.. In linn of an  m l, two yearn aso which 't up a  zone alon* rli.; Jchol frontier. The       %~ iy thai they     !ly Inlond to  hack tlv . u-   0         they -Hti-d Friday,    i xa(~-~uard to tlio p^acu ot northern Asia. i So    . the Chinese trooP5.  ral thousand In number. havo n     - in        off the attack which Ktartmi Tii-^dny  r/    Japaneoe artillery . fire     the Chine**  neax      Oreat Wall. Ch!n**  * AflicIalK are              Ivn the      ot Chahor be. tli" 'Utnie ax  nt Jehol. which 'h-1 .Inpan^-e       over Ir. th6 i.'ist  push and         that th* j T; aro merely  out I '.  of creating u Rroat I Vfffer- stAw Wetrvocn'rUi ian.''     ~;ipan'.se .Voiirtiuprla nnd ttu So* f Continued on    , 6. CoU 1)                 ,A* AN SAYS i (Coutiaaed team      II virt Republic.       .*~c military l*    *r.\ i  '3'l . th.- Chi- Res,.   *-~! S"        l.i'-'ri. ^0     of    * Jiipaii'^o .    *uh!:ii'          ^o  brawl      . .       :r  ihni C:    Clilni*'         nvi j rie  x' hy ihe Chine** National    -~.t. If Japan succeed* in her , ot*r*      5   '. sli- will Ju.v- control of Uio ir.-~        .~ :-' CiiiiUk v.'ith ;* {! thv          cx-l  "Kvii.-l ji.n.l          :l      r::in -1.</t>
  </si>
  <si>
    <t>                                           THE Atlanta Black Crackers are planning to leave town this week. Now don't go in for ugly imaginations like that .. I mean they are leaving for a ten day stay. They will be back here on the seventh day of May ready to open the season with the Red Sox who reside in Memphis.</t>
  </si>
  <si>
    <t>                                           ^BL.^1 pS BB ^^B^B^B^Bj f ^^^^P A i II b jgS9H With Sensational TRIPLE STRENGTH ACTION 1 *HlfiiHMiiiiluail We all want a lighter, whiter, and brighter skin. It      *s    iiii.r.- li-- tin*- : more lite envy ..I our . T.. \\~\~u-\\  kin   iii.kly. j;~ FAX TAN UI. CKI.MI-: ir...n ~..ur dealer    .Ly. '    '~!ii.   irr.i.~        rich, creamy         I'liiiiiuia .n.r \..~r I j. mvk and . l.ra\c*n ul! m^lii. I'an Tan I'.lr.j. li Crrtur works  y..n          l..r 7 ni^lns antl ii yon .   -ii t ./~**l.     .   \- i hi-   results you Cati .K'tuallv MTr. }     (      k t^r the asking. Kriun: tlic luine- FAN \ Bleach Cremc la fW-BiwlffilaB /0$~ Ordinary surface  .mtl ^ -imilar - t ^K* /*J^j^^^F       loo often mar tlie         an "^o I /~'J}'^          *i complexion. l*nli*   pimples are too       V^^^ rooted. y(.u ran ~*~ real         tin* i*ou- /^B^Bs^ v' sisK-iit u[.pli.\iti.rn ftf Fan Tan        (Viir. /^^^V^               it on. It       - \nu '.rad ^V^^V ?ally, but . away go ilie pimples and in- /JJ ^9H stead     ' outer  kin and a new  lx* f  and rli-       rif co!iiplr\inn. II yr.u want t" ri l \\LT J^S  el di-        . try llie Kan Tan ^**^^V Bli-ai h ("tt-nir tu:mula. Sqtiat  ,  B ^!^!t'i~'.l?l V.'i Will!! j.-d I'txl   kin. K if tr.. rou'^h, and harsh or i* it *~it. ^-;;. and  beautiful? The f..  .    fast : F.in Tan Bleach Crtme.  Iiri'.id thinly hut \our  kin, will act quicker     *alt/~* lo ^iic    n a  found *kin*               l"nt- you m-vrr U-ii.rr thought      .:.-. k.-.u.mU-r. I an T..i. I'.l.-a. li CrriiM-work. '* \~Mi ~!~*t j~. 1 1 i- (tii* r.iav  way      Tonight Just Spread ItOn -ft WorksWhileYou Sleep If \.iu vi\~\\ try idi* M*;i-oti*-  X^J^^^^s^ Vri[.li- Ac:i..n -ill ~.iir;~w i an l.n S?^* 4^*^y^^^^ !!U-ail, IT-:'..-.. I..  ST. /r^f^-^^^^ T.ui HU-a.ii Ciemr. Tl..: Lir.'f -i/r. B^^^^^~~- /^^mIm i,.~. t.uir.- than ....,rs l.iru.l,.-.        ^T^^B '.iii it rr--rUMi ~'~-!!v Rfi^^'^l l/V^K M.T..Iifnt-..   -   -i a:..! 'S^V'^c'S^ I "^^ty GUARANTEED } Try Fan Tin . IV ii for 7 p" Q p P -- Tlirn .I.-.i.lr (..r your-rll that ^T it ^     ~-\rr\ claim. Srr for of nur frii-tids nay  er .i yourself Imtt your ^kin  .- if ful^ift FRI K.        \~ a U -. Sn- Write thr Kan Tan Company. ^v and .Wivhtlul it is lo    ^^I*- 4(~1 l-r!.- Si. Chicayo. Ill and  linn Ami .Jw.~           -r. il Ian l.i.   H*i4tl iu. nt..  *v. Ju%t ^ay tail-. l.     -A-~           .  jm     , , ^^j mr ttir unu-vit I'rrnir and your full ~.ur your    -r ^ili cha-~ pri*.r i.*~ lor il.^. mm ^at,^,^^^^^^^</t>
  </si>
  <si>
    <t>                                           1st Grade Lump COAL Lart* 100 lb.   * d*     5Oe 200 ItM.  *t.00 Call MA. 1620</t>
  </si>
  <si>
    <t>                                           JOSHUA JONCg                 Bt t P.                  Famous U*        "DuaK quirk, . 1 loft the office door           and X  w\t%, approaching. Jyjj</t>
  </si>
  <si>
    <t>                                           Attention AGENTS! MAIL THE FREE COUPON BELOW FOR OUR NEW MONEY-MAKING OFFER- HURRY- BE THE FIRST If you are a               ")                        .^mt now for our ! offer to "agent,"  e have an outst3        9      .-v.'     mail the coupon right professional  - offer for you. It is an ^Er   ! j /HimcmuAGENTs coupon toilet goods. See our advertisement! I     a ~(            asem. and I am interested in your special intro- elsewhere in              . We are t  J"      - -making oiler. Send me full details       or landing more than S100.000  '-'-'O'~ at once. year to nuke FAN TAX the best- x^me. known name in the country: Where! -Nc can you get this tremendous ad- f -ri,?T'.'.i,5 I c^^</t>
  </si>
  <si>
    <t>                                           POLE CRASH! FATAL TO I DRIVER                 Jackson, Ex Hanley Employe, is Killed In Auto Wreck                 BOYS ARE HURT 1                 .Minnie Jac-. u former .ye of      Tlanlry T;      : -(.v iK-came * fir.t       -d 1!~"-". traffi.-  in ihc city of Vthintu when tlio LnSalle  fiC  v:is        "il into :i           - pole noar Tcnlli and Areon- ik. shortly  . The                 telephone polo was snapped of hour 1  ? , the car badly IvmolislHit  JiicliSMti was ai- j       instantly killed- Mr. IV.- Hot Iftftt*. of .":i Mont-^-ry Kerrj-       . Uy  ^tt***.     *k3*~n u employed    a :00k. told a World reporter after  -d  f the  that J:i.-k-.n had  .   '.     -  rs     visit "inn; ik-oi.I.. :,ml Hiai In- Wax MIVJMMCll tO       WuitC.I iu the Itobvrts' ear for bcr Imt  p. :iIm- was not  until j    . r:s started  li..m.' I! ~:is ;il'~ut that     .- that the ;~t)I!       that tlie man MlrtTin^ ttK*ir  hud       killed. Mr.      1s    a.11 official   f TIk^ (7 comi^j uy* 4'. ~:~     ?  ^ KtlivriOne and Datloy. Continued on paye 6. coL 1....                 POLE CRASH (          from Pace I). wbo readied    * .* of llu* ~'       borl)y after ;he .;is:   ..r.-         ;;          to fin.l an.~ eye  to tlw lazily hL -.h John W. Movrc. white. ,.j Aioriwnt Sercn. 3U1 Tiutli sim-i. ran the     t *( hrm-iiix  ..ut-icK l  Kthc *  tb.it  ii" u -     dip In :~    at ;      bnt .s yrc m .1 :is to- ]  he I4S :mt. .il to ftn-h into  t-.i..-     . Tb.- I'Htrolnmn ~;nt flu- wrw- ro the Spith-r       - wl.il.the critically          man.      wjw 1k-HcvciJ *mU at llw . was wtt to               he  a-~            .~l ih-jj. Jjtcst K-  Crawly Iio-Pirai    Jo-- Wil. lians,  yi-ar oW lad  vli..        at 3   Cinrcll s;r.-:.             lu the cln Wr-iiN     1  he was tak'-n  he war         l.y a -io bit and run  ito     vf JacksOn and Eds-*.        ~".:15 Friilar n:. Tin wUan kept  u o-iir.-. after : tbc boy.       Ki-ps. 4u    -     Ktieet. told  J. II. -r ai Crady hospital. An  at tbo ho.-i iul  That tlio     Im.l Uvn ^ injured, his      Ivin: WoWoTybB'lu. kwv. Olnvr major injuries indu.    a   Tfre cut aboot ba brad and a  fractured skull. At ttK'.tin: that tbo machine, . bad no . P; him. ; WiUwnu.     iT^sin? Etfecvood avenue. Ano)         .        ItoUisaon, cicb*. of  TS O-ar all.-y. was u\*~~ tart      iW  a -. driven     a wi.ni:~ 11.  bini .1  nc:ir ^r.Ion strict alrm: i- o-r!.~4; Friday . The Uriv.-r i-f ilx1 ear. took    *     borm- while      Jaotber carried him to the       ?     .      was treated and  ii*nii-.^il.</t>
  </si>
  <si>
    <t>                                           Johnnie Jackson, a former employe of the Hanley Undetraking company became the first colored 1985 traffic victim in the city of Atlanta when the LaSalle sedan he was driving crashed into a telephone pole near Tenth and ArgonDe shortly before midnight...</t>
  </si>
  <si>
    <t>                                           I XCRCtX w*,V'."       . I fud MMurray I K T t K II ATI (J N LINCOLN j I. AST TIMES TODAY j EDDIE CANTOR in "KID MILLIONS" World's Foremost l] j j Feminine 7 Orchestra Leader I Says: jL-IJy\_ "In i)il*  cvc ns I :un nil th4  : especially leading my     ihcs i'.i ol \cry critical men, I must al\v.:\s look  very best. I rely on Dk. I'a'hmVsSkin Wliitencf (/ini nn: lit lo Weep  complexion lovely. I nm yl.ici ro re.' OK. I UF.n i'.TimLT'sSkiM Wliitcucr (~)].;MH lo all my friends." (Si^:it'(i) Harriet ("alloway Know the Joy of a  Light Skin MISS ll. (" -- s (KHsUiMilinu  r.- 1-u.i I. r -li.-  " .-lur 1 ..i;.~:i.      Llii- l. ll,.;     i1:ul. t to.nury ovi r  ln-r I.- uru'.lin:: .i-.im.-. I..-I-   ':- ik- :iml :r..iiiii.li-~'i.oi     -t.i u^f :mv  -n.-.l-sifri. NiUs Callt'VVMV  lill           t'-. 1 Xl-:t) r.-r'^ SLin        il.T Oilith-i.i     k'-t-p  r"%inn lovely! Fur Iil- i. OK.  1'.. fin.  ~~:ily !*i i.ir :i Kiii'-t. wi l V. i" -'"I 'I'" try li.-st Skin Wl.ii.M.t "!        ..!i  Ask' lor OK. FK1-;   [~-i'i Skin .VIiilfn.T Oiiilmi'iil i.~lay.        . i'i-1 :~ii-;ul u - tl. ovi your )j. r k r !    . Tlii.-.    nnr l.MU.     "t.-HV   "i""t"  kl" :.;.lili t.-iil la-a.nv. IL        up  i I.I 1ik-jI t.kin U..     :i \* it" -K*"'^ (till -.iiiii Ti.tk* a. , anj m,tkf ;.ir coin* ti-\      k-K'iioM^ly *. , li^m rni l . H- w lo Ih' ClK. I  f.,lm.T\ll...c               ..           ..l Hal y.mr .IfiiB 'I Generous Frse Trial 1 n..- ni.ii ok. 1' r*ii"    Kiln -d .Vliil'ii.i .t  vi-ii il  Mi will ""I ill .u- V.HII '* :   'l Kfl'lirM ail.1 M U'f !j.t.i.." I.. Ilic.    . IKr!   I AI.MKH l-ABOilAToitlKS. Dfpl. 1   1 A;,   . .:i'</t>
  </si>
  <si>
    <t>                                           Man Who Won-Garnegie Medal For Heroism Tells Story To 'World'                 Itr IjUCICS JONES                 Tall. broad-shouldered, a u  I -.     domineering j form 01 Olin D. Miller  o"t j    hold relief and             n- i  !~irc:     aa         j  i:~lo of        - in ;     own 10  llv   iiv#~ two  m*~n und                 to  in the saving of the lift I of a third white man by thf mat- I i.t :i    - tenth* of a second. "It h:    -nnl . Iwn /.VlfK'k Dip ;          Junt lft.  iV3S".    -  itm!Hy ImiIIi           m:~n c:.n. had lx*n tn-                 Ixtftnt* ~* with carbon ;~it.. Carhon  j you know. 1m a  '-v tax. \    . I bad trt so out ol the room tor a - It  hr.ve been clow to two o clock then and. no , during LlJlr* time, someone either went into j th.* room and dropped a       *~l . or  1   Jum looked ir. and dropped a  or Hcht- j  t match with     door ajar. At j any     \ w(  ,, i got hai:k, I ^t urt ih,. Mituaiion and kiw that I '^r was    *ad.** I Th,.     :   *r v.'^nL *~n. **l ; taxi action would be required to j t*lw .is many ah four li\vs  l^~ lost, a  man      . was in th*~ ;. luit ho l"ft I quit'- .1 while before I left th- j bean room. When r (jot hacK hurri^  the      - j slon. 1        in and  hoth j ti^,* I:. S-'       and John D. j.-  tile thick  i ~.f  . I  hack in t'i Kft John H.          . but he was "lead frr.ni suffocation  K-    ! j 1 i-ot all th^ way Iki'U out". j "\yul you know*  you   'rv* Koini: m r.-ei-Ke a C:~   -i;lf Medal for ih.- .        i.f ?" 1 .~~ked ihf hero.     "                    it,-, hadn't    ;     - ih.\t   - would until n. whit.- invent Ir:i tor came" to th** city th"         :      :     toM him.     *ft when he actually r*~c^ t*^   *~t:i1. Mr. .MiJI*r ?~      !~~~*~*ni!*T IK. 1934.       :"1'JlnK (h^r th.-rha*1 1~**mi an :i\v:tM /~f (l.. "Was          *y award in  or     it to Jx* ^ to certain                 1 M,t*Mru!~*   i* (~*r *:iii.~nal Mirpos'*?** I       *~M in., num. Oh.M   *    -      -~l. "ilw p.mi J ip all tho bills I au-~-~1 an.l tol J nr     * .'uu*'- w.inl.I 1.^i.in  by    -m t.~ h"     M'ioi my           . or ~*~.  ^~   ' I MHVtinmMid in   - :i iuc:t- ion" Mr. Milnr-r live* Anil .(r-~n In .Summ^ :in.l is 4" thin nf ac*. RlIKi:***! of f.hy- j  i.~      :i m:in of m:~r;;~~~l int-llis-n.-.         -     limit'-' trh'~     . .Mi". MilmT r-~-nis :inv bins tti- *~~   -J 4  a"1- (Continued an   (~ 6. Col. 1)                 MAN WHO WON (CaatiaW from      1) nlu. ThL. -.' h Tft to^V. pr;   - ir      ^^.~r^ li;~   :          ~~**:~   ''l v.-ith jn .n-.v:ir*l  ~)   'a..i          -. mon      -ti-~1     .r.~ ."ir I nation :irf.~    .</t>
  </si>
  <si>
    <t>                                           Tall, broad-shouldered, and brown-skianed, the dominering form of Olin D. Miller stood out in hold relief and suggested untold strength as be related his vivid ... of unprecedented bravery in risking his own life to actually save two white men and...</t>
  </si>
  <si>
    <t>                                           TODAY TOMORROW The COMEDY SUCCESSOR to MT HAPPENED ONE NIGHT lie COMEDY SUCCESSOR    IT HAPPENED ONE NIGH with- CLARENCE MUSE TODAY TOMORROW "V *;RED RIDER" No."5</t>
  </si>
  <si>
    <t>                                           Madame Munsella Why despair when  attain your desire? "Wny (Jive, up the things you wish to know ;r yourself and those you are     terested in, though- n*ny miles way? If yon are in  or .in trouble c oa^~5i^ri  busi^~%?J ness, change?. 1=125. "fr jjr.j. V love. ?3K7CE*~jJ!iM ase. divorces, S]~WW3'^V e s t r a     ^ e n t s no Si-l-l-l-l natter what     J_ fj- K may by your 1 \   W ambit ions '~'J l-~tS^?5i @ consult Mme. ffl ^?Ny Si        . Let JJ^ g? this sifted SVfV -'?fx/   . c 1 a i         ===~.$'Si advise you so ie road ox success and happiness. -Yoa have bat    consult her to be convinced sf her remarkable powers. All who are dissatisfied or confronted with any difficulty, trouble or sorrow whatever should -see this ! . Tells when and who you will marry. She gives uaae and dates. No ness work j or questions asked. What she sees j and tells comes true. Sbe sand* alone in her wonderful powers. I She does many cores thru prayers and Divine healing- Tells the ca- J ture asd cause of your sickness, j makes yo= well and happy. E*. i duces :. j Brim thU ad for        5Oc rtu). I i=r. T836 Lalcvwood -A-*e^.-   . ot t StiUmas Street. Thtn .top below I I^     4       *.     for tit* on electric slab*.      : 10 A. I M. to 8 P. M. SbjkUti 10 A. M. 3 P. M r.</t>
  </si>
  <si>
    <t>                                           PLAYS ORIENTAL ROLE                 Ckorge Raft in the featured role of Paramount'* ^ of London's famous Chinatown, "Limchouse Brats." has lovely Anna May Wong, noted Chinese           :-r Parker in  feminine roles.</t>
  </si>
  <si>
    <t>                                           RHN TAX I                 -Cay Jokephlnr Baker figured in the Leadlines of European papers I again ibis week. v.hrn xs tbr rr-~ salt of her  aca nst the law. Eelrlum   3 tax' a.' \- performers who, enter      .</t>
  </si>
  <si>
    <t>                                           PERSONALS                 Itosion VKiiur                 Mrs. MasMU- Davis. 135 I*-      *;i. S. W\.       us    :st. htr J neice. Mr--. benjamin A. of Boston. Ma.. Mrs. Lw was for- rni-rly Mi-~ CSiartJe Mac        . of thin city. Hvr atay will *oc In- i         .  City I Mitfii Dora Uptfhaw. Uautchter of Mrs. Mascl- . 521 n-e      . S. V.*..      for Wa*,ion. D. C. laxt w^rk for an   tuy. On    -fc l.h-t Mr. Albvrt Morse. 401 GrKfin  N. W..- is - to- -M* - with ii'.. Ilia many  wish for Mai a  recovery. Mrs. Dunn Iroprovinc Mrx. Emma LKinn. M. A. of Atl:inta Caraii No. r;o. who hat '-ii emir.-.! 10 h-r .1   -r       . is .      friends     ; forward to her   iM.ily . Jtrs. Knmw L. WUson. r-      . I Former           In City VWUnc 5Ir. :~nj Mrs. C. II. H.-nd-;;. I US Chrt::::ut ;   .-  . s. \V.. haw a".        -f ^     . Mr. Au:     -~                 Kii.'vid). ,,f .  ;i,. Tfim. Mr. ShioUs was f..i-In.-r!y,   .-.  ! I  til-.- Frank K. Itlook con:-': r-sny or tin.. cit5- an,~ is now af. j ;.M with     M'-       World i at M-. HK will return iu j JI'::    !s Monday u!~lu. I</t>
  </si>
  <si>
    <t>                                           Market Data \vi:    :s;~\y. m.\i:. is. inr.r. Total   *w Yfirii       . r.       :  ' TraiwacUtmH l.*' LToUi!       York t. ^  '    -.j sj.mw.q"     1      Vurk stuck K\       '      .yak s X .xl.'..iic1' ^2</t>
  </si>
  <si>
    <t>                                           You'll Look    ?rtr; In  Eeja'-LooKn? Slasses Per.' F. Come tc Doclstttscr'i for      uv        and yoik*. can be aur^ d{  ^ran*~~       l 'l  i    . _   ^   arc    -ur*  ,, Special, f  . j t  to    :      in CHICKEN '  '    Salad*, Ti--~V and D:~~~rf 35c r FRIED OYSTERS    \ S.-lad. Twit and DrinW 2Sc ECONOMY DEUfATES^N 352. Auburn Avc.</t>
  </si>
  <si>
    <t>                                           CHICACO. Mar. 12--Frank A. Young of the Gall advises how to forestall funny" games of any description. He says that when the New York Renaissance and the Celtics came to ... City recenty to stage one of their current championship games." the newspaper ... and others in authority, called managers of both teams together and ordered them to play BASKETBALL and no "Za zu zai," as Kansas City fans wouldn't stand for any indifferent playing that they wouldn't stand for any...</t>
  </si>
  <si>
    <t>                                           S. S. Attendances Are Hit by Rain                 Sunday School attendances last Sunday took a downward plunge, way, way down in some cases, and only slightly in others, according to data compiled by officials of the Atlanta Sunday School Association for the past two Sundays. This drop, the officials state, was due largely to the rainy weather and they are really elated over the fact that j the loss was so slight in many instances as to lead them i to believe tha$_h.?d. been fair that there would have been a continuation of the recent  increases in attendances. Sunday School March 11 March Wheat Street Baptist Church 398 400 Mt Zion Baptist Church 386 476 West Hunter St Baptist Church 385 417 Big Bethel AME Church 275 289 Allen Temple AME Church 273 405 Bethlehem Church of God 180 200 ML Olive Baptist Church 175 239 Warren Memorial ME Church L. 156 186 Reid Street Baptist Church 155 144 Liberty Baptist Church 123 Antioch Baptist Church (Gray St.) 121 128 First Congregational Church 118 122. Second Seventh Day Adventist 107 ^'                    ^^.^Tit.:.:'.r ids' 125 Thankful Baptist Church (Decatur).... 101 100 Flippers Teinple AME Church 100 140 Travellers Rest Baptist Church 100 96 Central ME Church 95 130 Bethlehem Baptist Church 95 (no report) Fortress Avenue Baptst Church 87 (no report) St Paul AME Church 82 144 Providence Baptist Church 76 78 Union Baptist Church 76 (no report) Little Friendship Baptist Church 42 (no report)</t>
  </si>
  <si>
    <t>                                           BMB^S^BBSmM ONLY NEGRO DAiLY NEWSPAPER IN TfeLE WORlQ ^^^^^g^^^*~ VOLUME 7. NUMBER 315 ATLANTA. GA., WEDNESDAY, JANUARY 9, 1935 PRICE FIVE CENTS</t>
  </si>
  <si>
    <t>                                           Horses Still Have Use in World                 Rubber       und       ~-v*-~' tlic I :*~r o-i milL .                 .n't          endowed with an uncanny . The prediction of the wise m-n of :i qui.rt-r           j    ..-.- soon would be -d by .il.-.; ha.~ .-hot far  from its mark. Official- of the- American Soi-i-ty for the Prevention of i        to Animals in     York City Imvv com..- to the   that in at  two .'' the  never will replace th* hor.-o. Those arc in  a milk wagon and for Middle purposes. The uic of rubber      .~   ?~- for  j -i nnd  wheel* for their wagon*, a move to  the noise of milk deliver;*? in  . mako' tli-  Htill more -  for that work. Saddle hor.-cs will remain  ot     j  of         they pve their riders. t                 thh</t>
  </si>
  <si>
    <t>                                           Kappa Alpha Psi! Alumni to Meet This Evening                 i          of ibc Atlanta Aliimui chapter of th* Kapto Alpha V*\ i fraternity will bar* an - line meeting  at the resi- Idewv of I. II. 'Ike* Kins. 33" Newport street. N. W., m-ar Simp. !~on ami Cbexrnut . Itrpons from tbc natL.nat m^ct.  ine  f tb- fraternity,  M-        in New York City        Cbrwtma.i ^M ami , of     new  dM4  wiU be           *y Pr.*. A. B. WrlsbX. of Clark . I ~*Piv**~  1- the. .local  i chapter at tlw nv^imr  ~:      Hjrrrwon. Eitorartbt.            of     Ti chapter at MorebAOW       .trbo al-m -d tbc  0~... A sni-itil  will   the .         : to A Wai t*r" CliiliLs  .r ra.tn. j her, who k wnt- of the .</t>
  </si>
  <si>
    <t>                                           In Memoriam                 In loving: memory of our darling husband 'and father, Mr. Clyde R. Cullens, -a ho departed, this life two years ago , March 9, 1933. Nothinjr but memory as    journey on. Longing for a. smile from a loved one cone. None know the depths of our deep regret Mrs. Fannie Bell Cullens. wife Clyde Willis and Herman Cullens, sons. Card of Thanks Mr. and Mrs. David Reese and family wish to thank their many friends for the use of their ears and florals during the illness and death of their daughter and sister. Mr. 'and Mrs. David Kcesc, Mis* Mamie Reese, sister,      Ellen Reew, sister. Mr. David Ressc, Jr.. brother. A TRIBUTE TO NARCISSUS BY HER BROTHER. DAVE My Beloved sister  iied Feb. 10th at 12: IS A .M. I will not see her any more until J have passed into another world. I hope and pray that wms day I will meet her. I will never be      to hold her l in my arms again. My dear? sister whom I so dearly loved.'' Although she has passed into another world brighter  this.. she will always ,    fresh in my memory.</t>
  </si>
  <si>
    <t>                                           LUCKY HAND JUppr Horn*. Im        .        TroaMw. Eajor VUm N*      .Alexander's Psycho Aid 0             XIX W. Unfc  C         . X. X. BACKACHE Flsih Kidneys of Waste Matter. Poteona and Add and Step Gettiiic Up Nitfata When your kidneys are dotted acd your bladder is irritated and passage scanty and often smarts and burns. 70a need Gold Medal HaarUin OH Capsules, a fine harmless stimulant and diuretic that always works and costs but 35 cents at any modern drug store. It's one   ?d. *a3r to P"*  activity into kidneys and bladder- you ll sleep sound the whole night thru. But be sure and get GOLD ^-right from Haarlem in Holland- yon are assured of results. Other symptoms of weak kidneys and irritated bladder are backache, puffy eyes, leg cramps, moist palms,  or. scanty passage.</t>
  </si>
  <si>
    <t>                                           Registration In Janitor's Class Ends Tomorrow                 A number of registrants are expected  lii the free Janlto* Training Course In the care and upkeep of buildings which Is being  for the third time by the Atlanta Urban League. I                 This course, which the league is offering to all Interested citizens Is being staged  the co- cf the Janitors, I/~alds, Porters, and Elevator Operators Association. It Is designed to help   In this kind of work    their work and latest improved methods. The classes, which will be held from March 20     May eighth, will open Wednesday evening a'. 7:3n nt the Auburn Avenue branch ol the Carnegie library corner Auburn and Hilliard. The classes will meet every Wednesday; evening and registration will: be free; of charge.. At  he  of the course, certificates will be'- given to those who successfully complete (lie   s program. i.Tlic subjects this year have been so arranged (hat those who have taken the work during the W6 proceeding years will be. benefited. Registrations may be made today and tomorrow from nine o clock In the . until six o clock nt night In tho. Urban League office. Room SHH'Odd Fellows f.((. All  tn take the course ore  to rePort immediately; Unemployed persons are invited to Join these free classes.</t>
  </si>
  <si>
    <t>                                           A number of registrants are expected today in the free Janitor Training Course in the care and upkeep of buildings which is being offered for the third time by the Atlanta Urban League.</t>
  </si>
  <si>
    <t>                                           PART OF THE RIPTIDE                 I Skeets Gallagher. Robert Montgomery and Norma Shear- cr are shown experiencing part of the "Riptide" in the film i of the same  which is playing at Bailey's New Ashby theatre Sunday. Monday and Tuesdav.</t>
  </si>
  <si>
    <t>                                           THE Morehouse basketball team has won two games in a row to jump smack back into the Conference ... department. Morehouse's second win a a row marked Talladega's fourth walloping in the same order. Yesterday afternoon before a typical student body audience the Maroon boys suceeded in again worsting the Talladega team by the decisive score of 29 to 22.</t>
  </si>
  <si>
    <t>                                           Morris Brown At 50 In the silence of our yesterday, A mighty dream was bom. Its heights were destined to be realized. And from the hearts it could not be torn.Difficulties made it seem impossible; In the past of dark and fear. But today we stand unshaken, "And challenged to that prize, as we draw near. To you. creator of sons. Grant us the right to study- and plan. That in the coming years of grace Through you we may be a better man. May you never fail or .falter. From the path that has led you here. And we in humble honor, we bow. .To you. Alma Mater, for your, fifty years. Dorothy Cobb.</t>
  </si>
  <si>
    <t>                                           Crackers Box Score KnoxviJU *b r h po a e Klutz, 3b 4 0 0 12 2 Kun*, rf 5 10 4 0 0 Stebbint, lb 4 0 2 9 0 0 Blair, 2b 3 0 2 1 3 1 Maxwell, cf 3 0 0 10 0 Head, c 4U14OO Novnlt, ,s 2 0 1 2 2 0 .er 10 0 0 0 0  1 0 0 0 Totali 33 i 8 24 io 4  for Novak in 9lli  f,.r Hanlou in 9il, Atlanta ab r h po a c l.      'b, 2U -10 2 3 3 1 Moore, 3b 5 0 1 10 4 1 Taylor, II, 5 0 0 112 0 Harri., ,.f -1112 0 0'     , cf 4 2 2-400 Ea., If 4 1 J 0 1 0 Palmiauno. c .-41.1200 Chatham, ax 4 2 2 3 2 0 KMley, p 4 12 12 0' Totali 38 8 12 27 14 2 Knoxville 000 000 010 1 Atlanta 000 014 03x- 8 Runt batted  n: Lipsconib. Eai. , , Clialliaui 2. Blair. Oana, K^loy, Mooip;      hit s, Lipicovnb. Harril. Palmiiano, Kcllry, Monrr; home  un.,   ; .aa.(:  , Blair, Mnxwell; double , Lipicoitib to Taylor,' Klu*( to Blair to Stebbim; loft on . Knoxville 1C  7; bait, on- balti. off Hanlon 1, Kcltty 3; atruck out, I by Hanlon 3, KelUy 2. Umpire., Bond and    ,     Tinie u( came I:3S. a.</t>
  </si>
  <si>
    <t>                                           EDGEWOOD i MARKET i ZS8 EDGEWOOD AVE. I j Sausage Ib.5c j Cloth Bat Sugar 5 ibs/ISc 1 Potatoes 5 lbs. 8c I Smoke Links. .ib.lOc Fancy Bcrf or Veal Roast. 1b. 10c Sweet [Potatoes. 5</t>
  </si>
  <si>
    <t>                                           TIM TYLER S LUCK                 By Sullivan                 MESCAL IKE                 By Huntley                 FELIX, THE CAT                 By Lym</t>
  </si>
  <si>
    <t>                                           Lt., Lawrence Oxley, Negro labor representative in Washington, has been invited to come to Chattanooga to study the labor situation in the T. V. A. Mr. Oxley is planning a trip into the Valley in the near future, at which time he aims to visit the local Builders...</t>
  </si>
  <si>
    <t>                                           Of the sixth ward will meet the second Sunday evening at 4:30 at the home of Mrs. Callaway on Williams street. All members are ... to be present. Visitors are welcome.</t>
  </si>
  <si>
    <t>                                           ST. LOTUS. Mo., Jan.--(ANP)--The Sigma Gamma Rho Sorority, founded in 1922 at Butler University ... Indiana, and the youngest collegiate sorority, held its 9th annual boule here December 27-29 at the Phyllis Wheatley Y. W. C. A.</t>
  </si>
  <si>
    <t>                                           For Backache, Kidney And Bladder Trouble Stop Getting Up Nights Here's one good way to flash harmful waste from kidneys and  bladder' irritation that often causes scanty, burning and smarttag passage. -Ask your- druggist for a 35- box of GokLMedal Haarlem Oil Capsules- a .splendid late and harmless diuretic and stimulant for weak kidneys and Irritated bladder. Besides, getting up . some symptoms of  trouble are. backaches, puffy eyes, leg ex amps, and moist palms, but be sure to get GOLD MEDAL- if s the genome medicine for weak kidneys- right .fram^Haarlem Jn Holland. YOUR tUCKY. NUMBER  Dtriaed *ec*4htg    yomi  "the ancient and    A KabaUsm and SmmonlooISHMAEL, the MIGHTY Master at' Ux Mysteries the Occalt will V^   an  of all dreams in .lumber* of  . I W BE A WINNER S5 ' . Send .only one j dollar. Tor the latest Ftve-ln-One Dream Book together with your FULL name and address. Or if you prefer. ISHMAEL will lend the Dream Book and your Number     . and on arrival you will pay the postman^. Jl-00 plus postage.. ISHMAEL does. not want a nickel' of your money until you have received the mysterious ^Master-Key Book and" your own Individually divined. Number, , sends (his 'great book with a genuine Money-Back Guarantee WRITE ISHMAEL. DEPT. I20P. GEN P DEPT. 55T. N.Y.C.  DONT TELL YOUR. BANKER</t>
  </si>
  <si>
    <t>                                           As per an article written by Rev. Tascherau Arnold appearing in the Atlanta World, Thursday,(January 31, 1935, at the end of the article was mentioned the carious donors, and inasmuch as some of the firms were mentioned as to the articles donated, we...</t>
  </si>
  <si>
    <t>                                           fi/^. ^^T. j I  *       to j  y*m  an  tfc*   fDr.      ^ad^M. Saffercn {tarn    4*     I          .          ,BMkwfa^ I , Tffw.n,..M.,~ r^w^k^Vearitb, Bbscular Pmfaxi, Peziadfcr Ites.   tbey ]   taed Dr. Ides          PBb  -        tbst % hmi    i 1 Coautlaa Anadca Ti r i_       would so mote M**  house   IX I KHai Anti-Pain Fffia    cr 5-                      - I -^ needles, ^. I     - .</t>
  </si>
  <si>
    <t>                                           i **i ""V i"* i if m^y Jx^^ The Voice Of Spring I'M ' 'roun' the mc:nl"w where the sparklin'  lew (Imp- twinkle An' lii^h an' wide an' 1i:iih1       sweet the richest r-reen I : Marchin* with the Marchtidv. in her ' blisses. BrinRin' thru :he cloud-lines a half a million kisses. I'm ' home the      .hes an' that ' . That warm* the chilly bn- an* lets the sunrays thru vou The little grass nest I'm han^in* on the gray sleeves of the maple, An' every note that s soundin' is a hymn about the April. The fragrant apple blossoms all below, aroun*~an' 'bove you. Are tryin' in vain my sweetie to tell how much I love you: Marchin*  the March-tide, Brtnein'  the  lines a half million kisses.</t>
  </si>
  <si>
    <t>                                           S. S. Attendances Held Down by Rain                 J The heavy rain of Easter Sunday morning had quite a bad j i feet upon the attendances :it the local Sunday schools, according iu Smiduy   attendance figures compiled by of t ici;i!~ nt t!ie Atlanta Sunday school association, although many of the I ;c!.OmIm reported a failing off in attendance despite the fact that I it was Easier Sunday. j L'ndnpuiod top position was held by the Mt. Zion Baptist e.H'rcli. j Attendance* for the past two Sundays arc: SUNDAY SCHOOL. APR. 21 APR. H Mi. Ziou Baptist church 401 No report! Mt. Olive Baptir-l elit:reh .328 189 heat St. Baptist church 328 Xu repon '~     Hunter St. Baptist church 256 12'; Osnii'jiolitaii AM E church 223 165 j St. Paul AMI-", church 20.5 121 j Warren Memorial M. E. church 200 No Report i South Atlanta M. E. church 170 98 j       Si. Baptist  155 1 06 I Second Seven Days Adveutist church 152 175; Flipper Temple AMIi church 143 100 j Friendship Baptist church 138 168 j Ijftlilclicm Baptist church 133 report1. Zion Hill Baptist church 130 140: i-irst 'Congregational church 126 122' Gntral M. E. church 112 115 Travelers Rest Baptist church 105 100 Thankful Baptist church (Dccatur) 103 114 Mf. Pleasant Bapt. church (McGruder St.).. 103 59 r. Baptist (         ) 9C 69  Providence Baptist church (S. Atlanta) 89 64 I f-' Avenue Baptist church ..82 62 Little Friendship Baptist church 80 52  Temple CME church 67 Xo report 1' Grove Baptist church 54 4.} j Providence Baptist church 42 57 j St. John AME church 37 37                 Spelrnan-M'house Chorus Scores Hit                 The Spcltuan-Murehouse chorus i under thu direction of Professor Kemper Marrcld, assisted by Wil- i lis Laurence James sanK a pro- sram of sacred music at the Eas- tcr Sunday vesper .service at tho Ololnn .Memorial Cliuruh Emory University. One of the largest fui]?    ;ons over lo gather ,,i  i- h'.ard the Imprcssivu I'l- of Easter spirituals and ssii-rotl classic . Tile soloists on Hie          were Mrs. Na' iiia Willliiiius Maisc. sopran--'; j Miss Louise S-'. : .       Reynolds, b.-; auri Drew Da\s. . Tile  of sixty voices offered as their part of the pro- grain the . -Were You i  When They Crucified Mv I I.. "Swim,- Low. Chariot." "Don't I3c Weary Tr.-u-- elor," "King Jesus is a Listening" I and "He Arose," nnd the . "Bye and Bye." in contras-t i..~ this folk music, the chorus sun'-" the finale or .Mendelssohn's "Him:-! My Prayer" with Mrs. .Mais,. lls                 the soloist. i tEach of the college glee clubs I and  took part In tho program. The Spclman group sang ~'Demo Paid My Vow to th'; Ujnl" (Dett) and the Morehouae j singers Mary" John Works. Jr.-. Tile Morehouse quartet con- I  U another spiritual. "Jesus Walked This Lonesome Valley" and tho Spclman four, Dett's  of "       ']y's Knoekine: at Your Door." EXHIBIT AUT PRODUCTIONS' OF TltKEK  ARTISTS NEW YORK- (AiVPi- A private showing of the productions of the! late Malvin Gray Johnioii. Rich-, mond Barthe and SargciH Johnson,, was held  Monday. April 22. at llic Delphic Studios. 724 Filth Avenue. Paintings of Johnson, were done in the rural south prior to his death in 1D34. The Sculpt-~:-3 of Richmond Barthe and Sargent Johnson won Harmon Foundation \.                 Y Drive Leaders j To Meet Tonight i                 Thi- Division.. I l.n. of- A and \i win Nr,i ihc YMiA Campaign ll-.-;i'l.~ii: Uniiglit ill 7:.-,a y.\ic,\ Tim.; t"    .;  Captains ouch select  six A'orkcrs. There will be present at      iiu- II) Caiitalns. six Divlsiuiiiil l..f, three Uener.-il Ch. ;i m.l ~:           'i:mon. Time      great element  :niii_ tlie Uenerul Clinirnmn o.\            man in the j Campaign Ileiidiiuiirtcrs  8.00 il. I The i;     :il Cl'airnian led Hie  vay Moiid;   the first report  of tho Advance Comlillllue in     ,u and lie Has  by his two Associate General Chairmen, the President of the Hoard of Directors and Dr. C. L. Hife'htowor ot the committee. The Commniittee will meet promptly at 12:00 noon today Tor the second report. The spirit s rustling  agu.  ipe                 that .-i real campaign is on ro153.'..</t>
  </si>
  <si>
    <t>                                           Bandit Suspect is Seriously Shot                 Shot in the back, the slug lodging tn his lump. 17- old Robert 1 Walker, of 542 Hope street, was  to Grady hospital In a  condition late Saturday .                 Though Walker claimed that lie I bad been shot by another man in I                 an argument over money, detectives last  were attempting to ecu- nect him as the youthful . who was wounded by C. D DlMncer. white . in an        ed holdup of his store at CC3 Rock- I wen street.  reported to police thu  answering the Ceserlptlor of Walker walked In Us store shortly after nine o clock and asked toe price or apples and then walked out to return a few minutes later. Re- the store, the  OUllnger said whipped out a blu steele pistol, tut was too s!ow .-n (Continned on Paje 8: Col. 6)                 Bandit Suspect 'l. froin     - the "draw- lor DUUnger bad already sensed tbe holdup, and bad reached' for bis gun. The'bandit was ' in the back *s lie turned to flee out the store, the  said. Young Walker was brought to Grady .al by Theodore R. Baynes, of 80S Hobson street, who told police that Sc lather of the Wounded youth had appealed to him for aid, declaring that bis boy had been stabbed. Crady surgeons were preparing to  an openCon in on effort to remove tbe slug last -l. bat held little hope for the youth s recovery. I Wounded in the leg by a slug i fired from a police con- Lee Brown. I 20 of 237 BUUacd street, alter receiving treatment at Grady bos- pUal early Saturday morning was I transferred to police headquarters. where he is being odd, on suspicion. I According to police reports. Brown was spotted ty Radio patrolmen Z T- Payne and H. L. Sexton standing in the doorway ot groc ty store at 399 Connally street. When the  flashed their lights on .him, they said. Brown broke and no.  behind several bandies of turnip greens, but carrying with him an axe which he                 had used to break Into the stow. .Afwr.aa.-eic}-lng chase. -palter ft-1*.* they cornered the1 youth', fit     rear of 355 KeUy street, only to have ~~'"i turn on them and  axe In the direction of OfficePayne, narrowly missing his head. ?ayne opened fire, wounding; Brown one' time In the right leg. Tile wound was not serious. Grady records revealed. Description of two men who grabbed and held her as she was passing Hunt street and North avenue, were furnished police by Mis. SaiBe Hunter, of 820 Coleman street, , Saturday night. The pair obtained $8. her week* wages, the woman said. While visiting at the home or Mrs. Gladys Greene at 24$ Kills street, Joe Greene, of .211 Ellis street, northeast was robbed or $21 by Alpbonzo Green, of 116 Bell street, the victim. Greene reported to police Saturday. None of the Greenes In tBc case are realted police were told. Three were being held at police headquarters for investigation Saturday after Radio patrolmen Burke and Elliott had raided the basement apartment at 170 Walker street, and recovered a quantity . believed to hare been stole*. Those under arrest gave their names as George Purdue, 43. of 179 Walker street, basemen:; State Wfciteslde. 19, of 515 Collier street and Johnnie Walker. 22, of aa unknown address. According to polic . the officers entered the basement to find Purdue holding a quart bottle or whiskey to his hand; Whiteside with  and several packages of cigarettes in his lap., and Walker counting out $6 In Dickies and  Jo In pennies. Purdue told police that      other two suspects had come to bis house la an. effort to sell bun the seized goods. AH three  were unable to tell how they came in possession of the articles. Art unknown burglar who "S^d a past key to enter the residence of Arthur Mayfield at 321 Tenth street, northeast, rear, while Mayfield was at work, obtained more      tso worth of women s wearing apparel, he told</t>
  </si>
  <si>
    <t>                                           Shot in the back, the slug lodging in his lungs. 17-year old Robert walker, of 542 Hope street, was admitted to Grady hospital in a critical condition late Saturday night.</t>
  </si>
  <si>
    <t>                                           PLAYING LAST TIMES TODAY Bailey's ASHBY TSaeafcrc  j^^K^~ ~*'^j3       BHOS.- ROVAl 8LUSH1 *^5he Stole the Kin^ from His Queen" STARTING TOMORROW SSS,^ FUGITIVE LOVERS" BASSET S SI." 1     l^^feSS^W^ff DAMON' -RUNYON S j ^^S^V^ MR      for thfi day ond hope $~ ^S^ r W tho n'9h' 'olle core ot M.. HELEN MACK ;^jfe ~-*j5?   '^Si^B BABY    ~^      :5i - last times today ETHEL 'WATERS ? ftF I**"!!'' BEALE ST. BOYS Uf UAb</t>
  </si>
  <si>
    <t>                                           Mr.J.C. Coley, president of the Atlanta Sunday School Association and a compiler of Sunday school attendances for the Atlanta Daily WORLD says that Sunday School attendance has been below normal due to the holidays but declares that the attendances will pickup...</t>
  </si>
  <si>
    <t>                                           j NOTICE j For your Atlanta. Daily World in the Druid HitU Section,        *r Snipe, De* 4424,  nd your paper will be  cd immediately.</t>
  </si>
  <si>
    <t>                                           ~'h;i;~     I and 'J -UiST JL  SUNI AV Gary         in</t>
  </si>
  <si>
    <t>                                           The Southwestern Conference was blesse with plenty of outstanding players especially backfield men, who stood out with the best there was anywhere.</t>
  </si>
  <si>
    <t>                                           DR. T. Y. YOUNG \f Jj MESSAGE TO THE SUFFERERS U" -        You need not be  about your i. Sr8!1*-  UP: There is  lor you. "~fe Taa is the one reliable. }.: r-jfc % DOCTOR T. Y. YOUNG -TmT' 1 *'"-'1      famous and harmless b?rbs     g\ ^^^J^' roots, treatment); which have been used for KB^^LjBBk centuries, and are highly recommended tor any trouble or the system, such as of the Dtaesie Arate or l*: Faint, Typhos Fever. Catrrbal Malaria. MllUri*. Nenralria, , ITeiniplccU. BroncbU90STOS . Influau* and CactroeaierltKhe Influenza. TM Lunw Stomach, Hi-art. Wver. KJdaeya, Y TOniM?       . Kheumatlsm. Catarrh, WeakI I 5 ncM% Ntrvonroe*". Bladder Tremble, Conrtlpatlon. Appfndlcltb. Skin "'"Tin nod FAMOUS Krmxle Trouble. To those whom It may concern, call at once. Don't give up hope, it others     HERB The result  to all who try tt. Our medicines will euro many.   .,t con,. . Male or female, call or write. We SPECIALIST  cn(1 "me herb medicines tor your case. Z5 IliARS 1-: Kdrewood Atp.  WAlnal tin in ATLANTA      Honrs^S'jt'to I9 r. m.         Boon- 1 A. M. *r 3 r.- Bt'-    1 P. M. to 10  p. M.</t>
  </si>
  <si>
    <t>                                           ST. LOUIS DEBUTANTE                 rn.v\ri-:V .                 Frances Randall. young .     prewired In a recital by Cnlon Memorial M. E. chore".1 Sc Loal*. Ma. Friday night. Jau-i  4th. Mil* Randall'* appeal anew was  io a!   aUn back          ! sown with a   of  at her . Before a mixed !       Randa I  with bcr   o*cc as a cumins *      rx-l  breath  ami  quality. Her   i or       In EnclWi. French an*: Crrman    wHI    SplrKnal:.' TIh- m-iic In ITtim-Ii   to.                 Fmtii           by Ml* Kantian uhI ber IwlcnvcuitJon of the             9  . *n  ..Ik- oos "At         ."' ML- Randnll     ably * at (he (Hono by    . Walter      ford. Mt-o JcaniKtte Irrtas  l*o  lo I he               ! In. ^. At tbc  of the m-Jial      Sandal   Ml--  with a            *~f Antrvirnu Brontj     . Ml^ Kamlall h tt    iil of1 Mh- I..- Kiwnr. site "'B  M. Lout. Oie    4 of January fur            . X. C. where    ^ will         si BeaDCIt CIK-sr. i</t>
  </si>
  <si>
    <t>                                           JA. 7199 Thomas' Service (Standard Products) _W. D. THOMAS. Jr. Prop. Aletniting Simonizing Washing Greasing    offer you alway both tour  aad prompt . WEST HUNTER AT JEPTHA</t>
  </si>
  <si>
    <t>                                           FERA Recreational Center Doings</t>
  </si>
  <si>
    <t>                                           MADAM MINGY! THE WOMAN WHO KNOWS Palmist and Ufe "T*^.    - pan. promt -aBO-. PEK31AJ-EN13 X  GWee * an an       oil     , Lore, Maniaga ad SpecalMJonm * all kind*. Oont Ull 9ri^ te we (Us   hhB . Point* tbe^U^j way of ail * MPit' and  yc. hew \fiU$; I . Madaat Minn 1 taaa helped  aad c*el eaa help . I TELL8  DATg AND SKOAL  SCc Ifcka Federal Mm car te eaa Leer*  i  Guruteei ^8  UcDonensb Road      Boats A. K. to P. x       Mtety Make. Borne CaHa la Tot,</t>
  </si>
  <si>
    <t>                                           INDICT MADDOX AS SCOTT KILLER                 FOUNDER OF X WAS SHOT IN BACK                 Grand Jury Hears Startling New Evidence In Case; Votes True Bill                 ALLEGED SLAYER AT LARGE                 Coming almost a year after W. A. Scott, 31-year-old founder of the ATLANTA DAILY WORLD and Scott Newspaper Syndicate, was brutally shot in the back, the Fulton grand jury after listening to a  of witnesses Monday morning, returned a tmc bill formally charging George Maddox, Jr., 28-year-old scion of a well known Georgia family, with one cf the most hein-' '.~us and  slayings in the state s history.                 The indictment was returned after startling and newly  f\  was brought before the grand jury. ^ i'~r     ? first time in the January term of court. Hardly had the true bill been voted, when Superior .Imigr H. H'.v.anl issued     :h warrant for Young Mad'lox's :~rr-.-   M. -.vas nabbed  s h? was stepping off a Southern i rain. :   n -inspect,  year, only to be freed after one of :ho -st coroner s in  jn Georgia history- He is s.ii.1 t.. \w residing in ~*        with hin . a clerk in a (Continued on Pact 'Z. Cob. A and S)                 WAS MURDERED!                 MTT I Vmn: IIiIMx' l Ik- MIaui* Iwllj \    1il  n.l     Vro^ S)              ' muni"*""      Jniwmr)     -~~.~I            *MllM ~*f ~**         * JW4     ll       4       m*    t Jnanwllxii Mjrll- I lit-   -UuM ro^*!" tnn.                 THE SCOTT MURDER (Continued from Page 1) Chicago hotel. The indictment came as a distinct surprise to Atlantans, many of whom had just about come to the conclusion that the case was closed. But insistence on the part of both white and colored business friends of the late publisher, together with a clever piece of  on the part of attaches of Attorney Reuben Garland's office, brought the case to the limelight again, and pointed all evidence toward the original suspect in the case. When arrested last year Maddox through the testimony of two witnesses, one a former sweetheart, set up an alibi that he was at a Cain Street address with his sweetheart-witness, at the time Mr. Scott was fired upon. The shadow of suspicion was first thrown toward Young Maddox when his sudden appearance in Atlanta after an absence of two years and his hurried departure the day following the slaying, went unexplained. Though vehemently denying to detectives that he had ever visited even the West Side on the night Mr. Scott was shot down as he was coming out of the garage in the rear i of his home quiet investigation later resulted in the dis- i covery of several witnesses who placed the  suspect within a short distance of 181 Ashby street, Northwest, J Mr. Scott's residence. Appearing before the grand jury Monday were six witnesses to a death-bed statement made by tha slain publisher in which he positively named the indicted suspect as the gunman who had opened fire on him with a .45 calibre automatic, wounding him in the right hip, the bullet ranging upwards and making its exit r.ear the navel. Other witnesses appearing before the grand jury were Homicide Detectives Woodruff and Hilderbrand, who first conducted an investigation of the case, besides several others to whom Maddox had made incriminating statements shortly after the shooting. It was brought out clearly to the Fulton indicting body that Mr. Scott made no outcry at the time he was shot, from which a logical deduction was drawn that he recognized his slayer and thinking that he would recover, desired to shield him. But when death was certa in, Mr. Scott in answer to a point-blank question propounded by C. A. Scott, his brother, who is now general manager of the Scott newspaper chain, the late youthful publisher named his slayer, and that name was given to the grand jury as George Maddox, Jr. Bringing out the motive in the case, several state s witnesses signed affidavits in which they cited instances of the Maddox family s hostility toward Mr. Scott, before and after his secret marriage to 25-year old Agnes Maddox, then a school teacher at David T Howard school. Witnesses told of a letter written to her daughter who was in Cuba on a honeymoon by Mrs. Bessie Maddox, mother of the indicted suspect, in which she used bitter invective language in denouncing her prominent son-in-law. An added motive was what the state will contend when .the case comes to trial, the conspiracy of the Maddox family to acquire possession of the ATLANTA DAILY WORLD and the allied member papers of the far-flung Scott newspaper SyndicateThough they did not appear before thc_ ; jury Monday morning, Attorney Garland, who has been  ed by friends of the late publisher to assist in the  tion of the case, revealed that he has affidavits signed by more than six witnesses who will "break down" Maddox's boasted air-tight alibi.</t>
  </si>
  <si>
    <t>                                           Coming almost a year after W. A. Scott, 31-year-old founder of the ATLANTA DAILY WORLD and Scott Newspaper Syndicate, was brutally shot in the back, the Fulton grand jury after listening to a string of witnesses Monday morning, returned a true bill formally charging George Maddox, Jr., 23-year-old scion of a well known Georgia family, with one of the most heinous and tragic slayings in the state's history.</t>
  </si>
  <si>
    <t>                                           CHEST COLDS Rub on Mustcrole. Used j by millions for 25 years, j NOT just a salve, but a "counter-irritant. AU druggists.Thrce strength*.</t>
  </si>
  <si>
    <t>                                           ATL1\NIc^ O*.~v OAlUr MIWSpBfiK.  N THE WOH.LD         AUGUST S. 09   BT W. A. SCOTT C A.  General Manaret J. R.  Ass* General Mincer K. N. DA\1s THituftny Editor Pablbtaed Daily and Monday at S10 Auburn Avenue, K. X. By *COTT . 8 Telephones: Walnnt 1459 and 1460 MEMBER OK THE ASSOCIATED    AUDIT BUREAU OF CIRCULATIONS SUBSCRIPTION- KATES DAILY:-1 Tr.  iS: 6 Mos. $4.~: J Mo.. J2J0; 1 Ho. N. 6D. ONLY:- 1 Yr. S3.60; 6 Mos. $1.30: 3 Mos. $1.00; Canada: 1 Yr KSk 6 Km S2-tJ: Foreign: 1 Yr. Si-SO; 6 Moc S3.TS. XAT1O.\               EEPKESEVTATn'E: W. B. 21FF CO, Chicago. HI., and Xew York. X. T. Bnteted mi  class matter at the post office  t Atlanta. Ga. under the Act of Match 3. 1879.</t>
  </si>
  <si>
    <t>                                           The services at this church on last sunday were interesting indeed, Miss Mattie Walker read an interesting paper on, a "program rendered during the Sunday school hour by the Sunday School. At the morning services, Rev. T. R. Bullock preached from the subject...</t>
  </si>
  <si>
    <t>                                           i THE NEW EDGEWOOD MARKET i 258 Edgvweod Arc. S LB. CLOTH BAG SUGAR 25c i FANCY PORK STEAK, lb. 15c GUARANTEED FLOUR, 24 lbs. 98c MILK,  jt. 5c I SAUSAGE, lb. 5c 'NEXT TO HARRIS .</t>
  </si>
  <si>
    <t>                                           Phi Beta Sigma Group Boosts Business                 Chi -r'.if   ,o   ,i Slgnui . in ;io--    ' uv I with    : Ji:Hi"ii."l iiro^r.iui of Muit croup, spons' 'red its pi ti^r.- -)f I  :~nd bi Uor I.i situs^ f'.-t Nortoos in die -MnrvliiuiSi;  * chape! at 111:10 u c icl; this . A similar   :   i;rain will                 present rd Unnorrow ni"i ; :it the sum.- Hun?. Today's pru^tam will  script, ut-t: read i tit:,   ;v. W. If. Shealey ins'. I'D  i I Kolo. I I1*. Mill: iVU Oitations  other Ireek let tor , \j Brown. Alnlwi Phi Alplia; u Bur.' i:css. XI Kapp.i \i: Gourde "~l wards.   a p pa A I    - PsI. and Thomas Kil^'oro. Ornepa i si Phi. 1 The        )a' address will bo 1 delivered by A Ivan Harrison oC the Phi LJeta Wicina. . Friday's program will be especially interesting. Among the features will he scripture rea Uni;. 11. Hat.   ;  solo. Darwin Creqnc: . Denn E. C. Mitrhe.l of Morris Brown; and special musical selections. M. Brown is acting1 as master om ceremonies on both oeca.Ions. J ^m 9f.. i Oil I I'Morijliousej  will sponsor Mr.  as  speaker at Atlanta' University laboratory  school In a special bigger and better business . The members of tho group, under tlic leadership of President .\Iardis Jackson. Is  to mold Into practical terms the motto of the fraternity. "Culture for service :ind service for  t);."</t>
  </si>
  <si>
    <t>                                           Chi chapter of the Phi Beta Sigma fraternity, in accordance with the national program of that group, sponsored its programs of bigger and better business for Negroes in the Morehouse college chapel at nine o'clock this morning. A similar program will...</t>
  </si>
  <si>
    <t>                                           WML    SLACK StmS]$"' FILLING As44YanAio A* 25 ounces for 25*</t>
  </si>
  <si>
    <t>                                           MADAME ZELLA ADVISOR ConMilt (?ir woman wlio knows Sprci.il       .iy Number willi i.d. Tlirc -*  f,rr. Will  your p.. vt you -ion- U,,..-.v u, "         it will .-.ml c:.ll, you l.v ynr Will t^ll you tl.^ rr..l r.,,,,r of your nit*-f *-. f.~i!   -   r I.~cU of     %%. If you w.~nt f..c(~. -i.kI ~..t promi.r,. con. null tills  if you ^rr down-lic;"i't'*(l. fi.win^         in love affair., ; divorce. THIS  IS POR YOU. Gi-r-~ n.,mr5 and lucky         . All rcA*itn^~ cu^    -cd or no r!~.~ri;c)'. Not in tent. Look for   Get Off C.^r nt Pcncl.trcr Avc. 2'J71  ROAD Tlir Third P.ilmi.t on Peaclitrcr Ro*d</t>
  </si>
  <si>
    <t>                                           Today Tomorrow Bailey's ROYAL Pirate Treasure No. 6 And POPEYE Today Tomorrow Bailey's 81 VAN. SHADOW. NO. 8 And CAB CALLOW AY</t>
  </si>
  <si>
    <t>                                           Nineteen hundred and thirty-four has been a most colorful year. Death, the grim reaper, has taken his share of human beings, but the human race is still marching on. All of us have made some...</t>
  </si>
  <si>
    <t>                                           As the shadows fell on a cold Air unlay night ....I drew my over Olaf close around my neck and started a Saturday night survey ..... Merchants on. Decatur street crick their colored "hawkers" Outside pleading with the crowd to Came on the Inside.. Thru the...</t>
  </si>
  <si>
    <t>                                           Woman Shot in LegfAfter Giving -Awa^FoodL                 Wounded with a charge from a  In the right leg and hip,, Mrs. Mallnda Watklns. 39. of 1085 Reynolds street, northwest, wss treated at Grady hospital  Vonday and 'permitted to return home. Police Monday       tne  s husband,  Watklns. In  with the shooting. Witnesses said that Watklns became angered when his wife gaw a  some meat.. After    . cusing his wife with going witb the . Watklns, according to police. Teputs. Hred the shotgun at her. Watklns disappeared . th  with him.            ports revealed.                 I ilon r.  to h.'nr nny mot* .bout It.                 JOSHUA JONES Or L V.</t>
  </si>
  <si>
    <t>                                           i SEMI-ANNUAL STATEMENT for the six months        December 31. 1934. of the THE AFRO-AMERICAN LIFE INSURANCE CO. JACKSONVILLE.. FLORIDA Organized under the laws of the State of Florida, made to the Governor of the State olF Georgia in pursuance to the laws of said State. Pr: Office: 101-1CS East Union Street, Jacksonville, Fla. j I. CAPITAL STOCK i I. Amount of Capita! Stock :$ 15O'~~?-~~ I 2. Amount of Capital Stock paid up ill cash 150.000.00 3. Amount in notes of the stockholders $ None $150,000.00 11. ASSETS i i 1. Market value of Real Estate owned 273 .492 .27 j If encumbered, to whpt amount 19,000.00 254.492.27 2. .Mortgage loans, first lien. 133.050.43 i Other than first liens 9,477.00 142.S27.43 3. Loans secured by pledge of bonds, stock or other Collateral 8.607:10 Give value of securities (other than mortgages) hypothecated for above loans par value 11,200.00 1 Market Value- 11.200.00 1 4 Stock and bonds owned absolutely: Par value 96,025.00 Market Value (carried  97.560.00 ,97;560.00 I 5. Cash in Company's principal I office 1,645.00  j"":'! I i 6. Cash dcpo.ited by Company in bank 104,789.32 i 7. Cash in hands of agents and ill transmission Total cash Items (carried out) 106,434.32 j j 8. Premium notes on issued policies 1,309.74 j 9. Bills Receivable _I"2S?'T* 10. Interest due and unpaid 56,771.1 1 11. All other assets, real and personal: not included above j i2-  miii ,'r 13. Equipment 'Iff'ri 1 I:.- 14. Furniture Fixtures i 29.650.00 15. Prem. on Officer. Ins. 38,518.31 16. Returned Checks 2,228.69 i 17. Policy Loans 133.905.05 18. Betterment on Real Estate (Moncrief Springs) 3,095.32 19. Other Non Ledger Assets 7.809.20 J 894.046.98 Deduct Assets Not Admitted 84,646.77 I Total assets of Company (Actual cash market value) 809;400.21 j III. LIABILITIES I 1. Policy claims due and unpaid $ 4,000.00 2. Claims in process of adjustment or adjusted and not t due. including reported or supposed claims None i i (a) Salaries Unpaid ?'Z?T!j (b) Reserved for Taxes in Ga. -i 1,314^9 I (c) AgenU Bond Reserve i 1.450.00 3. Net present value of outstanding policies 457,637.19 4. Net Premium Reserve 457,637.19 5. Cash capital paid up 150,000.00 j 6. Surplus over all Liabilities 191,290.58 7. Total Liabilities ,'809400.21 I IV. INCOME DURING THE LAST SIX MONTHS OF THE YEAR 1934 i 1. Amount of      Premiums received 356,361.77 j 2. Amount of notes received for Premiums -927.46 3. Interest Received 7.036.-~2 i 4. Amount of Income from all other sources 6,161.39 Total income 370:486.'94 V. DISBURSEMENTS DURING THE LAST SIX MONTHS j OF THE YEAR 1934 I 1. Claims Paid 133^438.69 I 2. Matured Endowments paid None Total .,..'$ 133.438.69 3. Total amount actually paid for Losses and Matured I Endowment. 133.4?R.~~~ 4. Surrendered Policies 1.545.07 I 5. Stock dividends naid 6. Expenses paid, including Commissions to Agents,' and Officers' salaries 187.n7Q.S3 7. Taxes paid 4.203.21 8. All other Payments and Expenditures 6,754.69 9 Total Disbursements "333:021.19 Greatest Amount Insured in any one- risk $ 2.500.00 Total Amount of Insurance Outstanding i.t.8^8. 238.00 A copy of the Art of Incorporation, duty certified. I in 'lie  of the  Commiisioner State of FLORIDA    -nty of .,\L. PersonalV ^           before the . A. L. LEWIS who. being- duly swo n.  avid '     that he I is the PresidenX of     .         Life Inisurance Co. and that the- f oreg oing stateI ment is  and true. a: l:i;. Sworn to and   me this 19th' day of           .-Vl9S5. i MATTIE L. .        P-. Slate- of -FloriH. at-JL^rrt. 1</t>
  </si>
  <si>
    <t>                                           The Alabama District of the C. M. E. church staged perhaps the greatest if not the greatest, certainly the most spirited financial rally held in this state when more than $5,300 was raised at the Southeld, C. M. E. church where a huge banquet and birthday...</t>
  </si>
  <si>
    <t>                                           BAilaKsM. 9 Bl AND TUESDAY Is j ETHEL WATERS AND BEALE ST. BOYS AND THIRTY OTHERS STARS WITH "FRANKENSTEIN" KARLOFF, , EDMUND LOWE, CHESTER MORRIS, BEL A LUGOSI, GLORIA STUART A MERRY MELANGE OF ROMANCE, DRAMA, MELODY, AND SONG! Ilso "VANISHING SHADOW", No. 9 I COMING NEXT SUNDAY I j GEO. RAFT in "Limehouse Blues" I i</t>
  </si>
  <si>
    <t>                                           JOE AND "GOO-GOO"                 Joe        . whose Rajjs have won him the title of i America's -favorite radio comedian, is shown with "Goo- ." his pet duck, which ho has       unable to sell. Both arc seen with Jack Oakie. Helen Mack and Lanny Ross, at the 81 theatre through Tuesday in the musical film. "College Rhythm."</t>
  </si>
  <si>
    <t>                                           , .                 BurKlar* who entered the residence of Mrs. Fanny Map Johnson at 13D Boll '.. north^as'..  only two suits ot  for their trouble, she  to police Monday. m-ItC.I..\ltS TAKK  l*.i:r^l.irj.  .' the room ot Eildii- r.. :~t 5M Hun. street ^:olo three oi his suits and an. overcoat with a va'.uc totaling more than $100. he reported to j police Monday- I</t>
  </si>
  <si>
    <t>                                           That was only one of the militant ... of Rev. Fr. E. ... Vienr of Agues Episcoist Church here in his ... for the reformation and the blending of Miami Negro ... into a consistent channel. Rev. Fr. Culmer was the...</t>
  </si>
  <si>
    <t>                                           Madame Zella PALMIST and BUSINESS ADVISOR Consult the woman wbo knows Special Thursday Number with ad. Three questions answered free. Will tell your past as yon alone know it, toot present just as it is, your to. tore jo.t as it will be, and calls Too by your name. Will tell yon the real came of your misfortune, failure or lack of sue ces*. If you want facts, and not promise*, MUsult this woman if you  re down.. Having trouble in love        , seeking divorce. THIS MESSAGE IS FOR YOU. Gives names and lucky numbers. All * guaranteed or no charges. Not in (out. look for  electric . Get Off Car ju Peachtree A-re. 2971 PEACHTREE ROAD Tbe Third Palmist en v 7 Road</t>
  </si>
  <si>
    <t>                                           INSTITUTE, W. Va.-- Whilo sorers of Alpha Kappa Alpha in virginia, and North Carolina are saying West Virginia here we come", Nu, Alpha, Omicrom Omega, and Beta Beta Omego chapters of this locality are cagerly working out plans as ...</t>
  </si>
  <si>
    <t>                                           Sam Quails Case Hits New Snaq                 MEMfiflS. Tmiu. Mar.                 Sam Quails is  - wal tag for the City's Board of Adjustment to hand down a decision ..n the matter of whether or not be has the right of using his home U 479 Vance avenue for the W. Quails funeral establishment. I For the third turn.' in recent j weeks, the  Thursday listen- i ed to  of  from owner* of the Vance Avenue properly near Wellington. The ca.~e was taken tinder advisement and may be  March 13. White people who arc pr".                 produced more than 100 names j which .were           :UV-ut ,'i:;  ago when Hie  firs'. started. Attorney William Foole who Ls representing Mr. QmlLs j produced .s i x white pec;)!*/ whf s'.cx.d for the colored  and  why his busi:-.' would not ; with the n ue. During the six years or v.-ra::^- ling, a dlr.lc has been opened the west side of Mr. Quails' her.-.'.and a grocery' store and cafe h;r. r been erected on ;he east side of lib. .</t>
  </si>
  <si>
    <t>                                           STATE ANNOUNCES READINESS IN MADDOX CASE                 N 0 HEARING ED ON                 Defense in Surprise: Move Withdraws Plea for Bond                 STATE IS READY                 A last minute mow on th* j.    of  counsel In . Jns an application for ball In tile can- of Coorcr Mnddox. Jr.. Indlcwd In the com -blooded . Ine a yur ago of W. A.      . lUred off the           brittle  before.       C. II.                 Howard Friday morning. j No  could 1~: ImriiwJ by I  reporters for     ,.      withdrawal of the pica to permit the :*-vear-old  to confinement In Fulton       Undrr heavy bond. Coming like a thunderbolt out ot the. sky was the -r.t or^Mtorner-Kvasca X' .                 the  ate Frtd*3P-*~ special prosecutor In the cue. that the  would     .  }". The state Is ready for trial." tlie younK lawyer whose   in a criminal 1   1 battl* Is well known. d*       . "V.v have   - to Impeach every "*.. th.. ,i,.. puts up I 10 fix ihi-lr ." 'Tli.; treacherous sL ; of TV. Csotiaucd on p*ee 5, col. 6 I                 NO HEARING (Continued from Pace 1) J?     \~y :i  who  1M not j  vn Kiv.r ti..tl.-.-          In; xhol I him In tli4. i^i.-l. u     - . I)        -~t :iv: in the hb- tory ..f til- Suuth In t". far a*  N-".;r.. rac    ~-on.-    -~l. "N-~    " r-        In th..      r-veals a       -Oy inure  J" and     -r brutal than \vit    * 'i*tn\varr:*.-d Uiltlnu of EU1      S-'-dt. Mlall      tile   'atl) )lvn:    ." Tli"   lfa fi-r Ulil U'u  t^) .' i !~mii liv.-irU at ,. I'clwlt t-rO:iy  U- Jud'!' }l"~'     after .'.vs     Ha id"X hail  #        ))llc: -Jniwlay . Jj \     :      fn i.     ;ii tli*' ^'iiii.'UT I'aiii*- I Tluit    * uri; un lli*-       - ':~tlon  1   *!i  ti. An huur latur. :iti:  :hvH th- - I f i.- .- '     -d tl at th': ap- 1' 1i:  1 '"~i: u-. affidavit]) from ten         wit- I   h'~,  un  all- j     that Yuuiik Maddux wax at 1 the hum-.- of Kntnlilv M'.len. 3-Ju Tali, . from almut O!b-M o clock until   *~- p. til. r Must of I . had    - Iitl'-J In th-  ii Inuuval laa". Juituaty. afl-r which MaJdoX was j .</t>
  </si>
  <si>
    <t>                                           A last minute more on the part of defence counsel in withdrawing an application for ball in the case of George Maddox, Jr., indicted in the cold-blooded slaying a year ago of W. A. Scott. stayed off the expected legal battle slated before Judge...</t>
  </si>
  <si>
    <t>                                           Lilly Libby, a slightly built demure working girl of the South-side was exonerated of charges of murder when authorities failed to present sufficient evidence to hold her responsible for the death of Milton Styles, and embalmer who fell from a window...</t>
  </si>
  <si>
    <t>                                           Man Burned; Trying to Save Friend                 Grady .As Ink- last  little hope for the recovery ot Mack Powell, of 592 Whitehall .~ who* ras admitted tho Ixispltal early Tuesday morning. his body a  of burns.                 Charles Remiss 24. of 680 Smith street, won rushed In     .-ll-s room and made heroic  to i save It's lift, was treated In the i emergency  of the hospital I for severe burns ~,t bi.Ui hands. three lingers on bis right, band baring been completely burned off. According to police        . Powell xas- cleaning bis wit with gasoline, without having removed it. I Hia  still soaked with the j inflammable fluid, the injured man I according to .witnesses, struck I match to light bis pip.-, when his clothing suddenly ignited. Fleming who was visiting iu ?n adjacent room overheard the man'*  screams, and ^ { the door discovered Paw.-U-s body wrapped in flames. SetzJns a quilt. Fleming, wrap- j ped it around Powell's body - f ing out the fire. i He was  to Orday hospital i where Crady  worked i removing the turr.od flesh, doc- feverishly t.~ sa\-c his life. After tors gave him several bL,Otl        fusions last . FleminE       treatment tn *h? clinic, was  to  .</t>
  </si>
  <si>
    <t>                                           Grady surgeons late last night held little hope for the recovery of Mack Powell, of 592 Whitehall terrace, who was admitted to the hospital early Tuesday morning, his body a mass of burns.</t>
  </si>
  <si>
    <t>                                           Yates Milton Pharmacy</t>
  </si>
  <si>
    <t>                                           She Leads White Parade                 i..1 You;:-; ;~'av.~ an enc^r a:'.'! .~ic-     .i :i:.vn: nur.-e llic richly .:.  :'. Story, 'Ti:j W ;     :ll"4 i !r.~t times  n: Bailey"-. N'ow A^hav .!v.i:r.T'.- i"'": Kn!of pbys  :v. :\:c rclo a rich yoi:n; 'j.ic!'.  ';..~r  iv :!     make Lorctta      'rct: the pruh duty lo .e his wife.</t>
  </si>
  <si>
    <t>                                           'WEDNESDAY, JANUARY 16, 1935 ATLANTA DULY WORLD. ATLANTaTgaT paPR</t>
  </si>
  <si>
    <t>                                           Harrow pushed his way into the ... his pistol ready. Kay, ... on the ground, tensed herself in expectation of more shots. She wanted to scream to Harrow, to stop him from taking such a chance, but somehow she didn't; she say there, waiting. She heard...</t>
  </si>
  <si>
    <t>                                           NOTICE For your Atlanta Daily World in the Druid Hill* Section, c*ll       Snipe*, Dearborn 4424, and your  will be deliver* rd immediately.</t>
  </si>
  <si>
    <t>                                           I WANT EVERY WOMAN TOW  Face Powder Free" I  IbifontrousfiWrraBcbjt Mcfo an  Is  liter you me the delightful FAN TAN Face Powdert You never   ouM  it  That    why  a foe trial to every woman who win fen naO tba  below right now. No coM.KuooSCUioa. Send do money. Jut mail the  withou; delay. Check shade . r     cown FAN TAN COMTAN*. DepC OU 400 West Erie SU C3      . m. Without cost or . sWj* *   S me a (rer trial ^f FAN TAN S j.Eace    *t in the  I  wc checked below. "J^ White Q Flesh BrenetUQ                          Name s Addfim city ^Stetc. 1 1st Grade Lump COAL Call MA. 1620</t>
  </si>
  <si>
    <t>                                           FREE -FREE A beautiful free eft to any i reader of this paper. Just send us your name aud        today. HARRY ANDREWS 43 East Brtwdwar. j New York. N. T. I</t>
  </si>
  <si>
    <t>                                           The Iota Phi Lambdu basketball quintet walked off the celebrated hardwoods of Sunset Casino last night with a big ... at the expense of D. T. Harvey and you scribe because we recovering two had not only picked the Delta Sigma Thetas to win The area...</t>
  </si>
  <si>
    <t>                                           l   BEAUTY AIDS Dept. NP. 52, Mempii, TennGErr_JV!ONEY---LOVE jl'. CITY. S. Dellt. S. S j^Rfl      (-ed mI^H the way to dix-am WjSL - you wish mid hove it come true. If you wish tj - KUcc.eKs with your dreams,  nsn or Ihis ad nt unco. If not, Idnti'l write. Free . DAC  PUD. CO., 3430 Rhojei ~^v.~, Chicajo, III,</t>
  </si>
  <si>
    <t>                                           Crowds Clamor For Admittance to Hauptmann TriaF                 Some of the general public shown here Kruno Hauptmann's trial at I'leminfjton, N. waited all nicht to witness the opening of J. It was a case of "first come, first served."                 v International Illustrated News Photo.</t>
  </si>
  <si>
    <t>                                           "By Candlelight" Is Coining to Royal Theatre                 Supia.*- inn  i:i.~ f:,~~..n in li.vv with a  sirl. If had 1CU you tu          that  h.-.w.ix royal . an.! you hail em^ml "n .1  with her un.f.r  a            .  and .l.-li^lit.-l     !              of a   -        ( Hie    . i .T. wouldn't it nuL- you i.-       10        .t ai ~.-~a. that  h- was ~*ly a mat.)     aa A11         ? Ini. Uie  Ii:i-li.-ir 5 ,,r     nan: But wouldn't ~\w  moc  came for               "be 'InnW at the same  that you  nor the  Rhf. had  you to 1  . hut m-rely the I. in           -lif)J of the      Konnwr. ~*1U ^       -  *r? It's :i       . :i%     *       'rli     . Itwt won t       Ixnli \    . TbL- Ik the situation in "Itr  ."          *~ say i-         1         whn-h to rbe Itcrjrat        . toni-     only. with K1     l.an-li. 1'ml Lukas. NiU        ami INthcr IbiMoti in .  role*.</t>
  </si>
  <si>
    <t>                                           CHICAGO (ANP)--Jesse Owens Will run in the 1935 Drake Jack Johnson gave pressmen sample of his new ... beverage. "Old Champ." Friday evening at his Club Victoria here it there is a lightweight elimination tournament staged to fill vacant...</t>
  </si>
  <si>
    <t>                                           SUPREME LIBERTY LIFE PAYS BIG POLICY                 Scene in the office of the Supreme Liberty Life Insurance Company in Detroit where Manager A. N. Lake save Mrs. John W. Blount. wife of the late "Teeney" Blounl. popular Motor City business man and sportsman, a check in settlement for a $3,000 policy.</t>
  </si>
  <si>
    <t>                                           S. S. Attendances Go Up Once More I                 Sunday school attendances showed a general inclination j to rise as the pleasant weather of the past Sabbath day proved to be quite attractive, according to executives of the Atlanta. Sunday School Association, in comparing the atten- dances of Sunday, February 24 with those of Sunday, March third.                 Numbered in the ranks of the "Big Five" at the top ol the heap were the Mt. Zion, West Hunter Street and Wheat Street Baptist churches and the Allen Temple and Big Bethel j A.M.E. groups, while in the lower frames excellent increases were seen in the St. John A.MJS. and Providence Baptist church reports. The attendances for the past two Sundavs are: SUNDAY. SCHOOL _..3Iar. 3 Feb. 21 j Mt. Zion Baptist church 476 333 West Hunter Street Baptist church 417 257 Allen Temple A.M.E. church 405 307 Wheat Street Baptist church 400 382 i Big Bethel A.MJS. church 289 2G2 Mt Olive Baptist church 239 251 j Second Seventh Day Adventist 217 -(no report) i Bethlehem Church of God ....200 160 j Cosmopolitan AM.E. church 191 165 i Warren Memorial M.E. church 1S6 1S6 i. Friendship Baptist church 156 204 Beulah Baptist church 156 164 Reid Street Baptist church 144 151 i St. Paul A.M.E. church 144 131 Butler Street Baptist church 140 (no report) Central M.E. church 130 120 Antioch Baptist (Gray St.) 127 120 j South Atlanta M.E. church 125" (no report) Zion Hill Baptist church 125 12? j First Congregational church 122 131 Liberty Baptist church 121 104 i St. Paul Episcopal church 103 (no report) j Thankful Baptist church (Decatur) 100 98 i Provident Baptist church (So. Atlanta) 105 S9 j Mt. Pleasant Baptist (Me Gruder St.).... 9S 93 j Travelers Rest Baptist church 96 99 I West Mitchell St. C.MJE 88 S3 i Providence Baptist church 7S (no report) j St. John A.M.ts. church 55 47 St. John A.M.E. church (College Park) 50 (no report) I</t>
  </si>
  <si>
    <t>                                           Sunday school attendances showed a general inclination to rise as the pleasant weather of the past Sabbath day proved to be quite attractive, according to executives of the' Atlanta Sunday School Association, in comparing the attendances of Sunday, February 24 with those of Sunday, March third.</t>
  </si>
  <si>
    <t>                                           I SCOTT w3!~i$M\ r A Lf^ -A- i- Wii^^^^Bi^W/^t^lSK^'^^ W*k^-W itik HliHal-~M T 'IMl- WJJO^JBJyMi I ONLY NEGRO DAILY NEWSPAPER IN THE WORLD I- VOLUME 7. NUMBER 35S ATLANTA. GA., THURSDAY,          21. 1935 PRICE FIVE CENTS</t>
  </si>
  <si>
    <t>                                           HOW SHOULD SHE DECIDE?                 Loretta Younjr. a student nurse must choose between i her love for John Boles and the life of service to which she j is dedicated in "The White Parade" the touching and dra- matic screen story  through Tuesday at Bailey's        theatre Galloway is seen in Minnie the Moo- cher" and a technicolor musica! rounds out die</t>
  </si>
  <si>
    <t>                                           State Teachers Meet Starts In Macon                 MACON'. Ga. (Special) With a  number of teachers from all sections of tin?  in attendance :uul still larger groups expected to arrive Friday moraine, tire annual me '.'line: of Ihe Gcorjtia State Teachers Association started informally                 night with a program at the First Baptist church. Thursday's sessions were marked by :t number of interesting talks all based on the convention theme "Curriculum Revision" or "The Closer Adaptation of Courses of Study in N'ogro Schools to the Peculiar Needs of Negro Children." A number of AtlaiHans arc  to appear on the programs Friday, among them W. A. Robinson, Atlanta University I.abor:  ch-~ol: Prof C. I.. Harper. BTW High School: Mrs. \V. A. Whiting. Atlanta University l. Hi School; W. I). Mobloy.  (Continued on Pa^e 5: Col. 6)                 State Teachers Continued from Page 1) .-**or of agricultural       *:tii*n: ,,f. M.PNv:. C"!.:rk : IVun I:. A. Ura.r:il. Mniv!.i' Co'l :":n:ii fir. W. K. B. HuH"i: ni .U-nrta \'.::i-.(. The election nf  iw will rake this  :io**n *.v:th 111--     .-    !- :      :t :i:i.[ ntn    ^ fif tli? st:i'~~ i-xei vi.*'' i-~in: :~!       fur Sa'-ur-iay *. Amonjr  '~f ill.- Aliai'tr. t j. who r.'T      .'iii!!n^ tho i.'ss:nr.s of tii,. c-i. -i.-i S;atv Toaciicrs"       Uic*:.:    :al   .-**~ arc: Mrs. M. Aar.cs Join*. C. X. Cornell. C. Harper. i:.o. x-ii Taylor. Win f:.~v.e. A. Waller Chillis. nnd the Misses       Wise, Susie Cunninirlvani. I^v. lyn Thoni1s. .Smith. V.--n Cil'siin. ~'ic-1. Love and Ba/^ I'-lur.</t>
  </si>
  <si>
    <t>                                           MACON, Ga. - () -- With a large numbers of teachers from all sections of the state in attendance and still larger groups expected to arrive Friday morning, the annual meeting of the Georgia State Teachers Association started informally...</t>
  </si>
  <si>
    <t>                                           Do you know women who dream only of ? ;''v-'' Ty^'r "T : -Then read this vital up-io-^wff^^'l- l V$Vr-=!' minute novel of Problems we S $~~ r^i *cce today! /J25    . Mnrinn Alspatijjli spent more  rv^ -vTT '^-V^ money than her husband earned I S,.l/2  - ^-'Jij/t p  him into blind frenzied r/ ^t? speculation with employer s "*~/{/ ?'j%; rl Don't miss this breath-taking talc LB^Is-^J *-i^^^4 1'1C c inO!' tnat 'o""wcd in the ~^~0~~^*\S V-^ golden  oi unearned dollars!     ?*V ^^KfSi\  s an  thrill for you lk^Sf^S* ^^^^8l in tliC ;iul"cntic truc-to-lifc               ^~' 'IbSI^P* Mire*: of tlic lives and methods of ^BeY """^C^ ^ife' present doy money kin^s... details ^4   j4si'^-~~' ^WM^BS^^^ whose accuracy have been attested ^Iwk ^^^^^Bfet ^y fi'13116'4! experts. More money I 3F2 CHARLES GRANT  Itl I The Atlanta Dai ly World</t>
  </si>
  <si>
    <t>                                           Tonight at 8 o'clock at Bethel Church a rare treat awaits vou......United States Congressman Arthur W. Mitchell from Illinois delivers the principle address of a superb program commemoring the fiftrh annuversary celebration of Morris Brown College Statewide interest has been analseel in the coming of Arthur W. Mitchell to participate in this noble idea of tribute The program will be a...</t>
  </si>
  <si>
    <t>                                           TODAY TOMORRCny;1:"    /-TcTucp----.-fn^THe Aji-\ .-j The Winning Picture in L. .* Contest TODAY TOMORROW Also "Mystery Squadron" Chapter No. 2 JensatibnalNewCiscov L-y GROW$       In Three Quick Stages f Or No Cost AC tail,      ik sUst-1lint .-cm      ' KUtPlIy will rr*~:r        in *-**~u ilA/a ^r Jr,  ft*pr.*      you T^ Mr. .'~     .* Hair Urvwn1, +m \t\\m ^H^K^k y*~u t(~vik   itr . Tom  lu"1 r-:t* ^U1~* lulu you?. Esi?~S ~"    'K   E "   . t*ijr.Kr^v^M      l0 f' . , .J*  1a ir                         ami .~       Vl^r^ . d(i  -aqa  Bu9 tulr Grower nw do     ^-^^^t?   work to jour  or ^OK^. It  .      ^~J^^jn\  -for "Quick KK^~ Convincing ,Te?t Jl^ml {~'lid       - JtM HWvrt'JjnT  Hair Onmr Mff^ *rr!        (c.         'i M1           .         V        .      0*y lor 5td Sta6e J!r- I "*~K^~ Orowtr Info yow -hair I .k vUb your DnKortlpa     ta.n if  m, .not ib.o1  5mS aon how beautiful your        -~.- K too  t .to v*t up Mid  anoa t^M lor-  r. m,nt tc pay bark joo.r ImOf.If your ha4r la abort      - t yoa hax. falling j,~lr. uin.JSfr or  'i?*,^"- Jokn^oa SrunuilSk hair la ,borl and ). don't fall to maka, Jour im  mall r-r-,       .,Tapj t our     .   ncl . \xt\r KaltT Van Coupon       and Ii.lr mori .          you Mar  f aa1b)~ m HAIL COU"    --a, Mr. Johnson Company, Sept S2S 207 If. "Mithican Avc, Chicago. HL i john i.*'''i.*  'l'":'ii'1' i Johi.4iw         .       . I 7. J" postman  arrival only I "i'11"1   -:~*~ and c D. , n- 'II* ^I'-Vrnuiidlnc that 1 can   - I turn Hi,, .-i UuU     -.r. /or any I ^V- lB and yoo will  I eack my Untualu        . I Naaa I j Adlna* (or V. Box) I   ^ Btlta I u- r-r ""-</t>
  </si>
  <si>
    <t>                                           Famed Performer                 BILL SMITH</t>
  </si>
  <si>
    <t>                                           MtSS  SNOW FAINTS ON ENGLISH STAGE</t>
  </si>
  <si>
    <t>                                           y ONLY  DAIL.Y NlWSPlScp. in      FOUNDED AUGUST 6, 1928 BY W. A. SCOTT entered as  mitter at the post office at Atlanta, G*. under the Act of Marcn 3, 1879. Published Daily Mid Sunday at S10 Auburn Avenue, N. K. By SCOTT NEWSPAPER SYNDICATE Telepuouw: Walnut 1459 and U60 C A. SCOTT General Manager j lL PATTERSON Ass't. General Manager I. N.  Manning Editor MEMBER OF THE ASSOCIATED NEGRO PRESS I  AUDIT BUREAU OV CIRCULATIONS SUBSCRIl'TION RATES: -- 1 Yr %923; C Bios. $4.15: 3 Mos. S3. SO; 1 Mo. *.9O. SUNDAY ONLY:- 1 Yr. S3.G0; 6 Mos. S1-9U; 3 Moi. $1.00; Canada: 1 I Xr.**4.50; 6 Mos. $2.75; Foreign 1 Yr. S550; 6 Mos. S3. 75. NATIONAL ADVERTISING REntESENTATlVK: j W. B. 2IFF CO, Chicago. Ill, and Nev, York. N. Y. j</t>
  </si>
  <si>
    <t>                                           .. Fair today with           near 30 and SO d*ir*         VT. iI!       united State ^</t>
  </si>
  <si>
    <t>                                           NASHVILLE, Tenn. ()--Tennessee A. and I. State College is dedicating six new buildings Friday, April 13, at a special assembly period to which representatives of the leading American colleges and universities and educational foundations have been...</t>
  </si>
  <si>
    <t>                                           MADAM MINGY THK WOMAN WHO KNOWS MI* smut.     !Bt ann fatal*  LOCATED Filmljl and Life        Ulvn  on all attain el Ufe, MnrrUj.  nd 8            II kinda. Don't     Hm to                         Pmlml.L Point*  he          of Ml           W*Jlfl Mi       7 m how BgJ^I to overcome ene. . Madam MinrJ     helped Uranaandt  od afee can help 700. IRM.8  DATS AND SPECIAL READING Ha       Prison car eot  Gaanntee* (U McDtnoogb Boad Of , Horn: 8 A. M. to P. M rf Una. Look for Name on Blga Madam Mlnnr Naktt Mt Bens Cam Ma* la Twit</t>
  </si>
  <si>
    <t>                                           LEADER- Rev. William Johnson, progressive pastor of one of the leading churches of Brownsville, Term, is a spokesman for the race.</t>
  </si>
  <si>
    <t>                                           Shrove Tuesday, March 5, 1935 from 9 p.m. until ... the Young People's Service League of St. Paul Episcopal church will present a gala Mardi Gras frolic.</t>
  </si>
  <si>
    <t>                                           Young David T. Howard, hottest known to all of us as "Little ... Is to be funeralized at his grandfather's funeral home today.</t>
  </si>
  <si>
    <t>                                           MATHER! Tam**~RAT17KE extreme* between 40 mad 70 dopes  with probability or  * and a sharp d*~P  kte Monday  and                .      . W. MlndUac. United States MrceoroIosiaL</t>
  </si>
  <si>
    <t>                                           THURSDAY, FEBRUARY 2S, 1935 THE ATLANTA DAILY" "WORLD, ATLANTA. GA. 1'AGK THREc</t>
  </si>
  <si>
    <t>                                           ^ODAY, FEBRUARY 1, 1935 att av-Ti        ..-nnr n  T*      1 ATLANTA PA1L\ WORLD, ATLAJsTX GA. PAGE THREE</t>
  </si>
  <si>
    <t>                                           Spirtuals Ail Right But Some Versions Bore Dr. Johnson                 ST. I ATI.. .Minn. .A.VI-l- Tilehi vl^it IT. m. W.-Wm .I'-hns'-n   ; this w:~~ 'init*' -~-.-i,i ih.- i.ni.ii- l-ti'-n .-rt.-l hi.,, -:..- I Ui:, Kiv.-n ~;ill..-n .-h.-M.-r. II. W-lls sin.-l:-~'iv.. IN- nvi.-i- In ill" :ity.                 h- riii\"rsity of Minn :in.l I I th- V. M". 0. .V I V. U\ i-. m.- -it iii:-rr:i.'i:.l ..ff:.ir T'l^MM-.l i- I .ii" til*- f-'.'il     'S surrounding ,.i..-..rv:in.'-~ ~.r liii.-r-r.-i..-  l:iy. j II- ii-i-li-..ni*.l If. lU-      J     rn.'ivi.r :.i).l Inlivnin.- (I lh" I l.l.'l insti.-.' Hi" M'nli-~..t:i S1.'- j Til- i. lin;: j f I" I -r i^ r..ini..i- ~.r.'Si.i"n' ih- t St. Paul Bar Association. Dr. i ,~..    .n ,\~~\i.- -r\ 111'-   ^r..-';. .'f.. tn ,\ni"ri.*:i. I,, :in im.~rvi"i.~- f.ri..r I'.   Im I    *'.'':li. h.~\    ..r. Di*. Johnson *-x- ;.i'*.^M..d his -*~ u.l*. st Wf .'i- -I is ..I' ih- .Mirr.-ni v.^ik- for i -T'irini'ils. I "If I :mii  vr  Kofor"* n on :i ^~- ni.'.n- ." he . "it will I.-i'.-- I h:iv.. li'-n :ri-d b^- t y.-n.l ..n  l.y ^(im^W...ly'*i  U* I-:' StW' ~~. i;ili. r -'ir a-l.l  th- victim    inx innr- lifc.-ly t" I." tH.-inU'-r of j ..ivn r:i.-.. , whi:.'- m:m. j for I .  h:.rd"r to fur- i .     _ Ini^.. .rhr^~' N'-nss." i"il' pour,.-. It. .l..hn^on h:w j  olso to  iPrp..tn:iL" tho .-ils. 5.. li.. -xpl:. in.-l: "  .r                 my interest in the .  '~.!"".        :   .l p"t ; N'muws -ih  ~'       th.*ir      ''al f..i-1s I" That :*:"1'!. Tli^-*rt ,- r..,, r,.s..in. jIi.t :ill. a f"lk "I". th:il :ins finish art. Tli t I-  ''-I i .n that. Kin:.- lnl.'. .'"~cr.unt ~..-:iI..      -      v.-ilu-t thru I ii-:miv.-"m'1s           '*.~ "f :mv '.li" r Itnt Or. li.hns-n mail- it '-I-'"' that ii- -lid iK-t  that .%'~~ ki-.-s  hi.i:l.] turn  mh-Us tli-ii* "wii -. J **'li is .rtant." h'- i"*r'-*. I .nit. "ih.it    .~- I.  in I ..v.t.v  t:ik-      " in ra.-ia' I   -i- -.    kin ls.         .'.    .-r "f i':n;t. ij .-  r'. .'-il 1 ..r. on tli- s.-r.   "f either :'1 ..iv- ii: ..r th" l.--n. ..I" iti lu tr\ and art. It' it ha.l njt l...r-n t..r :h"              ~-    . of th.j Slav.. trad'~. I hav.- no .U.u;.t thai .\Cri.-an   .-v.-l..~invn:~ in .. W..VI1.I havo st I w-ll. l.y n'^- l."''"l- tii.~  . .nh'-r 1 I ].      f :.h w..i-1-l. "Kv"u Nr.. it    ...'*  ' ;~     .l"     - (1 iy wili v'.ni" -.vh-n i ,-.f...r.l" will actually l..l "I' 1 .- perica of ,, in l'": ,'-(i StiiU-.-. \.-ru^f will af!.f'*    :  .:..r of Ih**  rist;   :R j    -y sin.ie tr:iv.-~.;.l. On :h- ..Ui-r i han l. it '."n't  easy f"r a J        - w.htch--ls. -     .-ihc, i-i     ,\--#. a liJ-p.-.-'l i '.rity.   "~  I on racial . I li i.~ iii"Vilal.I-: that ill     ---:1 -. th.- j.r.^';: stan-lar.l "1* III.. ~'      in id-."</t>
  </si>
  <si>
    <t>                                           Suspect Admits He Woman Sleuth                 LOS ANGELES. Calil.       - Admitting that he struck Mrs. Madge surber, 40. white, police narcotics operative, but denying res.  for her' death. Harvey Lee Trice.. 32,     returned to Los Angeles last week to iac- murder  Accordinc to police.      said hp recognized the woman as a police  when she visited a Central avenue beer parlor with a parly of  the night of September 30. Ho-lav- in wait  and struck, Mrs, Surber as  he sup. pod Irom the. place. President Archer Is Speaker At Butler Y l*rt-.      ?r of Morvbotue culler will        Sunciuy -rm*~n at four u  at tbc Itutlcr V on -Good , tLe Key.. to SUClVJS." All Clubs ar..         to     a  ^ at tills m-'     NanuJy: WasliingtuH Hl-Y. D. T. Howard Hi-Y, Oray Bell nnd Yntm; Street Schools, Pi^r.-or Clubs and Boy ScOutn. AUo "HitLair and Order Leamir. Tht. public Is cordially :-4 to attend this iiu-. Come  and get a good scat.                 JOSHUA JO NCR I I*  M.n" it inn" no      ;nuc to tv n '~uta 7vt -.nTc L</t>
  </si>
  <si>
    <t>                                           Woods 'n Gets! Life Term on Guilty Plea!                 Tbwsb at fim : :i        f not  Cuarli.- WouU*od villas MlUUIrtfrooks when confronts! with             of Mate's -t -d      pli-a to  Friday      was .-lr .HcntcocrJ to  the remainder of bis life nti ibr i-ha,,,. (Pntf by Superior JuJ;e c. n. Howard. fatal ^ lam April vf Walter BlriiK. 51.  a               ,     :li grew -iM of a **         ." Acconlluc to the  t          . Woodsuti bud Pk-k-0   . twenty  ^-lns to               in tbc same, and became   Blvltu               with . TVhlPplns  ol :i pistol, one state s wltm-KM-*  ?d.          fin^l  . of Tie-                1 Ulvins in tli-  . He ilW        rx ; Gruuv         .</t>
  </si>
  <si>
    <t>                                           H. J. DAVIS COAL CO. t'7S'*t' Ton Ton \'t Ton js^?~S NUT fi.75 3.65 '2.10  LUMP 7.00 3.75 2.15 H. J. DAVIS COAL CO. 44S Marietta St. IIV Ddhcr Beg Cod   . 2 00</t>
  </si>
  <si>
    <t>                                           Plea for Economic Security Made As Relief Leaders Hold Meeting                 BE1IEF FOLK 1VE FWE mm                 Pass Resolutions In Effort To Secure Economic Basis                 REFORMS URGED i                 Fort Volley. Ga.  St; I- It U . Director Rural Kch; . : It. 1. MooIKmznll, Smte Endnrcr, \V..rk-~ Project   )rl^oo. GERA: I-. M        -r. Sunen-     Asrlculliir.il Education: Dr. J. A. Erans. A.^ AwVuatot. d-                 : II. A. Hunt. f:,rtn Credit Administration: T. X. ico. . Manager. Sule Mnrsliuil IjiihI Project were   ami  official-* who partl.! In the State- Wide Kconomk'; Cnnfcrcnw held mt the Fort Valley Normal and TaBnutrial   -hool    - 2Slh to Marrb Attnrmrr A. C. IU!~y, Mayor  f JVrt .VjUry.  - -/*V'ttlH BJ- V-ti -    .-Qud .  w*3*~I ^VniBrttaawfti:               of Pamit          and  s       , farm ami hum-  ,              . Jitiucs Surenrisors.    ml  from  1I  the Slaiiof Coorsia. The conference ills. cuj*h1 tlie  of the             of FMnratlon. tin-          Bmcirvncy Kelirf Administration and ilw- Extciuion Seni.-c. Imll( tlic  in Ilit-lr  for Ktrensthfnin: the  life of the   -     the State of Georgia. Tno ~^~         '  wa.s   f I)r. F. S. Hornr.  ; P. S.     : 11. T. Toiiii.t. AIvji Tahor: U, S. Mol.tte: T. II.       . Camilla -\     .:             and J. C. Ul.\~~i. The  at lw         -d the  report of the Findinpi t  on "Fnudameuulx In the Economic Security of Ca. Necroes."  IN THE ECONOMIC  or GEORGIA  We.  of 1.071^ 121 Ni-crtn-4 In the State of On. in Kroiioniie O^ MsscmWeil at the Fort Wley Normal (Coatiavxl on Pag* Cot. 5) I                 Relief Folk (Continued from page 1) mid Industrial School, realizing that  v  the worst  of. the depression and thut ou the while the operations of the Xarioual Becovery Program have not yet brought  benefits to the farming element of Xcgrocs, do adopt this Declaration of Fundamental Economic Needs 1. "At the' present 'and' in the       immediately . when there is certain to In- a large  in the economic rehabilitation of so many individuals, there. IH a.  need or Increased consideration to be given the group  approximately 43 Derccnt.of the total population within the State nnd all programs  to brine-        intelligent Uviut; and  security." 2 We wish to commend the State AAminktrators. of   for their fairness and justice  in the past In the underprivileged  anil earnestly request, their continued efforts   Urn's. Especially do we            . considerations received from the State Department of Education the Georgia Emergency Relief Administration, the Ajrriculfnral'ExtcnyiOn Divison, and other  operation within the State. I' 3. As a       toward realizing such k.-oa-.s. Georgia Xi^oes need fuller acei-a to the \ state and Federal RehaliiU  agencies. 4. Georgia Xojroes      more fully such services as County Farm nnd Home Demonstmtioa Ascnts, Teachers of Vocational Asricid- tore and Home Economic, FERA Workers and -~;     .- by the Farm Credit 'AtlmlnLstratlon. Kural Rehabilitation. Rural Bous. ine and Emergency Relief          . 5. Because of the location of masses of Georgia Xesroes in rural Actions, - spread illiteracy. I Poor public school facilities, and WUlirid^l racial discrimination, Oeomia Xesroes  am U- brought into full touch, witli these services  the a)~ove    iu all rural counties. ft. An efficient,   system or schools for Xe^roes. from, the rural  ^^       .thru   ami the decs. sary  school foi ; ia . : . borne ci- teachers tra!:mis: .and j-xU iis on work, is the Paramount  for helping Xesroes to regain  lt-         and self-support. 7. We urge upon Xegro People of Georpia the economic ideal of self-: to stay off   if possible: to make no to.ins unless necessary liut. in all        there is actual need, or the opportunity for ait.- the first step to -support. we urce them to     as American citizens to make a^~         10 then) the services  f the  anil state governments di- for their ~-.r"HOniic uplift. S. We urged all , reachers. parent-teacher associations,  agents ind workers, the ]    * teachers association and I other organizations or worker* I among Xegroes to              the Information galn*l ar tbU           awl  these Fundamental Kcoiioniie Nwlx with their .</t>
  </si>
  <si>
    <t>                                           Fort Valley, Ga. ()-- It L. Vansant, Director Rural Rehabilitation Divison. GERA: R. L. MacDougall, State Engineer, Works Project Division, GERA: L. M. Sheffer, supervisor Agricultural Education: Dr. J. A. Evans. Administrative Assistant. Georgia...</t>
  </si>
  <si>
    <t>                                           WANTED Newsboy* u4 AxeaU Everywhere CO REPRESENT THE WORLD S ONLY NEGRO Daly end Saai-Weddy DAILY NEWSPAPER AMrtM Atlanta Daily World Atlanta, Georgia *1  AnbcrB Atc, N. K.</t>
  </si>
  <si>
    <t>                                           Y Campaign Workers Will Meet Tonight                 Tonight. ;il s . ;i n. milestone will lie  d in tli? 1:1::.'. VM('.\ Membership            when :i t;       pep ;; "ill in. i.- :it I ho Uullor Street  w.th  \V. .l:n l;son, .nily kn.nvn -ian     :   'il     :~~        iho %      of .vv- in alU 1. 'I'lin i-.-i;~:iy ml noun, i hero was another mi i iiii" ,~f the (.'(:; Mi'inhi'i'sliip  at    . V villi IV. i". \V. I'cnvcll, ^iii-ral '. pn . 'I'lie  :s wi ll  with iis work iww 'lid iii i liminary reports oii :          -.him M(.^ of  v:     divisional loaders anil captains will .-"mi he the Principal Imsines* of .~ill tin- . The pep  al ft  tin s evi ; Will III' ll)O last ODp 10 jl:ni  lalo In the day. The "(her , oom.ni nil n*.\l wi-i-k. will hos in -it 0 o clock in Lho . Sinul.'iy   nt fho Y. the   f Oaehini; . a   i.f the yearly  f , will take .-. Dr. DianniiiK II. Toln'ai. \? a li Rh post in inti.Tracial , will he the  . Pr. Toblns is nn executive of the National  Coun.</t>
  </si>
  <si>
    <t>                                           AME Ministers Have Splendid Meeting                 ny kev. v. a. Uivr.Pii.-i n                 -'I Iw rouble Prerlosainntioii" (,i Call-in- was (~   ihe.me of the i- ui   or the At. hint.a a. M. e. Ministers Alliance ill- Hie Bit' Bolhol A. M. R. church Tuesday, in ihc  of Rov .1 S. Mc-Kellar. pastor of si. Mark A. M. R church. Dr. R. e. Roman                 presiding rider of tho Momicelio district, directed I Me  Following the discussion     ,,,i (he business ; started nude, i lie ( cf i  resident w u Wilkes :ind Rev. .1. R. .r. '*i:   . Dis. G. B. Lnncn.. j. p. Mcse.s. G. B. Hiumaii C. a Win". n. T. Uabcork, E H. V\~r!ey A. L.  ;m,~ B. V. TDornton ln,,k pan in uic discussion along with Pror. j. R. Cohen. Instructor in old Testament scriptures ai Morris Brown. The usual i- ihc Current events program, transportation, civic, and critics committees  well received. Rev. A. .7. Edwards, pastor Fiisi church. Athens. B. J. Davis. Si-. Wm. Driskcll. Ficd D. MaLse and Rev. 1j. J. Baptise or Birmingham. Aln. addressed iho union. Bishcp \V. a. P-' spoke his visits to the East Macon  i-' at. Cordplp, the (           on      0; Col. 7)                 I A. M. E. Ministers i j (Continued from paRe 1) i3 district at the Second  a Eainbridgc and the Arlington district conferences. These districts are presided over by Drs. j T. j. Davis, rr. E. Davis, and J. W. . TIk? -real (-       --~l to  bei-n   over the :,,ks i :or the Golden Jubilrt; Rally for $50,000 for Morris Brown colli-^?. made the  ax lf.o per ct-nt pastors and live 100 percent p.T.siding riders. Anton;: the presiding elders listed were Pnsidiii.; i:ld.-i.: A. J. Davis and C. H. Dimii.   ,:~ have         ,~-ir ~)Cni. ,   -s r,-,r education. l It was reported  tin- Rev.'n. i U. C.. ihe   of the Eajt Cain chapel. lias Uis I charge in .splendid condition. Rev. M. C. Morris, evangelist cf the Atlanta conference, announced that he was open for engagements for spring revivals. v</t>
  </si>
  <si>
    <t>                                           "The Double Predestination of Calvin" was the theme of the regular weekly meeting of the Atlanta A. M. E. Ministers Alliance at the Big Bethel A. M. E. church Tuesday, in the absence of Rev. J. S. McKellar, pastor or St. Mark A. M. E. church, Dr. R. E. Roman...</t>
  </si>
  <si>
    <t>                                           V^^A jB Vv^^^^^hf." ",-f7 "live:":.' wi.nn.tn i x iu t li.tvc u d V.r j } Mjit *,iu(Kitirsk,in     l*jol- tu*r -  M. I have no ^ion wo:ru^. t!i;i!ik* to UK. i- r.u:  ::V SnIii \Vli;n;:]iii.~.:iwI u;i; ^i-td V to mv       i.i:-~ lu: i'. .t\J .i^mjs w iLi1. my si. in, au-J I rc:-jia-  it highly." iSt zr.tJ iVi.iil UrO'-1- II  I v Clear of Blemishes I v Shades Lighter I v Soft anil Smooth I %' Far More Beautiful A UaUtAiu\ M--U-: jv.'l j b-.-.-.'-i'.;/ .^.-r. lli.'-:  -ol.:'.-ii:  . l.l--;i,:..-:i. t-i.v:. i'.ar ;il'.r.i^U0" ill t h-- i.-; -ir;-I *K-t '.- v',.j tic\: ^!'            *. y.iv* Ur.rwu, V.^t^.rt 61 (.Iv '.;.ill')- .li./. t!  : ra!'''ii!'i U;.o i]i         u;.-,i:.r ^-r--.-:i r-' r-:-.- D,'.1 (~'.trt* w-i-'i r-vi.i v.i.M.r n,~i:rK u. \V!:c:;-.' r  cti^i^It. i^ i.i i.' ^j-1  ~')ur  liii i. l.;.,i,l.v vc I'..-i'i ~'.:d Wimrntr o;r::::i'i.-.  t:."  L.-U1 loi.';. ;a:J W.T.'.S ll Inv.-lv AiV OU. i-kiv.i wri-', v.-:.;,. u; t^ UK. 1-'UI -n l-.^-'i-'l'. j ii-*ti.-J w j.;1!,''; Write For 3 FREE SampJei J':n s^r.'I ^c  v:t!i --o.:r r.u-xr ^no vi-1-  , jr-l tT^Tv:;, ra::ir:-~ cl DR. ITltl) iV.mrr'- ^klr) \VI::ienT OIntaT.t. Scop  i-' l'o~"i'~ '~.11 ni h vri K i--jrj ' ~..~::-cr.,!:...- W.       \U..VlRJJ80R.\. ^-v, Drpt.    .-1O3, At'anta,</t>
  </si>
  <si>
    <t>                                           4k* FOR EARLY 4k- g O3RB$T*3AS SHOPPERS 3 SauZ's SoZt-cs your GtYZ Problem Combining Usefulness and Economy FOR HER: 1 Bags Black, brown,  $ 1 .00 5 Kid Gloves All colors and styles. .$1.79   ; Fabric Gloves 'Black and brown 69c 35 Umbrellas 16-rib Gloria 5 $1.00. $1.29. $1.59. $1.95    Silk Umbrellas v..~. $2.95 3 Silk Tailored $1.95 to $3.95     Rannel. all-wool $2.95-$4.95 $  Blanket Robes. $ 1 .95-$2.95 g "UWSiU Corduroys .$3.95 Corduroy Pajamas $3.95 g Pure Silk Slips, lace $1.00 to $1.79 % j Rayon and Silk Panties. 50c i Rayon Bloomers 50c Skirts All-wool, flannel, all colors, sizes 26 to 32 $1-95 j Suede Jackets, with or without 2J j tippers $1-95 and $2.95 j Raincoats $ 1 -95 to $7.95 S I Hosiery the ideal gift, chiffons and 3 i service weights 59c- 2 for $1.00 79c- 2 for $1.50 5 I FOR CHILDREN: j I Dolls- from ...59c to $12.95 I I Pastel Sweeter and Tam Sets1 $1.00 j Aii-Woel Leggin Sets $1.95 and $2.95 Paste! and Bark Silk Dresses, to 6 years $ 1 jOO S Brother and Sister Suits ...,.s. -$J-95 j AK-Silk Baby Creepers ,.$1.00 Girls' Suede Jackets with Tam .$1.95 Girls' Raincoats, Checks and Tweeds .$1.00 1 1 Feeding Pla/es and Toys .59-c s FOR MOTHER: 6 Lovely .Dresses All Siies Special ...$4.95 I WOMEN S AND MISSES:! I Smarr Fur-Tnmrrcd Coats. Silk Lined 3 and Inner-Lined. Sizes 14 to 54. Priced S\ 4.95 to $58!'0O    J I FOR THE MAN OR BOY: P Boys' Zipper Jackets $1.95 and $2.95 % Boys' All-Wool Sweaters $1.50 and $1.95 3 f, Boys' Riding Pants ,,~-~~~,.$ 1 .95 Boys' All-Wool Knickers og s Boys' Long Pants 51 Boys' Raincoat with Hat .....,m^.l. .$2.45 J H Boys' SHcep-Linsd Coats ..$2.79 g Wen's Broadcloth Shirts 79c and 97c Men's Paiomas .$1.00 and $1.49 j Men's Flanne' Robes $2.95 and $3.95 S Men's Kid Gloves $1.00 j % Men's and Boys' Ties 49c  89c Men's All-Woo! Sweaters $1.95 and J7.95 j S Boys' Suits S5.9S ro Sl*.50 7* i j? ~^^^B ^SS^A ^S^^B ^^^^a 4^^^D      gf wKk ^^^^F WmH ^^H^^ 1 31-93 Whitehall St. S. Wj "House of a Thousand Gifts" % "r ni ifT--^*</t>
  </si>
  <si>
    <t>                                           ^'"-^"..'^.'i.i'^'.'i'.r^Cj "~-(k. .Vj^-. i- j j 'It.'.l..     .-.I</t>
  </si>
  <si>
    <t>                                           IN L1                 I l.o-.-.'ly Anim M;iy WViii:. ~[:i::ity Cliiiiosi- slar is i in a sti-llar ruli- i:i "LiaiclKMiM; UIul-s" tli--        's nic.- playing 1;im .-N roi!:iy. ~::~-or-~- K;il"; ;m.J J..;m I l*;::" ;i  ai--   'V'aLuroiJ ill lln1 I'icLui'i;. '!'ii,~ .\~1il y playing i 1 1  I I'aic" i--r.'W i.'i:ly.</t>
  </si>
  <si>
    <t>                                           I am writing this article just at I think the story would appear when written by a white reporter for a white newspaper. If any readers are wont to take offense, I long of you to remember that this is my idea of the way that a white reporter would write up...</t>
  </si>
  <si>
    <t>                                           VISIBLE NOW                 CUiude Raiai. who played Lit lint screen role the "Invisible Man" in the fim of the      Nvw Aabby *      a!(ht in     wr^-idrd     as a clever  lawyer in -Cruse Without   *~   .' which * last       today.                 R*r. L N. Demr toy* r fcoM fond *? 4a. DU tut 20  that oas  the i-   if Dr^ MtZa AstUPMa flU.          a isr*       for SnSeretB           . Toothacbc. Backscb*, . Riwumaaim. r-^K-y^ Icmltii. MusmUr Puln, Pertdie Pain*, write that they haw  d Dr. MUm Antl-Pain POb  ietto;         k^ vco hoped  oc Ceantlea Anukiu   would mar*        without D* Sties Anti-Pain Pltb    n  floor or togar Kgro a  to            and          ^ ^r^~oro-</t>
  </si>
  <si>
    <t>                                           Last week I gave a brief outline of what was accomplished by the Negro writers in 1934. This week I will try to give some idea as to what the chances are for 1935.</t>
  </si>
  <si>
    <t>                                           Famous Oriental Herbs-Nature's Remedies, Herbs, Roots, Barks And Blood Tonic j^i^r"' MESSAGE TO THE SUFFERERS You  not be ^t-'d about your j SH Si j health. Cheer up. There is help for you. J^K*?:S j This is  old reliable Chinese Herb SpvcialTags?* 'St V-'"1 ''iS famous nn(1 harmless herbs anil ^~~S3~$3 roots,  which have been used for $$ft- rrf\ centuries, and are highly  for     'a   nJ' tl'" c of  syst*-'1".      as the Lunpa, ^r*"KI Stomach, Heart, Liver, Kidneys, Blood PoisDOCTOR Rheumatism, Catarralt, Wcaknesg, NerT. Y. YOUNG , Bladder Trouble, ConntipaFAMOUS HERB tion, Appendioitis, Slcin Diseases, Female Sgf Ym  n TroubIe a uI n" troubles. i Atlanta To those whom it concern: Call at once. Don't (jive up hope if others fail. The result is  to all who try it. j MALE OR FEMALE- CALL OR WRITE DR. T. Y. YOUNG I WITH ORIENTAL HERB CO. CHINESE HERBS- ONLY NATURE REMEDY FOR EVERY DISEASE OF THE HUMAN BODY 132 Edgewood Ave. Phone: WAlnut 2189 Atlanta,   . I Daily Hour.: 8 A. M. to 7 P. M.                    MBBBHHMaMMMaMk</t>
  </si>
  <si>
    <t>                                           IV-d/VCStX leadership in IJviny Finds GEORGIA at the Front! ? per - eivins Georgia u Iioiim: ii doesn't ir.c.m,  commanding lead in worthwhile living, lone rows of l., today      ^.. Atlanta and its met ro[~olit.-\n area row and t hr- day after that, . /I^aX  :tVcr.'iK or.1.3 kilowatt  .*. scrubbing your wft^5i^   !^ hours -r than the Georgia aver- hand, u. ^et rid of Ihe smell of  -~ r"r '~'?'    f lan national 'one, trying to  thai.  mcll out of ,\jl^  5 k V;  T*ut AtIien* an i l"^ territory that It  f. mean carrying  ^Jja^V ''^N* t^Hr '~S?"?" "tends from Madison and Greensboro buckets of water from the well Hf^ra ^^^^V'^fe "Tit Ll'  ~':011111 on "p lo "le Northeast it doesn't mean milk soured, foods vt ^   '-'7i-i ^^^Wfcfe^ir -^'jfr r'''/'""-''a mountains            Atlanta, spoiled, no letter refrigerator than *~gk ^^a^Tr^~r.r\S*  ^!K It scored an average of 0C0 kilowatt Hie old spring house. ^Hl^ \M'*^g^~'.^a^^8 i Oiir.- in a thinly populated Georgia It.      't moan wood to be cut. j^?A^ ^^^' ^ "*Cl t'1''1 l?OVl:r; S-1f)l1    "aro miles! fire* to lx- made, ashes to b* carried J O;y/^^^/^^^^7'r  n th"'" Coor-':l tow"';-  ';wc:lt' "O01 !ini1 crime in the % i,jg8   S^~~~!^ -^~~~f Ul!:C"  du:i!1.v- scored '-000 k;  - kitchen, l. heat on baking T t "~-fcTr^^S^    I^R W"lt '     ; r r  GeonzLa towns days, nearly as hot on other days, bad ;^K^  ~"an ~'~''iy.that. their citizen s use nearly in winter, worse in summer. iaa9 R^a8Sl^fe*^^7~?  !lS Inuc1' electric ser\-iee as the It doe.-n't. mean a never-ending  for all American homes. daily round of : duties for  TO- .'c-tco ne-c- l-ov.r- I nra-n All(1 1-OL T5. GEORGIA. u?m""    ihe home youn"K ~^~       P"~~^on of ,0,0, leads the JJ^^ M ^     -, in a home is c,r,co,!,-d l0 ;i an averse of J.70O          . ;i hii-hly si- mea.~urc of il.at 1;0llp; a Vl':'r'    1''1''        ? hot,,i.'~ -Kcin- and        .-ivc- rnr f"001"-'^- "Cirly three limes the .Vk.Uic women who  :..--. That, v.ord (in? f.-o:tie dov.n  '""'t^'1 S'-ite- average a  rank- keeping before electric service came iii-'!i ril-ice-- it Ins V-'.-n ii-n-nl I ''"-.-.n. nation-wide or world- ln ^k  dau^liters, or the sons, of m.- who cooked and kept :''"J '''";t''       in that, old-fashioned war. V\'n:.t does it n.ean in Goor^'iar THEY will tell you   what Geo"rlt means that Gcu-iu homes. Ullnt  io lh'^ fi^.iros      '.     S^'s record really ." ured t.iv tint "viri slic1- kilowatt  and -emi-- ",i. ni-.V -Vrc thev  a peg oa which to Mwk'ii^^^S^^  tl.i- .actor.- Unt    :c up RtAL j  f I '(T."- U 1 1 k ^OTt^'^-^^ -he l-"; i't me^n^tlm fi ror! ,A-S u Sulde- !'Cre x^'     ^^^^^^'^li achievement      NO1 : ^^X^^l^sa^   ^~ ,s ,n the fore,r,-,nt t,e nations j, mik.,,v oU      _ i^^^^^^S .-u.v.ir.ce toward tfe i,,-u- and better aim and smoky __:it night it ^^^^J^^^ l"l!"=s- doesn't mean  the children tu ^~~cS^^-^'I^^^-^''"! Georgia is :^ ^xds for the re-t '~fd in the dark for fear they will tip -j of the nation to strive for.'  tnc ' :'n^ vCl to yj LDuring ]0   4. tin- H0.000 hemes I served by the Georgia Power Company TheSC ToW'TlS Rank Highest used an  of SSS.S kilowatt hours h, u^..^ u.w. gwl M wp !00 per home. Thp re-:-of the . on v"~"': r"" '"-'""~uu tue aver.-.jrc, i:-rd c.;iiv     kilowatt *i--=- mm    ix.:~. nu to Au^" '~r* NUnr r.*-f '.?S u 1        HOT t\ Sw3 t AV3J ^^C % BiB ^SflB^9b  S* 1 'i^~\^^  ..i ^-n.r.i li.l... _j l^^.' 10U 0 s^^^Bfejaag?Sj Georgia Power Company MOKE  MORE LE1SI RE FOtt GEORGIA HOMES</t>
  </si>
  <si>
    <t>                                           Red Tom the Idol of the fight fans in the Magic city will take on Fast Black, that vicious black panther of New Orleans who claims the southern heavyweight championship: on Tuesday night (tonight) at the Masonic Temple Arena.</t>
  </si>
  <si>
    <t>                                           1 ]\L  ET  UC JJ2Sl TLa REA LM</t>
  </si>
  <si>
    <t>                                           Met with Mr. Arthur Williamson, Electric avenue, Friday night. February 22. The president presided while the regular routine of the devotions and the discussion business was carried cut. Brief but interesting as well as constructive remarks were made by several of the...</t>
  </si>
  <si>
    <t>                                           Madam Zella IWL.MIST ;infl 1U  ADVISOR Consult  woman wlm known, 5livni.il Thuf.-ifl.iy           ad.     *c question*  VTVj answered free. Will H 1 VI tr"      past n:. you H I I J J alone know it, your W M present just ,15 it U. L'f^ I your future just  i ^^^_^^H you          *. Will   (rM you thr      :au5p of your misfortune,   'Iui'e or Inclt nf success, ff     w;i'i( f.. ,mm!      promises, consult     -. : if you Pi***  iow"-Iirrtrtcd, ^ trouble i'~ love ,  . THIS MESSAGE IS FO.'i VOU. Gives      antl luck y numbers. All readings    .~r. intend or no . Not in ti;nl. l.~oU for   Get off Cur At IVwiMrrn Avr Pfachlrec RnaiJ 2971 . ROAD</t>
  </si>
  <si>
    <t>                                           "Y" Drive Group Will Meet Today                 The Advance-Week of Y.W.C.A. 1  " Mcmln.- Campaign guts underway at  when the. (Jontiiljuting Membership Committee will nice! for its first report. Tliis committee will sot Itself to reach the      set. by General Chairman C. \V. I'owell and his able Associate General Chairman It. M. Ivey aud John Hope, Jr. Those expected at the meeting today are: Dr. C. W. I'owell, (.hairman of the committee C. S. Cox, general chairman ot the 1831 campaign; A. T. Walden, W. A. Bell, Dean J. P. Brawley, Prof. C. L. Harper. T. J. Ferguson, Dr. George L. HiRhtower, Dr. Nathaniel LaAIar, P. M. Dtvis, John Hope,                 Jr., H. .M. Ivey.   ?an K. C. Mitchell, .1. B. Klaytuu. This committee will make its retorts daily from 1:2 to X p.m., during the week of April 112. The; divisional leaders, J. C. Johnson,  J. L. H'irper. P. M. Davis of Division "A" and E. Luther Brooks, T. M. Alexander ot Division "B" were present Sunday with  captains who selected  workers. The  are lo report ,- , April 23, S p.m. all  workers -up and with full  ready for the coaching conference. Mr. J. Colry wfls arnoni; the popular campaigners of last year s organization . Division "     led with rue larger group present.</t>
  </si>
  <si>
    <t>                                           The Artistic Guild had a delightful Easter Egg Hunt in the back yard of Mrs. Richardson's home at 457 Bedford Place, Thursday. All of the guests had arrived at 4:15 p. m. Games were enjoyed while Meadameg Davis and Richardson were hiding...</t>
  </si>
  <si>
    <t>                                           i.  ep a  a, h_ - t</t>
  </si>
  <si>
    <t>                                           Mptigt MURDER  Pi"^'^ ^MATTER/ /JPf;^^3~\ t? ^v STAGE ^^ff^H^ K I ill   1 i OHl rbi) hoi1 'j^BP^^^^^Bl  HAND! ^^~~           _~    START^TODAY^"^ I Capitol Theatre</t>
  </si>
  <si>
    <t>                                           SUNDAY? FEBRUARY 24. 1935 ATLANTA DAILY WORLD. ATLANTA. C.A.     SE</t>
  </si>
  <si>
    <t>                                           FLORIDA S ORANGE Captain Fairdoth will lead     Florida A. M. College comrade* Into- battle at the Orange Blotaom Tournament when Virginia State  the opposition.                 SILAS GREEN FROM NEW ORLEANS- The Silas Green band paused long enough for this picture for the Greenville (Miss) Leader.                 it is handled by Sargemnt King. Photo by Gipson.                 FROM GREENSBORO Mln Bculah Harris U now in Blrmingham Ala.                 PLEASING  Was Hizel Monroe Is a teacher In the Uaynard School in Knoxville. Tenn, add 1  as pleasant as she looks.                 WILLIAM J. GRIMMETTE, papular Yates Milton employee in Atlanta. Morehouse man and a hit with the ladies.</t>
  </si>
  <si>
    <t>                                           The cosy home of Mrs. Ida Pope prominent Highland avenue matron, proved to be the rendezvous of a large number of the young social set of the city wednesday night, when she entertained for her popular and talented co-en daughter. Louise Rebecca, the...</t>
  </si>
  <si>
    <t>                                           OLD CHRISMAN HALL. Many ex-Clark University students will mourn to not* that this old building in which many of them lived and hoped was recently burned to the ground by fire of unknown origin.</t>
  </si>
  <si>
    <t>                                           WHY THE FULTON GRAND JURY VOTED A TRUE BILL AGAINST GEORGE MADDOX, Jr., IN THE SLAYING OF MR. W. A. SCOTT                 1. Hb unexplained visit to Atlanta on the day that \V. A. I Scott was foully shot in the back after an absence of two years and his harried departure early the next morning.                 2. Statement made by Mr. Scott to his 23-year old bride of five months a few hours before his death in which he said. -Acnes. George made Rood his threat.'* 3. Death bed statement made by Mr. Scott in the presence of six witnesses. In answer to a point-blank question propounded by C A. Scott, the dying publisher stated. ^Rcorge shot me." 4. Young Maddox's anxiety about the condition of Mr. Scott, shown Ity his repeated calls to the Birmingham World office the rooming following the shooting, even before representatives in that office knew that Mr. Scott had been wounded. His quick assurance to Games T. Bradford, manager of the Birmingham (Continued on Page 2.     4 and 15)                 WHY THE FULTON GRAND JURY (Continued from Page 1) "World office that he "had nothing to do with it." 5. Hostility of the Maddox family toward Mr. Scott's marriage to Agnes shown by a letter written' by Mrs. Bessie Maddox to her daughter while she was on her honeymoon in Cuba, plus the apparent anger of the elder Maddox on a visit to the Atlanta World office after learning that Mr. Scott was out of the city. G. Testimony of four witnesses placing Maddox only a short distance from 1S1 Ashby street, Mr. Scott's residence, and the scene of the shooting only a few j minutes before Mr. Scott was waylaid as be was com- J ing out of his garage and shot down. Maddox had denied to detectives that he had ever gone to the west side of the city on the night of the slaying. 7. Peculiar circumstance of Mr. Scott's weapon. Threatened before. Mr. Scott had been carrying his gun as he entered his garage every night previous to the one he I was shot. On the night he was shot the gun was pack- ed      in a bag containing soiled clothing allegedly I packed by his new bride, who refused to return home I with him that night, giving as her reason that she had to help her mother hang up some clothes the next morn- ing. She spent the night with her parents on Clarke street. 4 8- Peculiar circumstances of Mr. Scott's failing to cry out when shot, as if he was wishing to shield someone. Who? *^-*a 9. Mr. Scott's constant fear while at the hospital that! someone was still pursuing him. He knew George Maddox. Jr., as the indicted suspect had once been em- 1 ployed by him. I JO. George Maddox, Jr.'s rather sudden departure back' to Chicago following the coroner s inquest.</t>
  </si>
  <si>
    <t>                                           1. His unexplained visit to Atlanta on the day that W. A. Scott was foully shot in the back after an absence of two years and his hurried departure early the next morning.</t>
  </si>
  <si>
    <t>                                           MR. HARRY L. HOPKIN'S flat refused to gram the funds sought by State Superintendent of Education, Dr. M. D. Collins for the completion of the present session of school, is indeed a blow to all concerned. Mr. Hopkins intimates that we have not done "our part" by our children and he sees the reason, why the national government should camp in and help people who in fact are not helping themselves. This statement drew the fire of Gev. Eagene Tabnadge of Georgia, who suggests that Hopkins ...</t>
  </si>
  <si>
    <t>                                           ^SffS^ WDH1M PAGE TWO THE ATLANTA DAfLY WORLD, ATLANTA, GA. THlJRSbl\YrAi720!</t>
  </si>
  <si>
    <t>                                           Rev. R. R. Holmes, founder and president of the Holmes Institute, returned to the city last week from Little Rock, Ark., where he attended the Bishops Council of the A. M. E. Church. On his return to the city he stopped in Clarksville, Miss., where he was...</t>
  </si>
  <si>
    <t>                                           THE Atlanta World, in its incipiency elected a course of service. Its foundation, laid in the debris of one of the greatest panics the country has ever known, was miraculous. In so short a time the people were able to react to that service it elected in enabling it to equip itself with the best and modern utilities. These could not be obtained by any other source than from the returns of those fine people who interpreted in the World's course a real constructive service. The World has been encouraged front the...</t>
  </si>
  <si>
    <t>                                           Just before whistle time Monday night at Sunset Park where the All-Time basketball sensations of Clark and Morris Brown mingle in warfare, the dignified persons of Presidents M. S. Davage and W. A. Fountain are to be seen in a moment of competitive endeavor. The two over worked leaders of Morris Brown and Clark are to forget their trouble, for a moment and afford interesting eye food for the hundreds who will he there</t>
  </si>
  <si>
    <t>                                           MOTHER S DAY SPECIAL 2 FOR 1 !jj^^j jNk Two Photographs for the .nice of One.      6fj'^' Have Mother's Picture made or have 4\ "H/lf] il yours made and give Mother for \^     : MOTHER S DAY! KELLY S STUDIO 239 Auburn Ave. SAM S SHOE SHOP White Oak Soles- 50c. Rubber Heels- 25c Ladies Heels- 15c Call For and Deliver Z3O Edittwood    . Front of Curb Market PHONE WA. 0991</t>
  </si>
  <si>
    <t>                                           The students of A. U. L. H. S. have returned to school after the Christmas holidays with fresh determination for another successful semester's work, and a bright outlook for the New Year. Many of the students spent the holiday season at their various...</t>
  </si>
  <si>
    <t>                                           TO PLAY BIG ROLE IN NEW DEAlIi                 TUSKEGEE TO HELP NEW DEAL                 Three Big Movements To Aid' Man Further Down Under Way                 MUCH INVOLVED                 ;ki-: .       Kviclnitly ; ihc  th:it tin* vai-ious programs Itciui; .uti-d by tlic TcrliTjil Kuviirntnciit for the  of "Hie man  down,"  apply especially to the N'esro.           :ind  associated- at   TtiskOKCe Inslitutc                 have been active in  their  to the  , in the development of  of tl i- "socialized" projects '~~-'::z proposed these days i,t Wash- . Many of the movements being initiate^ nt Washington un- dcr the benish influence or F'resi- j dent [{ and his  trust- ers are ideal when outlined in perspective, tint they have :i dis- j  habit of thinning out before they reach lhat strata of the general population in which Hie Negro lias  habitat. Tile NftA anil the AAA are poignant examples. NKA cost. Negr-jcs jobs. The AAA's crop reduction lias saved ^i , liut it has wrecked *ome forty per (rent of Icimnt and  farmers. At Tuskep'e Ilier have  ( these fedora] proposals mid keeping  of them and i tin,*  is an amazing a mount of activity in numerous directions I which bids fair to he of great service to tin- farm population of i M:icon county and the slate of Aliiliama arid In  an exam- I pie of possibilities to the South in j OTheral. I Three [:re!it  are un- der wny here, one  a Self-       Cooperative Association, in which 00 colored farm families have combined to develop a        . farm community a few miles from the school. Sixty-seven thousand dollars capital, has been grand"' hv the FK.ftA. Another is the TnsUe^ee T- UniL which comprehends three different . one near the school,  at I. county and still  nt. Monlpromery- Tin- third is Hik "TnsUcgri- Planned l. " in which approximately COO Ni'cro farm  residing in Jlacon .y where Tuskejee Insitntc is  ivill he  j As approved the plan calls for tin- expenditure nf $^(ifi.(HHi to purchase or some (iii.diii) acres nf sul-. marginal and resettlement lands. j The families that an- now occupying  lands will he moved off gradually and  On I more :tive sites. The plan is to reconstruct buth tlic economic and social life of these  will be better homes, better farm equipment, belter livestock, better schools and              centers, thus making the '  demonstration for other sections of the cot!o" belt. In launching this movement, no effort is being made by the sponsors to instruct these pen. pie along academic lines. Instead, i-.ttention will lie dh-cted towards Improving the 111 physical condi. 1 (Continued on page 5 Col. 7)                 Tuskegee To i (       .ed from  1) lion-' :-i- . i,,;i  of    :ii!   nuv.' live. Oeclit f'\-  -fi i* flu,. tile l-"(-iii-i:)l i-'m i-ri mi -n t  A\:i,n A. ll.-. lii-i.m. :~1  -!iir Hi' Illi' C.S. iK pHl tIT1 1 1 I" .\-TiiMllinc ,.r ' A. A. A. I.n-iil I'nlu-v Si-.-1imi. '~'iii' sp"us(ir.~ or ^ ! lire Tii-ki-u iv 1. ii'~)n',-il l,v I)r II. li. .Mn;.,, ,1, ~\Villi:im II. car- ti'!1. 'I'. M. I Mllipli.-ll, ill ^O Uf T'S. Kv.i-ii^ A'jiiits ;     one or thf -i u-i-i'n] men in the deep i KiMith Hi-, r. li l . newly el.-.- !.~-.-iil Tli:nl Hull.    - rpi-tor iif 1 1          Iti'licf Ad- -ii:! I:. K. Ci-'. I'i-  of A!:ili:im:i l;ur;il Ili'huiiilitm ion I,. Iii.inc.ui. I  . Aln]wp;:i Intension Si-: 1 1. I". l.asl-.'y. . of I'mlintc Conn. Tuski- mum \V:       r\ .    1:. c hiiii-r.l.ui. Mu-uii t.'  Kincnne. 'I'llr           -1 i-:t);w' nn ill''  r.nd .^.'il nf  N--- i sro  ris. ''        "f T. N. !:ob- I crt;s,  manager: .)..hii M. Brnrks Wliitt   . r."l".'   . l::ii!-..ia S. .. . S II. ll-n-l-.   Vk^: K'nlii'i-i ~;.n-,~r. \  'r of '-ns: l-.:i!n- U'i'l.i.. .. a.-Isislant. K. f. -i-.               apl'~-:i;-"r:  n-s W. M.nln-. TTI1  A. shilly Pai-Uei-, ffO"!1!.'!.' T. l!l y:nil. l:""l "\;.'rs \^'i! 1'. 'rii"int"ii. -rx       (~~-'ill'-i'l-: .l.'ln, U\ Ciiill.nidl.'. -loin: V-.     ..\v:iy, dm fUni ii  Ji i- II. .Miltniny.  : r  K'liu'via N ,i"aner. I'dr i-k rii. T'lli- 'I'll-k'-^e!' i'\pi- n: will, it is li"'..i'l, -Miiiiil.   ' '^t in i OtllLT  l-iti-'S  seel il)~  .</t>
  </si>
  <si>
    <t>                                           TUSKEGEE INST. --(ANP) -- Evidently taking the position that the various Programs being instituted by the federal government for the aid of "the man farthest down", should apply especially to the Negro, officials and others associated- at Fuskegee Institute...</t>
  </si>
  <si>
    <t>                                           I -f A H A'JtA i 1 1 Wll Q LAST TIMES TODAY jJB^^m Ba Q EB9V ^A ^9B ^H ^^^m/ Sll u CLARK GABLE '  U N: C.  IN hOURS^</t>
  </si>
  <si>
    <t>                                           Last Sunday was an interest ... day Jay at his church inspite of the inclement weather. The sprit of Christ was present in the Sunday school. Rev. T. Arnold was the ... speaker at the morning ser fees. His discourse was centered around the living Christ.</t>
  </si>
  <si>
    <t>                                           Build Repair Modernize CAROLINA PORTLAND CEMENT COMPANY C:in Mipply everything fur building Call Walnut 8212 Get Quality and Service for your Money1 j Us* our murr.hly payment plan. I</t>
  </si>
  <si>
    <t>                                           NEEDLE AND THREAD- The J-H Club, champions in dress- v making in Carrollton, Ga.                 CRUSADER TOE JUSTICE U Pearl Kitchen, president of the Cleveland branch, ., is .a  worker for nee advancement. Pfaoto by Cole,         , Otrio.                 -6CHOOL HISS- Mus lUry Pott* EBjhtower, charming and talented daughter of Dr. mad tin. J. S. EPrhtower, is a. member of Kerry Hfch  in Jaekaoa, Teaa.                 BUSINESS MAN James D. Teagne of Knoxville, Tenn, who operates a modern cleaning; dying and pressing establishment at 203 Uaiverxitj- Aveanc, in his                  JUNIOR-      Good. Jr.. son ot N Mr. and Mn. E. K. Good of Atton Paik. in Omttapoot*, Tens.</t>
  </si>
  <si>
    <t>                                           Mayor Key's Baseball Proclamation                 WHEREAS. The Atlanta Black Crackers Base Kail Club is a member of the Southern League, thereby being associated with the following Clubs, viz: Memphis, Chattanooga, Birmingham, Montgomery, New Orleans. Knoxvillc and Monroe, La. WHEREAS, the  1 35 is the first year that the Atlanta Black Crackers have been associated with the said league; and WHEREAS. May 7, 1935 is the day of the opening: game of this season; and, WHEREAS, a motorcade moving from Booker Washington High School to Spiller's Field. May 7, 1935. .it 2:30 P. M. o clock, will greatly increase interest and promote pride among the Citizenry for their home team; and, WHEREAS, it being the purpose of the Atlanta Black Crackers to raise funds to complete an Athletic Field that will serve Booker Washington High School Students and the Community at large for recreational purposes; and, WHEREAS, the game will be played at Spiller's Field at 4 P. M., May 7. THEREFORE, I, James L. Key, do hereby permit the said motorcade to move from Washington High School to Spiller's Field, May 7, 2:30 P M. THEREFORE, I. James L. Key, would like to see all business concerns of Atlanta grant colored employes a half holiday to attend in interest of civic pride. Given under my hand this 3rd day of May. 1935.                 .IAS. L. KEY Mayor of Atlanta.</t>
  </si>
  <si>
    <t>                                           ^ Cloudy and cooler with temperature extremes      52 and 75 degrees. George W. Mmdling, Dnlled state: MeteorolojUt</t>
  </si>
  <si>
    <t>                                           1 J-tT     .i_ltm-    - i '^tt--- ;V TuESIXAY</t>
  </si>
  <si>
    <t>                                           NEW YORK, Jan.--(ANP)--In the classification of boxers for 1931, compiled by the boxing magazine, "Ring," Negro boxers were few and far between. Gone were the names of those who shone brightly only months ago, such as Kid Chocolate, Corilla...</t>
  </si>
  <si>
    <t>                                           Founders Day; At Clark U! This Morning                 Founders" Day Exercise* will br. held at Clark, university at D:45 this meeting in CrORinnn chapel with Bishop P. T. K'-eney. presiding.                 This year s event, marks another milestone in the history of this i institution of higher education for the youth or this section was found-  d in i860 and the brilliant, event will be featured by i: financial roll I  of      ministers of the Sav-  and Atlanta districts or the j M. E. church. The principal address will be rii"-  by Dr. A. S. Woodard. pas- i lor or the Meridian street M. E. church of Indianapolis. Indiana, i The program will cp.'n with a i hymn by Rev. N. J. Crollcy. pastor South Atlanta M. V:. church, who j will line the first hymn.    - scrip- ture reading will be by Dr. Willis I J. King, president of ihe Ctimnio:. i (Continued on      4; Col. 2)                 Founders Day j 'Continoee from Pajt 1) Si-jT.-.^r.. ^ary Arr.- j :=:; Soei-~.  ill pray. Tii- res; of tie :r. L-    ::   -- Ar.'.r.cm. "RKessioaaT D* :-.-c. C.irfc ur.i-.-:v Cherts; .?.   ?i^       3;-: rentiers. A'^nia. Universitv ar.i .her !oc;I coU-.-;  . Dr. Johr. K^?-?. ro.-^its.: of A:^ir.;a ? "~r,: al'^sr.i. prof. Charles L. Gitl- en;.  Sl 'WashiEston hic= T^nuj; r-c::oo". Atiar.ta . j Hv. J. F. D*    . Miperln;    :r.- Ltia=;a dy-tnc: sni Savar.nah cor.-     .c;.   " E. w. McMiUes. or TVarren Tecipic M. E. c!'.    . .. Ge. Anrhem. -Z:on. Acre's* Cos:j. Jr. v Ciiorus:  Dr. V:; sons Alma Mater: re- r.ark5, President M. S. Davasc ; " roll call of con- erences: spiritual "Doivt B .'.Ya-.- Trawler"     . Umvcrsity I :honis. and benediction. R'."1. C. Z. Giis-. superintendent cf j he Wayncsiors district of the Siv- i jp.nah conference. j ifor'.s of ;\i'.i ar.d friends, a.- ^ei! minister.'- in the staw and out of the state are expected t. ali'-rui :his event today and the public i- invited to witness ti)i.: I .</t>
  </si>
  <si>
    <t>                                           Founders' Day Exercise will held at Clark university at 3:45 this morning in Crogman chapel with Bishop F. T. Keeney, presiding.</t>
  </si>
  <si>
    <t>                                           Last Thursday evening Mrs. Mary Brake Williams honored her son-in-law and daughter. Mr. and Mrs. Worinser Bradley, with one of the receptions of the spring at the spacious Terry Street home of Mr. and Mrs. James Brown.</t>
  </si>
  <si>
    <t>                                           "We need "mass" action to fight this economic lynching, of Negross," John P. Davis, executive secretary of the Joint Committee on National Recovery told an audience of nearly 150 Tuesday night at Centenary "M.E. Church.</t>
  </si>
  <si>
    <t>                                           HAS "SECRET BRIDE" ROLE                 ISarhara Stanwyck, who has the dramatic role of a woman, who trios null (he shades down on her forbidden love -Jir.-3.-r, in "'(lie Sccrt-1 Krjde,"    - romantic picture  today at I'.ailey-s New Ashl.y ll,,-a(r.-. Wa.r.-,, Willi.-.n.              her.</t>
  </si>
  <si>
    <t>                                           TIM TYLER S LUCK By Lym Youn8                 MESCAL IKE s By Huntley                 FELlk, THE CAT                           B" Hungertord                 PETER PEN                 THE  GIRLS</t>
  </si>
  <si>
    <t>                                           WE SAYS PRICES TALK! Sale! 500 Misses' Acetate Crepe DRESSES ./f  Sizes /fl 14 to 20 u\ On/y/ it II Seven enchanting styles I I 1 to choose from priced I I I to make town talk! ft I Neatly tailored you ll III I I wear (hem everywhere I I I this summer with chid I I I WASHABLE which I means DOUBLE value! r^l -JiiA ''ink! White! V I Maize! Rose! Powder Blue!</t>
  </si>
  <si>
    <t>                                           Crackers' Box Score r  ah r. h. po. a. r. V aril, rf. it 1 2 II ll Clancy. 1h 2 2 13 0 Ituble. If I 2 2 II 1 i Trapp, 3b .1 2 2 0 .1 it Scott, rf. Z I 1 II II Recall, 2b S n 2 2 I  1 l li i AIMiiiftvky. ss I 1 s r. I 1 Wilsmi. p 3 Z 'I 0 3 II While. II n II n    n Totals 1^ II 17 37 15 1  ab. r. h. po a. r. ll.Tntrl, rf 4 3 J 3 Tiill. 3b    1 2 n 2 'I . i i i ii n i !.        . 2li t 2 t 3 n Harris rf 5 II r. 2 II II Moori*. if 2 II II 1 0 0 .lames. If s 1 2 I I) 0 PalinlNann. 2 II 0 3 2 (I MrCnskill. 2 1 II I II il Chatham.    I I 1 1 S3 Durham, p. 0 II s 1 t . p 1 n 0 2 li Kcllry. p 2 0 10 0 0 /       1 (I II II II II "r. .12 n is 2: is 5 /Railed fur I. in Xth J Itirmincham 2110 421 00" 12 i Atlanta 000 Jill 3(M_ 3      hatted in. Ruble 5. F.pps. I.) 2. Seotl. Rcsan  Z. Claney. Hooks. Harris. Kellry: n-li.-~e hits.        4. .lames 2: three 1 liase hits. Rubin. Harris. Ward: home run. : . Ward. 1 Wilson: double     *s. Reagan to Mallnnsky; left nn ha.ses. Atlanta 7, RiruiiiiEham X: bases 1111 balls, off I Lijidsey 2: strikeouts, by Durham I. by l. t. bv Krliry 2; hits. j "ff Durham- 11 in innings with I K rims. I. 5 in 3  with I 1 runs. Wilstm 13 in K 2-3  with n runs: winning . wil;oti: IonIiis pitcher, nurham. Vmpires. . and Bond. Time of i  nic 2:03</t>
  </si>
  <si>
    <t>                                           Decatur Pastor is Lauded by Church; at Housewarming                 Rcr. and Mrs. J. R. Wllcher      pleasantly surprised Wednesday night when members of the church gave them a shower of          disc and other- gifts at the new parsonage at 124 Cooper street, Decatur. This affair, which was sponsored by" TKe."". number one, of which Jirs. Violet Brooks is president. Is the first of a series or events to be given to make tho parsonage of  A. M. E.  one of the best In this section. i The parsonage is one of the major accomplishments of Rev. WUcher. who. after serving the New Hope AME church at Buckhcad for. a number of years so successfully, was transferred to the Deca'ur at the annual conference lust fall. The new ;.tructure' is practically complete and the citizens of Decatur nre proud of their pastor and the fine work he Is doing ut Antioch. An Interesting program, featured by short talks, songs, and games, marked the "house ."                 JO1CES By X. r.  The only time Brother B*ll would be quirt was when, the Judge uld  Six month* without fine."</t>
  </si>
  <si>
    <t>                                           70,000 Fans Expected To See Joe Louis Fight Primo Carnera                 JOE LOUIS PICKED AS WINNtfl                 $400,000 House Seeri For Big Encounter Tomorrow Night                 NO KNOCKOUT!                 By LUCIUS JONES                 Tomorrow night, Joseph l.Mtis Barrows, youthful Detroit, Michigan colored heavyweight fighter, who. since his recent bid for international ring fame has come to be known to the Cauliflower industry as "Joe Louis", will step into a New York arena and battle                 the Riant Italian, Prlmo Camera, for the  to meet Max Baer, California's deposed heavyweight , in a conscientious effort to eventually zain the  boxing championship of the world Joe Louis has been in training for several weeks at Pompton Lukes, X. 1., where the RoxhnrntiKU-Black Interests (his ) saw fit to set up his quarters and has divided his timo between daily roadwork nnd knocking props from under owe inspired sparring partners. Expect S400.000 Hou.o "The Brown Bomber'! has tapered off hi? work and, . is in the pink of condition for  which Is expected to  e ;iie attendance and sate  s of the recent Bner-Braddock  tussle. Experts have already predicted that the (rross receipts of the  tomorrow  will better the $400,000 mark- Advance tickets sales have already scaled the 15200.000 figure. Camera, who has been wo'-ic inc out impressively too nnd who is reported to be in even better  than when bo fought Jinx Baer shortly over a year aco in defense of his crown, is to  in for the Joe Louis fight at 260 pound.      will enjoy un almost  Negro. l.::s E ;;ide Selection Sizing up tilt' . we may any i hat Prlmo Camera and Joe Louis arc ; quoted alternately at odds. New Yorkers are taking ~*u' ur tlio other at odds of T to Ti, while Atlanta, as far as we cult , is taking Joe Louis, by odds of almost '2 to 1. Jinny of the writers are  Louis to win by a . Bill Gibson of the Baltimore AFRO-', one of my contemporaries, who has been In Joo Louis' training camp for several days, picks Louis winner by a kayo inside of six rounds. Louis Has Edge .     Louis has proved that lio "can Ulsti it out," but has never had un occasion to show whether or nol he can "take" It. An. Primo Camera is not considered having .ult punch to  linn a severe test. This  nil in  that Louis will, by nil    *iWo points of deduction, come mit i he winner. Louis can suck and Camera curt " up" as well as ward off  !) with his sheer beft and  reach. Louis, who fun bit, will find It difficult to get  Camera's towering  uml may fail luaU tha blows that nre  to  Camera has never     'ti knocked out, and although Louis hns one of the best natural punches Bines .lack Denipsey, it s  lot to require  he  Cnrneiu. V?9 don't feel that It's    )c this. . we don't helli-vn tha Brown Bninbar will bo  (Continued on Tago 1. C"L 1)                 Joe Louis (Continued from Page 1)  to  out tho his follow, hut w*~ consider him :t pit- 1 lain . I Anybody        ^ fur .loc Lnuis i mom*y ut ensy . *     in j !*~v us before the .</t>
  </si>
  <si>
    <t>                                           Tomorrow night, Joseph Louis Barrows, youthful Detroit, Michigan colored heavyweight fighter, who, since his recent bid for international ring fame has come to be known to the Cauliflower industry as "Joe Louis", will step into a New York arena and battle...</t>
  </si>
  <si>
    <t>                                           Relief Administrator Receives $500,000 Fund For State                 Mis* Gay B. Shepperson. Georgia Emergency Relief Administrator announced Friday that she nau received $5u0.000 from Administralor Harry Hopkins as part of Georgia's April allotment, .. Mtos Shepper-son states, is sufficient to carry on the relief work In the states, until May first. It will be recalled ihat when inc relief  ot Tie        states was released recently Zaa. Georgia was  ica  Aamlnistrator Honking list Decanse of the failure cf ine state to co-operate with the relief administration In providing its share of funds. Miss Shepperjon could not state whether or not further funds would be forthcoming from the federal administration but she did  that the funds new on hand ur:: .t carry out Uu p. lor the preheat o:ci::ii.                 Housing Project Contract Signed                 \V!i!i - :.       of the; contract in \V:. J3. C. by federal  i:ii.-;, D. A. Calhoun, director of tl.o tensing division of the Putlie Works Administration announ. ted !:,:it work on the Atlanta Uni\cr  low cost housing project ivm'.i .-tart within tile next 10 days. Tin1 contract, which was to Uic- N I'. S^ Company. calK lor the  of slightly less than two million . u,e total  b*in:; si.98S.00o and the Mening of  i^i.ers by the company and Pu: Work Administrator Harold marks the :-. formalities In this Tia:n:nc.l: -:~:-. which will  :m,.~~~ra home. ;,,r more                 than 600 local families. The two Atlanta project?, the redwood and Atlanta university projects, the former for white, were the first of these projects to provide low cost housing for citizens in- the country to be proposed and the coming 10 Atlanta of Secretary  marked ihe beginning of th? nation-wide federal slum clearance program. Colorful series featured the demolition of two slum dwelling-!, one near Georgia Tech and the other near Atlanta university. Work has already started on the Techwood projects, and. with work slated to begin on the Atlanta university undertaking soon, it is ex.  that more than 3.000 workers will be given employment.                 1 Asked for if Shot Woman Tells Law Lylns In G:.-.dy hospital Thursday, a. ^t wound '.i nor right       ami uo;k Miss fp.nnw Jackson. ss. ot 5SS Humphries       . admitted to police that she "asked for it."             w?re seeking Ed      . 25. ot a Robbing        address, ax the . According 10 police reports. M!~s Jackson was  James Johnson. 30. of SSS Robblrm street at her home, when Avery burr* In the room, a pistol In his hand. j I*m  to shoot you." John- son  Awrj' as  the woman. *'Co ahead run! sho*~l." wafl her reply. A very, an old boy friend,   with her command. Johnson was not harmed. Grady surgeons said last night th:it the woman s condition was not         .</t>
  </si>
  <si>
    <t>                                           I PINK SALMON 10 DRESSING T- 12c Phillip's Pork and Beans T 5c FSorida Chief Oysters 10c Potted Meat 3 ror. 10c j Marco Mustard qt. 15c r- Peanut Butter 17c Sauerkraut 21 can 10c Mix'picMes 10c House Coffee u. 31c  Dog Food 3 can, 25c Cocoa lOc M^.^" 18c i C^c keV, box 10c PEAS and CARROTS, STRING 8EANS, TURNIP GREENS TOMATOES 3 25c Lippincott's Grape or B. p-w Berry Preserves ^"AR 49c DIXIE OLEO rou" 17c I .1 IJ Hill. TAl.LCAN ( Norttifield Milk ec 3c \^y POMINO Oil DIXIE Sugar 5" 25c-10 LB 50c SPAGHETTI, SAUER- /p.^A KRAUT, PEAS, HOMINY f PlJ^es MACKEREL -o.i cak Qq V ~?^T 7 LEMONS 12c /^r. POTATOES 5 *     8c Soup* ;.Q7.. KACAXOSlAOJt 2 1 SPAGHETTI 2 9c I c*,  g,0 2^19c \**S</t>
  </si>
  <si>
    <t>                                           Singing the songs of his people and those of modern Broadway, John Fleming of 288 Currier Street, twelve-year-old Negro boy, thrilled a group of Oglethorpe University students as he sang in the driveway and in the Lupton Hall Studio of WJTL, friday night...</t>
  </si>
  <si>
    <t>                                           Madam Hairison AMERICA S FOREMOST ADVISER-JUST ARRIVED Slic has satisfied llic most skeptical people for the  II) years. If you are honestly seek iny help, if ^^^PW^^^^H     really nnj ^~1 ~^H desirous of bct^^H I -I ^Vl '-ei"intr your ^^B*l I'^F'fl condition. if P^H  M^1 ~^B Uatn love, ^B "^^Rlif-^H i        bB "nu you ^cs lu' Jy\ ^H 'f     "ish to ^H^^- ^^B          ^^^UH "C8S associates, if you ore seeking success in the home, store, office, shop or farm, consult her at once. She has brought harmony in many homes and in,to many hearts and has relieved many of their troubles,  and unfavorable conditions. She absolutely guarantees all her work. One visit will convince you. All Readings Strictly Confidential. Readings Daily and Sunday from n A. M. to 9 P. M. Take Washington Lakcwood car; get ofr at Margaret St., 1CB2 LAKEWOOD AVENUE.</t>
  </si>
  <si>
    <t>                                           LOSES HAT, COAT                 RoIkmI Andrews, a Morchonsc  Teportert Tuesday that h!~ overcoat and hat were  irom the dormitory of the local       . j</t>
  </si>
  <si>
    <t>                                           SONNY BLOUNT and his torrid fourteen piece jazz orchestra will seek new worlds tonight, 10 till 2, at Sunset Casino. "The Lion Tamers," flashy young male unit of the Gate City. are at the belm of the fun and have assured their vast following of a...</t>
  </si>
  <si>
    <t>                                           Met at the home of Mrs. Zem Mu Westmoreland, 177 Webster street on January 4, After the business side of the meeting, the club members and friends were entertained at a birthday party, given in honor of Mrs. Mary Thompson, The in ... guesis were Mrs. Dobbs and...</t>
  </si>
  <si>
    <t>                                           I am asking everyone to write me a letter telling me just what he would do if he had a million dollars. If you suddenly came into possession of that much money, I think it'd be unusually interesting for you to imagine what you'd do with it. I'm publishing this week...</t>
  </si>
  <si>
    <t>                                           Mystery, lUr ? Action Offered Today in Local Filing                 Powell-Loy Star In Ashby's Drama                 Ont of 1U0 imi-v  Ir:~ri:i of tlie courtroom, " MKin...viT Mii'lixt li;. v.- Itrnuslii      -   r.v ~-f -   -l.vn Prr-llt:.f.T .o-.Tta  K*i!!i.im PiJiv ell ami M. l.~y. w.'  latin? at rlM-  Tb^airc.                 The piii u iv  ilv  :             ..f l". ;m.J .\   .~ l-~i.v .t cd- t: un :iml    :li. x           i.. 1I1C pnl.iic s  for :i       .':    -e   r Hi,.           imir veh" - .*t.-     . tory iti **^[~:m   *lot!r*~iii:r* :iml -Tin- Mini." i:\i-l.vn Pivml.i-" pr.'        3      n- a       ! :il :it!..r.. ~} wiih :i ~.. :tn.~ . nirJ ,  n          :iry tn*     TtftiiHi. l.    -~  in :i :~:           .I-T rase. The vite.  l.y Mi-n l^'.v. ~~'cs    ro trim ror  ili.-u -lio. lii  U'!    -* lui- ~."~l sli- and tin- "r.ihi-r w.m:in" im:li win vin..  Hie  Cs:il ^~~nin.~ ti( i     Kn':it                  . !n in- "f tlie most ..     court   *~n: e!   :ix.* 10  i!;i-    ! i.i'-mrc s n'"n. T!    iw tiii-" IhVmhI- 111" I* r i:ri! if*          :il r.   % of Wil liani K. )]~~n:    . ~'li" tc.li :iu c\ iCh-Kii va.-ili-n in        ' I'cllnvin  hM  mi ih."   -     .~      w.vn-M.-i.v-r inn-i.Ml . "     ~.':ii ami ilic- KiiMle" l n:i MorU*'l aPin-jir* :~s Miss l.oy s \vL-o-~r;    inl. Amy lm'~l. ami  ia the su]           "-ast are Jienry \Vail-        . \j:iU'\ Jvwti. --'? Strpl!    . K^/:i!ii"l ICuss.-ll Kil. ir:ird Itnipliy. t'.ira Siii- ~*~       :~n.l        i:.    ;t. \UvuU- "Kv.-lyn I'r.'.c" the ,~    ' i* u.T. rina iwo nil-.t l.n-il  slums :~~:^ rah     ..v\-:iy :.    I.    .\rm.:     . ih.- "- siv:   -~t 'Hirii    :. fall    s^ii in "OM M'ii  f ill'*     .~~,i:i8 i"      l*~l      I:~C.- I.Jni- is   :     in " so.lv in Itlacfc mill T.lu.'."                 THEY HAVE A BABY NOW                 -The mother, father, and child who** domestic happiness is endangered by a. series of compelling dramatic circumstances in "Evelyn Prentice" starring William Powell and My ma Loy opening today at Jtailey's Ashhy. Little Cora Sue Collins  the daughter.</t>
  </si>
  <si>
    <t>                                           Out of the tense drama of the courtroom, the Metro-Goldwyn-Mayer studios have brought the powerful story of "Evelyn Prentice," co-starring William Powell and ... Loy, which opens today at the ASHBY Theatre.</t>
  </si>
  <si>
    <t>                                           Dorothy Jones Walks 1,800 Miles to School; Protege of Atlanta Church                 SAVANNAH, a:..- HSy Jossu Thomas for A. X. I'.)- At  Ki-Milii.-uion  uf Dorchcutor Anaclmiy. located In Jlclntosh. Cifui-Kl.-i,  forty  from  S::nnh. 11. few d.-iys . n. prize In tin'  of a llv,.   I      :c iv.ih awarded     a youn^*                 s!rl in tho fourth grade, by the ' nf Dorothy Jones. Dorothy seems t0 bo        '.-n years of ago. She won till? prize on having the most pel fe..t niti/ml.-uve of any student In her class. She  never lat" or .-          n ? day : the si;h"nl your. She    each day to ami from ~:      dally. In Hie ISO d.ay.H. Hhc  1S00 miles. That probably Is an all. ' record. Whrn Iho Asoga Class ot thn  Conu- Churcl), Atlantii   'anl about this.       to buy Dorothy a complete  outfit Including E"      . raincoat and hat. Rev. J .C. Wright, pastor of     First Congregatlonnl church, was  speaker at Dorohontcr AcndcMiiy at ilu.  tho  waa         . u- t^^                 Dorchester Academy was founded in IS"!! and is operated under the auspices of the American Mis. sionary Association. One;  think of tho slave si* If discipline  characterized the regularity nnd  ;n attendance of this child, without .~it I In; Mine time realizing tin; reason for her tin ; to walk this . In tli... state  r CioorBla tho    ?rn .school population represents  i J.1   ?r cent of tho total,  . . was spent In tlic  of white, children to  tl schools In tho state. J1.270.Sr,!I.S3; for Negroes there whs spent f7,lS0.2O. Keep In  that there were 401.56 2 white children mul IIC.I. colored. The'  of Jl. 270, 000 Is another  for Doro. t (~}~  1800  to school. This, however, dous not explain why shu was on lime and In         duy. Tho State Department of K. may be blamed for  former: Dorothy mu.it bi. civil cr.Mlii ft.r llic</t>
  </si>
  <si>
    <t>                                           SAVANNAH, Ga.--(By for A. N. P.)--At the graduation exercises of Dorchester Academy, located in Mcintosh, Georgia, about forty miles from Savannah, a few days ago, a prize in the form of a five dollar gold piece was awarded to a young...</t>
  </si>
  <si>
    <t>                                           HM         LUCK fey tym Young                 MESCAL IKE By Huntley                 FEUX, THE CAT By SulUvan                 By Cy Hungerford                 PETER PEN                 THE  GIRLS</t>
  </si>
  <si>
    <t>                                           In order to swell the number of amateur entries and make it possible for all Atlanta amateurs to participate in the Fourth Annual Southern Open and Amateur championship the tournament committee will permit the amateurs whose work might otherwise keep them from playing in the tournament to qualify Sunday of this...</t>
  </si>
  <si>
    <t>                                           BACK AT SHAW BACK AT SHAW                 MISS  E. MARTIN who  is on leave of absence dur. inc the first semester of the current school your, has returned to her position as instructor of romance  at Shaw. During Miss Martin's absence she pursued courses at Western Reserve University and satisfied .requirements tor the master of arts decree at thai institution. Miss Martin, who earned Phi Beta Kappa honors during her undergraduate career at Ohio State University, was awarded a General Education Board fellowship to continue her Ktudies at Western Reserve. I MISS  E. MARTIN who  is on leave of absence dur. inc the first semester of the current school your, has returned to her position as instructor of romance  at Shaw. During Miss Martin's absence she pursued courses at Western Reserve University and satisfied .requirements tor the master of arts decree at thai institution. Miss Martin, who earned Phi Beta Kappa honors during her undergraduate career at Ohio State University, was awarded a General Education Board fellowship to continue her Ktudies at Western Reserve. I</t>
  </si>
  <si>
    <t>                                           The heat wave with an avalanche of spontaneous jazz rhythm in the wake of Lucky Millinder and the Mills Blue Rhythm Band is captivating the south, taking it unaware, and sweeping it off its feet. The molten heat was set afire at the Sunset Casino Thursday night...</t>
  </si>
  <si>
    <t>                                           IN KNOXVILLE. Miss Mary Patterson, the attractive  of Mrs. Fannle Patterson of Morristown. She was Queen of the Home' coming game between KnoxvIUe and Morebouse Colleges la Novtmber.</t>
  </si>
  <si>
    <t>                                           I made ^P^^ my skin B } shades K I lighter! J^~ And now you, too, can have the joy of a lighter, clearer skin free from freckles, pimples, blackheads, large pores, blotches. Tonight at bedtime just smooth on Nadino!a Bleaching Cream no massaging, no rubbing. While you sleep it actually  dark pigment for Nadinola is double-acting. That's why it gets results where ordinary bleaches (ail. TEST ^*el ^at*inola today at any toilet counter or by mail postpaid. AT OUR 50c. If not delighted, money RISK cheerfully refunded. . Box N-19. Paris. Tcnn. (Aadinolagfaa^ Thedford's BLACK-DRAUGHT helps to keep men and women health; By relieving constipation before serious illness develops, Thedford's Black-Draught enables thousands of men and women to keep at work, and to enjoy living. There's better health for you, I "^         7"""] when you need --"iSS*- a laxative, in  ir^*' P. the refreshing xg^yg relief that K^'V^S'li^l comes from the Sigjjj^lsj l^i prompt use of g^-SHp reliable, pure- *   3 g' ly vegetable *~.'".'.".v.:.   5' Thedford's l-~   ". \\~i Black-Draught. Sold in 25-cent packages.   n</t>
  </si>
  <si>
    <t>                                           CROSS CHILDREN MAY HAVE WORMS VV:!i for up5 T littl*         .        *'Ji. f(~!       . low of wng'.it, itching /id nw Jiid ~"m. T1i*y     dive pin or round ~.o-n.. UP!;     Cr^m W'tnif-jc^ l.~~ 11H (cr      . f!i*L-lv the worm in! fn-icd *hw    -    '~ t/4 rf. Whifr^ Cintzx I \~rrr.       " by . I Yatcs A; MJHoq pru^        I</t>
  </si>
  <si>
    <t>                                           POMPTON LAKES, N. J., "Live a clean lite."</t>
  </si>
  <si>
    <t>                                           .Wii*il Htl.li  j !^^ti^ri;,^   '*' W-C.FlELQb "~AU BENNETT QVHnii smith! ^f. i  - BEN LYON NOVELTIES"    7 KELTON fV. T HELM A TOOD I QIC ACTS- 4  I V0DV1L GALLAGHER I      fl Dewir't PfnnivlLlg'..q  II v^nian* LINCOliT*.1 Today Tomorrow i Starts Tomorrow Mad* lor th*  .'^^^"^B I V.'city Ko.cd uo-ii ii- loo. by I m</t>
  </si>
  <si>
    <t>                                           is Funeral Notices                 RICE- Relatives and  of Mil Ada A. Rice, of 60 Horton Street, are invited to attend her funeral Monday at 3:30 p. m. from our Chapel. Interment Lincoln Cemetery. Hanley Co. ROSS The friends and relatives of Mr. Kress A. (Bubber) Rosa, of 559 Jo.'.naon Avenue, are. invited to attend his funeral tomorrow (Monday) at 2 p. in. from our Chapel. Interment Southview Cemetery. Hanley Co CARD OF THANKS The family of the late Mrs. Mattic Freeman wishes to thank Die 'Hanley Company Undertakers for the efficient services rendered, and especially to Mr. J. H Hanley for his persona] service in the conducting of the funeral. Wt think that Atlanta is well blessed for having an institution of thin. sort and to nivc the services that they give. May God bless them am!  thuy  be  to serve other people us they served' us. We  wish to thank th(i Lindscy Street. Church and their members for kindnesses. Signed: Deacon Noah Freeman.</t>
  </si>
  <si>
    <t>                                           Pearl McCormack, Stage and Screen Star Gives Away Her Own Beauty Secrets Here's the Good Glad News for You; Secrets of Her PBHHSHSHBIHSIBlBWW^l Attained Beauty Revealed; 3 Rules She Gives ll aok Jfti a _n mm ill Easy To Follow I I 0 IiIAI V U A I D 1 ^mmn^mwm^^^Mm I UKUVt  I e!1 th. world,- tnd I gu F.  If.  111 b- our "Cro-.,. Glory!"     "1*1"~ 1_ I B ^MAtS jfi       ^^. Right     let rnn tor. iMt the           - _J I II I IC,_I CIS  I H I ,^   ^^J*^    "p* for tha healthy  end life-nu?  for ^P*W^ ^F ^aai ^a^ aj ^m i                   i *r" Hstpn, you folk that  touch dry IcInlcT ^H A aV I % A 4 ^1 1 ' v\ i I"'r rurl" 'in[! m""e cr ~~*~is boc*  B 4a i"n#37 1 nd Ni?\a/ t W j) ii  $"~ v,~"r "J.11 H """to"  to      my M      *         Hv" w d  J                        "^B "~'       :r Is just     beat     "w w  fl T L. i_ t_ A    /"V t_~ 1 1 9'    !S9$  5B? "- I ".l on ,hC!.p Itlnky. . cork.^     kind- of 9 I f^A2S P I'M (A J"1 1 Af I IO  H ^K^^SBMr  VN J1," To" Mv" b"'" "'"Ins lot In Hulr Beantr S V I M t5l f^      II I V^ H M... rva,I     ..in:^,-i. .'i-rr(!   j     Plwlm silt."    1.  i-~      'y 1m*   *t .        t JBIHBBk O^ii] I ISrSrE.'^is,:!:^ :^B '^^j^^^'^T^7 ^^^S^T^"" SENSATION AL Iffr-^- Sv'S-, HE 'SENSATIONAL j ^R d^ *~?%~ timr     i,-,, y,.rn.^~. NCW Sll3      j^^R ^BEB^^^^ *n4 prayed for, Hiffcfnt, from any^^ ^Tkim tints hair  ; Ll4 MAGIC IN WaCk BeaU^ iKa ^^SS-^K Z4 IIU^ i:i,.\!-\-" iT^irf^-^n '"'V7^rr' 'rl!""'i .i Vr %^3S^^^^l^^^. ^ with \T. Ksauty. OR IT x \j -r .r tii""/*"! Iwt ""M-     ^Bffl8 ;!ri" n''cV Ton     n^T,', I health sn-J hra  ^UI1 it,p. Simpl.-. *3mrr' U,mH tw.J- 1 -inT.., i. i Hi^ "^^..'K J.~"  f^ ~"~nt to 0M under  1. j in.rr ia ,.i.,.in!E  mysti- BgffffCT^Ha us^'i TiNTz.      ib* (in. tl0"?- It   an end to scalD ^2i^fr ri.Tr'!- .n..im= ,-.i m^~ .i ,-,i)op ti.   . '..ir..            l""1 l'^  '' disorder? such as falling- hair, itching scalp.  FiT-rif. ri- ~"i vii. . to. n^- TfflBfBgiiCTag ..o Vs1 Tr!1 th.~ T1!i''!;    'o" Also, il  the hair follicle? nn l Bmlsm''- SIT IT^.7.','"-^ ;r;?",K^ 6aV..",T B^~^^ rr^'^' ,^i ;0\? ,*T^ tends to aid, ^ Rnd promote healthy ^  '' i,,i- v^,, rrl i, i,-. ri iiv e..,f"t!i"c I BBJjtlfafBNWnl !", in  rc- nm *~{j a()iie i hair . It remove? every tr?   of ^   (wrox-nowi BBM^yi THTiH frii-    ?!t hi I dandruff. Drevcnts   cu' nn l     *   8 ,;';i4V:rov.~ 7v, ".'r.;i;.'-r'-',h:tEvs:    -.'."ls;^",a: .^-.eu1? *f h!"r    w ti- b.ir ^y  it.i h.~. n,,Af .,,Ch ^DMtio-^i  ^~~~"fi!. ~'"^t    !t  'b.  soft,  and      to manage. Your hair 2nd St~}tf* j jit ~-r ii "n'~ o.-~r ri-iii-iiic,  H. ?     now I j i. on a new  and ? and  *~!3SM lb. oii.tr.is I  , youthful charm nnd MMMBt'* :;,r..7  .r,TD.."/,..o; ^vt/         i b,Tnty-    % woman ?s"~           - cfi-~1- ^^j N. Min.ic.,. r.... m. I *iT, I she wss so happy! ft^fiSS S"1 *= fjl-nch m. T-(~    .    !- TrNT;, ph,TnrW)  trKa!HHM I I II ii TEST AT MY RISK ~$~$~! I Stop  high price? for "TBon=iv N* I a,  .,. I 1 treatments and         that  in little or nn jj- I ?ond ot all. Stop using hot  or . WrSWM 1_ J_ ('"r f"1 ! Ihol kill the      nnd Hi.' , st.       or (. Instead, make-lhis test. j irm -nw m. st Mr- Johnson's risk. So positive is h? of For Facial BeaUty w*~X  Cr LOSSY I !ho rcs"'t'      he doesn't ask you to risk penny to  rt      a V    n -M- I  of I"* Mr. Johnson's  Hnir Crmw  Use This Skin Soap! HAIR DYE ^Z^^^X^^^^^^*^ To a.        r.     nr^'tr yo.i should n*e. in    . on.             m hor-.. you cm (urr- j man. Usp the Mr. Johnson Brillinntinc Hsir Rrowor         .ry      pf ,i, oil PAT B*~uty 6'~!r l!~]   (J. t)~:Ir. burnt, r^. pn,, Icoklns Hi- 7       Trinn if  Unn'l  J Ihi           6ry  1 y fur    . 8-~d m. .v  od km w5pi, '.odar- ^.    i.^iy i,-.,,    . cin,."8 ni,~. I "ys- Ih'n V.0" wpn l "n"1'' lh"t  m all  life have -. ,,      f^   mB@~ "lib it- iro*  Mfry  t -i- I  **cn  cand . wo  want, vou to  hark v- and .mow  w.i      3L. ro,,i, itu.r.i.t.rt. eo wnat. is left of the Treatment, and Mr. . 'will        sir:..,"; r^^VT   ^   " '"'7 m"   th" s?o^r^5l)0:- t,X\Z foi \h* Mr- **       r.-ati.y n:,in Soap. V^^^P nuEL *~J' -iBT  W-Jny! Mnil      coupon h"low ri?ht away. .hi,  ot :irb'~!. ,- ^gH' hJT*?m7  5M for '~=~ J t N U NO MONEY' .4. .mooth.       tta fr..d from W "h"~- on* - jv^wt   .Tn.-Arr, . hump- -Ji1 WMkhoads. .J*.. "r!" 5  /      - DON'T  K-ni no    .      COUPON. Virlh ll *ri rT "i" "T r r- It In all roll!- . Act     7. V M  1   i "~r. Johatan Co.. DcpL A-406 I I LOD HAT CO. . O0MP43TT, I 207 N. Mi'diignn. Ch^ilgo III. '3 'r??. "'''"'P"1' ""I"- ^-"W I I 307 N. MlrJllp-j,. Drpt. A.^, if,. B I au"-fi; nl- I c.ic?~. ill. Send me ot once the Fart GrowlnK Mr. Johnson's Brilllanttae I i, Fo^i.e I deposit refunded if I am not satisfied with the growth of TOyhalr j !'=' I'1---,     b=t lime. Please jend the Grower right away. t j I Ns=s   - t I i I Addrars i J.^      8     I I. c)f^</t>
  </si>
  <si>
    <t>                                           "Five Favored Contenders for Historic Kentucky Derby                 I..': 1'.'::["NTJli'r ^1-jTj; .1                 n.;.r.Z:"~li\-:'}'1                 Churchill Pownul-'                 l-i-.. l;;."lii)K '- f'" 111- lion-l  in:,ii.1; V:. lii.-imii K.--k) IViby ii1 Chin-, lull  i..-.m. I.mhi uli. Hi. Khii:. Kmu:    S"l lin. (~:i, l'l:it Ky. :in.~    :ini.- Sum \:t a .v  il niMi-ly 1110.00(1 i- .   .t.il Ml 1 i i ~.i. '.Ul    . !i:m h  ln-r. l.ln- '.-i )--"i up on M:   'I. Uln: i.! tin: Iw.i'-i; -i. li..M. 'I i                 II,-.!.. I I..- v-)r I'" I II., l.i I I -I!!,- in -.~,-i:il li-:n. :i li..- Kin:. I- -O'^-o.jfj-if t-h;i'i.-, ,11 in:-.:r-;    - li pv;^- I'-i,..;.,, S-in. wir.n'-r or'    * *IiiO.(inn I1., -I'luiTii l"n: in y y-ji, i- iaw.it /.a. C</t>
  </si>
  <si>
    <t>                                           THE CURTAIN for the 1935 Atlanta University Summer Theatre will be raised at 8 o'clock tomorrow evening in Howe Memorial Hall on the Spelman College campus, lasting five weeks and playing Monday. Wednesday and Friday at the same hour during that five-week period... "The Romantic Young Lady," by Martinez Sierra, is playing this week... "The Rival", by Richard Brinsley Sheridan will play Monday. Wednesday and Friday June 24, 26 and 28... A bill of plays of Negro life will...</t>
  </si>
  <si>
    <t>                                           [Will Abyssinia Trip II Duce                 Atfonio j                 'Hfttle Seia*     i XeV-.-'f</t>
  </si>
  <si>
    <t>                                           AUTO-TRAIN CRASH MAY BE FATAL                 Mrs. Hill Belayed To Be Dying Following Crossing Wreck                 HUBBY UNHURT                 'l De  In which .~'ie was  demolished by a south  ni railroad freight train, Mrs. Matilda Hill, 42, of 3  4 Chapel street, was believed to be in a dying cnn.  ai Grndy hospital last night.                 Her husband. Will Hill. 43, who u-us driving the car. though his  were torn from his body, miraculously enough, escaped without injury. The accident occurred at Uic Castletcrry street crossing of the Southern road. Hill  police that he was en. route east on Castleberry street and was preceding across the tracks when some freight cars being pushed by a Southern  crashed intr, his car pushing it more than forty feet down the tracks. Pulled from beneath the wreckage Mrs. Hill's body was found tc have been badly mangled. Her right leg was severed and several ribs fractured. Doctors after a hurried blood transfusion an. nounced that her  was critical.  file locomotive was being man- (Contnucd on Page 2, Col. 3)                 Auto-Train (Continued from Page 1) ned by J. S. Bradley, while, according to police reports. Several other traffic accidents were reported to Police Saturday Stephen Ealey, 29, of 985 Ashby terrace, sustained painful bruises about the shoulder and chest, when an automobile he was driving collided at Fair and chest nu". streets with an automobile being driven by Eddie Frank Jones, oi 885 Mayson-Turner avenue. Both cars turned over, and were badly damaged, according to polic: reports. A case or reckless driving was booked against Jones by Radio Patrolmen r.rice and Can right. Kaley was treated in the - gency clinic of Grady hospital       to return home. Mrs. Maivnie Harris, of a Cain street address, sustained n fractured right Ice, when she stepped off a safety zone directly into the path of an automobile being driven by I. Farmer, of 304 Sunset avenue, northwest. Tbc accident occurred at Ponce t!c Leon and Piedmont avenues, as Mrs. Hanib was en route from work. She was treated In the emergency clinic of Grady hospital Struck and knocked down by a Poule funeral home hearse. 12 old Willie Thompson of 601 Ashby , northwest, was treated at Grady hospital for minor bruises and  about her body. According to police reports, the child was standing on the sidewalk at Hunter and Ashby .streets, when the hearse, lending a funeral procession, mounted the curbing and struck her The driver of the hearse, the Kill told police, got out and told her to call another ambulance, and then drove away</t>
  </si>
  <si>
    <t>                                           The automobile in which she wits riding demolished by a Southern railroad freight train, Mrs. Matilda Hill, 42, of 304 Chapel street, was believed to be in a dying condition at Grady hospital last night.</t>
  </si>
  <si>
    <t>                                           Courtesy while selling essentials is essential.</t>
  </si>
  <si>
    <t>                                           Clark Students Get' Pointers On Health j                 Using as his topic f"r , I Health.- l)i H. E. NusU promi- j "ent Atlmv.ii Physician, ami pri/si- . of Urn Atlanta Mcclu:vl , delivered a simple  ini pri'. iu)k lo a large ilu-uu^ -i Clurlt .s. Tlif pi . v... : in Llii' CrOBinan Chapel, Clark Unm-i.si!,  (lie          i- exi-ri.-fe.es I mid was t  by all prt- Thus  I,, ihc Cliirkite.s was in i keeping witu the- .- or N;i I        Health Week.</t>
  </si>
  <si>
    <t>                                           Funeral Notices                 COOK- Mr. Robert Cook, grandson of Mr. Alec Finlcy and nephew Mrs. Mattic Cox of Buckhead died Sunday night Funeral will be announced later. David T. Howard Co. IN  In memory of our mother and aunt, Mrs. Klori'ic Swinger, who died Jan. 7. 1031. "We think of you ." Mi*. Flcirlnc A. Uanim, daughter Mis* Do'nthy Spradling,  John Henry Spratllng, nephew</t>
  </si>
  <si>
    <t>                                           ATLANTA LIFE INSURANCE COMPANY BUILDS ANNEX                 Splendid progress    Item;; made mi tin- now annex  i lite Ih.iiv i   f the Atlanta Ufc Insurance           . in A:1nm:i. n:~\ tht- . which will inp.kc it   ne tlic hr^t Imildin^-.  i its kind in .the country, nrc in          with I'rcsiikni Ko-.m-'.IJT- of   fr.McrinR   will   r..    , - for  unemployed, especially in; the  ki)li-~I trades. As the             the ; program,  30 and 50 . a  of  have been idle, arc  employed by. the                 iii I r u.l ii .11       .ii)y. An :il] Negro crew    lining tin; carpentry work, laying brick., mixing concrete.  stone, tile, and .. erecting the   framework. tUAng  work, :iiC .-.ml ]~       . in  t.i roofing ami  construction frisks. TIjc now : program of the Atlanta Utc Insuranro Co.. is .-~it meting  attention not only because it is giving      .\-mont f-     many workers but because it   tit? fact that the company is in -a ven-  condition to be aWr      in times like .</t>
  </si>
  <si>
    <t>                                           BE OUR GUEST AT BAILEY S ROYAL AND ASHBY Enjoy The Gay Eastertide At EVERY WED AND SAT /the $tar$\   - A"\ I L*/ ^rA I V THAT BELONG R A 2 1 OV1 C NTavaf L^SJKl ashby i THROUG H MAY 18 ~^^-^9t mT .h Guest Tlckets to These Unusual Attractions and ^5^        - Asmn si. Others Can Be Secured Absolutely Free From      *S ^^^^on^      I Any of The Leading Merchants Whose Names v'^ ^ 1L/" U1S UMincJh Atm0H)1CH- Appear On This Page With The Purchase Of '~*#~~$ BBSBfflMmMm^ lhe         program for Easter is idea- h ^^^^^HHBElHSBSB 'V SU'ted for this festive occasion j III  WH  M      BB9 ^fe ^fe B  fc^^^jB "" DWtro"'": i LUa TDlLET SOAP ^zH=  ^^^    cakes and a guest ticket With JAMES DUNN  He ^L_T^'i/^ A J.I r u n ,.r i XAA Bailey's royal Are Users Of Lux Soap Visit One Of These Stores and Get Your Ticket- How YATES MILTON, No. 1 SOL SHAFFER AMOS DRUG   " Y Auburn at Butler :!   Linden \vc N E I n* A I I T I i ^^^~J L'IVUVj l\Jt\Vj JUH 5 VjKULLKY wa.1401 "a W45 !;Lux,Rinso And Lifebuoy! Ashby^ sts- i 16       # YATES V MILTON, No. 2 MORTON PALLER Are Also Part Of This N jr MORRIS   M A VoRH Chestnut^ jair ,,n,t ,2 J J' ^^1  j ^^U Amazing Offer ma.    i.CT;i s!rt,i H HAVER GROCERY j J.P. GORDON T STAR MARKET MIAMI MARKET :um^a^u _...9:.a^^stK-  i 1 1 v !"!t siw- i r JT DAVE SCHAFFER A. B. GROCERY W\i LUA C. M. BRYAN 2:{1 Korcst Ave. N. Golden, 1'- m* ril K)~ McI^. I'Jvrf I MA^.8036       Street I^BBH K0U AUj FINE 1AUN1)BttlNf: IRVINGS MARKET LEVY BROTHERS WILLIAM BECK GROCERY WS^M 1 FOR IQc MAURICE WOODWARD '^^T81 367 Forest Avc, N. E. 300 Houston St., N. E. WfiNfiBEmW W J-M!) Joncsbon: Roar! i JA. 1 ---~-8010..- -II. zr... -..-~'~     NEWBERRY S MARKET M.D.TAYLOR G BLANK GROCERY S. ZIMMERMAN !M17          S(rccl 5!M Auburn Avc. N. B. 350 Hi^ Avc. \Mj Tt^\7^\ f\ I k. I C* /"N 5 13 Rockwell Si. i JA. 7120 JA. 8385 JA. 8193 HI N I Ifl*! W I W S (1 RA. 1)^1!) J.L.SOLOMON M. RICH GROCERY i IS^S soaks  A.C.ROLLINS i GEORGE JARVIS 594 Irwin St., N. E. 216 Linden Ave. IH^H  W IIM EK 719 Mcl)~nicl St. 952 Mason-Turncr Avc. JA. 7019 JA. S706 j HR^SlH tf% ggg MA. 1175 JA. (K.O     ! SAM  CROC: WJSStSSf' FOR *5C great" SAVINGS STORE " pc^voo^^Ac, 131 Edgewood Ave. 'I 1  !M1 McDanici St. 803 Hunter St., N. W. ^,,=,3,,T., M8M8 j; buoy   - -073'  ^MITCHELL .N I! HEALTH SOAP HEN^s^S0N i     " d3  Irwin St.. N. E. 376 Lyons Avc. N. E. ;i nC//\L,lil 3UAr j RA. 9251 MA. 7IO0 JA. 855S JA. S125 j i j "^^^^ uTk^ ^ BELL GROCERY AARON HAI PERN oif- JALKb MARKLl ill^^l. Vftn ^Ar P 510 Robblna St. I 50 Ashbv Street 223 Forest Ave. 290 Houston St.. N. E. I ^^^Bf^^jJ J FOK ^~VCM MA. 0560 \VA. 1150 M0.BPG TplNiTsTREETGROCr "1^ A. S BERNATH JULIUS' GROCERY JA-~T Pin, and Bedford Pl.c, li ENDS B. (BODY ODOR W    *T' "T^</t>
  </si>
  <si>
    <t>                                           I TODAY TOMORROW The Picture Event Of The Year: TODAY TOMORROW Also Mystory Snnr.d. No. An(i !':!ihi.v Nows j LAST  TODAY with B1NNIE BARNES Neil HtmilUin,    1        3h, BF YOUR  A SMELL YOU CAN T FEEL WELL ,\VI..-r. l-'"; jui--v";-;VV.;"\:'i-1 ^;'v^.H-"l:i %?.:;. x.!.. i; v^ ;V._ lT.  -.^ in." Orc^y w"-' p-  -.i. uur body ?  l* iu^,i-  -~. i'2'r" "c:~ ^i. I.:     h:- ^.i.t:y ~.?   ! t,t U..11, t. ...      OTl P.".       Mi! by   =   "bm*</t>
  </si>
  <si>
    <t>                                           V i *^a**~^ ^x?</t>
  </si>
  <si>
    <t>                                           is It A Break                 JOE LOUIS Tin- u inner of Hit Carncra-Loiiis Untile is  In h;i(llt. Cv champ IJiiit in Septi'mlier. Wise Ed'zrrs of tlic  ' we uon( if  !~nil: lias not Ir-mi          mt ihr  ry at (In1 r!i:                 lu- I lie Juu l^ span. A l-miis-    ;lit was a million dollar venture ten days ago Inil not now.</t>
  </si>
  <si>
    <t>                                           HOUSE EXPIRED                 Mr*. Mary Rogers, nl 193 i Auburn avenue, reported to police Wednesday tl.at someone had stolen     of her dresses and $13 in  Uoax fee; t6Sid5_ AJmtt_</t>
  </si>
  <si>
    <t>                                           The lovely and attractive home of Mr. Graham Jackson on "C" street was a scene of beauty Friday night with the Washington High Evening faculty as ... The home was beautifully decorated with roses, while green orange were very beautifully...</t>
  </si>
  <si>
    <t>                                           Last Rites for Lewis Greenwood, Noted  and Morris Brown Athlete, Will Be Held This Afternoon                 By IjUCII'S ,IOMS                 Finn I  for l.  'ls C. Ownwm,i, si-inn of .'no of Atlanta's   I nnc-r families, who  Monday. Mny in, :it Km; :i. 111..  :i fairly   of  . will ho held t lis afternoo:i al _:.'l(l fi  ;it  Coiltr;il M. I-:, i- with ih.~ Ivpy *                 in ~:h:u-R*v ~'f fnn.rnl . l;.v. .1. A. Ltaxier. pastor will .-iMe. . I"1''- K- R- ~^    . p:, of Fri.-ii.t.          i-. 'rii.- cl^'*   ^tid  man, at tli^ lime- of  ~]o:ith. had just "I'ri :i  in the employment of Hie .\tl;uua Constitution bcc- of  health. Prior to that work, he hart lif-lrt empl- with the Pullman   om\i:iny nnd North Cnrolina Mutual Llti- Insurance company. Lewis Br;:ited from tho first high s.- class ill I'. T. Wasliington in 1527, clos nu out n fine si  and brilliant  . lie left the reputation of r. WashiuBton l-ti?h's Breat(Continued on Page -G, Col. 2)                 Last Rites (Continued from Page .si '~inli-i- in fu.il l.:i 11. All.-r  iri iMi v""i] li i.! tl -in  ti 1 1 Litii W^ishii..ii 1 1 i h. i 1 .Murris I'.n.un Cull. if t I".. mil' I. Mar i.r ill.' Ti... lli-ill  ll-'i'i'. T':;il'-.S ul' l.i-ui.,' M Hi u ~- of il:i' WoUvrjnr.n win1 Cyrils C:          . Jr.. : Ilivuti r.'Lr-Sr.1.. lif-lii Hi" uh"Hi ui-i'- rl::Ui :in.l I"::      "f Ills :il \V:        K.n Illuh :i ml Imlh ff whom :    \\~,n vnr. l.i-.-. 1--..I i..m Inu 1,1.-- ,'.~      :tic :u- S -'I Morris r.vnun l.'ivi* :n . .  lh,- N. MnIli:tl -IS vl:     . hll.r ^' will! I'lo l N li,,;ii] c,      :iny :ind I'.M.-illy Bill; tin- i    inn  lip- 1 1 1 i in* l.i- v.(ll:\rv .il. 'I'll.- y.; jn in .j cll-d .in.'l l.-rt ,"  iT il.~      sorn. .-n.l- :.n,l i"'l:.':~ lh..   l' I he  '-)ii w-.-.'K' i:; tlu- son "f M1". : Mrr.. \V. I,, 'ir'-.'iiu-. nl' 1 ii I 0 Mi.'iV.'in :iv. mi.-. \V. Sin--i . li'-.-i'l.'.- hi:- W-ll-Ui. :   ! .~~l.i.-i lly '.wll-'i!:...! iki!1.   - ,:iri' ti\ si-l.i-- Mi-;.. MiKin-l li-l.y r.li-l     .'S .Inni". Willi'-. Aiilr.lni lic. I .l .\l:  -j i:i-"i inv.i.itl: :i Kr.ilh'-.anil :-in-l:nv. Ah-. ;    Mr---. cfi:n-lrs ClrP'- Kt. (if Columbus. I'i'.lio; and :i l.lv.rli.M-. H.Miry I. ^IP'- .</t>
  </si>
  <si>
    <t>                                           Final rites for Lewis C. Greenwood, scion of one of Atlanta's pioneer families, who died Monday, May 20. at 10:43 a. m., after a fairly lengthy period of failing health, will be held this afternoon at 2:30 o'clock at the Central M. E. church with the Ivey Brother...</t>
  </si>
  <si>
    <t>                                           Order of service: Sunday School, 9:30 A. M.: funeral of Mr. John Robert Flemister at the church at 11:00 A. M. with the pastor officiating, 8:30 P. M. the pastor will preach a special sermon. Rev. N. T. Walker, pastor.</t>
  </si>
  <si>
    <t>                                           Many Women Helped Thousands and thousands :i:- en have said th.it CARDUI helped them, to overcome much  differing at monthly periods, and U:ac by continued use of Cardul       ailments entirely disappeared. i5o it* you have severe poire. cramps, nervousness every conch. v.:iy not find out. by  It. v.-hether Cordul will help you? It has helped co mar.y! Cardul Is  for vroc-.cn cC     1 )J 1 1 1 mothers tavo 0:1 th..-;r reaching w-. Of ,    Cardu! does not bcn*~ lit YOU, consult a . ScM in $: bottles, at drac stores.</t>
  </si>
  <si>
    <t>                                           Patronize Our j Advertisers</t>
  </si>
  <si>
    <t>                                           LOUISE I i BEAVERS ! Washington j I Dorothy j BLACK / HURST S IMlTflTIOM WARREN WILLIAM CLAUDETTE COLBERT I PLAYS THRU TUESDAY A LINCOLN I LAST TIMES TODAY A  thrills from u new comer Randolph Scott I ^THE LAST I MAir H ~-Jl (ood Wvttsnt picture-</t>
  </si>
  <si>
    <t>                                           World Visitors                 Mr. . Mrs. W. A. Hipp?, Mrs. Julin Hippa of Spencer, N. C Mr. Jolin Daniels, of Salisbury, N. C.. and Rev. E. D. HUdrclU of Oolcfcbor,,. N. C.</t>
  </si>
  <si>
    <t>                                           Newspaper Worker Receives Fatal Auto Injuries                 , Calif. f\VS)- Death 1 struck oln the  circles )i*~n; last uoi k  Mrs. Groat i  Hyiui, :to, employed as :i '-lurk In tho ;m  of a ^'   !\    :* of San Fmn'-l-i-u. w:is iht   her           .lli- :iiu( - Injurlos fir.;-,                 ,-h il!c(J .        ;   1 in tin- IW-rUl-'V n-n'-r.il io-~.iiii. Tlifi * of Mk. I'.yan Midori wirh nil.-     i\ .11 \,y M iss lM.T-. t;V;ty. -.'I. ..r f-;         :i i;i-:i'l    ,. IK fnu :it 1 XI f, Stirif*. Ktr'-vt. 1'olic-.. ar- I'..'1'IIiik thn ~;u I     for an JiiveKllK:     :i of the Tu. till accident. It is mpi^'ftl thru Mrs. Hyan was  west on Ru.';ho1I Street crossing California when her car wns struck by  of Miss Gray. The force of the im pact cau.nod t Ji d oor to open and Mrs Ryan was thrown through     np Tluf*. Th*1 '*!*  wns -ii to th*~ lio^ where an QN.' Mluiwotl i hnt she suff' rn! :-n:al in.fni*ins and n. com pou     " of tho :~kull.       two   tho ^nt. Tli'j d M-": has  cm.  for ;i number of - in* tli" :  was ;i .of S;m Franclnco. She was i-tji(Continued on Page 6: Col. 1) J                 Newspaper (Continued from   ?e pl^ In ill... Oakland -.-Hl-.-e jf thy l-. M;ta (ir.iy lilt- fla'-l^'n M- Mr. :iml Mr.. T. K. r,r:\y .-ind ~-   8l-:       .-tl fr...in i;i- tin.         '."  j-L-.-ir. .Shv iiM. In SSci..-~. ;ind wus s"cr.:lary in til" do '.-nt of Kcj'.lH- duri:.." the  .</t>
  </si>
  <si>
    <t>                                           BERKLEY, Calif. (WS)--Detth struck oln the newspaper ... here last when Mrs. Great Jinn Ryan, 39, employed as a clerk in the business office of a morning newspaper of San ... was ... from her automobile and received injuries from...</t>
  </si>
  <si>
    <t>                                           Yes, Ethiopia was at Stresa, just as the Negro is always present in the legislature of Mississippi,--present not not as a participant but as an influence,--as a reason for everything that is done, as a consideation in every law that is made.</t>
  </si>
  <si>
    <t>                                           Dr. James Corry, Ex-Army Doctor 16 Years Experience in America and Abroad 2 WEEKS PYORRHEA TREATMENT- SI Medical Dental Offices You Can Now Have The Very Best of Dental Work and Make Small Weekly Payments. I Have Associated With Me A Very Corrpetent Licensed Dentist With Years of Experience. I DR. E. H. HAWKINS, Dentist i (ASSOCIATE) Office Hours: 9 A. M. to S P. M. Office: Ma. 6873 Res.: Ma. 3087 *CUT THIS AD OUT AND KEEP FOR FUTURE REFERENCE 75 IVY ST.. N. E, (    *~ Homton  ad Auburn)</t>
  </si>
  <si>
    <t>                                           Postal Workers Will Plan for Big Confab                 Plans for the national convention of the National*7 Alliance *~t Postal Employees will bo made at u meeting- to br held in Jacksonville, Fla., Wednesday , according to Information from W. .1. Arnold of this city, president ut tlie third district of the N. A. P.                 E. Mr. Arnold, who Is  Atlanta late today for Jacksonville states that National 'President       D. Cilliam, of Norfolk. Vtu, uill be present lit the meeting tomorrow night at will Mack Anderson of Memphis. Tcnn..  ot' the official organ "Postal Alliance." The head of the third district, which embraces Florldu. Georgia, and tho tu o Carollnua, predicts tli.it a larRe number from  ana will attend the national  which will bo held in August. This Is the first time In mini!/ ,  '.he national      been ho.'d so far south nnd number s of the Jacksonville local under Hie d  ot   Ml. CieotV- *1J. Sweet uud  . n. G. W. McLcndoii. :\ru  i.'ans to  th* many visitors expected. The N.-il Allllince of P''*tnl iJ:  '. -h has liad a fill and Interesting history. :     oil more- ih in 1,000 new -vil durin:-: tlio recent  .</t>
  </si>
  <si>
    <t>                                           Plans for the national convention of the National Alliance of Postal Employees will be made at a meeting to be held in Jacksonville, Fla., Wednesday night, according to information from W. J. Arnold of this city, president of the third district of the...</t>
  </si>
  <si>
    <t>                                           CAN HE TAKE IT?                 Don't be fooled- it s only ;i love tap. oven UioiiKh Joan has shown William  how sm;irt salesman operates. They're both featured in "Tnivelinjj Sulcslady" today only ;.t Hailey's New Ashby theatre  with Hujfh Herbert, r. l-' and Grant Mitchell.</t>
  </si>
  <si>
    <t>                                           M. C.--Will you please tell me what is the cause of my troubles?</t>
  </si>
  <si>
    <t>                                           AME's Leave For Council Wednesday                 A number of local Al:JETs will be among those who will leave the city at 7:20 tomorrow morning for Little Rock; Arkansas where the Bishops and connectional Council of the A. M. E. church will convene Thursday morning, a.1 10 o clock to the Bethel A. M. E. church. The                 group will leave from the Terminal station where they will be joined by many other delegates. Bishop R. Bbnton parks, senior bishop of the church In charge ol the California -s. will preside while Bishop j. Simeon Flipper of Atlanta, presiding- Bishop of Florida will act as secretary. Bishop W. A. Fountain who will head the Georgia delegation, will take part on the program of the opening day. Among some of the  ministers and  of this section who will accompany (Continued on -Page 2; Col. 4)                 AME's (Continued from      I) him to mis meeting will his son, president w. A. Fountain, Jr., or Morris Brown  and Revs. D. T. Babcock, C. A. Wingfield. J. A. Hadlcy. B. V. Thornton. G. S. Lancaster, T. E. Romans. Vf, R. Wilkes. G. B. Hanan, H. M. Parker. A. L. Brewster, VT. TV. Stephens, S. H. Rhone. J. P. Moses, J. R.' WUcbcr. B. R. Fobbs, j. T. Wilkinson. Hcrace Williams. H. I. Bcarilcn, B. R. Holmes, T. J. Llnton, John Harmon, W. D. Laws, and Dr. J. W. E. Under. M.   . The group Here will be joined by a large delegation from down state as well as cut of the stare delegates. Dr. C- A. Tj- Atlanta World  who 1s chairman ol the transportation committee, -will be in. charge or the party. As this Is  last large meeting or the A. M. E-'s slated  the General Conference in New York, in 1936, an unusually large delegation will tie in attendance as many plans will be perfected for the  of this great :hurch body. j</t>
  </si>
  <si>
    <t>                                           A number of local AME's will be among those who will leave the city at 7:20 tomorrow morning for Little Rock; Arkansas where the Bishops and Connectional Council of the A. M. E. church will convene Thursday morning, at 10 o'clock in the Bethel A. M. E. church. The...</t>
  </si>
  <si>
    <t>                                           LAST YEAR                 CHARLES COM1LLION of Fi.sk university was the winner of the first - to be  f- Xercd by the Committee on Tuberculosis Among Xesroes of the National Tuberculosis Asaocia- tion for the best essay on -  among Xvfirow written by a college senior. This year. seniors from 2U colleges will participate</t>
  </si>
  <si>
    <t>                                           Wounded .Burglar In a Critical Condition                 Condition of Henry Lee Cross., j  burglar, who was shot I dnv::\ as lie :iml three  of .Til i orRu'.Dzcc! gang of  at- j -'d to enter the Coppcdg" dry cleaning company :\t 3G5 Forrest . remained "pcor" n'. Gradv hospital  last night. j Dcciors r:ivo him only a .  of recovery        he h:u[ undergone a hurried operation ;~nj t*vo b'.Cod            :i. j Ci'".*^ was captured by RndiD I Patrolmen Jenkins  Wriiilit  Tuesday after  had To!- i lowed :t trail to an apartment. lion.-c on Fvlion drive near Foro.-t  Tin- Wounded  was found  in tin- hallway of the np:tr . information furnished by Cros:. I resulted In the : of three of.'.- cr nit n'.bcrs of the ganp ond the recovery of a quantity of goods b"-  to have been stolen in re- j ee:U i.ui RlariPs. The three  submitted to a :evere KrlllinR ut the  of det- j relives Wednesday in an effort to j clear up several  which l:ave occurred In the Fourth ware! J ar.d Druid Hills. j</t>
  </si>
  <si>
    <t>                                           Atlanta, Ga.,--(ANP)--In the southern states of these United States of American are eight mil Hon persons who are born of the dust, grovel in the dirt for a few years and return in the dust from which they came without ever knowning any of the joys of...</t>
  </si>
  <si>
    <t>                                           AT THE ASHBY                 CItKdette Colbert, wiw k-*   opposite Louise Beaver* and Fndt Wohincton in "Imitation of Life" the ( picture on         * tion which           Bailay's lil.by theatre  Tuoday.</t>
  </si>
  <si>
    <t>                                           COUl,D NOT DO HER I HOUSEWORK i fw/H KN you set vV  dut from Hard" wo rlc^ whcn you arc" -      ami - try this : If may he just  you     1      * . Mrs. Mi J. I Allen of Gary, Indiana says:, "I was        ^nd worn ciut. Since  I your  medicine I'cah'Hi n my housework nnd my wash lng.? r/ .Endorsed by Jour              ::SaT3 1 by all druggists: Get a bottle NOW*</t>
  </si>
  <si>
    <t>                                           We have seen so much question able admiration of certain reprises lately that we her, deliberately call attention to the world of a youthful business builder who is made of the material that at of us offer criticize the school for failing to promise. We refer...</t>
  </si>
  <si>
    <t>                                           Mr. Ira D. Reid of Atlanta University was guest speaker on the Assembly program last Tuesday His theme was: Professions and Vocations Open to Negro Youth. The students were Very attentive and interested throughout the talk.</t>
  </si>
  <si>
    <t>                                           A Baby For  i n yos are denied    .       j 1 baby an your own and yean for a baby s arms and a baby* smile do not five op hope. Jnst write is confidence to Mrs- Mildred Owen* 25O9C        Houm. Xan*   City. Ho, and ibe will ten yea  simple home method Oat helped her after beta* denied 18 yean Many othen     tab has helped bless  lives. Write bow nod try tar this  ml .</t>
  </si>
  <si>
    <t>                                           Two men, one accused of burglary, and the other of snatch robbery, were bound over under heavy bond to the Fulton grand jury after preliminary hearings before Recorder A. W. Callaway Saturday.</t>
  </si>
  <si>
    <t>                                           Woman Arrested After Man Is Fatally Cut                 SAUSUfKY. X. C. iSi-r^al l        . Camp. \     arrest*. 0 ijst by Chief i:. L. I'uin!~;:; .'vr the  of Sylvcs-ter                  Tlio killing followed an au-i-i cation between the pair     :."~  c-  :it the residence v.     -fi l.oth lived with some of Bl-ii.'V family on \\'    Franklyn ::trc.-.. According to Information  by police, the "     :i :i  In the  Haj'.'.oi- if lite Iiouhv anU continued It -Ikim- !~mlrs. Tlio Camp woman Kelzeii .1 Hinall kitchen knife anO stal.'.i -d Ulair in tlio breast, killing :       Instantly. Chief RaJikln  u tall I and  by A. V. - more, national *     .u*tori from Milwaukee, went,, ihe        i,ut found that the  i hud Ivft. $;he   her I        '   house where  he v .rU a ulster s        und     wal'^ir.s  K:    Hende^lltc   taken Into custody     "je i Chief.. Tlie woman told officers that I Blair struck her while they -. i . After they   on      2: CoL 4) j                 Woman Arrestc I Continued front Prnge I Htalrs he crabbed     u^ain, said, and she look a knife from the table and slabbed him. Blnlr went out on the porch, called to a brother, returned inside it"".  nnd   !l dead.    :            told officers,  to Coroner \V. L. Tatum tha*. she and Blnir had bc-?n living *r a? man and .; altho-    not . Slie w:i-  in     city Jail - sh- will bo held until th?  jury convenes.</t>
  </si>
  <si>
    <t>                                           SALISBURY, N. C. () Theoia Camp was arrested last week by Chief R. L. Rankin for the slaying of Sylvester Blair...</t>
  </si>
  <si>
    <t>                                           BEREAVED Mbs      Dart daughter ol Mr. and Mrs. E. Dart, who lost her lather on December 1834 at Bnuxwiek. Ga.</t>
  </si>
  <si>
    <t>                                           The Silent Sixteen Club is inviting all clubs and friends to altend the whist party at 192 1/2 jackson street. Come and win a prize.</t>
  </si>
  <si>
    <t>                                           m duy gloves with      it saves It Un'i               .Vtf or  lo net     *l*y tot t mi ti trr. I^ Jo iih \'kw. n:i4   by tie      * *f LiMrnna,       to in Ur(;~      at 2  . NoM ^~w ft ct'~  . *  jtr-it^ew yeM . Mot*. 'ri ei.  thirds )nu OrM *4th that uv)t)~- (lcr^t  i TOOTH PASTI I 25e</t>
  </si>
  <si>
    <t>                                           Fhis delicious cheese food is DIGESTIBLE AS MILK ITSELF! l^fK Bidden in Velvccla*~  mild Chctldur Chec*c Qavor nrc  elements of many foods. I It's wonderful      . Serro j Kraft Velverto^in , in cooked, * often!</t>
  </si>
  <si>
    <t>                                           $32 Auburn Avenue JA. S180 I GERRY S BEAUTY studio f- SPECIALS- MON., TUES., WED. Shampoo, Press, and Wave $1.00 j Shampoo, with Hot Oil $1.00 With these special offers goes our same high standard service Operator!: Bobbie Freeman      , Rota L Williami 1 nd.TaliuUh Oliver  MORRIS, Prop.</t>
  </si>
  <si>
    <t>                                           SEEN IN 'KENTUCKY KERNELS'                 Bert Wheeler. Knhert Wonslev and the precocious child star. 'Spanfcy" McFarland. Ion* as if trouble is Wining- and it is in "Kentucky Kernels" current attraction at thf New Lincoln theatre.</t>
  </si>
  <si>
    <t>                                           FEATURED IN DRAMATIC FILM                 George Murphy and Nancy Carroll as they appear in "Jealousy." the tense murder mystery coming to Itailey's New Ash by theatre tomorrow.</t>
  </si>
  <si>
    <t>                                           f^. WEATHER, CLOUDY TODAY with occasional rain: somewhat warmer with temperature extremos near 40 and 65 decrees. i  W.  "TJtoltcd states Meteorologist,</t>
  </si>
  <si>
    <t>                                           STARTING ON SUNDAY I -EVERY" CHRISTIAN SHOULD SEE IT" The Passion Play i BIGGER THAN -KING OF        j THE LIFE OF OUR SAVIOUR I BAILEYS ROYAL  OVER i j DRAMA OF A LIFETIME WsfgsF^j.. /v*9 I Washington k1?^ ~^h  j Uttn than "BACK STREET* i Claudette Colbert, Warren William i Come Early If You Want A Seat BAILEYS ASHEY STARTING NEXT SUNDAY j CLARK JOAN ROBERT Gable Crawford Montgomery in "FORSAKING ALL OTHERS"</t>
  </si>
  <si>
    <t>                                           PUBLIC ENEMY AND MOLL                 James Cngnvy and Joan Riundcll have roles in the re- vived "Public Enemy", playing Unlay and tomorrow at  s 81 theatre-* K displays the kind' of rapid-fire action the SI audiences like. Jean Harhiw, the blonde charmer has a supporting role.</t>
  </si>
  <si>
    <t>                                           Atlanta Negro CofC Plans to Fete Mitchell                 The ~;b:i:      Conmerc- will h:i\v a UuvjU.': f"r C..ii-   .-   .i:iv. Mitci-ell or. I'm  i-z'-t "l" Marc!-. I{o'.lo-. hi- a-Mrcss at Bis Beth.-! Church. Much preparation is        j n:aile Us- .n-.l/.ati.m ro siv ;h:i: :     ni; i- of the     : t- "I    - your. TIiv kui iu-.-t will  crv.-,, at Mrs. S. U. - r.inV 3: ::1L' A'll'urn Avi-niu'. Th'' t Muin'.N.T C^un:    'C !    li:ni:t-"'l in- rL-~.-:"   to :i  r fifty ;~    -~ns. Thos wishin- to j   H-ur- iii*  -;-i m:iy do so M" c:~lU:r- Mn in or so..- T. M. Alexuml'jr. I w- Priskvll. .1- E Bluytoa or w. I.. CUloway. C"ii=         Mitchell is !~ I !.r..n:li; to our ~:ity by Morn* Brown     .'=~." :~    w u         tin- ~.-: ar His F.- o:i ;!n; j  -.~f March 12. This           to In- :i -ry-m. event :   ! the  i* urz^l !.y ;!ic Cn;im- j !vr of O--T^." ami Morris BrouTi to take advantage of tha j  to hear th- military Denworatic Coamwnua f  i linois. No ^sman has had -r kK-a!s for his w.:ntr\- and his rii--p  Con-n  Mit- . :i     !  .s s;  "Kcsaian for the- j i people- I i Tli-.-. M. Al.-.. I fe.. 'Jliausltr vf Commerce, j STAIUtKD BY  j Tobc -too KcJiton and John B. Gordon, both ot *.s Uidd'S . I \     named by Mrs. Cora Llnd- j as      iwo youths who ^taS- i bed her son. James Lindsey. '~t j 132 I'ulliam street, in n Iree-f.jr- all 's-ic i at the L^dd s alley ud. j drew Tuesday. PHOENIX, Arfcc.- (ANPi Th^ - Civic   ; hus       launched bere through the at-tir- try H. Cormasos. formerly or I the 10:h Calvary. The program i of the T. -will Ik- ro find means I cf ; with conditions ; ! citizens of Arizona. Intol- i v-a::c^ ^:vl i*'f'"^ sc*^!:i t j I'c</t>
  </si>
  <si>
    <t>                                           ANGELES, Calif.--(WS1)-The ... of Michigan track and field team stopped here last Monday morning ... to Berkeley, Califronia, where they will meet the U. of California this week-end. Included in the number of athletes was Willis Ward. often referred to as the "one man track and held team" of the Maize and Blue.</t>
  </si>
  <si>
    <t>                                           Early day break service ... Church and a good sermon by the pastor, the Rev. D. T. ... Rain somewhat slowed up Sunday school attendance but many new clothes were in evidence. Attended morning service at Mt. Olive and a great discourse...</t>
  </si>
  <si>
    <t>                                           , HtrmtMAW *rr.*K+                 }*1~?*.m. Mint pif., 9*                 *t i, r. ttr.</t>
  </si>
  <si>
    <t>                                           Mrs. Mattie Bell Johnson, 261 1-2 Old Wheat street entertained with a surprise birthday party in honor of bar mother. Mrs. Ada Douglass on Wednesday evening February G. Seventy guests were present Mr. Joe Smith president of the Fourth Ward Thrift...</t>
  </si>
  <si>
    <t>                                           THEY RE PAWNS OF FATE                 Heroic stru^ and glowing romance  in the new Fox film production. "One More Spring." in which Warner Hi/ and Janet (, the stars that beton;;- together, play the principal parts. The picture, ideally suited for the faster season, is playing through Tuesday at Hailcy's New Ash by theatre.</t>
  </si>
  <si>
    <t>                                           i TIM TYLER S LUCK By Lym Young                 MESCAL IKE By Kimtley                 FELIX, THE CAT By Sullivan                 By Cy Kungesrford                 THE I  GIRLS                 PETER PEN</t>
  </si>
  <si>
    <t>                                           As I write. I am looking at the cover of a new book, whose contents I have just examined hastily.--the most significant book of the last half hundred years: "Black Reconstruction," by W. E. B. DuBois, the only man alive who could have written such a book. I shall read every word of that book from 'Contents' to 'Index', and I advise every American Negro to do so. if he wishes to broaden and strengthen the basis of his understanding and his self...</t>
  </si>
  <si>
    <t>                                           Whiskey Killing' Probe to Continue                 Nrt altogether satisfied with ihe report  by officers In the  killing' Saturday  ol Frcil ZillcrK. of 231 Soilih avenue. Cm i:iiii a. J. Holcotnbe, late .v   thai he  pre. for formal charges of "discretely conduct'  Radio Patroimnn H. Parliam who  the fatal allots. Aciion of Captntn Holccmbe began Monday when the sister of tna slain youth,  to the superior officer that parham was m- I                 ii Mcalpcl at ii,i-  he r.lt"t zelI",?lVrs an ^ (~i iv!: was   :i        ui South ami 1'.v.v -.s witli a gallon cnn of  when Ofilcer pnv. ham      . Patrolman Parli:im and his pan- j tier Patrolman K. A. WCostcr in j their report claimed thai ZoUer? was grabbing for Parhnm'n pistol at the time lie was wounded. Tl'e i.fficer  that lie only shot twice tut Gracly doctors reported find- j Ing four bullet wounds In the man s oody. I</t>
  </si>
  <si>
    <t>                                           S.S. Attendances Keep Close to Par                 Sur.'i.iv s. i'-ii. j-di. 17 T--.-:.~] 7 ii- -a m. -z:,\ vs.: -1- ^~~1 l':~-.' 1 ~,,i!-t,. 1, ;,j ,-ini!\-M !:;i KMi '.'si 1 1 r vj,, iH'~ .:\-h L "i ];iS '!V;.v. :::l;v;\: i/h if'-" 0;, gi, i 'i-:;.v i 0-^ ;)7 1~;- i '.i;', B.-inns1. :i r-fh 'So. .\i.!:i!il;w gO :r,: X:; (no  ti i v':.^' y'-'-:''-'- 71 i'i;'j ri'.-:'O!'t) lj; ''~'jf;s;, ;i;:; c:v.::\:: t.iu ;;7 ~^-~i A^K'1'Jh'::vi-" l"';'"</t>
  </si>
  <si>
    <t>                                           The tooth brush is very essential in preserving the teeth. Nearly every person who uses the brush will fall into certain habits. Some will take the brush and make a few strokes in this direction or that, and are done. They have brushed their Teeth...</t>
  </si>
  <si>
    <t>                                           TVavel anywhere., any day 41/a the SOUTHERN ]%r AfanJbr even) purse. peb mju O.\E WAY and ROUND TRIP COACH TICKETS     tor Each Mile Traveled ^^k ROUND TRII' TICKETS- Rciarn Limit 15 Day. W^W for Each Mile Traveled ^Sa ROUND TB1P TICKETS- Reluru Limit 6 Month* CBS9 for Encb Nile Trarrled A ONE WAY TICKETS ^E^^ for Each Mils Traveled Good in Slreping ami Parlor      on  of proper charges for space occupied. No . Economize by  your Av. at         utd using Ihr Southern Excellent LMning Car Service. Be. Comfortable in the Safety of Train Travel Southern Railway System B. E. BARRY, _Assistant_General Passenger Agent. Atlanta</t>
  </si>
  <si>
    <t>                                           Morehouseto Meet Howard Debate Team                 Friday night. March l. ot 8:00 j o clock In sate Hall Chapel, More- house allege will       its season ot j spring debating with what pri. io be an interesting clash with Howard university. This debate is considered one of the most Inter- j  forensic encounters of the season, it has taken place  but wax postponed last year T!li- team  Howard - i y \v:ll  the :':fi:!:i;'U7e r!~ :,".ir .si:oi::  Ec. Tha: the Xa'Jon.-, should A;:ree ;t Prci'n- ln:crna:JonaJ Shipment of Arms :i;:ci Murnticns Mc/.eho::ie (i.-fc i'.ci the negative. R-.-;~v"0]U:p.:: M. .rehouse Cn!!'::- .1:0 /Uv:n Harri.-.  :. '2-;. of 3ir:r.i"2:ir::i. ;M;i!nn;2. V.':r.frec! Bry.-on. "3'J. of chn:t:!r.\. Tennessee and Eul'.er a. . '28. 0: D'-'t.i;sn. This year ihe P'.::r.  \vi:: be  Iron: the .a;  heretofore. T!-.e I 1 i'i "" v:Kl be ^n i:i  \\\V:'. '.he :r.ui:i .-.;;eec:ii s :,;-c] the ipo. for the a;'- 'ir:;v.'::ve :iK('.'.r^ \v::i ^ive u vi-l;u:tai .~. Til.- i:uv::i:'d Uni-.'i.*r.s:ly te:uil is nov: in; a . lour. \v-:d:~.'~c:\y ni ihl it v/;is in Nasl'. 1-r ::ii i':ic-nup.:i':' with     . The cie" v.-i::i .-   ^e ;':i\\ v.ind up the .!ule. Juanita Russell In Promising Recital Friday Evening: j M:--s .Tuanun Rusfell. '.v In- I i-o:-.:ra'.:   who has beer. u::c!i-r ij'.e spi-c-'n!  .~f Prof. .1. Dr T\r,vt p. Kilh.'.i^sworth 01 CI;!r;-; v.r. :~nc! *.vho th. l :lr. ovr.:;  of  rin'.iv '.vr.e'.nl'.n^ Llircni; of '.^tive .ers last Friday ever.1.!!,; u\ {'.)~' T.-.ue:.-s- Re.-,-. BaT.tisi church ir. Hapevihe. will be presented Fritlav .ini; at 3:30 p. m. -r  t'.'rlin:; recr.nl at the Frank!::1. Me- .;!or:o] A. M E. . Later :ns*.ion deceived Iry Miv Rnssel! since her \v.~rl:  r rcf?ssor Ki:ht;^!i h?^s beer,  by M:~f- Mays a' Speinian '. This : .r.:: by two of the be?l -.nr.sic li-achers 01 the c:;y insures v.:s.s Russell :nuch future success. Acompar.yiK!: Miis i?u-.--!! Lomcrrow n:slT. w:ll be Lawrer.ee C. Mann, youthful instructor or" .U!:in-.i Mu;;ic School. 8io Hun'.cSt.. N. w.       -f -n who  ti' rn!~ I-.-~.li:ir1l Z;ich:rry. ::-.l.-, llr.'-s Stri-c;, :il m nit Ui o'~-liH-k WCillli'Sihiy Ilijil; iil fl-OMt "f 111 l fii-r.- Si    ft. ! their  v:iia wln-a Mr. Z:ic!iary ;iUt them j fli;!n.  to   .'   -e . Xaetmry. wh.o w::s on his 1 u*:ry h"Hif i rom  :nhl ol'-  t*;t hr 1'i  that lie cut ulu- of  men I AT  CONFERENCE j New York- T. ArnoM Hill,  executive - ot    - National Urban !~~a\;uc\ spoke on tl:c ]~ of tlic \~Cio:inl Vo-  .ed in ce-' etu-.- .Atlantii- City, K.' -'I</t>
  </si>
  <si>
    <t>                                           The Al Caisar Club met with Mrs. Heard on Harris street Thursday night. Unusual designs in basketry were displayed by the various members who had just completed them as a May activity. The group was encouraged to begin its berry-canning...</t>
  </si>
  <si>
    <t>                                           Film And Stage Show at the Capitol                 'Til-- HorviniiM' -r." ~!m-.. 0  shr clu,. flu!, :,s ,,r Juusi UinlliiiK   lu.Wcry . Is- M- I,.': f":    :~- :-ll..u m I hi- I'sipilnl iiu.- si:~: ,      . Y'i'-  -i* :~1n with -    - 1     : "t .lll:ili IV.sin-      i iw lit i ii ~,;.-iy :.U,ii, i'.m- iii.m:.,. I J .~ih l:iir^i:i% ..I' t-i-nit s Kl ' .iu.  un-  i" Hi.,  ,\i. ,-.,i;.-.i ui;.,:.  M iw. t                 I-""" m,t I..V.T. li.il.i    ,,~s Mini M:   : l..v U,,. :   -~ ~-asi, \V.;i,.   pl.-um-i Hi,-  of Jiuiu r,-;:,:        I. is hiH ^*fi-~ hf;in.  I V:,,~,~,vil,,. :h,    fali:,ir.s -i;iu.. .</t>
  </si>
  <si>
    <t>                                           Hundreds are awaiting the referee's whistle that will start the "Dream Game" at sunset Casino Monday night. In the march of events as well as the march of time, this. All Star game which has been through a verbal controversy between my contemporary, Eric Roberts, and myself, have the whole town talking basketball and what a night it may turn out to be. After all we must consider the ten...</t>
  </si>
  <si>
    <t>                                           The fourth annual Southern Open and Amateur championship tournament will be staged over the Lincoln Country Club course July 2, 3 and 4, at which time the leading professionals and amateurs, representing...</t>
  </si>
  <si>
    <t>                                           While the other teams are battling down the home stretch in the second round of softball ... play, Marris Brown is ... high with a perfect record of eight games won and none lest.</t>
  </si>
  <si>
    <t>                                           Air Program i Of Saturday Pleases Many                 in presenting a .scno. ,,f  iims over staMon WJH. ih,' Sunday Schorl Associn tion with C. Coloy as president,  L. J Harpe,-. chairman of -he .i . rendered an unique pro  last night beginning at 8:15 o clock, The program, was opened wi'.h prayer by Mas'cr R:bert Hoi- Icy of Wheat, street Bnpii.-i , nrv. .1. r. Henderson pastor. Inllniiiinattis was sung by an i (Continued on Page 6; Col. 2) j Sunday School Group' In Program Monday i At Big Bethel j Thr Atlanta Sunday school as  In living up to Its  will bi-ing a  crowd nt Big Bethel AME church of which Dr. n. T. Batcock i;i [. Many talent, singers, dramatists and other numbers of unusual Interest in their festival of music arid song* i Monday evening promptly at g-30 j . Hy special request. Mrn. Nellie I,. Onvis and the ether  of lier Bethel group, will sine 'MItT- Holy City and 'Other numbers which have won for them an  fame. Choirs from  churches the city will appear as well a^ readers from the cradle roll department to the Bible class. A cordial Invitation Is - to nil  In ~"l--t-i :irss this tiMir(i:c , A sin.ill :! lee .1 .tn c-'.i i is ed.                 Air Program (Conlin.irH from      I) n   i h Mm \vn Ninon J'.'iin\n::~. l.ikin: ilir Icvdin:: pare. A readme. Lil Brown r.nby Wicl ?p:i VJh1-:  lil'.ln .Innuit.;' P\i!"'"r! tin u on ;ii)pl;ui!-r ai t.hc s  for lirr   of llic 1112 llic  fnr ilK1  Miss s. Grace Brndlcy. in.Mriicl./r m \V;i-hiii:lon  -        anil v  liii Rctlirl Sunday   Ihr '.a- ).-r l'-rl hy Mr. N'rllir I.. Oavis. who   Inr Ihr pr  wat. a  '.i  many .</t>
  </si>
  <si>
    <t>                                           WISHING OUT POINTERS                 -Wallace Beery in the role of an "old timer", is dishing out some sound advice to Russell Hs-p-die and Robert Youngin this scene from the fast action drama, "West I'oint of the air," playing today and tomorrow ,n 15    "s SI lhe. atie.  is said to  the best role of hia career. j</t>
  </si>
  <si>
    <t>                                           Grand .fury to be Asked to Act in Sims Slaying                 "i: r r:'.k'' :i'-';"i: !:i I'miik l^init-.    hii i 1 :---j:~- = i.-~    W.i. i'.nrn-. lota-n I.;.- a ,-;ry -*w'~ In I iv,... Mr.;.,;; :l.i- l..':;i,;:;y. ^vi-u n] v.l!-j--~'::a ~'".-for.- Kra:n! j'.liv toI.-; \v;)s. ;Jrh[ . S::::- I' i.1. -fv;; hi::i^-:r ..f.rrr r w.::i,,;i::i; ly 1-,;^ -.vir... ~;-v. l-.-. f- r."'-i ::u' ;i -:-:.TI.' in tin- I:  .~.'..~rri::~ Av. i v.;,^ i.ti.,i l.v ;-.:i"',  it I'n'il 1 -h-"-.                 JO1'"E8 fir i. r.  .-.I r in ij J- .hi, w-i4 '..f.-r ;'i;ir. H-'^ inr.i: I</t>
  </si>
  <si>
    <t>                                           LOCAL MEDIC BADLY BURNED IN OFFICE BLAZE                 OR. WOOD IS VICTIM OF FIRE                 Believe Explosion Oil Stove Cause of Terrible Burning                 MEDIC MAY DIE                 Lat.wt report* from       Iwwplial         Dr. Wood*  to he  tbe saino. Tim  t wlf*. wbo I,    t hi* ^ told World reporter that ibr b^ lU-vcd thai ihe ban were ~-mu-^d when.  one of                 Matins * Uw .,   in hW  m knocked  jw he     U. although he     her. after : , that Ow wove exploded. Severely burned when as oil store " in hi* office at 138 1-2 WhiUbaU street southwest. Dr. Paul W. Woods  s. wcU known Atlanta physician, was admitted to Crady hospital shortly afternoon            in a critical condition. The       was discovered by Sflss Boecy Simmons, secretary    Or. T. C. Jones  hnsc off ce is Just across ih,. haU from Dr. Woods. Miss Simmons, who lives at ROT Harwell street told reporters that     heard a noise as if   ms fallins. and  out in the ball to * looked through t^-     of Dr. Wnorts- office door to see In the room in flames. Knowine that the burned  k office  iri was absent. Mlas Simmons said     ran down     hall and summoned J. M. Brown, of 30  Orffin street wno  a  office in. the . Brown.  the door was locked, knocked toe glass out  itn his fists. Be said be turned to summon the fire department  that no was in    . offire wh*c E. B. Gibson of 106 Boulevard who is associated  w:th him noticed a mans hand  and hr?rd a groan. Brown said he left to call fireman, and Otbaon threw   of water In the room which by this f me was a  furnace. It was not until       had Dtirod tbo fire tinder control, that Dr. Woods by this time severely burned was  from the office. b s body a human torch. Rrst aid treatment was given by firemen and he was then rushed to r.        It was . -red that    had Miffered fint, (               6. CaL                 DR. WOOD (Cont'nued from Pkfe I)  and  degree burns of      toe? arms, and body. j Praetcalty all of his clothing had { ben burned off. He was rushed to the operating room, and doc!on..     slow process i.f removing      burn d skin from the flesh. Now skin will have U, be (rafted in many places. Grady surgeons said. Just how the fire occurred, was not definitely known last night as Dr. Woods remained in an uncon-   ion. It is . however,      had fallen out.  n; the lighted oil store over, which' ignited his clothing. Dr. Woods      subject to faint spoils, neighbor. nj physicians said. Rclatvles cf the burned doctor late last night wr(. submitting             to blood tests, in an effort to find Wood which .matched that at Dr. Words. Crady surgeons said that   * was badly In need of a blood transfusion and blood donors   sought last night. A graduate in the class of 1909 from ~" medical  at Nnshvillo. Dr. Woods, n native of Alabama, was admitted    the practice in the st.ttp of Occrgia nn July 25. 1910.</t>
  </si>
  <si>
    <t>                                           Latest reports from Grady hospital indicate Dr. Wood's condition to be about the same. The medtic's wife who is constantly at his bedside, told a World reporter that abe believed that the burns were caused when, following one of...</t>
  </si>
  <si>
    <t>                                           The Hi Y club of Washington high school is now in the midst of its annual Membership Drive. The Drive is to start Monday, Dec. 10. James Mattox. Vice President is competing with his comrade James Carside, Chaplain. The Club has set the Drive for one hundred...</t>
  </si>
  <si>
    <t>                                           1^-1-- 1- in- :i v:n::UOll lor nor.  COME UP AND SEE ME -T----^-M- TODAY TOMORROW TUESDAY</t>
  </si>
  <si>
    <t>                                           One of Negro Baseball's most glamorous figures crept into the sportanic limelight the past week end when announcement was made by the new regime of the Atlanta Southern League Baseball Club that its 1935 manager would be Lewis Means, former base ball star of Morris Brown college and several crack Eastern professional clubs boasting both white and colored players. The...</t>
  </si>
  <si>
    <t>                                           i START THE NEW YEAR RIGHT There are hundreds of WORLD readers who scan the paper every day for bargains ^d why shouldn't they I These, same WORLD readers ride the trains too because they save money. They are happy Thevars, playing safe and getting real accommodations arid just think, it costs only (1 1-2) cenis per mile w - the old rate- charged' was nearly (4) cents I     Tnile. Cur SLOGAN.     SAFETY COURTESY SERVICE THE WEST POINT ROUTE GEORGIA RA1</t>
  </si>
  <si>
    <t>                                           THURSDAY morning with the sun shining brightly and a cock-eyed red bird in every limb and tree, I stood on the campus at Clark University and intruded myself into a crowd of excited matriculants ... seniors who are getting set to move out into the "cold, cold world." As I walked up a man stood with a tape measure in his hand in quest for...</t>
  </si>
  <si>
    <t>                                           rOR NATIONALLY ASVERTIflftU Well-known quality brands of foods foods th-it you know V and read about are the brands thai you will find dominating the shelves of your neighborhood Rogers Store. FRESH Del Monte Prunes 14C I.IBBY S Vienna Sausage 2 *% 15C THE ENERGY BREAKFAST Post Toasties 2 s 15C DEL MONTE- DICED Fruit Cocktail s 15C FANCY- SOLID PACK Stokely's Tomatoes Sa2 1OC DURKEE S Black Pepper s 15C LIBBY S 'GENTLE PRESS" Tomato Juice 3 25C IT "HEPS" YOU UP Kellogg's Pep 2 25C TENDER. GR1 Del Monte Spinach 10c American Cheese 17^ Argo Bartlett Pears 121C Argo Bartlett Pears v 16C Octagon Soap 4  9c Rogers Best Meah s 17cw33c Early June Peas 10* Swift's Brookficld r% /r       28c At Rogers Markets Springbrnnk u. S. Government Inspected Meals Butter ib. 27c Butter"*" SmaCramuu 31c SWIFTS BRANDED Swift's Fancy Western Corn-Fed 8eef Premium Oleo m- 16c m^ Stokely's Final ROUtlfl St^ Sugar Corn  q ..~u 124 c **  Shortening     , iSc    ^ Lb. ^gC Jewel I Shortening  58c #*jl ^4^ m Sirloin Steak l42c Shortening c^y $1.15 n Bested 3- T-Bcne Steak 45c PureLardiB^cAMON 18c  fc_ BestS^c Rump Roast '27c rrc^ "CA*T0"35C HW.Bftert-./oS.L*./,^, Eure"Lard , 69c  HaiTIS LK 22C Rogers Santos '^''T^ AArrrp Fryers 29c  b Kb Genuine Spring X Pwe Sonios Coffee That You Will  ^31111}     25C i-~. find Mellow and Flavorful WhUc'sr^ Style- Rind On w 15C Sliced Bacon 29c</t>
  </si>
  <si>
    <t>                                           The Rev. ... Milner will begin revival services at the Terry Street Baptist church, Corner Martin and Langan streets, Monday night, June 17 Preaching will start each night at 8 o'clock. Everyone is cordially invited to attend, Rev. S. A. Awkrey, pastor.</t>
  </si>
  <si>
    <t>                                           l5T. J^5 Y5 IimtuIh lo help rou     Btw ^ui J.n.y aty. N. J. D.P*. S. S.</t>
  </si>
  <si>
    <t>                                           Madam Zella I  and BUSINESS ADVISOR Cnns-uU lite woman who know*. Special Thursday Num- j her with ad. Three     *       nfl answered free. Will i ^VI III tell your past aa you j H I I W k alone know it, your W^^-v M present just as it it. L'l^ H your future just    I ^k it wi l be, and calU I ^^^^^~you by name. Will ^^ tell you the real i : of your misfortune, fail- urc or lack of success. If you want      , and not promises, consult      woman if you i  rc dow*i-. Imvint; trou- j bl*! in  nff ntrs, peaking I divorce. THIS MESSAGE IS i FOR YOU. GIVES NAMES. I All reading* guaranteed or no charge*. Not in tent. Look for  electric . Get off Car at Pcachtree     Peachtrce Road 2971            ROAD j "Blood Pressure down from 230 io 180"... fef*~d * w tit.  nd It     4nn ui 188       Uktif your Emim* ef *             Iff nt ." (~    *4) S. D. T. M. AifHttlM, Fit. Xlllmln Kwenre of       -        Tabl*UJ       * for  hUh blood         . Ou* a*fn and effective or  back. Tablets        . No , Ko . No .' {Twelve days treatment for only SOe. Full four week!       *nl for only AnV for tb**m * hr     - AT^LIMIN KB8 nf ^C-PARtLJ: Y TABLETS. For aa^c toy  MILTON Drue Stores, Auburn Ave. Butler St., N. E., Fuiv Chestnut St., S. W. i</t>
  </si>
  <si>
    <t>                                           LAST  Abo Mystery Squad No. 10 TOMORROW ONLY "TOMORROWS YOUTH" With  MOORE TODAY: TOMORROW OU6H-MPINj;FASr-SHOOTIN' SiteAlso Lost Jungle," No. 9 "STARTING SUNDAY 'West Point  L Air' With WALLACE BEERY</t>
  </si>
  <si>
    <t>                                           Rev. Wilkes Speaker For BTWHStudes                 By S. GRACE BRADLEY                 -v mammoth crowd filled* 'tka historic Allen Temple AME church Sundaj- ; to hear their jia*. tor, the Ro. W. K. Wllkes. deliver a masterly , to tb* ml*, t.nu  vlass of Booker T. WnshlDctoo  school The   br J. Tf. MontcoDw                 cry. rendered two  selections, "after which the pastor. Is hi,; introductory , ) that be considered It a  honor to be selected as the weaker for the first of a series of  exercises. Having  h.vn 41 student of the- principal, Professor C. I* Hirtxjr.  hp      tift Tvonderfal )        W rendered to tn* j- nf our raco. bo Mt                 him  of hit ua*   put forth In ; f.'ith-'rly  to hU HtudcotK nod ilh ii ; them throughout ih.-ir oar.    . Rev. Wilkox' . ' Top Blunlnj."  from t)   scripture,     St. l.uke, was well trotted. In hlx message to the , a* w.-il as the eager . lb-r. Wllkos  tho 1dm that (Coatianaa   ,. 5. CaL 2)                 REV. WILKES i (Continued from Page 1] the KTadnatjDir class ix now  there, getting inspiration in order that a life   f         may Iv rendered. "Tune in,"     . '"for that in the Teason thut. so many  people fail in lite". Thi\v stand tile mountain lop and close their cars     the roicc of               .-s.~i. "And further, more, do hoc commune with Cod" In bis concluding remarks be emphasized the poem composed by Uie        Frank I.. Stantoo. who said: "If you Ktrike a  or row. Keep a-. It it tail* or if it snows. Keep a-going. T ain't rums* sit and       the fish ain't on      . Bait your hook and keep a. trying, Kerp ~*. \ it  like all is up. i Keep a-going. Drain the  from Hie cup. Ktcp a-going. I Sec the wild  on tha wing. Hear tlw  that sweetly ring. When you feel like . sing. Keep a-going.T* At the       of the . i Principal Harper expressed his I  to I he  and his church lor their interest in the xch iol and  that    had   in Ber. Wllkes. I i I</t>
  </si>
  <si>
    <t>                                           A mammoth crowd filled the historic Allen Temple AME church Sunday morninz to bear their Pastor, the Rev. W. R. Wilkes, deliver a masterly address to the midterm graduating class of Rooker T. Washington high school. The ...--directed by J. X....</t>
  </si>
  <si>
    <t>                                           M. B. --I would like to know what my husband does every night to keep hint away from home?</t>
  </si>
  <si>
    <t>                                           Easter Message Delivered By Rev. Worley                 By KKV. C. A. WlNC.FlKl.H                 I 'I'hi-  weekly ;: of  Cn- Atlanta A.M.K. Minislfix Allianrv was           hy un Kaslur               hy . K. H. Worley.  Trinity A.M.E. Church. South Atlanta. fr"m the text Mark H'.:.". and I. I 'And They Said Amone Themselves                 Wlio Shall Raise tile Stone Away." The  theologian described the sufferings, death and resurrection of Jesus in a vivid and spiritual manner,  other things   thai the raisin: of the  was. ax the two women thought.      part in the resur.                our Blessed Savior did not  man s   sist2  *o in His  for while they       inquiring -'who shall roll for (Continued on      2: CoL S)                 Easter (Continued from page 1) ns the stone away- the Blessed Redeemer bad already risen from the dead. This demonstrates Jvshs" power. aoc Ciily to raise  from tlie  but that he has power to raise all stones or ofc- out .of his way and of the way of those who may be followers. J "The resurrection of Jpsn.1 from' the" dead     sOod 'news and  tidings to an. mankind." the Kev. Mr. VTorley v*nt on "His resurrection dispelled  1  from the world for all ." The KCvs. S. B. Hatman. C A. WinslMd. J. F. Moses, and Prcsl-       W. K. \VHkes assisted in the services. At the conclusion of the sermon. Dean Charles X. Hill of Morris Brown was requested to dose the subject "Double Predestination." which was left over fom last 'week s discussion. Tlio dean sustained his previous TCPutation by giving: a   on this creat subject in an ; manner and received a voti of thanks from tho union. Bishop TP. A. Fount -'I in was asked to make his  add   the ministers to ol-si-rve I Kastyr d:iy in  proper  ami to           tii   olders.    ; prelate also stated thai tiie more  are            one hundred per cent in the Oolduii .lu:~ j I drive lor JIcirrK BroVn Colic:;'. 1 I</t>
  </si>
  <si>
    <t>                                           The regular weekly meeting of the Greater Atlanta A.M.E. Minister Alliance was featured by the Easter sermon delivered by the Rev. E. H. Worley, Pastor, Trinity A.M.E. Church, South Atlanta, from the text Mark and 4, "And They Said Among Themselves...</t>
  </si>
  <si>
    <t>                                           THEY RE AT IT AGAIN                 'Die screen s favorite f ; loam. Ktlmund Lowo anil Victor McLaren arc shown hero in a scene from their latest picture 'The Great Hotel Murder Case" which opens at the Capitol theatre today. On the static in tho vaudeville revue. "Cordially Yours."</t>
  </si>
  <si>
    <t>                                           I HARLEM  II M McCOV in "SQUARE SHOOTING" With Jncquline Wells L11 L.UL1 I tomorrow buc7        "WHENnAMAN SEES RED''</t>
  </si>
  <si>
    <t>                                           DEFENSE DELAYS SCOTTSBORO TEST                 HEARING DELAYED                 Effort to Free Two Young Prisoner* Is Postponed                 WRIT IS SOUGHT                 ni-CATtm. Ala..                 'Special i                 Wl'.Pt wv.s expected to hav? bom n real test      in the famous Sd'ttsbrro ease will tint com- up in the Montin County Circuit curt here Friday  the    ;t.  -r n  hen ring by Jiidsn A. A. Cnllnhgn upon tha    --~  -i -r ih7 -nnn.lne .                 The ?. "hich was  for nli.~ ov.,ck Friday m.., -d hv . Caltolion until an ,? time In July I:."' H. ron-sll. Birmingham lawyer. BCtins bh a representative for O.' K. Fraonkcl. New York itt'.      presented petitions tor a writ of habeas corpus In behalf of olen Montgomery and Wjllie Robcrsnn; two of the  mm acr.iucd in this International*  y famous case. The habeas corpus picas u-ore bn^rrt upon the recent United .?!atc.~-     "!np-court-- which "t :(~ the dentil sentences of l\v ether ^ni^. Haywood P..-nn and Ch'iencc .Vorrls. on the grounds  "Nri'poes were svs  c-:      -d" from the Brand and   !lt juries indicting lh"in. and thit their trial, as a result. wm:!ri i-c vi,,] of their c-in ' inn:   rights. it was r:;.d that t.      be a real test nf the evidence n; on  the nine young; men. nrc 5 held and would mark the fir.-t oft r.rt In the intensive  to  the freedom of tho Srrttstoi-o Iviys after their cases l.nti   to '.lie Alabama .s by tin.' United .Slates Supreme  for the second time. Judee Ciilbihsn. who presided  'He of tin- .s trials, set n c r-t.c ror the , although he did ;rr\nt I    . postponement.</t>
  </si>
  <si>
    <t>                                           What was expected to have been a real test case in the famous Scottsboro case will not come up in the Moran County Circuit court here Friday following the postponement of a scheduled hearing by Judge A. A. Callahan upon the agreement of the opposing counsel.</t>
  </si>
  <si>
    <t>                                           I made 1?^ my skin Wk%~: shades K- lighter! 3^ i And no'..loo. of? lighter, clearer skin- free from freckle j pir.. , tar^L pores, blotched. Tonight ai U.- ju^t br.i'-iih on Navii* nol:i LSicicl.ini; Cream- no nu:^:vt:i'i4- r.o .;:. V.' you .!     it acf.ially I   l;.rk  for Nadinola ii I -. ThiU'b why il sets result* where   fail. TEST Get Nadinola today at any toi- "z lot  or by mail postpaid. AT OUR . U not . monty pici( fl". ily        ). NAD1- rl01* NOLA,  N-19. Paris. Tom. j</t>
  </si>
  <si>
    <t>                                           A k 1 111 I j 1*7 tt Hiak^_w_  T</t>
  </si>
  <si>
    <t>                                           Start Work On All Project Very Soon                 Construction work on the Atlanta UnivcH ty low wst housing  will start within the next two weeks, according to  Wednesday by D. A. Callioim. PWA supervisory projects manager. The N. P. Scverin company, of Chicago. 111., bus already been Awarded the construction fvr the Atlanta University project a low cost  undertaking that -will provide C7T modern apartment* surrounded by ample park -and recreational space*. Mr. Calbonn  that he expects PWA     ministrator Ickes to approve the bond of the company and that work will be started very shortly. Ir the meantime, splendid  is being reported on the         project a project for white Atlantans and Tech students       work will be completed in  year.</t>
  </si>
  <si>
    <t>                                           L AqIt Pkw^ Za J "Xtl iTT^S KC WHY PAY MORE ?1 y^J/L J^Ojt ^^JlfltoftoJmbw^nmJ MLJiJ^^M greater economy 1</t>
  </si>
  <si>
    <t>                                           IT TAKES A CROOK TO                 Mary Aslor, Kicardo t.'ortez and Irving l ichel are seen in a tense moment in the action thriller. "I Am a Thief"' playing today and tomorrow at Kailey's SI theatre. It is the lowdown on the jewel thief racket. Most of Ihe action lakes place on a crack limited train.</t>
  </si>
  <si>
    <t>                                           Your EyES Niglit ami Mnrninn to K*cep      Clean. Clear      Healthy "~v* for h tcr "I'.ye Core" vr i:'.yc Beauty" Bonk MoMn-0.1'trt.H.S..1h.Ulii..v..,        MADAM" MINGY THU WOMAN Wno KNOWS   1!~ put,  mm . TKHMANIiMXY LOCATED  and Life Rentier Qlve*  on an  of! life, hove, MarrU/co and Speculation* of  all kind*. Don't fall BqK j to iee toll fined ] FBlrnUt Points the         of all  i   .~M nil li.nwn ;m hnw B^P^p to  eoe. . Mxriam Hlon ha* helped Utoaundi     ghe can help T""TELLS  DATS AND j SPECIAL  Mn Take Federal Prison car to too Rallstaetlon Gnaractee* S38 McDonoaeh Bold Office Hours: 9 A. M. to 8 P, 1* tt Una. Look for Nime on sign. Madam Minn Make. No Home Call* H*t la Tent.</t>
  </si>
  <si>
    <t>                                           Madam Zcila I  and   Consult the woman who knows. Special Thursday Nunberwitli ad. Three question, MfVHj answered tree. Will HI IR te" your pad as you H 1 1 f J alone know it, your Cl M present just as it is, i f* ~?      '"'"re j,Mt as sV' will be, and calls B^ by name. Will ^^~tell you the Teal :ause of your misfortune, failure or lack of success. If joo want facts, and not promises, consult this woman; if you are down-hearted, ; trouble in love affairs, seeking divorce. THIS MESSAGE IS FOR YOU. Give, names and lucky numbers. All readings guaranteed or no charges. Not in tent. Look for green electric sign. Get off Car at Pcachtree Are Peach tree Road 2971 PEACHTREE ROAD</t>
  </si>
  <si>
    <t>                                           ... first time in the history Of this old bargli called ... Kitten hall League has been ... among the men Social Clubs of the city.</t>
  </si>
  <si>
    <t>                                           fey THOi^ Jefferson FtAHNAGAN^^J MY GRADUATE  1ik'~ jnt her     )li.mi;t an'          swinging wide. An' praise ind she s read', for to bo somebodys 2       : I lor lips :uv like the        that came teeming  tli,- spring. -\ii' tin- IniK- is ; to hand her the prettiest ' riii!^. f t" Tlnv.ii'_.~i with hor.U. an.l p:    -  . ^"fi. lifr s bij.     :iU: free. 1" ^hl s sparkle dm-s she  thc jubilee: LvitvImhIv ' att'-- as Low swings her thru i the gate. T'1* n"Rd l.ice that . she s the sweetest - Kradiiate. Q -lie s j;ot her diploma. k. *'lc'!i Cllte -ind dreamy eyed. An'  better set her while she d make a pretty bride: She- is no study . ]    rarin' for to ;; u lien somebody ask- her i.,r to t:.kc her .iin" rint;.</t>
  </si>
  <si>
    <t>                                           Hutto High School has Just closed a very successful years work. Pres. S. H. Archer of Morehouse College, Atlanta, delivered the commencement address to the class Thursday evening, May 30. The commencement sermon was delivered by Rev. S. A. Laing...</t>
  </si>
  <si>
    <t>                                           PETERSEN III BRILLIANT I ADDRESS i                 Prominent Catholic ISishoi)        Sterling Speech On Kinjj  f Clubs I'rojrmm                 3RD SESSIONjUF FORUM                 Null-:* Thl* 1^ ii    r Hi.'       -s di Ilvi.T.-d liv Ki. Itfv. fe. I-         . ur.!;- I'cijro 3  -'*i*~~~ in     _* .-.iiH*       Calliolir* '~:l.*     .     tin-  ^-^i..,i      Klii^ *~r        Fitruiti.    \i -~- in Mhiiul. l . Tin- ,~       of lln-  K  . fil{Ot"  . Tin-            -r of       , will Ixr               ih-m .          ;                 MIAMI. Fla.. Feb. SI-                 Thurvfui ss:, "Vf l do not    -i* j-L**!1 willi my (:uni)i:. ii is J co.     I li-.-:ir a different  - .V   .~iin.'     '~ I fVi I t uit tl:~* Xv^ro lp.*ai*b :i :r':nl Orurti- j mcr." for in us much a.s he v^va   'i^      : and           :*.-                 :i^-=iny in \  : mareli Mf i tini'*. 1).: Tails to      sf-*p       th'-m :ui i in  lost in the s'-*a jf p'-tit . .and Idt#* - 1    \ Theiv must     a wry tl'-fl- nil'* goal tv which  N\**:ro mud  or lie will nut survive lit tli.. l.:- wf ih- survival ..f tl.v fiii"M.    Jirrivy ;n   th.* N-   ;-t * what I c:tl! :i "M1ODM5 GROUND" in *  he .~*i c*.-:iS^ j. from    - \v:i!~li-i ub to    * pro-   *~"    ; ruction S"t hi j this        is too     ; for ttu*  man vr \:m    :ai)..     * t'~   *  ; ami t nis i *- a  *.r  ~.(     - i wist* bf siM-ffS-. 1 i' m  in  th i t many ^ havo *~*j5ii.~ from ordinary lyp'-^. hux.      .. :irv      : '.           , t"v mlv.  It ii)  .-    -JtfJ Mih'hi '.'M? that at ^   ? tuno or oih'-r in tlie past the     !;t iut  r*t     thv  t   .*rt-   at id ](.~pli*-rs. I   .~ n                     tin* yoi^rh     our i-.i'*-: 1'n-iu :          *t*i  - j i'-tt*. ! 1^      far  my , l*ui th.; wh'.'l'.'^^al'* niii l- ;hus" :ift ~-r a prt fvs Sion is . I in*.; us In :i in* clup'.-ndi-iit * j than liu.l wr    '-n muro  j t" arts and . L*vt an take (ConlinuL'd *~n    ; col.                 Petersenln t Continued (ram F.~J* 1) :r..~:h--r w a            .:iii.  ho i. in-...   .!!      c;~ i.y  .*~m m.iko .1 !;v:nc  c-Uic:-i. UmiK-d. s'.l.; m-i-u'.-:~ ..:i-v!. :!!} to can; mew wv.d !-.-r wn a .~(I'ltfr oi!;   :ik.' :!~.i!       ,,f     ~:ut v:th  on*    * *-.jU::  -i .!,.v.-~    '~ :n: .i:n!~::  -:i      .   'li:i: u',~  - an.. MuMi i^. rc.i'. ?Tt.i 'r,v :i li.-i:-. IU-      :.%.i;y m;irr^-s d.iUs'.i'.tT of .i oi:l:i:rt i! f:ir.*.'.ly ~~.t Ntrrr.i::!: .'f !i!.- .-.~:o:: :i'.;ir. l*,:is ort-at*~0 i who ~:--~.tv.-~ all t'.:c co^-:.tion. Hu ~.f.. : no: ^   - !-..i\.' t!ic nu': of '.:t%r husban.l 1 weft !i.t   -Oi:      K-~"j;~- ff    ' .TtttT.-liu:'. .T.i o.i^-. nt* ^'.iu^i-J by Incu oC c'-  1ip -.mcht   .' ~:i!' n*.:i::y ;vl-; wl-.ii-h shi' ;~it mm f fi-rsf..   ]--,i.i!:%       i!uu :u"h:c\ vnu1:1.'.-- of !".~'r      aro   :    ! :i:!~l (our.   T Wh.u t!i:~ .-        d.'i-..-  Imv,- ^lon to'.. t:i':i anil ?ti:dy '.Ij" n*..^"V.a:;tc:il ::r.iT'.~!ry '.       -.     ".irn    :~i. .ir.i! 1.J-.-.1 ;i :~ :.~und"~'. '~ri-aV, Jown tho  of ih*v#. cv.iw.tilon wl-.-.oh kn-'i'!. the i ric-~ of hU mo:lur\ !:~     low. No ot*.f can  : ria:       In t'.i- laundry or any oil'.or l-    .vs-. Now :his man*** sun  for ihc ;M'Ofosi lon ^o   " is ihf         and l:iat st*'P :!ii-  o;.t.* oC t^c ^ lad^or. wVol:. a.- we Know. Is  ~.in:*- the low. ilic m:UJ:o anj the        c'.as?. I know that  oa:c ;ou will  that this savour* 1 of r:.r.'* uri r-'.'.Uf. b jt Joos no: :~".l i.i:: aro       c:~aL bat  ome do^'::e:'a:t' wli'.Ic o:''~crs  ool t!!u^ wo have i!x- uw     .~*\    ;cs. :li Js *^t.' ^  rl=  ,      w-o      \v hor.cur I u^ r.ot Ix'. :r. -ho equality oi a'.I I iv.cr.: n::m '.~~-c.~  .':' tho     :il t top^rato   .e  wor from the '-a- ?~t. \\~~t Im'.'.fs :ho N..".~\v* u ^v^y ^oor; olus? t.tu-Von f: thc.r --~s!oia:is a'.'C^i o'.Jti :~   !y m nor,~                 .'.1 of tlio profession. in oth.-r words  equals. Uni)'-r  Uk*y :    *  '.MH ~-r   wlil.-n in tlv   f  iii         *. \  *    'i -i       -; ~^  .~L*M-      (it Ml^ini now in op* th;m :il :iny  . Sitpl'os'* yt ii.r r:~~l7   F.~"in out. i f ~.     . to u*       you   '!    it 1"   '  ;i!r*-~i Mont IlK'-Iy down i own llt  white; fOin:'Tii. :*~~i^h   * ;~  * "..si-'l 1~- h:i.  *      *   :w radio  ti uf ~:"li.ur out       ! l-tit       *  :n*~~       radii* . If       w^tch ?'*ts ~(ui. of iix. to whom would you -.end it. If  Ti'-ctl lh.~ is'.-     *H Of tn:.i^L t'*~ Oi* lathe :nid ^  work *~   *.        n-ouM ymi um? if your .: piot   i*   *t*tis Tnwiiitl lui;, ^1 wi  yi-n :~*im1 itT Can"! ymi ili:it w.~ :   * : jkv!1 ih-i      ;.i-: r;U'~i Nn        is so ftr.i k*(           unity :wnl s"    :i-.     i\.l]"\v      professions  arc ;~  'tty W.M1 ?</t>
  </si>
  <si>
    <t>                                           Thoreau said, "if I do not keep stop with my companion, it is because I hear a different drummer.!" Sometimes I feel that the Negro hears a different drummer," for in as much as he sees scientific and political...</t>
  </si>
  <si>
    <t>                                           Singing more songs that he has in any other motion picture, Bing Crosby comes today to the New Lincoln Theatre in his brand new Paramount film, "We're Not Dressing".</t>
  </si>
  <si>
    <t>                                           MADAM MINGY THE  WHO KN  Pilmlst ml.Ufe Seadar fells put. present ud . 1XX LOCATED Give* advice on all attain of lite. Love, MarrUto and Speculations of 9MVB aU kinds. Don't UlBfH] to iee iMi cUted (VESf PalmM. Polata Unions! way ot mlX ^li I and * von ^f^j i to overcome cue. , Madam MlnfJ 1 lu* Seltwd  and ibe ean help too. TELLS  OATS AND (SPECIAL READING SOn Take Federal Prtoon ear to eno   Satisfaction Gnaraoteed (38 SIcDononrh Road Office noon: 9 A. M. to 9 r. M. \t line. Look for Name on glen. Vadam Miner Make* Mo Bom* Call! HM In Ttnc i</t>
  </si>
  <si>
    <t>                                           On last week I was listening to a conversation between a business man and a prospective candidate for a city election. I did not get particularly interested until the question arose: "Why Not Count the Negroes Vote,' which was asked by the business man of our...</t>
  </si>
  <si>
    <t>                                           TALLADEGA. Ala. () -- Amid the beauty of flowere and soft music the graduating class of 1935 marched solemnly and happily to hisl orie DeForest Chapel the scene of the 57th commencement of Talladega College. Preceded by I he choir and...</t>
  </si>
  <si>
    <t>                                           Major Payne Is Arrested For Slaying                 Arrested Thursday by i) Sheriffs Nclms and Hopkin- MaJur Payne was  hold In r\ilton  without bond in          stul.bini; on April 0. of Tyms Wilson cc an unknown ^s.                 Accoruinp- to police rotH.rts, Payne cut Wilson on the left shoulder and abdomen \v!ieu be 0^ ~'as :i:i.         to  JM enter th,. residence at ^% J% S^T Miditower street. %# Wilson was  at the time.  said. The sui.bln;.- occurred on the fr..iit -h   C the .vr  ii t r-. tho home of J: \\v.t..  :ir.l, hotter  aa "Sujrar Man." Wilson  :ii Oni.ly IIosnit:il WVducsilay ari.~. l--ldo Detect i\-    Knsioberi and Denny !~aid. Police Thursnlay were  throe men on blanket  of suspicion in the slabbing  t Jo. soph Dnrden. io. of rear S:S Larkln street. Those under arrest gave their names as Wilbur Tumlin, 25. of Jlapevllle: Will Gib.ion. 24. of C71 . northwest: and Will Spence. Si. of 4432 AVest Kiilr street. The nt. followed a -all  staged at Lowe's . police reports -;d. Harden was wounded lu      left shoulder. His condition -was not believed serious.</t>
  </si>
  <si>
    <t>                                           Arrested Thursday by Deputy Sheriffs Nelms and Hopkins Major Payne was being held in fulton tower without bond in the fatal stabbing on April 6. of Tyrus Wilson of an unknown address.</t>
  </si>
  <si>
    <t>                                           Madame Estelle This lady will  ell you everything rou wish to know without asking any questions. No matter -who 01 what you are or what '~your -hope, tear or trouble is. ask- her advice. She has given more satisfaction ness matters, K^S -QS-Lf-JK deeds or lest ^B^^^-^* w^^l aged. In * bV^HkShSS^^JvY We call ond see ha. Tells how So bave success In business, love, marriage, divorce, law aults and speculations or all kinds.     bet claas of people  her. and take their friends. She ha; been consulted by more noted and prominent persons than any other Adviser. Don't be discouraged it others have foiled to help you]. Thousands have profited by asking her advice. All readings  confidential. Absolutely . Headings Daily and Sunday from.' 9 "A. M. to 9 P. M. GIVES LUCKY DAYS. Take Wasbington-LakAwcod car; get off at Margaret St J56J. LAKEWOOD  81 Nombrr for RmtarcUr</t>
  </si>
  <si>
    <t>                                           He Will Speak                 DR. MOkDECaI JOHNSON  of Howard wr.. Waihingtca, D. C, who was lig. nilly honored by hit i!.T..i       , Morehoute college Tueidiy vhen the degree of doctor of      conferred upon him for hii ^ -work, will deliver tile commencement  to the 1935 Spelmin  graduating       at 10 o clock thit morning in Sitter*' Chapel*</t>
  </si>
  <si>
    <t>                                           THAT SHOOK SOCIETY! WHOSE WIFE? by Gladys Shaw Erskine and Ivan Firth The beautiful wife of a famous painter disappears the headless  of a young woman is found on a terrace below his sumptuous penthouse. Is it murder?     private lives of many dazzling figures in the fast nuu) be exposed before the truth is known You will be held spellbound by this intriguing thriller. I*      to watch for it. begins Wednesday daily in The Atlanta Daily World I</t>
  </si>
  <si>
    <t>                                           JA. 7199 Open All Night Thomas' 24-Hour Service (Standard Products) Alemitlng Simonizing Washing Greasing We offer you Always both Courteous and Prompt Service W. D. THOMAS, Jr., Prop. .-Welt Hunter it Jeplha</t>
  </si>
  <si>
    <t>                                           SENOR MEANS one of the baseball players of the older school who remembers the days when the Black Crackers were crossing $5,000 here for a single game, was by the premises the other day to leave a bit of information. He is working hard to pur the Pullman Sleeping Car franchise back into action here among the semi-pros. The Pullman baseball club of 1929, 1930 and 1931 was a pip and brought quite a deal of baseball back to this city. When the boys used to operate at Morehouse there were Saturday...</t>
  </si>
  <si>
    <t>                                           New Cracker                 "JEW BABY" BENNETT former llou*, Haviu awl Natioiial l.ra-ur *tar.  ho luts br,i,      !       (*r      -k Cracker -~;.    . One uf tlie       -aff men in tne ^^. Eeonett Is also     of the best fly hawks in the game tuday also. He   for his initial workout yesterday.</t>
  </si>
  <si>
    <t>                                           I I % 4'i^W:IH 1 1 i*Z LAST TIMES TODAY THE FOUR MILLS BROTHERS in With Dick Powell, Ginger Rogers</t>
  </si>
  <si>
    <t>                                           The Harlem Aces met at their club room July 29 at 7 p.m. Business was briefly discussed. The club is happy to have the cooperation of its many friends and other clubs in staging the ... which will be given at Sunset, August 12. The club was delighted to have the...</t>
  </si>
  <si>
    <t>                                           t H. TOBIAS HEU BY                 Three Thoughts Kept I Before Students' Minds In Talk                 TALKS OF JESUS                 S. Ci'tACr .iDLET                 Aii ..,.il.ri.v if.proximately -.i'~. lUi.i.i iiie historic old City Au.iii.-.r.uLi Sandir  at 1j  to              annual exorcises f* the l*            sermon by    . C)ianni.is h. Tobias, internationally   ?nown-?a senior secretary of                 me .National Council of the Toung Men4-* Christian Association -with headquarters in Xow York CityU'iih Principal c. L. Harper of tl.e lV..-.    T. V. hiB:i s-nr.c.1    *. the      i.~..-  .-.l  :i r.r.-....~ of S1J '~ml ids I.- R.-.-          senior     ,n.,~ ! 35., .-,, f..r Krailuation  llw junior l.ich I DavlO T. Howard nn.l V/..n . Xoarly sri.i st w)lr, .(    ,^5, giving : .if promotion :rom tho   l.~    .ii-y :,.- Atlanta under th.~ MiporvWon of Mnt.il. A(     Joiios. Thursday of this wvel:, w.~   RO.     in a  hy schools :,s special guests cf th(~ . Thc.  hymn Coronation! was sunp hy the  Cation an.! mammoth  r.-.n.-; ot'    ' an.J (Pa/-      of loc-.i ~-, an. I clu.ir  fr^u. v.- ,-.%s under thf dir.-i-. li"n (~f Mr.~.     .^ ^t. Crnvo*. :i.-.ul l,y miot Kraduat- oc ~'       ..n h^-li s.h..ol. .\fl.-r iir.-i.wi-. ,.if.,r-~l hy Rf.v. It. i'\ Roan ot Morris Rrown '"ll-c- tho ,;  tlic lf-.-tl.iii. -L'mold Yo Portals" from tli.- "Rodomptinn") hy Oounflil. Scrintinv ~:is r.-.-nl l,y tli.~    - U A. ]-.-~wis of Morehouso C.''ll''ao. In Imi-odu.-Insr the spo;,k-r. .Mr. A. Bell, secretary of Education ..f the C. M. E. Church, a Mfp-lons friend of Dr. Tobias  briefly of the education I and achievements of    - ~;u-st sneaker. "I am ?'-.1 to   of  distinguished American -nsaid Mr. Bell, as h- itm- a J scholar, orator and minister to a j i-.'     audience. Besinning his sermon with a hit ^3" humor. Dr. Tobias held his :r.udl.'nee . Roferrin^tr' Innumershi* hardships of  ?r year.*i. some with which h"    -.- concerned, the spo.-ikt   Prinrlp.-il Jl.i-. the supervisor.' other :~ls and the citizens for the .n-f.ul  \ has  roade In Atlanta. Chnoflnc as i\  "Runninc .t rt.ico." taK-i^n from Hcnron* \2A. the well-Hnown orai.ir. with Paul. ,i BIMlcal character as nn exampl... m.-wje unusual comparisons whirl) ar.-~" applicable to lif.^ for th ^anns of youth assembled, ff? r. that the  oC life (Continued on Page 2; Col. i)                 J GfH. Tobias (Contlnnsd from  1) la described pot    a      jump or a short dash but a Ionic distance run. In 9    three thought*. Preparation^ Endurance and Incentive, 'hS let fall man}- helpful            tor futur^ . Spcalciiie of the students l.~ their          situation, ho referred to n period of training, ursine them to lay oft a.~ well as put on."  M.v* curriculum re^.- he*       .  nre * and ajv not intended ror one to maj(e n ?~~~w off out \r. Hit's rac*'". la  the app'.    hi.~ ^  T!=du.-jr.o^. he insisted upc^n r\-e:vo?re  that !Ife^~ race va!i5 ?or      pop ar.d  -U cal!~ lor strength ar.d for a ^!  of    -er." ho ~;d. Comparing the sobie ed^;*-i:c.r. the iate Booker T. vr.^;or_  a  d:~t-.sce r-r.r.~r. \.t Rated tha: he w.v? r.j: Sop N cause he did cat ru= the    ; h!? nee I- s cash reiser. Kkn**w rhat he ~-   r..c s =:ir". then and that i: wsj tie I_v?T lap ar.d sot the FTr^ST ih-'.t c:d-d the t**:. i The third :. I=c*=::-.+ ^fis indeed ir.sp-". tc- j  had the priv::.;:; :t- if.ir -i.*  ^^rlu!  Z. O-f .-c. j  by ;r!^   ;-- x- i: j  v:d. s*:     ^ :r.-- v*i**~is. i * and       _j    -sw- r*C: i the. youth. ur*"T.i  by ir.* r V:r.c ;Z :z-i er.emy al*.-.1'.    si.i^  ever, or.*- %:.    :a^_c-f ~--np!  ; ~.tor.t-r= to stc v Finally. w,;h Jefj? .i? ;j-.                 r^oc *x3Ur.p e \~r v;o:    ro portray ;r.t- #  ,-r . appealed    - :#^ce to ^ikt* n*    v^.TiirfS.. t^ la.'-pirt d by ilie Cnr:*: ai^^ ~^.t# ii roach nobler Hc.si ^Ic-r rc^:c or        ^^ I : tiw ii-~# as tbo  aa? i,- Tfl^ das! ~*leci;ou, 5i.vc.-.:i3 iii      *i by  ?--i.T Cir:~r or th*. c. M. j #r-.-^.. :u'..--o :or :r.t :nj:'s :*r;= :*G by MliV r-1- ir. :i ~;-.-.-:i: u. lh^ A:?i ^c-: V.'orli. wlu. .-~-r.,!.:., ^;i r-!^-:.or.# by ino ;;r. i.cr sotoo: -T.i^r the cir*c-fs c: Ors^i- V. Jackfor.. j  y*c;.li 3t;;Crrr.r-    of'      crA.iu^. cz tr.p l.-.cal j .-c'.lfc-f  b* h#ic V.'.rd. ~~?         : and I-"!f^ th- il^ 5^nior hich ^"! st.idt n:? at th? O:ty Au. cr. Fri.isy *.? ai i:30 i *vr- ::;:ir..- oy r.ir,  Hnrp*r. i u']ti-i ~'i ;i!l' :~-.i xn.- .v.iit*1- s:i:icp h* prrs*m :it ill or      i</t>
  </si>
  <si>
    <t>                                           An audience of approximately 5,000 filled the historic old City Auditorium Sunday morning at 11 o'clock to witness the ninth annual exercises featuring the baccalaureate sermon by Dr. Channing H. Tobias, internationally renowned senior secretary of...</t>
  </si>
  <si>
    <t>                                           CONNIE S INN OPENS ON BROADWAY THIS WEEK</t>
  </si>
  <si>
    <t>                                           Was entertained by Mrs. Dennie M. Harper, 131 Richmond street. A refreshing menu was served. The club welcomed Willie Mac Cooper and R. W. Brandon as new members. The next meeting will be with Mrs. Daisy Nelson, 28 1-2 Clark street.</t>
  </si>
  <si>
    <t>                                           y^^ SO-GOOD HAIR GROWER f^^g^ A QUININE POMADE fe  ** aafl^ aair fr- 11.1   -^^^^L (~   , TriiBi. FaBa* Hair   4  ^^^^^W SO- HAIR 3 ^^~   ^.           i tmg   f kanh rn.li hair W ^^^~~~^E V* 1'-- ^B Si C- 4 Hair a, N. S*^2S4bbI HaaaW SBBBTaBaW^ Mttw "a^_~Bl ^a__A-   ^"aa^l\BiBBt \*B\ SiaaaaW ^~BmBBBBBBBBBBBBB^Ba* BBBB^       CHKmCAL CO. n^k^   ^SSSS^Gm.</t>
  </si>
  <si>
    <t>                                           NVins Morris Brown Event                 Mis*: .Iran Hargrove, whom many will rt-' r a- tlm winner n? (hi- Nalimial Tlks Oraiori.al Contest eev.ral war* ago,    i.-. her brow Monday   sup unit tin- Rishr-p W. A. Fnnnliiiii award :il ihi-     ;ial -ieal  of Munis I'.      (lie *p* chapel. The tali-mod young \:iii who  on "Thr Blblo and I.".  tn .critics. i-11cmI i he  in her  manner of (lu'.. Second honors  to Miss Dor*  Cohh, a . who used ;is her -t "Who :ire We and Why arc We':" Mix C.iMi. Wnrlil ri  will . is wi. known ns a  . po ii'--*, ;i  of her pot-nix ha\nm'   In dip All:iii(:i Daily World.   ira? . il to Miss Aniii-tti* .l.',  ho  on "Thi" NVw Ni-ern ami Dcluooinoy.1' OMu'r  wore IVml Anderson  . . .IiiflcPs for I his i-,  Is sn . oiK'. if. f , Hi'im Hill, and )~,h Sarah  Ilra.ll..y. Crippled Woman Claims Police Beat Her "If she had hi-on n ninn I'd n  Iiit."  S. C. Hanks of the      squad frankly told Rei'ordix .Inhn L. Ohio in  In tho p.'.so of Miss Agnes Roljiuson. 22-yc.T old crippled woman, of 325 Lyons avenue. Miss .son hiid Iwn  on disorderly  after police declares slip had  out some whiskey on  tlu-ir approa ph. Ktandintr before the JudRex' Ivnoh with Iho nid of crutches, the crippled woman, told liow the officer   ki d her to the floor and  hrr with hi.~ fists. 'Dip officer did not  the      's . hut. claimed that             him. TiiiIkc Tone fined bvr S1'J or twenty day-; in      city . Grady Auxiliary is Not Meeting Today The .ir v   of (he Pnlorcil M'.inn i.'s Anvllirsrv nf Or.nlv hospital will nol h, l.~ Hii^ .-ion. a.: to an -nn In- Mrs. M. I;. Walker, president of Ihp . A   will 1~. held early in June ?ii whi.-h limp n - of i-xfi- plans will Im madi'  ihe '-~.</t>
  </si>
  <si>
    <t>                                           Price's Pharmacy PRESCRIPTIONS SPECIALTY Thin Ad    worth 50  on unv Prescription SS4     ^r at       -jr I'lino-   . K293 \VK  ^ER ATLANTA 'Now Till Dec. 16th1 FIRST TIME EVER HERE; i I  WAI.I. S'fS. l^ Kimijail Hotel See Live Penguins From Admiral Bvrd's i  AMERICA ADMISSrOX TO i EVERYBODY' i 1 fir 9 3. m. to M p. m. 1 Ub EVEitY DAY We are Hclpint; the BIG BROTHERS XMAS J FUND.</t>
  </si>
  <si>
    <t>                                           Famous Oriental Herbs-Nature's Remedies, Herbs, Roots, Barks And Blood Tonic MESSAGE TO THE SUFFERERS  ETA Vou nmJ not be -vfl about your i BEfe. A . Cheer up. There is kelp for you.     *^~$ :! '-1  c1''  Chinese Herb SpcriultKbP**1-:'-^ ^'tli his J'ainou* and "sa herbs  j^E Si I'oots, u-.-i      :h Imvi: bc.'n used for'. ^S^'flh ' s, and     Illicitly recommended for *~S^ \^K nny trouble of Uie system,  an the Lunira, te-ife 1 V-ire Stomach. Urai-t, Liver, Kidneys, Blood            on' lUn-', Cnlarrah, Weakness,     . Y. YOl'Nd -ss, Bladder Trouble.        *~FAMOUS HERB li0I)~     ,'', Skin Uisvnspn, Female        " Tr0    : a'"' "ll tr"            To 1 1 10 sc -\ it. concern: Cull ol . Don't t;iv.- u]i  if  fail. The result is pleasing to all who, MALE OR FEMALE- CALL OR WRITE DR. T. Y. YOUNG WITH ORIENTAL HERB CO. CHINESE HERBS- ONLY NATURE REMEDY FOR EVERY DISEASE OF THE HUMAN BODY 132 Ldgewood Avc. Phone: WAloul 2189 Atlanta,   . Diily Hoar.. 8 A. M. lo 7 P. M.</t>
  </si>
  <si>
    <t>                                           Maestro Willj Appear Sun. At Big Bethel                 Atlanta Musi.-  vt1  enjoy J a  tin' .~         j nolL-tl Crnhiini \V. .        will ;ip- j pcur in ;in orp.n:i  tomorrow al 2 o clock BcthW AME  of  Rev. D. T. Babi'ock is I pastor. Tlic Sunday          under th,.     .~:  .'v of the                 principal nC Booker T. WashinEton    ;h M'hool. have left no stone unturned to make tthe afternoon j an c ljc. one. I Ont. of the special f^iliin-s of the: musician s  will" be the.  (5r""!riTi. Treble Cleft Trio, consisting of Mhws Mary, Shaw. Mamir Albriuiit .iiid LiiclleEaly. who will render selections; composed by  Ne;;ro :~u-i thors. I The ;  to which I tlie public is cordially  will1 be presented: Ippolituw Iwanont Proression off th,, Sardar (Caucasian Sketch- 1 i cs). Stravinsky Berceuse (The: 31rd of I'irc.) Rihard Wanner. Liebcstod lLove 1 (Continued on pa;;e i* col. S)                 Maestro Will (Continued from Faje 1) Death) from. Tristan aud Isolde. Rimsky..Korsakow.. "Plight of the Bumble- Bee": Scrradell "La Trio): Sjuditiff "Hustle of Spring" Wagner. "Music File Scene (The Valkmc: Poldini "I'oupcc Valsanle (The Waltzing Doll); SaintSacns "Bacchanal? 'Sninsnn and Delilah)", Hadlcy. The Catucliist (The Trio): "Fauif BalUet. Goun. nod: Dett. Juba Dance (In Hie Bottoms); Hull. "Mother's Day:        -t Kionp: B:if-li;y. Father of his Country (A March Sonir commemorating the Bicentennial of tile Birth of GcorKo V/ashington</t>
  </si>
  <si>
    <t>                                           Atlanta Music lovers with enjoy a treat of the season when the noted Graham W. Jackson will appear in an organ recital tomorrow at 3 o'clock at Bethel AME church of which Rev. D. T Babeock is pastor. The Sunday school classes under the superintendency of the...</t>
  </si>
  <si>
    <t>                                           Met Monday April 7, in the ... room of the Atlanta University Library. The ... were very interested in ... the talk made ... of the Atlanta University faculty. He spake on the Education in Haiti. He spoke of the...</t>
  </si>
  <si>
    <t>                                           27 Forum to Be Scene of Cood Debate                 Thn "27 Olub Pkirnm" tun 3e\n-\Ofi a  limply  for Its Inter-  which Is ch.HluIml to      Dlnco this  al 4 o clock In tho Flnt i.rin(             church.                 Tin; di  teams of Morris Urmrn c"      nnd Clark university.  ihi! tutorship of Prof. Slailc and Dr. R. A. SchcrimTliorn. will discuss the subject Tlesnlveil. that nil nations should HKrcn to  the International shipment or . and munitions." Clark university Is represented     . F. Brocks und John T Air.ey. who will  tlie affirmative side of the    \-~tlon. while Jnmo-i Wllllnms an,-; Dlanton Black, oi MiirrlK TJ'.', will defend the negative. 1W.) Because of the discussion that has  around the profit of war in tho present Congress at Wnshlncton. and as a result of the International Uncertainty that. obtains  the nations of Europe, the subject agreed upon Cor this debate seems  timely and . The average layman Is ur.Informed nH to the extent tc which neutral nations have contributed through profiteering In  ammunition for war that a debate of this kind should prove most Informing and beneficial. Few people realize the extent- tn which tho profit motive is .Ilhi-r :it th** '.' of nil (.Continued on Pn^c tt,      B/                 27 Forum (Continued from Page 1) w:j i's itr in ill" sustaining in flu u Hire In  . try  ]      mil iif war we n./.i: (bo /I n:i infill inti Tcst th iL IMOltt -.s  -l-Isc In    *  i . Thu Uebiite Uils al t Tnonn promises lo bo nu.ix- I.lian ;ni *l.'  may .serve as at miniature NOtnlnar Ml' :1 iit] mis Insofar as  l-cl.-i  i    :L ''"'I '-y tl c  ?  .</t>
  </si>
  <si>
    <t>                                           The "27 Club Forum" has selected a rather timely subject for its inter-collegiate debate which is scheduled to take place this afternoon at 4 o'olock in the First congregational church.</t>
  </si>
  <si>
    <t>                                           SWEET AND PLUMP. Little Iris Crawford, daughter of Mr. and Mrs. Jack Crawford or Cleveland, Photo by Washington, Eagl* stuff.</t>
  </si>
  <si>
    <t>                                           STARTS TODAY NEW SONG SENSATIONS! NEW DANCE SENSATIONS! NEW GOWN SENSATIONS! Hear These New Tunes "I'l.l. UK ) TO HANOI, E"- "I WON T DANCE" "Lovely To Look At" "Smoke (Jct.s In Your Byes" -'^^r DODD ar"' :4M^^^        ^Mii^\   FM Added Attraction ii tn  n-^^otch mw 531 McDANIEL ST. aj)j .MonUey Shine" Near Richardson</t>
  </si>
  <si>
    <t>                                           The Membership controller of the phyllis whently ...</t>
  </si>
  <si>
    <t>                                           WANTA BE MY BEAU?                 FYankic Oarro and Phyliss Fraser add a romantic touch to the entrancing film. "Little .Men" playing last times today at Bailey' New Ashby theatre. Frank Morgan and HalHe McDaniels have important roles in the picture.</t>
  </si>
  <si>
    <t>                                           The Strcamcri-Lincrf Gal Is SU'iMiiriK Out Plays Four Days Bailcy'sROYAL</t>
  </si>
  <si>
    <t>                                           Be ready for Easter. Don't was for the last minute! Shop at Sauls today for your complete Easter outfit.</t>
  </si>
  <si>
    <t>                                           Will meet at the YWCA this afternoon at five. All members are urged to he present on time. ... Jenny Hood, J. S. Rigby and Mr. Will hostesses.</t>
  </si>
  <si>
    <t>                                           A city-wide financial campaign for Roger Williams Howe College, sponsored by the Bluff City Funeral Directors and Baptist Alliances here, will be started within the next 10 days, announcement was made yesterday.</t>
  </si>
  <si>
    <t>                                           Partly . nucl  cold"r with   near      04 . Georcc \V. MindliiiK  Slates Melcorologlst</t>
  </si>
  <si>
    <t>                                           DTP. star basketball performers of Clark and Morris Brown came down to Auburn Avenue yesterday morning. Among those present were Billy Nicks and his aide-dc-camp. Jim Reid, Ezra Murdock, Honey Smith and nyche Smith, Jack Thornton, Drafton Roberts. Cab Otvene and Delos Berry from Morris Br own. Joe Lone. Carl Ray. Rh, Dalton. 5t/113it .Johnson, Leroy McNeil and Donald Reeves, represented Clark. A swarm of spectators looked on as this eminent troune of snort figures trudged the Auburn Avernus</t>
  </si>
  <si>
    <t>                                           ^25%io5O%on r*     HW j FIRST CLASS TRAVEL  Hb Greyhound bus travel  the most in travel luxury and . yet costs from 25 to SO per cant less than  forme of FIRST CLASS transportation. Sleek new streamlined buses with senu-airconditioning. deeply cushioned reclining lounge chairs, hot water heat and other new conveniences are now ir service between most Southern cities. More frequent depa: turos from tho very hoar! of town, near hotels and : . make Greyhound tho ir.asl  way to  LOW PARES EVERY DAY IN THE YEAR CHICACO $11.70 CINCINNATI S 6.SS INDIANAPOLIS 8.S0 CLEVELAND 12.55 . Ky. S.4S ST. LOUIS 8.35 MACON l.SO DETROIT 11.30 NASHVILLE ~.1S ROME 1.25  GREEN 5.40  2.20 BIRMINGHAM 2.S0 VALDOSTA 3.55 ANNISTON 1.G0 CORDELE 2.40 JACKSONVILLE 1.80 SAVANNAH 4.05  9.80 WAYCROSS 4.80 UNION BUS TERMINAL CarnCRb Way %W- .1,^ I Telephone El!   Strret. 1 -~'V^M*~ jfa I WAlnut 6300 COl^t LOUNGE I^S-" ^B^H I CHAm *</t>
  </si>
  <si>
    <t>                                           Funeral Notices                 Mm. Hturi.u,, Youutr of Union, S. C.. the mother of Ml*. JultllliOll YtMuig,         Tiu- morning hi her home. 10 Ilinviotta     -~-t, (Jnifm, S. Iii Meinoriam Jn memory  f  and Krandinather, Mrs. Louis,.- Su-pht*n, who died Lwo yt urs aj^o : Sluf id just.uway on u jinu nt-y But yet how oCu-ii, Oil! Imw often Doth 1 wonder to  tomb Hut - /each   ;'  You arc lost in the . Mis. Mninic Aiii'ci-,  lii^r Stfphe-n V. Andci'Mun, l nti) A_ Andursoii,   Maty U.           , Rrandchildrrn</t>
  </si>
  <si>
    <t>                                           r % ~~.f.\.-? I JBoxiSeore Atlanta ab. r. b* po* a. Jam**, rf 5 1110 0 Hill. 3b .3 .12 0 10 Moore. If 4 113 0 0 Lipscomb, 2b 4 0 1 3 S 0 Hooks, lb 4 0 3 10 0 0 Oana. cf 4 0 12 0 0 Palmiiano, e 4 0 2 3 0 1 Chatham.  s 4 0 2 5 5 1 Durham, p 2 0 0 0 0 0 Total. 34 4 13 27 11 2 Birmingham ab r h po a e Ward, cf 4 0 0 2 0 0 Rrble, rt 4 0 10 0 0 Scott, If 4 0 2 7 0 0 Howell. 2b 4 0 0 4 2 0 Tnpp, 3b 4 0 2 0 4 0: Clancy, lb 4 0 0 9 2 0: Epp.. e 4 1113 01 Malinoiiky, 4 1 1 4 4 0 McEvoy. p 3 0 10 0 0 To'nl. 35 2 8 27 15 0 Atlanta 013 000 000 1 Birmingham 001 010 000 2 Run.  in. Lipicomb 2,      , Oana, Ruble: two-bale hit, Moorr;      , Chatham, j Epps: home run, James: left on! l'~^s, Atlanta G Birmingham fi: j doi:    ,. Ch:tfh.-%m to Lips- f 'omb to Hooks, 2, Malinoiky to I Howrll to Clancy, banes on balls,  f McEvoy 1; struck out by. Durham 2. Umpirv. Crij?, and Bick Campbell. Time of tamo 1:30.</t>
  </si>
  <si>
    <t>                                           THEY MOAN AT BAILEY S ROYAL                 Itinjf Crosby  \V. Fields emit some peculiar noises listed as Yroonini;' in their current appearance .it Itailcy's Royal theatre in "Mississippi." The Royal is also slowing tlu' last chapter in that ; serial. "Vanishing Shadow.'</t>
  </si>
  <si>
    <t>                                           7% J TT W jr** L THURSDAY. JUNE. Daniel Haynes, Georgia Songbird, Signed for Picture                 Fats Waller Saves Picture Says Critic                 HOLLYWOOD. Calif- (    - previewed at ilic Hiilstrcot theatre here. "Hooray ior i/!ve- proves topnotch  with   ty Dorothy       Jimmy McHurIi                 Felix Young, associate producer,  to the screen a novel lonn of musical comedy with his version of Marc Lachmann's realistic  of llf,.  the scenes. A surprise note in      picture  Fats Waller   and mugging with Bill Robinson put the tap dancing king on hi*  to hold his laurels. Difsppointmer.t over cutting tbu Harlem .^. starring Roblnson. Wnl!er mid jeni Led-n lia? been keenly felt by             the production. LeGon, opening ths dark side of Jhe subject, received firs". .         irom the audience and !rcm die moment Bill Robinson's nam* was  on the  in the            I'.j; -, -Iw picture  bc;.-.:-;~:pd to ir.e i-:ever trip sor.g ar.ri  : wiso In"; ed -Hooray nai c: the eras. ScciUse it is bis firs: ;roU:.".vO"O picture, nnd because his I'.- lul  kr.Owr. to radio and I club audiences throughout the i country lost  in the filming. Fats  may l:e classed ss superb. Bojar.gles was gloriously ''tcp;." every moment the line he wis before the camera. LeG.ic ! c.Mice artist, vhile not .-er.sational. gave  .r of h^r?-?!: with E'.'.l and  hows promise of  a-or.': ' added CTmers experience. Her  ~; with Bill, ic tul!       . in            of  picture is a surefire applaud setter i"rom any audience. The 5:0- c- a vent are in musical comedy production by Gene Raymond in  to wl:i Ann Sotli. crs. *ho is featured in the ca;:. Phor.cy n:'.:!:~:!rr.i ,.r. the part of M:ss S9:"nern'-s father halt  .i-r. ar.d Rayrr.or.d. s^ by Miss Sothcrn decided to put the saw or. a!o"e. They hi: upen a N" nn;le t3 $ave ;hc day. As ja the ~:-. so in the picture, the Nc?.-~-e.- ' run away  R-ith tst production. PUft- ?''r.. with R1U Robinson ,s::       in -he group cT colored character.-! and three  race . Fau piano antics and LcGon's introduction to film audience? snake "K.oray for Love"  worth the evi-:: out. Hollywood critic?        ! that Fats and ,Bill :ind Jeai gave "Honray fcr Love- Its one bit of real     .</t>
  </si>
  <si>
    <t>                                           HOLLYWOOD, Calif.--(ANP)--previewed at the Hillstreet theatre here. "Hooray for Love" proves topnotch entertainment with musical numbers by Dorothy Fields and Timmy McHugh.</t>
  </si>
  <si>
    <t>                                           DETROIT, Mich.--Evidence of the value of life insurance and the unexpectedness of death are borne out in the experience of John W. ("Tenney") Blount, popular business man and sportsman, of this city, who met an untimely death while he was making...</t>
  </si>
  <si>
    <t>                                           PHILADELPHIA, Pa. April 17--(ANP)--Manager Webster ... of Ed ... Philadelphia Stars, is probably singing his swan song to baseball this year. The 35 year-old ... of 15 years of diamond wars may hang up his glove and call it a...</t>
  </si>
  <si>
    <t>                                           Storm Death Toll Is Rising Higher                 Brl-OXI. Miss.-  A con. stantly growing casualty list fro.n the t.'rr. which swep; through three Mires Sanirday and Sunday I have placed the dead at over tinny, with at least iwo dozen of them Negroes. Louisiana. Mississippi, ami Alabama, suffered the heaviest fa ;il- . with thr  lc plan-.:; ion  in which many 01 the a.'- i S-soi-s lived   like i-h:i;i licl oiv th!' gales. ;C plants-] lion K'ltlraiimt in D.      .    .                 v.ms ;:'u:t'.-t  .!. !uw small Nuijro children * i:i.-'nr:lv . One of Them 110! .il until - days 1:Kcr. li^! been blown more Ulan .1 mile v tin* wind. The  on Lake PrOvi. uo:u'~\ i..:)., was the scene of nine  in i in- earliest hours nf the catastrophe. Five of tho.se killer' '~ Nosrws. n,eh- -~ not  H. r.rown. :i 'Rr.pU'.t !ii:ni..ier. Iravelleil to the torn Cili..-; e-i-. Miss., tlie d;\y before the  .-k lo .K'liver    . He v.-.i.-. kil.Vd   l;iy. one 01 tlk li: s[ futilities. Rehabilitation in the Strieker -i\m is DchiK :!iade particularly -nli title to the already existing -i'i^' amony the Ne;:r,i farm worker.. CVT OVKli WOMAN Ujwrenre Swiiincy. :to. of 1242 Harris , \v:is in Ciirsni hi -i. Tluiisdav with  stab wounds in his left side and a,io'.hcr in his  cheek, ;. .i l)v William Anthony.  n, n over, Lola Holmes of rear 234 Hat r\~ ine was the . nf :m  Lola Holme, el" rear TM Harris st Mrtrl. Swinney -aid. Clark Alumni Group Will Meet Sunday Afternoon Everv Clark rr. or  students Is asked to be sine and V-e present at the meeting of ihe Clar^ Alumni  Sunday nf  at 4 o  In Warren Hall. This meeting will be of  Importance to every Clarklte. plan-: for the future will be discussed and  for ihe Alumnus' will i'e ev tallied liv .Unimv Petrv. Pre Ulen W. - will PIT-ule over the me: tips.                 Storms Lash Dixie, 31 Dead                 Savagv storms whit. h la.lu-il :uro. th, -ou*. --,v.i t a', int. ~-val- iii::::ic a four-ilay -h   -f! ik-al n an.l .l.v.-.-l ;it lv:l iri tli.-ii' v.ak.- Til.above   hoto .-I'.ows ;i typical .-\-.-n.- in     -::tit l ul    !.-m:'.Jj \:.!!.-y un t!a- Kio Giaiuli;- wSi-Tl- :i ;w:.-i,:' il.--:i\'y,   100 l^-::!''::. " W.T.- kill. -il' ill 111.- ^to^ll -i-.'.i.-ii. N.r,.- \v,\.- ui ..~%-. :i-.l \v m:i a lion.-'  u'.. .-il in a \-;unn on l.a K.- ll;-o\ i.i--:-..--~, l.: i 1 i \v,:.- -d by a tui  :r. (Mu-i. r. M: i\ -.v j :ul al (Ml.-'. .Mi.-.-., ami -i- iv VaLiilv n-.jui.il \\..,-.... Mi.-.-. I'iw- .-la'.os vn-iv im-'iii.l. .1 in ai.-:i. -v],i. outlined on the m::;;'. i:~.</t>
  </si>
  <si>
    <t>                                           i JIMMY LUNCEFORD S MATE. Mrs. Jimmy Luncefoid (Crystal "I Tulli to her friends and intimates of other days) is back in lier i home town, Memphis, Tcnn., while her famous Maestro-husband is "y" on tour. She will direct the annual All-Star Revue at Booker Washington High school at an early date. This established presentation is' the charming Mrs. Luncefortl's brain-child conceived while she                 was a teacher in the Memphis Pubic School system. Photo by Hooks.                 PETITE AND WINSOME is .Mrs. N'onnan L. McGheie of Cliveland, the former Dorothy Cook, niece of Dr. and Mrs. Charles Herbert Garvin, whose recent marriage to Attorney McGhee was a surprise to society hereabouts.                 MEMPHIS- This chubby  is Sam Webb, III. thirteen months old son of Mr. and Mrs. Sam (Chrilie Morton) Webb. Jr. His proud parents and their progenitors are among the Bluff City's most valuable and oldest citizens.                 DESIGNER OF RHYTHM.Hcnry "Red" Clinton, popular orchestra leader of Tampn, Fla who promises to be South Florida's most prominent .                 MANY INTERESTS Mr. Otis I Hall, prominent business man and I police offi'-er of Peoria. Illinois, is I mi able person along many lines of I endeavor. I</t>
  </si>
  <si>
    <t>                                           Like the celebrated N. R. A., Jesse Pinson. Race middleweight golden glove winner this year, DID HIS PART as a member of the Peoria Elk Amateur trio last Monday eve against the Davenport team at the weekly show held at the Inglaterra Ballroom, by terminating his bout in short order with Billy LaHue. with one of his southpaw slashes to his opponent's mouth, driving two of LaHue's teeth thru his upper lip in the first round, and thus scored a technical...</t>
  </si>
  <si>
    <t>                                           Coroner Will Probe P22th Of Ponde                 An inquest will be livid some] time today in the fatal shooting of; 21--old Lcroy Puride. whose body was found in a cell at police headquarters, ten hours after hej had  arrested on "drunk" charges. Grady doctors, summoned by polio.- officials, found a bullet wound in his left chest, the sine passing through his body.' and" lodged just beneath the skin fthe right shoulder blade. The  is scheduled to be held at the Hanlcy funeral     !.~ where Ponde's body was carried.; Coroner Paul Donehoo last night I had not set the time for the hear-j ing. Homicide detectives ordered Mrs. Gertrude Ponde. the slain man s  widow, who is held pending: further investigation of     case. Mrs. Ponde gave her residence as; 4U9 Williams Street and admitted I (Continued on Pa*c 4: Col. 2)                 Coroner WU1 Continued from Page 1) thar she and her husband hnd had some difficulties in a  on Davis Strict, shortly before both \\;-tp booked, at police ..-rs on drunk charges. Detectives, how.vcr. were trying; to connect up Pondc's death with a' shooting which *! in a residence at 208 Linden Street. Police I found a relief ticker in Pondc's  pocket which gave his address as 203 Linden Strecr. north- 1 cast I i</t>
  </si>
  <si>
    <t>                                           Baptist Ministers Continue To Stage Many Revival Campaigns In City                 By REV.  AKN OM)                 TUc Atlanta Baptist Ministers Union met Tuodtiy. June 11, In :i very busy  over  ii . m. L. King, presided.                 The Rev. D. J. Carter, it announced. preached o'l'.iday, .nine ninth, at Bcthe Kclen Baptist church. Rev S. Sullen, pa;. lor, on the occasion when Demon John Tiiylor was ordained to .v.ivc                 in thai . Ihc .-amc main the Rev. Mr. Carter wii^ .-'ir-I speaker ai the S'lid R,,ck Baplist , Rev. A. L. Humphrey. minister. The revival no'.v being  ul the Tabernacle Buptin i; Rev. J. Miner, . is a tremendous -s. The H'.-v a. L. Collins. ij^U-iI l'\:.''!l.f. is  Riciil .     ..ns u. nitc. (Continued on  B; cnl. 5)                 Baptist Ministers (Continued from Pago 1)           night, the special U.pji: was "The Prodigal Son." A large audience was present, nil stating  If you mls.s hearing Rev.        .  will miss something. The meeting ends Friday night. Following the revival lit Taberr.. the noted clergyman will . iiii evangelistic  at 'he providence Baptist church. Dv. C. D. Hubert, minister. To show their love lor their leader, the good members ol the First Baptist church. Reynoidstown Rev. A. L. Cnllins. pastor staged a "birthday rally Sundiis*. June ninth. Fifty Uvo r  wei-c ?.eil from Ih's . The Rev. tic -r: i; W. TT..   ;in, pas- tor or the Si'i-. t'.d Mt.  Bnptist church is now - hi^ 10th anniversary us  of i fir- i chinch. Rov. . is ^v! Os  onp of  hr nt,"^ Baptist lenders. Tin;  i- r.. Invited i.~ attend Ihi: fi-rit.-.  if ?    . i     Rev. S. P. Pedigree of                 Chattanooga, Tcnn., ha*, been called to  he prorate ot the west Hunter Streeir Baptist church. The Union welcomed the new pastor and wished for him much success. The Rev. J. n. Domett,  of tlie Duller Street Dnptist church  president or the  congressional dish-let the state Baptl.xl Convention of Georgia, nmdc nn able appeal In  of, the state program. Col. A. T. Walctcn, the local president of the NAACP made a very forceful appeal in behalf of tile campaign  members which will be launched Wednesday. He ( that every minister Join the organization and urged the pastors to ijl:e up collections fo,- the same. The Rev. W. 13. Bell, pastor of the PlUit Ridge Baptist church, Kinwood, Ga., will  a big day :it his church next Sunday. This Is the .second time that Rev. Bell has pastured this church, having been culled there 24 years ago. .Prom all indications, there will be a great rl;i j- m. Klnwcod. U.-. S. M. Lcc. ex-president of tile ,  the revival nt Tab. err.nclc ^l. church Mon,~ny . At the close the service*. Rev. Min.r pa!~~ a hl^n Ulbnt to Dr. Lee ns lie presented him I (In. church. Dv. Lcc. in (he c"in:.c or his remarks, said  he had jus; left the great  belli;;  by Gypsy Smith, the :u*cl English evangelist, l.ut Mat. li,c semi, in Hint he heard "i the City Auditorium hnd nr, more  power Ui;in thr rat: expounded by Hev. A. L.        . The f,ev. u. S. Sullon, pastor  r the Beth Eden Baptist church, is mr.     remarkable progress Accrding m reports   his church, the  minister hnd five  to the chinch Sunday night. On Friday nisht, June 7, there was a highly successful musical contest between Thankful Baptist church, Dccatur, Rev. J. \V. Taie, , and the Tabernacle Baptist church. Rev. E. D.      , pastor, Savannah, Ga., The two noted choir.s sang  a large audience. Many white persons attended the . Rev. Tt'te is especially  n\ tn      ini  "f the Ml. Olive B:ip1 1- 1 Hunch  and the Bon Ton Quintet. The Rev. G. P. McKinney. Jr..  returned to the   Jacksonville. Tin., where hi: conducted a very .successful revival :n the Tiibornnclc Baptist . . J. M. McKinney pastor. There were 45 accessions, 38 of which were for . Kf. McKinney is olio of  outstanding Baptist . Thn Rev LmiiIs FMStcr, Jr., nssl. Piisto,- or the Wheat Street I3np. list church Is a : yun" minister. Rev. rosier is assistant, secretary rf the Union as v.-cll as a  ;it Camnicil Theological ::iry, Mca from all walks uf life came Ln Liberty Baptist church Sunday. June ninth.    hear the Rev. Dr. Eniesi Hall, deliver a powerful Kcriiion on "The NRA That Shall Never Fail." The former pastor ef the church was truly inspiring.</t>
  </si>
  <si>
    <t>                                           Tile Atlanta Baptist Ministers Union met Tuesday, June 11, in a very busy session over which the Rev. M. L. King, presided.</t>
  </si>
  <si>
    <t>                                           MARKET DATA WEDNESDAY, JUNE 5. 193S Total New York Stock Exchange 1 r* 1.103,400 Share* Tot*! New York Curb Exchange 3     S*lei $5,400,000 Fotal New York Stock Exchange Bond Sale. $10,766,000</t>
  </si>
  <si>
    <t>                                           START THE NEW YEAR RIGHT There are hundreds of WORLD readers who scan the paper every day for bargains and why shouldn't they. These same WORLD readers ride the trains too because they save money. They are happy- They are : safe and Retting  accommodations and just think, it costs only (T-) cents per mile while the old rate charged was nearly (-1) cents per mile. Our SLOGAN is SAFETY-COURTESY-SERVICE THE WEST POINT ROUTE GEORGIA RAILROAD</t>
  </si>
  <si>
    <t>                                           Mrs. Anna M. Williams spent Monday, night with parents, Mr. and Mrs. Will White.</t>
  </si>
  <si>
    <t>                                           Insurance Man Is Robbed Of His Automobile Whtfir Waiting For Light To Change                 W'ayl.' l.y "'" l.* a* i lu* 4ir**u*       a rnl li^hl at ~\~         Strwr ami Kdgi- i ,\.        . of Km Sh" I sim A\      . Iwal .inco - ipl. \v:is ri Mx-il *~f tils - I *mi i*~ cuts in       \nw MOaiay . he reported tii .v                 While waiting for the  t.~ Imiisx?.  of thf  -~1  ui th*  1-oard of his :ir. ho said. I'ini. tir--lTm:: :i          -,l him t.~ Mt on iho ~:iok     .     ? other   'u sat n 1'nmt. n-.-verly said ho put th? l;~'y ro 11s .-ar  ii his pocket, but was -d to i:ivi- it up by " . I If \v:   .'-i! to Irwin and Unn. sirota. \w said, where :ho trio ri lit   of .v .cuts _xi II tin- -y he Uad. and                 i'~r I  out of the car. I'i'lioc     furnished with the. *." and        of     -ui.. ilf a now V-S . U'lii^ the efforts of :t ions  to roh them sent JneU *\~tt^ or :w.~ Glenn Street, southwest. ~-iid  rtes Irene Wilson, oc SOS Il.-iin Strecr. , to c;radr Hospital to lie treated for Iniifo wounds. Tlie couple  to  they wore  n route home       leaped  th.- dark noar Cooper and Windsor Streets, and demanded their       . Scott Ktrnek at the   his fist, and   Isntft  /hls  In return; Whon Miss "Wilson  to the aid of her escort,  he  cot oa tlie forehead.</t>
  </si>
  <si>
    <t>                                           Waylaid by "kidnap" bandits as he drew up for a red light at Courtland Street and Edgewood Avenue, C. C. Beverly, of 130 Sunset Avenue, local insurance official, was robbed of his automobile and 30 cents in money late Monday, he reported to police...</t>
  </si>
  <si>
    <t>                                           Older Boys Meet Plans Completed)                 ,-,,r,i ~.l-l'-.l f..r l!i -hill U'-.-l. ih.l. :i.'r..~Miii;- I,, r-.p--.it-. I'~-..iii I. T:. III.- I., it.-: Yi. .\lii\.'iil.'lil" :ui. I. i'.i. =~ I 1 III 'II. Mill. IK. I.-.-                 i:     111.' ~!:il.- will I., in :i!- ir-'.-. i Th.- ~~:;~i"MS will "l"-n I'ritia'. ni: V ~.-v.'ii ..Vlm-U  :m '.ii Mli.~..-r :it Mi's. Sllltim'/ c:il'.   HI', .l. M"p.' of Al i I.Hil i . I'Miy ;is Ihf . il r ilwu j... I'.irri.'.h .if M:i-j .".ii. i;;i.. \.ill piv.si.l.-. .\n..in-y A.I T. Wul.'li ii will aci as I" .sun:is- n-r and .1. II. i-'-s. s.vr..~;iry of] I!;.-- Hull. -I- V will '.'. Hi'S :.-r. S. .-~~i.'.i,~  v:ll I'... h'-~.l :,ll .lay Sat ur.l.i.\ .1 ih.- Mutl'i- i\ ii.'l I I 'i'. II K \.f.l.. ~.r.-: i.l. nt ,ir Hit. Allal.la I s... i.-ly :.~i,- iki i;.: .11 n i it h i In th.. :in.in.i.in it (.Continued ~-   PaRe 2; Col. 3) j                 Older Boys (Continued from      1) p!ann--rt to  a motorola* of      city,  tho -: :    citizens furnishing cars. i Sunday . at 9:30 Rpv. J. J. Clow. pa*tor of Uborty Cap- tist Church, will conduct thf nn- mtnl Sunday School nt the  Stroot W.  at It o clock ilv- i  will    10     Wheat Str*~t 6aptt!~t Church in a body wher** I }X*v. j. Flaymond       ^rson will pr^.tch \   annual s^.       h cal ~.-.     . :1ia ButUr Str*-: V : ^ns aro ro-op-  with Oh:.~. Hronn-r :     Y Mr In arr  ~"r tlv :h" tn:iny      piM-i.-.i ~-..~r.- i!    v.'i-lc-    .</t>
  </si>
  <si>
    <t>                                           Plane are being rapidly completed for the eighth annual chicago ... Boy conference which will be held in Atlanta this week end according to report form leaders of this better Youth Movement and judging by all indications a record...</t>
  </si>
  <si>
    <t>                                           Man Doomed to Die for Slaying Back in 1 924: How Must He Die?                 To hails or not to hang?                 Not to hang -eem.s Co be the easy answer to tills question but to the case of Luther Thomas.  guilty Wednesday in the  knife slaying eleven .~ ago Isabel Turner, his sweetheart, the alternative is electrocution. The question had Fultcn county law enforcement officials  their heads Wednesday alter, . even after visiting Judge C. J. Perryman. in whose court Thooias was tried, had sentenced the man to die in the chair on May 17. 1935. The debate was precipitated  Assistant Solicitor jenes discovered that August 16. 1924. tbe date Uiat Thomas was  with having plunged a knife in his sweetheart s back, was     the                 data tie legislative act calling for the state so change its capital  from hanging to elect"             . Opinion was divided among superior court judges. as to the legality of the sentence, but the majority declared ibe electrocution sentence was legal. Others who doubted the legality of the sentence argued that before the sentence could be termed 1c;:al. in  opinion, it would first have to be shewn  the murder was commit i ed AFTER the - I nor had affixed his signature to the measure. On the ether hand several  said tho, the sentence was legal, becau.-e Thomas was    ]icle:i after electrocution in GtKicia be- came law. I Should Thomas be given a new I                 trial on the ground  he had i been illegally sentenced and is again found guilty, it would be  for the state to BuUd n scaffold ill Piilton tower to hang him. officials pointed out. Meanwhile Thomas reposes on death rcw in Fulton tower unperturbed over his plight. Six of the eight state s -witnesses to the case arc dead. H. A. Allen ace ing as -special solicitor. Wednesday  placed only the two re- maining witnesses on the stand to I   cure his : conviction. Those who  were Annie j Leslie and Mrs. Ruby Hunter, sis- j ter to the slain woman,  living j at 336 Johns street. I They described to the jury hf'.v ThOTnos aid Miss Turner, former i (Continued on Pa;e 4: CoL 4)                 Man Doomed Continued from Page 1 sweethearts, had 'fallen Out.4 Tho- I mas they said  her at .Tones street ami Uie r.,       cress, ing as she was  to the grocery sKre. and stabbed her in the back. Fleeing. Thomas wen; to Chica- so where he lived until March, ol I this year, ~*en he returned to Atlanta. He wa5 standing talking i to the slain woman s sister, when police captured him. i Mrs. Hunter testified how The- mas told or her he returned 'to Atlan'a because 'the girl s spirit xra.  him-' Quoting; tne slayer, the witness said, that a fortune teller had told him any person yen kill that falls on his face, will  yen as long as you 'live.' in his statement, delivered in a loud voice. Thomas claimed that he woman had slashed him on tiie wrist with a razor before he stabbed her in the back. States witness- es denied this to be true.</t>
  </si>
  <si>
    <t>                                           To hang or no, to hang?</t>
  </si>
  <si>
    <t>                                           ID- WLEITSXHCk i ^t^~:   8[                 MESCAL IKE ""7, By Huntley                 FELIX. THE CAT By Sullivan                 - By C* Hu-                 THE  GIRLS                 PETER PEN</t>
  </si>
  <si>
    <t>                                           PAGE SIX THE ATLANTA DAlLY WORLD. ATLANTA GA. THURSDAY. JUNE 6 1935</t>
  </si>
  <si>
    <t>                                           AME ZION MEMBERS HURL CHARGES AT AME S                 AMf ZIONIST BODY HITS AT AME S                 Charge Ethics Were Forgotten In Sale Of Church Site                 SIGN COMPLAINT                 lilli.,                 -(Special)                 Aii '~Hii.,- I'h.* mat "- m. n. rhii,-.-ii or Mi.- 1 1 y :...-l(  -:i"'y    -Mi pi  i.-i m:i.1.' I'.v ^r Mii. or'       (.-r.--. r,r" tii.    --:.s i:i).-  ),.~ a. M. R. xi.ui  i.urch lien: this wfpk. tin' 'h:.n grow out ,,r lii.-                 lion of properly !     (,'lnK In 1 1'" Kroup by a group or A. M. E. worshipers. The  in;      iho -Kox whirl!'. were given lo      'nrld Wednesday ;cve II. I". Tlinnins. Fr.- Rnlilpii, j iii.ss. M. Pow'dell,  1  :\ni Jim Sfwart. "Tli-r j I'huroh win  its services ir -IHU.1 CoUege..8U-,~et^   ;,. -1 "Aboiii thirty years ngo, n  nr  s of the African .Mciho.lin Kplscnpal Zion  purchased a plot of (! on  Flroct aim i(!(h .       for iho puri Osf of  a  I and worshipping (jod  iho;,- own vine and tlB hop. Aii-.r many ups antl downs during t*     ~': yi-iirs: ninny  ln.-iii-iiii .K.  s i, ml in"                 '.'Hh-s,,  were ri?        "i)t :is  h then ns now:  n  as well as with any -r kind of : i It .3 loyal . Thr- sacrifice of ; the  for the i-oi-lion or ;i . Finally, ij.,. lor ilio . cour:"s and  Io:i.1       of Hlshon I Hh.nv. [h,- .unroll iv a ,-       (-     :    .ul  lulu or ton yean* . "li i.s ' to accur.ntpl.v 'Oinpnlo Ihp honest       lull measure ni life s ) that j lids gone into (lie .n' of Ihl.i elm iv h  Tliomn.- j C.'; ,~ for one of til"? I   The .. of 1 .  .intl money: d,.\-n- lion  ,in(] a host of ;- I Iblf HiliiRs -Ji h;ivc Mra   t ho yours,   Miiinii hp  sot forth in a '"'I' n.'~-sp:iiH r .-lo. Sillli.n 11 i l'~ Kiy. th:il all of II:. sun.:- I (Continued on Page 5; Col. 3)                 AME Zionist (ConVnucd from Pajje 1) i'. I'" ;~nn ri:irc)3hip \   ,-h Ult,*\ V- ui-" -ll.-s,  . * '\~"Ti'*   -0.1 .~,.,-~,~v \,y f[,,. fill I iri.-r  h      .-il in its*' Iniililln;; mT Mny   )st (t II 1 1. .11 V. .tI'.'iil 111 full hy II-. Diirlm* I he iti Or^ ih,. I, Hi*. ~\^n wns -"'.vlr.-i I1.-.1 vy on hh, rin-i lil;c iTi.jny 111 her orq::;   it.: wt* lopi dim losi our , nnd up in mm* \v.~ iKu-t* no; hr^n :   !o tn n-.l^om ft.. I lut    lovo thi* old    '~i nr land, 1 ho  run;* .-mi]  for whi^h il st:M"ls. Ouv \"Yf w:is so -:  . i t h:tl U ^h. \\'   WiM'r (JispiV-..f ..u-n'.-. w.: r. th. r,, p.- :i   f 1 u-~Mi;y .'irs m month . It u'.-fj: ti.'ird. .      wo stunk. I'tnkinc,  wilh hope 10 tli'~ lif-tii- of ih- "~. uh-~n MliLclU V'\  -~ty:^ out* plOp.-jly .! iT-* 11111.) niii Sfivc s ihf- dignity ..T ~*t\vnr-        u f    - ill-try m* I                 Mn n v ui oii  s h:~ Vf. vv;ui!'"i)  mr. A 1 :li   . rtst croup \v:       H. i,'i; uli.'ii thoy f nu ii(] nut Him l -vc wi1)'..! still in :nnl holding ~"~n,  k.'mn,, i,r justice :nnl ft '~'.-in )       (j would   '~ ntl Mv  to      our church nm from  us. \VU\\ rt-'c-ncy nuM  th.-y ifi'\i.^.-.~ 10 ..'.rush and huji)ili;i!   us. Also, :i       -St er-'MiIi w:in(    it. Imr (h.-v like wis*- ! to I !.'      ^'.'n i-ii to .-r ill t-ir  l iii-i. *l lio  dl(~ 1 1 n in us n.s (hoy        us tin  ihi-in. It \v;i?  fur -i Kriiiip '-f 0:1     *Hsi of ih" AiVIcun .            i?       :il I'lnuvh. lc-il by l!i.~ -abli* U.v. Mr. i ar[.v\       so  n\v fn ihn ^    ?r -it'    -']ir:.    ;       nil.- i.f .-' .lr.,'.?npy 'Mitf .'il ^vU., t/~ s.iy ;          (Thrisi Ism ^arjon :unl I'hrisifnii 'thi'-s. The A. -M. K.  IinI l.y Hov. c;:ii l.~r aii-i . with Ihv sa not Ion '~f ii.-' HIs(   . h(~      ihc church  iv.'Ni  iss wh  Iho t;lif:  not       a no- i H-c ~.r i^'ii^.                 1m \..u i-.'tli i hm  If  i kn.'W tn-'iny t-rook.s. nu-l i aik-i lio sl ould tif }-!i.' .i;; :nul sli-w;ir,ls in l!v A. M. P*. I'hNivli. Km*  iM a '.-odo  f  M-. i-V'-n -iiR . A?wt niii.-iti^ i !tf- "Mir time" unholy'*  yin.   ;iii"j. t li.-v1 .^ 10 tu- n i"iui,i 1 "f h Hioi" no din? in i-vi p tin down with hot If.iii  "hur-* lik.- u wil.l wr.-~l  'i    th'-,     ih.it ho Is Kfvon " r.-iii'-.^ Mm! MitTiHiMit . Km :i:i u.' . v i he ;u:finn of A. M. II. I'iimrii :iiid of U.-v. Mr. C'.' f. \\f :    f Ti frt t;OM- I . th.'il Mi.~ A. M. I-;. (*     'l: Si. Ala i K in :ul:ii ;i ~'i\\- pni. I'hristl.'jii c*111*'*-''1. ~~*it wild has utterly :     ' I t. lo   - - m Ih^lr '1f:i!     with (is s^  S'.TH1 ICSSJlll.s 111 * fl       * ^ syndicate r\nt\      .      'r :is u i-*alc*'.       hf falls lo have the mind of Christ                 -I- ~..:lf-l i-..~ I .I,,..;.. -\l c.   ,,i.'. :,~,,1 .11 .-ill i m Vir. Ji'li vi 3)!.i Hy.ic ~..mpK-.\ -I, ,i in.-i.-l l-lv-i l-- lii:it h l.'.'..ll\ : - ~~. ii. 1 1 1 v.-.'.rl.l     Vh'iDli.- .l.-.-i I ,,r r.-HuW-Ll-. i^ i^  t,, r.'j ui. tin- l.^;ility ul I. .l.n I '..I.I .i.,~.h:,li,-;illy ;i n-l j ,   :\ i.-:i!!y i-"i:i   n.l Th:~ t it !(.~-n n.;t s i"-""'1- tl".' f .i:i I        -   ]i s .- lll:il il i^ lir-  .\.'h Mi'- .!!;;nily i,V :if, li.m.-t ."</t>
  </si>
  <si>
    <t>                                           An emphatic charge that members of the A. M. E. church of the city acquired property contrary to moral principles is made by a group of members of the Thomas Chapel A. M. E. Zion church here this week. The charges grew out of the...</t>
  </si>
  <si>
    <t>                                           The Bridge and Whist Tournament given by the A. F. Bailey Club at the YMCA last night resulted with the following prize winner--10 tables competing.</t>
  </si>
  <si>
    <t>                                           'Depression' Folk* still  bout dls here depression But  taint hurt    none I'm   -'  bout as well As 1 dune back In 'i'i J buys my lard In ile tray Jest  le same. t Still Kits my Hour In n.  sack Course I       could Kit all the things I       l3 always         .s                 I laic But I tell you now  us all oner do Dat is to stay down horo on lie level Cause of you don't when hard times hit ~'~u S Doggone cf you don't ketch de' devil And when It hit you, taint no use to run Stand up and be ready to fight Ef you kin do dat on stand  le test Evahthlnc will como out al]  J.~~ look old hard times square In do race 3n Minlle when he wants you to frown Cau*e my good Lord up' m heaven iMnt never known to turn nobody down Jem Krlt you teeth en bear It But don't try to order Him,around Cause some uv us done How too high ~'JijJT' En He Jest had to bring us down Ef you don't have all the. bread you want Don't broadcast It to do neighbors Jest wipe your mouf en come on out. Dey don't know what you had on your table Ef the truth wus know d deys  Jest lak you But dey keeps dey business t0 dey self Iiey know taint no use to ko to de pantry en look Cause taint a blessed thine  In de       Now ef any uv us still try to live hip* We  as well turn our  ef around Cause I 'clare to you Us cot dat to do Ef we specks to bring dts  down. Fannle Dobbs.</t>
  </si>
  <si>
    <t>                                           FQ33 MAGIC     '/J INCENSE 0 Send your name and address, jud rort ivo tlic :  frei;. .Iii.-'L write Keystone Lab.,      . 1-K-O, Memphis, Trnn.</t>
  </si>
  <si>
    <t>                                           Herndon Plea Is Now Before I SupremeCouri                 'WASHINGTON- (Special! Southern courts ami southern justice i- in for another lashin b today as the United State* Supreme court heard an  lor a new trial for Angelo Hcrnlon.  Communist, who has  sentenced to serve from 10                 to 20 yours on charges of at- j  to incite an - lion. j .1. Walter Lc Craw, assistant, j solicitor of Fulton county is  tho state of Georgia im I hi'  of Solicitor General) John A. Boykin. Mr. Boykin was forced to remain in Atlanta due to tlie  of Loui P. Mar- I .  assistant attor- j  general. Hcrmlon's counsel contended that I'11' Georgia courts had de- 1 privet! him of his constitutional  hy  a construction on his activities that were          n  passed in the Civil War Da.VM prohibiting any attempt to induce others to join in combined resistance "to tire lawful authorities of the state. The moot question in discussion is whether or not the courts of the state in constructing tho activities of Hern.ion s activity as a communist organizer as tending to excite the overthrow I of the government by force  time in I!-" in'-n-- .i-rv-    ' him of 1 n'\^t  ti'''     of (Continue,! on Pace 4: CM. 8)                 Herndon (Continued from Page 1 freedom of spct Ch and the t ret1     . II      i ii out that there was 'it; .. Ill . I'iii- tlic ;i'.:on by  court.'' that Uii: communist     cont'-  ol [he ^. by .</t>
  </si>
  <si>
    <t>                                           WASHINGTON--() --Southern courts and southern justice came in for another lashing today as the United States Supreme court heard an appeal for a new trial for Angelo Herndon, alleged Communist, who has teen sentenced to serve from 10...</t>
  </si>
  <si>
    <t>                                           Open Barber Shop Causes Many Grief!                 "Slia\.. uud a .     !-   "     ah ..1.1 li:ir:~rr'~  '..ail Ue.-..   .-r A. U". ~'      .v. Moml:... ~**     it     p*ail ^7 or   *n .i:.  . Tin- ~*li: was m^tli*  lt:^ !!i..  ..f .-li-v.-n arrested Sumluy  in rh.* l*an-\ li:tr)~cr slim- at !ic.: Sirvi-t. wlnr-4 rsi lin^ o-   ^i-* it.*.t(v-i* iu;   .  t'-'l a  :iMf. dut illi- I'Ui'Iht   U"    'S-. Pnintii.s ..;H. ti.at .ill i!.; IumUYii-    ; up a gallon can which  Ii.-y -iid. .~.-d a li.~      -llins very  111  \\:,i  Ifor^i* ~*!^rK. iu. 1'U.v i C" mi Hare 2:    1. Si                 Open Barber Continued       Page 1 inz Ed Allen -when the police Uttered, they said, -while a  line of customers who neglected to sot  tonsorial work done Saturday . stood in waiting. Clark  on two *. "-.is       S27 or thirty 'lays for the whiskey xr.d ?12 or  days for "; a dive." Others who drew $7 tines saves  names as Clinton Hawthorne. Chudn Presslf.v, Jesse LeonarfJ. .l"e ri.-mi..]. Tom Willinms. .TamcK    -1 .T. H. Knishr and tt. K. Dt-nio. i^"ws :        and Jsaac Lowe were -.</t>
  </si>
  <si>
    <t>                                           MADAM MINGY THE WOMAN WHO KNOWS I rdl* past, present and  1XY LOCATED Palmlit  nd Life        Olvn advice on an attain af life, Love, MarrUge and Specnlations of M9V1B all Mnda. Don't fall  to    this (Ifted  i PahnliL Fslnte the        *~y of all * a^*3ffl acd AAw*     how SfifijCJn to' overcome eoe. uie*. Madam Mlnu hoa helped       an help yon.. TELLS  DATS AND SPECIAL BEADING Nf      Federal Prbon ear to end  * (It MrDnnongb      Office Bonn: 9 A. M. to 9 V. 1  it Una. Look fur Name on sign Madam       Make* N* Home Calli N* ta Tent MADAM MINGY THE WOMAN WHO KNOWS I rdl* past, present and  1XY LOCATED Palmlit  nd Life        Olvn advice on an attain af life, Love, MarrUge and Specnlations of M9V1B all Mnda. Don't fall  to    this (Ifted  i PahnliL Fslnte the        *~y of all * a^*3ffl acd AAw*     how SfifijCJn to' overcome eoe. uie*. Madam Mlnu hoa helped       an help yon.. TELLS  DATS AND SPECIAL BEADING Nf      Federal Prbon ear to end  * (It MrDnnongb      Office Bonn: 9 A. M. to 9 V. 1  it Una. Look fur Name on sign Madam       Make* N* Home Calli N* ta Tent</t>
  </si>
  <si>
    <t>                                           Musical Playing At Bailey's Ashby Pleases                 Slip us a ton of  \t*!~! Thou maybe    can Jo  M to             *, *    ^rc'1 White's, l^." s^Andals. which           v.~: at Bailey Ashhy Th*~     .                 Herd's :lv triumphant wor.l in  otv*n ~*nt^         *nu rt         ? of          a:id *.* :ha: su^~i:   ih*  of Oorjre Whit*1 a# * or s!iov. n;^r.. It rr.orv rh.trr ~*~i"   !i*~~# OxpectA:  *r.i. s.T.c. ;~~t r.Ivva: 365       *i.*t^r of  var.      jrt CCii l^Z^ti OCiltCU. SpOU*  cy Tc*s .i nas every AUc# J.^m*?^      .                 NVd Sparks, LyJa RoSertl. Clli:' I Edwards. Arline Jmlno. Kleanoi I Powell. Emma Dunn. Benny Ru-i Mil ami G.-orse White, who eon , produced and  th.        show. Kri!!i: . In  1.000 #~v- '.l#.      by Charlea L^Maire  h. ffo.-'lsn^ for Paris; oo^UK-" f,i. Broadway's ""hows) ar^ tin- l'i) i   . Tr.# .-"tor}-, stron.c enough to ~:sud . concerns a  who stumbles on home-grown  in a tank town. .-  to Broadway ana Holly. R-oo.1 star.lon:. :,nd when ih.I'- i lisi'.ts set too Mrons   .' simple '\ ' ;  oi::e n pair of       .</t>
  </si>
  <si>
    <t>                                           Slip us a ton of dynamitic adjectives. Then maybe we can do Justice to the scintillant gayety. "George white's 1935 scandals." which opened yesterday at Bailey's Ashby Theatre.</t>
  </si>
  <si>
    <t>                                           Apoplexy Given as Cause of Death of Aged Man                 Death of 70-yt-ar     a. J. Brad. ley, who lived In basement apartment at 418 Nnrlh avenue, northeast followed n Mroke of . a . Jury decided Friday af. tcr nn iiH . over tho body at the Mmronilltnn funeral homo, 328 Auburn . Araordliic to Hip  .  t. Mis* Rila Map Bradley, she  hi-r Sti'her  dead in Ins Iwri Wednrr- , after he failed to n*~i?ntl tn her call. The Incun-x was hold by Coroner Paul  after Homicide Detectives McCarrily and Stone had '' the case.</t>
  </si>
  <si>
    <t>                                           Market Data FRIDAY, MAY 17, 1935 ' New York Stock Exchange I Transactions 1,821,000 Shares Total Nsw York Curb Exchange Bond Sales S4, 700,000 Total New York Stock Exchange Bond Sales $11,943,000</t>
  </si>
  <si>
    <t>                                           Thus was the conversation of many local sports fans Sunday morning. The smiling LeMoyne College athletic director rolled into Union Station early Sabbath day with hope of going no bed anl getting a good rest before making an appearance in Bluff City streets.</t>
  </si>
  <si>
    <t>                                           CLINIC DAYS Foot Clinics oC the Georgia College of Chiropody. 291 Peacbtrca St. at Baker, are open Monday, Tuesday and Thursday nights, from 7 to 9 P. M._ on Thursday afternoons from "l-JO to 4 P. M. for those wishing to come in the daytime, i It is a charity clinic staffed by many foot specialists of the city. The cost Is 35c to defray expense of medicines, adhesive plasters. Adv.</t>
  </si>
  <si>
    <t>                                           Elks Will Stage Another Dance This Evening                 r-" l-5</t>
  </si>
  <si>
    <t>                                           Sixteenth Anniversary Sale! 90ff^k 17 It 17 17 ~^ aB^y^ Aml       *n WSsqj* Seiherlings A Whole  Carload IBM On Time Pay Plan FREE! flnS C'lfbratins oar          .JEUP of       *    Atlanta with a _  ^^^S!MiMBBBS CarloaiJ of tires Kiven FREE! Come to Bruoks.Shatteriy TO. DAY. ...Krt YOUR free     ! BROOKS SHATTERLY Spring and Walton 1643 .Tonesboro Road MAJn 2231 MAin 2^3r Or, James Corry, Ex-Army Doctor 1G Years Experience in America and Abroad I served with both the American and British Armies during the World Wai I find so many people who are unable to1 pay, these I serve free at office, charge only for Medicine. Come after working hours. My office* are open daily until 8 o clock at night. 75 Ivy St., N. E. Between HOUSTON and AUBURN" 6"r- (Cut M      Res- "we:. MAin 68^3 MAin 3087"</t>
  </si>
  <si>
    <t>                                           When I was a boy, and before the advent of any Colored Doctor in our city, going to the doctor was such a popular pastime that the children used to sing.</t>
  </si>
  <si>
    <t>                                           Manslaughter Sentences Are Given Two Slayers                 Tun - drew voluntary  ."  in iv/o  of Fulton Superior ~-:m. Thursday.                 Charged with murder in n,e in. j lal ' in February nl hci -'. DoWiit     lor. Miss- Frankic McKniplu. iv;.s' given a five 10 ten year :: by a jury in Visiting'. -ic W. n.\ Smiths court Thursday nun nine j The verdict followed ;i second  of the July by .lud;;c . who in hii  mst;uc; tions refused 10 chaise - I j slaughter, declaring thai thr vor diet m\\sl be one or mice l-; i the death penalty, life imprison- j ment oi- acquittal I Later he modified (he chiu-ni:. and calling the jury back ir-lo the  read ':h- ,!;; manslaughter coile m-. Trial of Mi..-- McKill:;:)! bi--;i:i Wednesday .n wli.-n iuk;n:                 evidence u-ii.s . in- arguments to the  unmade Thmvxlny ; Chic! stn c'.s witness was U1 Mac Webb, who was allegedly ii bod with Hector at i lie time lew.r, .slain.  i) her statement, the ;:!  Hcc'or as n : . charging  he f  beat hc^ and  hr;i .-ell whiskey frr him.  Wilton Cherry, alias Money King' received a. four to five ye?: manslaughter sentence Thursday in  faal shooting last Feb. 10of Oeorge Williams, betto: known as -Orange Street George. Tlie . was tlic cu'.si-ow:1! of a  over some nw::!.; C!ic:rv claimed- to have v.:n f rin  ihe course cf a  ;ii William-s' ) stand on Cimiiuc --licet. State's witnesses claimed thai Williams hod noV. In hi., hai-.rist   ,e ;ime Cherry opened fire shooting twice in rapid succession. Williams  cut of the stand and fell In an alley in                     i-i iir ti his aia:ul. He died a few ;.-. sir or :;: Giadj tio.P'1'11 from a tullet wound Mur.imh hi, abdomen. Two defense . who .saic  were participants in the skir.. te- to  an open MVitchblatlp knife in Willamshand before cherry fired. They claimed that. Wi!liams      on Cherry when the latter whipped out. a i. aud .shot. In his statement tc 'he (;iv Cherry declared that Williams had ; him ty the collar. of his coat and was about to cut him when lie shol in self defense. The trial was held m SupeiKi Judge G. H. Howard's court with Assistant Solicitor .tohn Huds,,:: ncti:. k as           . Paul Lind(ii y      counsel.</t>
  </si>
  <si>
    <t>                                           Two slayers drew voluntary man slaughter sentences in two divisions of Fulton Superior ... Thursday</t>
  </si>
  <si>
    <t>                                           Baccalaureate Services To Hold Spotlight Tomorrow                 City Schools to Join High School tn Baccalaureate Service Sunday at 11                 r.y S. .e Bradley                 aii I'vfiu ol unusual interest to I Aiiantaus will ue the - fair  of the Booker T. i W.- High School which will be preached tomorrow  promptly at n o clock at (InCity AudUorluin by Dr. Channing H. TubiaA, HHtlonal figure In ihc                 Young Men's Cnrlsiian AESoela. I tion, with headquarters to New Y'-rk City. ]n the line of m.-. which uj l to formed in the spacious Tau Han will be nver Hire* hundred senior hi0h candidates,  hundred junior high candidates followed by eight Inuidren and   who ure it. mcir W'rk in (.lie  pli  j -chools under the .::-i.m of j Mrs. ^r. Agnes Jones, supervisor for Colored school. I Dr. Tobi:,?.. who has spem  I time i;i ilir mailer 01  for his life s work, having graduated  Drew Theological Semir.^i y, Hie University ol                 .-.tj,.-rs  rich  In the (      n religious educa uon and a va?t knowledge of the  -in.-. in the  du: of Necrr.ps, will have a store h.-.ii.'o of information for the vast '     ?    . A .s of  throe  '. will  ihp music l-i ih. ,-.i-.:i-icii under ihc !o:i of Mrf. Essie M. Crnves. Wiili - Booker T. Washington Olop Club as a .s, tiiP chorus will l;c supplemented by members of Washington, Howard, Elenientr.ry school.s, local colleges anc church choirs. Tl:o prelude rind processions wil" be i. by the well-known Grali-iin w. Jackson, Instructor 01  und director of the band .:r.d orchestra. Principal C. 1,. Harppr. and , ihi- r""    -- f.i the junior aim M- ~~:li..oU. .mil un ; class  invite the public    he ~.rc.- at the exercises.</t>
  </si>
  <si>
    <t>                                           All event of Unusual interest to Atlantans will be the baccalaurate sermon or the Booker T. Washington High School which will be preached tomorrow morning practiced at 11 o'clock at the City Auditorium by Dr. Channing H. Tobias, national figure in the...</t>
  </si>
  <si>
    <t>                                           Sensational New Discovery ISE In 3 Quick Stages Or No fot/^~9Bs gHf^~^~^;$~flit covery that actually will  hair in amazed with how , how thick, how j^ffi^ f J^~~v^^?^W seven* days or it doesn't cost you a penny! straight and how beautiful your hair is                  * aSBp*^~^^M '"~ s Brilliantine Hair Grower getting if you don't want to get up and k ^NnS. ^Krt*^     !-  ls this amazing fast working secret is dance for joy the test will cost you R WnfjEiffil Avi^SxsSS^            galled is different from anything else you nothing at all. K- ''^IfiffiiUM'JftlBSSi WpJ*J^3JSwji 'have ever used. Ugly! short, kinky hair If your hair is short around the tern- fHw-p-i mWm- WflVPvtv! fef^f^***"' JW turns into long, straight, thick glossy hair pies if you have falling hair, dandruff           *3%UU\ 1 Y^ Wt that everyone envies and admires. No or itching scalp, test Mr. Johnson's Bril- MP/MmMIlM h  j risk, no chance, no doubt. Mr. Johnson's  Hair Grower. If your hair is ^WkkMxs\ m MwaBlinM r Hair Grower must do the work to your short and kinky, don't fail make this il lvi^^KMlBmmwBmWaSL %rv45to^B delight or it . Send coupon test. You can have hair more beautiful SMahli'n/MffimlSajSBSw IIVI'~ below for quick action and make thi:; con- sind luxuriant than you ever dreamed ^^tSt^i.i'l*~/IMSfU^  ^mJ   3    '''.Tublmtk Or%    HA UA1ITM '^ber yot WgBMyffiflmflW HH ^ H3 WSS.   ^~~~ your hair with i T I just mail the S^MSSmK^UwlatSSiV  P^l your tinger- Jygf     f COUpOR          ^^H^M KWM^^MKr1'!* How is Sen-     Formula Wliy Dau., Falling Hair ami /*~iiB JpRralw SjIWllun! WlW Mtfi     * H: Cr"W L011?'-11' Itching Scalp Can Be SloppcU  'V*~ W\     '  Slraiglitcr.  ami More as You Beautify Your Hair KsMvwiU ''ill '-'I  i' i Aaiiv L1 Mf?W .1 ".V'.';":; J'l M"~ \V. kn-~'~ iJ^mi 'tn/ h.lr .b.I ^~B" T ERS I 1 I I',        'AMAZED *E ^^n^Vviz" r* '"~"l'""'T r J r"""' ^^^SE r" y-'~.;u:: You '1    This AmaxUip "New line Hair      -r Bring ^ll JWWl^ r v.J\!.:r?'v":;''s'':';"'' ~-ning Trcalm.:nl WithoTil "..T S; 'S".J '^Sml'Ul fe j^ ^     Single Cwii ^y^,    - ~#/      ^Jk[~( A i.-VTj ""1 "        .  lna'-'-ir' \v,ll m  Awt*lh; T,JU 1'...t "l-.iu ^JL'^Z' .V','X^ Tuo ~~'li-     l\V ill M,# rl.K J^~^r.^~-\*      B? Av(   ^* -H..I. .- M;~.~h l^~-   " ta. il.i llr. Urx'i _*   *~2. V*       ^^liz-'Y--' ~'~si'   5*----_i ~*"lr\i7 s   .m: r nmT. a ^*! ^~~^i*^I      ^SISS W._         0O*   *~JC. J N- m2   !*i?';*''^r\ k *^~^H SM     . 410. ESUiTwtuiis THY' JT" IV^# (\^t^ *wH tj?""'"?T w*-t B'Hii^w h^- COUPON 10g^.   **yM ^''^^r- i: mm. ssr "T - I  HAI R ^BSiBHHP^^ '   .____ -</t>
  </si>
  <si>
    <t>                                           he pupils and teachers or the school sympathize with Miss Susie Skinner, the teacher of the First Grade in the death of her aunt.</t>
  </si>
  <si>
    <t>                                           Mrs. J. C. Wilson of Circle is spending a pleasant week end here with Rev. and Mrs. J. E. Jordan, 29 Ollie street. She attended the commencement exercises of Morris Brown college and Booker T. Washington High School, from which her daughter. Miss...</t>
  </si>
  <si>
    <t>                                           Last Rites For Mrs. Peters Are Today                 rite.-, for Mrs. Johnnie B-       .  Bcokcv T. Waihing'.cn high school home economics teacher and well know. civic worker will be ~,eld at 2:30 this afternoon from the First Coppresational church. The remains will be remove. I :rcm the ic-. 128 Pietojcnt avenue. N. E. at noon and  the church where the body will lie in stale until two o clock. Pal! -crs and flower  have   :requested to meet at the henis ui 1:45 this afternoon. Tributes to the late wife of Dt. S. A. Peters. Sr.. will be given by President Foun:nin cl' :~l,..       ;iul C. L. Harpi'r Booker T. Washington high school {Continued on Vsl-c 2: Col. 4i                 Last Rites I Continued from Page t j Or. H. E. Nash. Dr. J. W. E. i;n. j der and Rev J. a. Baxter of 'hs I Centra] M. E. church  specia: music  be Tendered by the" gl-li =r the Bo:ker T Washington h'.gb . Rev. John C. Wright, pas- I ror of the church, xiU officiate, as- I ?       by Rev. \v. R. Wilkes,  Alien Temple AME church. Interment will be In       VieT ' with Murdaugh Brothers t in charge. t</t>
  </si>
  <si>
    <t>                                           American Baptists Make Interesting Tour of The Bahamas Isles                 - nn. ii. g.                  Tllsinrian. Assoclnio Secretary I nml      :il Commissioner of Hie -National Hsipilst Cnnvonvcatiou, I'. S. In tbe  at Xnssnu nml   coi)lC8 of the Ilnhninns        .                 NASSAt.*. N. Bahamas (        - Wo s:\\Wd r\t 1 P. M. 21M on tho M. V. K.nn K". from Miami I"1:i. T!iis  is 1. ss ilian l"0   -~%t in k- :ind ,~~l to !j* 11.". ti.us. hn.l a- I ~-n ^ I.ins lif- si iii. k  s-:w nn l :tt i *~ ft M'-uii-.l :   it' t Ut tl" thin.u' un'.il.l .-:i]  .i/t'. I dt.I rmt want any oin- to U-l ,i^ if 1 , so I .tly s:     to tlio f hf~%f Ot't"ir'"r '"Ships ~*'1doni rnn* si/.-- rh*\v-" -h            "'1 " i    u!tl not push tills boat                 over." T.r.te In     night after much recline and , as only  i boat or this size can do, tho the sea grow calmer, but for the whole course of 180 miles she be, haved very roughly. On tho Journey, I was  of the fact, that about 17 S Rev. Prince Williams, a BaptUt Preacher from South Caroltnl, In  rc-enslaVement  tho Revolutionary War. -rent St. Anciistliie. l"la.. and froin ther.^ came to New Providence la Hi.' Riiliniua Islands In an open boat  was very little laru^r ilian ,1 row boat and here by tho I'ToMiIonco of God seems to havu organised the first Church of any Idnd on these Inlands where  l: then abounded. Today      ,       ore lT.it;~o .i of ihe -t Cliurrhes on the Islands; 300 Pri-.; 1 1,-132 church ut Knsrlaiul; 3.01(1 Homan Catholics;  S7 Seventh Day and 7,947 Meth. . There nrP between 80,000 mid 70,000 Inhabitants on these (sland*   more than 300. Three, out of- overy four people am colored. The Flro and Police    ! are made up at colored  except tho Clik-ts Continued on Pafe 4. Col. 2                 American Baptists (Cnntlimcd from page II     .  ro (Cnt'IMitmn. Last  our ; hu.t  In tho  i.t theT Islands. 3 failed In  Inutlun und tlip other C      tight Ihk for re- which ~:i.~    ;.~ up next . Unllfc.; any oth'.-r    '  ))0.        or row), tho Ki-Krot.* ~:i a whol0 seek le.-  of ills group.     -H nor Cniiii'S     *Ic til-; Icnili.MSlnri of Punvuckn tli"ui;li they sutin miTV . Su.il to  ny. !t       Sveni iin If nv.; (     -k Iratlvrvhlp of  own    ou il        . Our parly consists of Rova. 1. n. EvunB of .Miami. Via..; K. t. Jonfs of Grin ndu. KIu..; A S;nni)SOii. of .Miami: N. F. ClurWc of Mlnml (mil the . Wv  Iti/v. Alfred Symon1 t tte with tlio rU . IS         . Churi'lic! from   .cl.tf I. In tho I.UiIisiiiiiis (.1ni;:i!;u(l In ::ll ASsi.i-i:. Tlii-ri;     four .11I1..T Cruupa or Assi^ In ihc I?. l.' : from G to 4" Cluinrh.Thi:  is to organize 111* .-il Cunwnliun uf thf; Ba.h.-imas un     .  r"'iu.-yt oi I'i-'.'S. I.. K. Wlllliims. \  ! ar-: I'lanniiiK oiK" or nior,,. licl'-Kutf.1i     h:- ~.n-s.nl at ihc Xew Vorli -,' ,,f the National Baptist Cuiivi- ii.</t>
  </si>
  <si>
    <t>                                           Historian , Associate Secretary and Special commissioner of the National Baptist Convenveation, U. S. A., to the Baptists of Nassau and peoples of the Bahamas Islands.</t>
  </si>
  <si>
    <t>                                           Eta Lamigia, Alpha Kho and Alpha phi chapter, of the Alpha Phi Alpha fraternity, in preparation for their second annual Education for Citizenship campaign will be addressed by Professor Rayford Legan a, seven oclock tonight in the boys assembly room...</t>
  </si>
  <si>
    <t>                                           MARKET DATA MONDAY. M KIL 13. 193.1 i Total          . Stock KvrtKnige TTUllMKtiolL- 1.1UT.0SU SlUtrO Tcisil      \'ork farb Kxtliitosc I ip.ixl sail-. su..-,0 i.04m j Total   -~ York Suh*. E\      - 1  Salt-   .1KT.OOO</t>
  </si>
  <si>
    <t>                                           E^?'T0 ATLANTA DAILY WOULD. ATLANf ^ w^,^,,,^-</t>
  </si>
  <si>
    <t>                                           gS^WJATHEjl ^1 Cool with occasional showers; temperature extremes near So and 73 degrees. I           W. . -d  MRtnorQlo^lgi.</t>
  </si>
  <si>
    <t>                                           Big BetheS Members Continue Big Drive                 ri.-: ~!'Minui-tr:'tin-      In- j P-" -r.-st -..r1  n -)1(~ };,,. v.nti'.'th Annivi- Drivo of ltls Pvtlwl AMI-: ClHircli. a church {nil i "f iiit  turned     Jlondoy I i'i-l)t .".ii (lr.-n^-d .~."H3.i6 in a ma\ .ior i-. T1    wns h "li  "  in                 which a mini:~ turf church, presen''(1 1~~* Dr. Emory Dewoy of Ponr',~ Dp Loon ME Church was the erator of attraction. It was 3 very  affair, accompanied by  n\~ Both"! . and as Aich    'H"       funds  care of    -             . four  roof, steeple, pulpit. nlt:ir.     . . . ~.*    '3. in nil si  part* ami        ^ of     Htlli" .  a(-           Jiolpnitli/t il bv rho s!      ^ ct (-lit*  ami       :  of    . TVmvpv.  credit Is duo Charlie Hawkins, who ' thp  f.~ r,i-thol. an l 1 who worked diligently to  it a . The   will     pro.    the letter port of September,  to the                 T. : In     Tm-.    is        all mvm!    id jm-v-nt rnn  at til'.- .-'.-us nml    ,irr nio'-'.  h :is tile  closes the  Sunday in .Mi- I sust j Th? p:~sfor expr*riw* ~*'-*      ft*    with tic results j of .     :iy "~ program,  iv.nj  hy thp     -        ro p^ the var- I toils . l s nf different people i ro\     "tlip clr.:  . i indic.? r*rc . r ni i;T];r I h..        .s those who look upon tlio  a* n  i of purity: Imr      '-st li;ht that which -i from within the j  itself.    the last - tion. the other lichts disappeared I :in*! Tli-* .* ^bi'**^)!       11*11.17" I with a fl.HMt of  from within, j Anorln-r  feature     '  of the ~-     on the -     plo. a Wnrnn licht fo nil Atlnntn. Wti,  nf     . Ric Botliol Is  to exceed last y.Mtr"*    more  Si.iKin wns raised. In spite of the .(Contjnu^ Pjj. ~((li                 Big Bethel (Crt*       ? from P*t;* 1) tr\rr rli*~r  tir tli*         .^1     l -Hi!* v.-a* ti,o      U Si7.(MV\ nn.l tb^ } -~..~"Ti'    fnr       zw* i In ?  ^ ,~-c-- t.i^'H._-.i ~.       I      m^-'T*"  n*Hv?~*i--   .      o*fh         to c"-v*ncr   '        in t1?~* ~*!i'!r**h ~^i Vr.Tin. j</t>
  </si>
  <si>
    <t>                                           Clearly demonstrating the intense interest involved in the Seventieth Anniversary Drive of Big Bethel AME Church, a church full of members turned out Monday night and raised $505.16 in a major effort. The occasion was a "church building" campaign in...</t>
  </si>
  <si>
    <t>                                           Met at the home of Mrs. Fannie Coleman, 823 Simpson street, Feb 18. The club was glad to welcome Mrs. Parks and Misses Parks to the club. We also thank Mrs. Parks for her invitation to her home in Angier avenue. March 4, Mrs. Gertrude Wagner in Simpson...</t>
  </si>
  <si>
    <t>http://search.proquest.com/docview/490459094/</t>
  </si>
  <si>
    <t>                                           CHICAGO--(ANP)--"I'm about to realize my biggest ambition in music," Louis Armstrong, world's greatest trumpet player, confided to me Sunday as he industriously scrabbed his back with a soapy brush. He was in the bathroom of his...</t>
  </si>
  <si>
    <t>                                           High's Basement Eye Openers" For Saturday-Last Great Day of HIGH S BUYERS AND  SALE Brand New Summer Made to Sell at $4 and $5 -^^^RjK ^Jf Oi;e piece styles! Jacket Frocks! Sheers, Prints, f\3           I '~~rj -f'% la-opes. Solids An overwhelming variety of -       *JE^=~ I ?O^v \;f ,' loveliness- frocks that are just bubbling over %i'^S^'%"*i J '%?' "z\c%: with bright charm for the season s merry-go-round. mMx^*. 'i/^ t       .~.'V-'Hfci Dots: Stripes! Flowered Prints! and WHITE! AH WMJ^i^ij //M TTV"''-'- -^9^?-'  in and held for this amazing  :J_ S?^'~Bi  ^.vi Jf J...  j?.rs-T.:-:;". \~^      1^'^B'' HIGH S</t>
  </si>
  <si>
    <t>                                           V. R. F. -- I want to make some money to finish school and I would like for you to tell me what you think about the plan I have.</t>
  </si>
  <si>
    <t>                                           WHS TiTliJSiM HO SUCK '9 "vJt^ 259.        25*</t>
  </si>
  <si>
    <t>                                           The Atlanta colored baseball management "went to town" yesterday. The crowd was there and the boys played baseball. I must give it to Birmingham: they have a good team but they must learn not to lose their heads when decisions are not in their favor. They...</t>
  </si>
  <si>
    <t>                                           NEW ORLEANS, Louisiana.--(ANP)--The light on ... Street are dimmed and the window shades in Rampart are drawn and the boys who believe in their fights favorites and are nothing loathe to make their money speak for them, are a ... lot, for that demon from the north. Holman Williams the Milwankee flash, outpointed the classy Wesley Farrell Saturday night here in a ten round born for the "colored lightweight, championship of the world."</t>
  </si>
  <si>
    <t>                                           NASSAU S HARBOR. Fishing boats in the harbor at Num...                 by Sands.</t>
  </si>
  <si>
    <t>                                           When Kidney Trouble Causes You To Get Up Nights When Bladder in Irritated suli.~- you can t im u- on this When        It Difficult grand medicine for it has been When Backache Bothers  people for 50 years In I'Oi'ri el their  and pains  Mush Poisonous Waste and ,0 ha,,ifU     ,..),s. u,,. Acid Front Kidneys  of sciatica, neuritis, iii iir:ili;iii, lumbago ami  IT you aren't ; just right I ism. are  hove  spi.'lls r. and occasional backache study y011 ,p, Mlch ^''"IJtoms your kidneys  learn  n{ ^" double as , about yourself. ,  up two  r Throuith the Jelicalo filters of  li"lcs . thc n'*ht the kidneys, acid and poisonous ~-~.v. burning or smarting  uic drawn from the blood sacc lcc; - moist palms and  from thc body ov PU'iyL-yus. gvi a :iS cent  thv bladder Rometimes a,?~ of thls P"      harmless these filters become  '"~Tctic at any modern  with poisonous waste an, I kidneys ~"""ts the  day on its  not function properly they ''aml ol  ss.  a frond cleaning. But he sure it s GOLD , One reliable medicine, highly Hnarlcm Oil Capsules the  and  is nal- thc -- right from GOLD MEDAL  Oil Cap- Haarlem in Holland.</t>
  </si>
  <si>
    <t>                                           The Rev. S. M. Lee. popular minister and former president of the Baptist Ministers Union of Atlanta informs me that he preached at the Second Baptist church of Savannah, Ga. last Sunday.</t>
  </si>
  <si>
    <t>                                           The days pass by and the week wears away. Hours are ticked off and the press deadlit, is near Not a single health thought has come to any irniuon in my mind. In other words, 1 have just expert-need the same thing which comes to all writers, both great and small...</t>
  </si>
  <si>
    <t>                                           Bell Arnold Realty Co. 25 HOMES- 25 FOR SALE CHEAP Money to Lend on Property 250 Auburn JA. 4537</t>
  </si>
  <si>
    <t>                                           Veterans To Discuss Bonus Bill Tomorrow                 A ili.-M- the Vftcruns '~onus IrcMatluii will iV.Uiir.- .1 uu ; ,,t th(: Atiioriu- Wurlw W'nv Veterans Wednesday . April 10. at the hall, with J. t*. Ji'linsuit of Washington,   . C.. as tin* principal speaker. Otlu-r -saos at t'"i.~ . to which all local vt- hit invited, will bo Htii'Kt. Hen KieUlin and Ut. McLMdlti. Tlu-   l.s  ;it lu o u dut -U WfUnt'siluy afternoon  u II! -L- .\Mi. yv 11IH'. N L.                 Gate City Elks Will Meet On Wednesday With tin* Ctvun;lti Suite KIk?~ A- 'nit u  weeks :i\\ ;i.v.  t'."   f Olltc Citl' I.-mIk c Xu. :*4 I. IS. I'. U. W. will have an important nicotine at e^'l( ~'clock Wu^ nl^'u at the Klhs Koat, 73 Fort Htr^. N. K. i^!(l Ruler Wriink L. Jonc* is  that all members be present uH  will bu perfected to - it aeries of nightly [~   ^ and uv^ntH in  Interest  r tip :.mrh(ng .(       (~ln.</t>
  </si>
  <si>
    <t>                                           Team will be coached by Ray Kemp, former Duquesne star...</t>
  </si>
  <si>
    <t>                                           BEN HILL, Ga., ()--The 49th annual undenominational Sunday School Celebration was held at Cobb Bethel A. M. E. Sunday School, Ben Hill, Ga., Friday July 26.</t>
  </si>
  <si>
    <t>                                           'Sanders of River'        Previous Race, Films- Ycttes                 Worth Going Miles To See Concludes Scribe In His Review                 By TED y. (For ANP)                 NEW YORK- Say what you will. !Jtit. if Kiven the . Negro players perform  before the"  Tlic (.aumont-Britwh production. "Sanders of the River." starring Paul Kobeson. which has been    -w its nation-wide release is a close call to a (our star. DhotooJav.                 It    ,  proof that tbe peer acting and direction of colored picture* to w Male m* ''* new*. Toor correspondent reviewed tin: picture at tbe Stanley Theater' in Philadelphia on Wednesday  f lum . An Interest! 1)5  ff romance and adventure in tbi- wilds "f African , "Sunders  f       Uiver" tops "The Broken Vlol'n."  TIic Exile." "Lcm Han-kin s Confession." and Robeson'a   -.'r.fin ina nee In    ? screen version of "Em[~er-ir Jones." Nina Mae McKinoey Co-Stars Supported by Nina Ma? McKionty, lA slie Bnnks and n laree ast Robejon's work before the  ( been  the   to roll the smoothest dialogue of any race artist) Is seen in one of the seasons' colored films. 'i Tin- former  university nil-American  star, , dramatic star of state and screen, .r appeared In the London production of tlie                 K "St(~r.'(loro.'- Hrirlsh tlip;i.  win, know little' or         of rare prejudice (IIil not  tin; play Iliiit Oeuls with tlio Ntgrn In the south (in Him IJuiitrtl states  Jki and tbe plav n-hl.li had n sm-i.  . run In Now Ynrk Next week- The last of the mysteries The Crystal Set.  ras forced to dose after h brier SllOU'tUi.-. Nip.'i Mae McKinnej-.                in "Siimj.r. of the      .'"      O'lniirKi1' I; well mid thp " ;8~. wbo bus perform!~l in other talkies, "HMlielujnh,"  S5Hfc in Hell." and (m   in MCJI's "Reckless;" is Kiipvrb. lending  of . us it were. Miss MvKinnty. n       *      in Hollywood, deserves  mention for Iiot           artin: In ''Snndcrs of the Kiver"' as .i.k.s U- BHnks. It Ik my turn to offer n word of praise for  BritlsU talkie. It is worth  miles to 'e".</t>
  </si>
  <si>
    <t>                                           NEW YORK--Say what you will, but, if given the opportunity. Negro players perform brilliantly before the camera. The Gaumont-British production. "Sanders of the River." starring Paul Robeson, which has been given its nation-wide release, is a close call to a four star photoplay.</t>
  </si>
  <si>
    <t>                                           Baby's Garments Shown At Trial                 Tlir         wur'.i I.;, ilic I .-r^li U'lliv "ii the  of I In1       :        :ip* cx::iil l.y          IV:u"iH"k I left)      :mt ;~r.'-~vni"r : .\        i  iiii;liti I IttmcriUm Cuumy  in C'lin :it l"i-tn:ii'4inn.     C'npt. J:.lm I jmb. of !lw -tate . in    f        .*u;iiin          .                 (.1. 1.X.i</t>
  </si>
  <si>
    <t>                                           Baptist Union Will Meet at Morehouse                 Ity lt.-\. 'I'Msi'lM'i-ini \IM"M                 i 1. l.\    . ,\i I.. Kinu. ;^ i 1 irl 1 1 1 .if 111.- .Mi:iul:i ~::' Ministers rui"ii.      rn:~.n  hnl. I ils in.ilin:: i.~.l:iv :il AI--Ili ,..  .-.-. \\:  . 11 in 1 ..I i: .x.iv-l. M-i-': -U, .-..M.S.- l-i IS1-T- l.il.Llii .~,~.~.,-.,.,.-l.i,,1;. (Continued on   .~~ 6: Col. 2)                 Baptist Union (Continued from  Nigc 11 the union w ill hold its session:; today nnd next Tuesday al thu ~: chapel. This period will hv. Known as the "Morchousc Colk'ge I'criod." The  will be  over by Dr. S. H Archer, presi l^nl of Morohousc college and Dr. Julin Hop*. )u-]riu t.f At]:ntl:~ i:        .</t>
  </si>
  <si>
    <t>                                           Baseball Summary SOUTHERN LEAGUE Club, VV. L. Pet j Atlanta 3  is .833 Mcmphi. 29 20 .592 Chattanooga 2? 20 .574 Now        23 23 .500 N.*~ 23 24 .489 Birmingham 19 27 .413', Little Reck 18 26 .4  9 Knoxvi.Ie 17 29 .370' j Yesterday's Results Knoxtfille S; Birmingham 2 Atianta 6*. New Orleans 7 Little Rock C; Chattanooga I I I Today Cann (Cnoxvillr at Birmingham Atlanta at New Or'ieanc i Memphis at Nashville j LlttU Rotk kt Chattanooga I National league The Standings r       W. 1_. Pet: New York 26 10 .722 St. Louis 24 J6 .600 i Pittjtxrjh 2S 19 .568! Chicago 19 17 .528 I Brooklyn 20 19 .513 I Cincinnati 16 22 .421 Pl.;* 13 23 .361 Boston 10 17 .270 i Yesterday's Regult* St. Louis 5; Pittsburgh 9 Cincinnati 2: Chic*fro 10 j (Ctn*   rained out) j Today Camu SrooMyn at Boston     York  t Philadelphia Cincinnati ut Chicago Si. Louis at Pittsburgh j AMERICAN LEAGUE i TJ10 Slandinn Clubs W. L .Pet. N.-w York 26 IS .634        22 16 .S79 Cl^ 22 16 .S79 Detroit 21 19 .S38 P.o.ton 21 19 .538 V/ 17 23 .425 PMIclelphia IS 22 .405 St. Loui\ 1 1 24 .297 I Yesterday's Results Chicoio I St. Louis 1 1 Rosfon 3: Wa^ 2 COfherit rained out.) Today's C.nm-a CluV.-.'vt, at St.                ? at Dotroit              .it New York 3o*t.~n at \V^* Crackers Box Score \T1,A.VT\- :.ll r    "':i C J:   . 1 2 :v ft n 1 1 ll.irri--. n" 2 I 100 l/        . 2   I 1 1 :t 3 ft tf Hiio. in 1 ft n 1 if s 1 t fl )   ?nK*in/~, f -I 4ft I 1 t ~""Ji.-i.fh.ini. ss. I rt 1 1 1 Kvl., Ml 0 HI   -   ?.v. a 1 ,0 T.'CiK S2 A .1 2.-. 1 1 2 N"K\\     r li      1* VVo:   ..~   . 5 I 2 .1 rt n l.'f.     1 2 s -i 1 Vermin. ;  , rt Clra^.m. rT .t i fl ,1      . ih .1 2 2 S ft    If S 1 too C.M.. 2~. I 0 2 I :t 0      . ,i s u 2 rt Knm.-ilH^.    Duo 11 mi Zllhcr. r, V.4 0    1 r 0 T'n.'lN 7 in 27 1 1 2 .xOi,.-        nm -~~    . ATLANTA ..-,   1HX1  M0- a NVir Orli-.'in^ ....31m 021 Kill- 7 ..nuns -t in. TipM^-. Miwir.. a.   :-i 2. Ho- 3. ('nnn.ily 2. \\~.lli,-rly. Miirris. A'urv:   .v.lia!M.     .   4 rv. n.~s: .' run-, -. Ww.; -   :,,.--. Moons r.~-~-:  I'li.y. inn 10 l.iii^-..,i,l,,. 1,, ii,   ;~: li-fi on  K. Ai 1,1 111:1 x,.w or. Ii-.iiin    :  P1.~^ ,^,~U 1 fr )t;I1._  I. 01T Zulu-r ,,t( K,.~~,-j iM-.-k ~.UI I,, i:;lr;   . ZnlH-r I. l.v Srliiiii'tlf I. hy K..~~,.v . ,.tt lb.rrt.-   .- I In 1-2 In', t.ir... with mm.; ~,it hy    ,.~)(.r. L.v K.-ll.-v (~-~    .~ly): n-,.ll-li..r. /,,nvr: I(l,Hl,.r K.II.-.v l-u.j.i,-.- lt.,,-1. ~;,,,,~,~H.~~ Ain.-ll.. Tim,. i;\;..</t>
  </si>
  <si>
    <t>                                           On Thursday morning in at Atlanta daily there appeared the following item at the end of a story concerning the Fulton County Commission.</t>
  </si>
  <si>
    <t>                                           *lo I J A i v J U W u Ij, 1 1) 3 i THE ATLANTA DAIT/V WORT.n iTr.ATs'TA f:\.</t>
  </si>
  <si>
    <t>                                           After several years of effort the Morehouse College campaign to add Six Hundred Thousand Dollars to its endowment has been completed Congratulations are due to President John Hope and President Samuel H. Archer that in the midst of such times as these success has crowned their-efforts. It is a satisfying reward for the great contribution that Morehouse has been making through the last sixty-five years in training men to be upstanding in their...</t>
  </si>
  <si>
    <t>                                           Pastor's Wife Is Burned to Death As Home Blazes                 Rinninijliani Ala.-                 Tluir'diiy uK- thv      "i I.'vv ;      Ml-, i;. W. UiN'Mi I'lll'licil. Mrs. I.' was burned in Un: '1'lic fir.' l'i-^aii ii bout r.'.-ini-K i in i he :   r unknown origin. ~'ln: C.T: I1.!'. I'.  has   f Hie .</t>
  </si>
  <si>
    <t>                                           STREAMS IN THE DESERT "Why  thou afar off. 0 Lord?" (Psalms 10:1) God is "a very present help in trouble", hut He permits trouble to pursue us. as  He were indifferent to its overwhelming pressure, that we may In; brought to the  of ourselves, and led to discover the treasure of darkness, the  gains of tribulation. "What though Ike path be all unknown? What though the way be drear? Iti shades I traverse not alone When  of Thine arc nc.ir."  BROS. MORTICIANS "The Institution With A Soul" AMBULANCE SERVICE       ~!*in 2567 JA. 8873 493 LARKIN ST.. W Allan!., (1..</t>
  </si>
  <si>
    <t>                                           TUSKEGEE INSTITUTE. Ala.,--Taking the lead in the middle of the first quarter and holding it for the remainder of the game, the Tuskegee girls high school learn defeated the Snow Hill institute teant, 26-10. in a thilling encounter on the home court of...</t>
  </si>
  <si>
    <t>                                           Georgia Elks To Meet Here                 Many Notables Will Come To Atlanta For State Meet                 COMPLETE PLANS                 The -.H In I he rii-ui Kla Illks' Slate- Association of  l.K.r.o.10. or W.. will swoop down on this .ily April for I heir  Lh   ;ind reunion, and will Hud :ill  J'ully ('      )        Ihcy . 'I'liu ^ i-, l(. I-;, v^r                 row. lux l.i-fii  like a Trojan lor Ihi' past several weeks .'IIJil   tO it Illill IIU lll Uil  heen left undone. Til*  pep meeting  Hi''   Ql:~ Stale Conven'.l.m or III.- I. \i. P. K. \V. COIIlVlli-n I win i:iKi- '* Oils "u I I h. .il.ii i y :n ill,- 13      .si. 7:1 { l-'orl mi.-. -I, N. PI.,  I" It. K. l'h:\v. Rf- et airin.Mi  l''i": 1,. ,Ioik:h i X;il(i*cJ i*uK-r ~,l l.-lly LoUjii-   . .'.-I.' I. !.l. I1. 11. I-:. W. In  10 Ihc -.s uf tin. vai MUlst            :M, as  * iin- of llm  :j;*i: inr--il lo In: I'res^nl so  :ir- i j-:ui!:'i is may lip '.-i'-d f"' j Hi.' r. i.  la In     I,. I.I Vi 1. A 9) ; tn iii.- .~.~.iiie... on .e-a iri ;il:"In i..- I, .-I.I. T11. silay, April iI l'-^i'L'^ will I'ivi1; n-Kisi ration will uc. mi ami in - al U  ut the ElUs' Jl mi-. 7" rort Sirci'l, N.H.,  ai -J ii i-, an -fashioned  )  'i ii harli vuc' will In' Kiven free 10 all ; visit,. ny   IwIhc nnd  temple ; to the district  .-doi-s         I'liirriaiiinn'iil , ^ in^     at niK'~ with the minimi sta i"-\vide oratorical contest al Bi(; i:r- A.M.K. Cliiirch,  t  whl.-h limi', . W. C. Hwestou, of \Vasliinaton,,jD,C.,.  of  dnc:itions of the order, will be the center Of  as    'st speaker afier the  shall bavo  their . The  contest imd   "'ill lit i;n  of Kc( Director H. K. Pharrow.  he invites the , faculties and   of all of the institutions of learning In the city to como out  ImBr the  and (UstliiKiiislied visitor speak. Wednesday  at 10 o clock the sessions ot the association and (Continued on Paee 8, Cot. 4)                 GEORGIA (Cu[it!   :d from      1) women s auxiliary will begin  branches adjourning; at "    Tor Ibi' annual street par^di* which ill   of tlio principal  of the city with a lai-j^e police escort. Tiie public exercises will tic held Wednesday evening ut 7:4   o clock it Ulg Bethel Church with Mayor Jas. L. Key welcoming the , and with .1. Finley Wilson,  exalted  responding to his honor. John Wesley Dobbs will ho  of ceremonies and  thp speakers.. Wednesday ); from 9 until? the annual dance will he held on the Odd Follows' Koof fi. with (itic of the finest musical aggregations   here, , tlio t rand march will bo led hy the L'rand  rul^r and the   ruler, Mrs. Alible M. ., of Philadelphia, Pa. Thursday the final day will he a busy one. In addition tn hearing , enacting new       and the  of fraternal (n ; officers will hp elected and install.'d, after which  will hp  sine ille, and a motorcade n II wind up the daily activities. Finis will lie thp watchword at the Kllcx' Home from fi p.m. until 12 o clock midnight when the hosts will have ope  to delegates and friends. Thp  is Invited to participate  charge. t-Yom 12 o clock midnight until p  smoker will he ten^~ill have open  to   the distinguished visitors on                 tuo Elks"      Garden  the entertainment committee. .1. H. I Hanley, chairman of the trustee board of Gate City Lodge and one of Atlanta's lending business men I will be toast master and principal .. A quartet will aing '"Home, Sweet Home1' it</t>
  </si>
  <si>
    <t>                                           The delegates to the Georgia Elks State Association of the I.B.P.O.E. of W., will swoop down on this city April 23, for their 9th annual convention and reunion, and will find all arrangements fully completed when they arrive. The genial chairman...</t>
  </si>
  <si>
    <t>                                           IX DOGWOOD TIME IV Dd^ time The handsome woods arc burning prime And Love in :ill her beauty proud Throws kisses In tlie cloud That drops its  wintry plume When first it      :i dogwood bloom. N  wood land, The priests of all the ;ices stand: The spreading trees as if in prayer Clad  they re planted there- Sentinels in y.' white Sherldiujf ' the  light. I X dogwood lane, While minstrels chime the April   S\y  eyes in infant gray First looked on the Jjlory of day, Thankful to the Giver of gifts I'or heaven s  dogwood drifts. (Dedicated to all my fellows, like myself born in April). Thiiiiiiis J. l'"lana^an.</t>
  </si>
  <si>
    <t>                                           !~   I- ^^^^^Mi^^S^^^^^^^^^fc^JtfMJB!i^^fcii^!MiBfW*Ji^i5   1Mt^^      3  ^~~""*^^</t>
  </si>
  <si>
    <t>                                           Plt1LADELPH tA. Pr. 'ASP) --The loch tlik N. A. A C P as..ter tat :law.. ,: as yaaue C..a:retar.y. 1. \laxntlItua Mart.u. hns lust an- eau:I.:11ga walch tptted $1. 12:1 wlaeh Is r.,eurcl_ baker 4.1 th.E. deprt.sslaa</t>
  </si>
  <si>
    <t>                                           BE YOUNG AGAIN Lost Manhood and Low Vitality RESTORED LIKE MAGIC SAY MEN AND WOMEN USERS OF ANGELA MATE When weak, tired or depressed try. ANGELA MATE. The delicious, nourishing drink that is giving to thousands of nervous, run down people,  vitality and energy and the thrill of LOVE. LIFE and SEX again. GUARANTEED TO SATISFY or MONEY REFUNDED Keconi mended by World Famous Doctors FREE SEX BOOKS Worth Sl.llO. Given free with each order. SEND NO MONEY WRITE AT ONCE FOR FACTS NORTH AMERICAN MATE CO. 40s Manhattan Ave. New York City</t>
  </si>
  <si>
    <t>                                           $3,000,000 Fire Sweeps Distiilcrv                 Fed by 32,000,000 worth of blazing whisker, a tire which started following terrific explosion swept through a huge distillery at . 111.,  darr.tge in excess S?,000,OaO.</t>
  </si>
  <si>
    <t>                                           KNOW HIM? Well, meet     Cleveland Eagle's  photographer. William Washington, of Cleveland.</t>
  </si>
  <si>
    <t>                                           EVERYBODY CAN join in it: it's your game!...Starting this morning sensational movie balloting project gets underway. What you do is name your favorite screen stars, your favorite ... of the pest year or two, and your favorite creen entertainers or featured "type" players starting immediately, we will give the lists of ten persons every day for ten days. After that, aided by Jimmy Perry, your columnist will total up the...</t>
  </si>
  <si>
    <t>                                           Troop 92 Leaves For Its Summer Camp Tomorrow                 Nearly 20 youngsters, members or Iroop 92, Atlanta Council, B.S.V. will leave the Gata City  Wednesday morning for Hancock County where they will spend tue no.tt 10  In their summer camp near the  Loc Cabin Cltr.                 This  of  will bo under the direction of Scontmaster E. J. Hooper of the Atlanta uul.  Laboratory  school, who will be aided by Edmund Allen, the assistant scoutmaster. The scouts will travel by  which leave from In front of Giles ball on the Spellman campus at  o clock tomorrow morning The truck will remain at the comp,  owd to transport      to MlUederille. where ib*r will visit state Innutritions. nnd other nearby towns and spots of Interest. 1 Last year, n large number of     members of tbe troop made a 'f.uc  to Chtcaso, m., where thcr  tne World's fair. This year, quite a few of the scouts are planning to make the -   TVashinston, D. C., to attend the national Jamboree. Camp witt break up in time to enable the Troop 92 lads la join the local delegation. Amonif the scouts  for r.icip *T6 Ricnard Jones. Joha Turner, Eddie Mtmn, Albert Robinson. Anthony         . Thoa. Flanapan. Robert Blackshear, AU  Morcl.nml.  Nelson, Horanco Roseberry. Arthur Smith, Oswald Thornton. Lofton Wheeler,  Wllcox, Edwnrrt Brothers, Clayton Ysto*. , D^ vis, and Alexander Hall.</t>
  </si>
  <si>
    <t>                                           Nearly 20 youngsters, members of Troop 92, Atlanta Council, BSA, will leave the Gate City early Wednesday morning for Hancock County where they will spend the next 10 days in their summer camp near the famous Log Cabin City...</t>
  </si>
  <si>
    <t>                                           Mason and Masbury have played a conspicuous part in the life of the Negroes of Xenia and the territory immediately adjacent. Wilberforce Lodge, F. and A. M. is one of the oldest institutions in Xenia and it is also one of the oldest Masonic Lodges in the...</t>
  </si>
  <si>
    <t>                                           Market Data { MONDAY. JULY 29, 1935 I Total New Y.~rk Stock Exchange i Trantactions 1,752,170       j       New York Curb Exchange Bond       $3,200,000' Total New York Stock Exchi.    Bond Sales S9.S43.000</t>
  </si>
  <si>
    <t>                                           The "running-wild" Morris Brown College.softball team extended its successive string of victories yesterday afternoon to something like eight straight by beating the Blue Devils, 13 to 2. The main excellence on the part of the victors was wafted from the inner workings....Dyche Smith was his usual artful self on the mound and the infield backed him up nobly both at hat and afield. The Morris Brown wreekers lambasted out a total of 13 hits and three were...</t>
  </si>
  <si>
    <t>                                           Carpenters Program Committee Place--Room 303--250 ...</t>
  </si>
  <si>
    <t>                                           Dr. Fred Patterson, Moton's Successor I Will Speak at FERA School at Forsyth; Georgians Study to Reduce Illiteracy                 . G:i. (SNS Service)- j Dr. Frederick Patt'.Tson. newly- I elected president oJ Tuskesee Institute, will deliver the closing address to the FEP.A teachers v.-ho have been  at the Stato Teachers and Agricultural Collesu at Forsyth. Ga.t It was announced                 today by R. 12. Lewis, director j the FERA session. Thirty-four your successor to the  i Dr. .It P.. Moton at the famous institution in Alabama. Dr. Patterson has expressed great Interest in the work being carried on j at President Hubbard's school, at Forsyth. and has consented. m spite of his many engagements. to be the main speaker at the exercises in the campus auditorium I at 7 p. m. on Friday. July 26. 1 The meeting at which Dr. Pat- terson will speak will mark the j close of a sixteen-week term for rural teachers of adult illiterates i and pre-school children. The pro- ject has been under the Joint auspices of the Federal Emergency Relief Administration and the State Board of Education. Since June 14, there have been enrolled at the State Teachers and Agricultural College 230 FERA teachers for 9pec1ul instruction in the adult education field. President Hubburd secured for the summer s work a croup of specialists us Instructors. Courses have been given                 in Elementary Adult Education. Elementary Adult Psychology, Group and Recreational Activities. Health and Hygiene. Child Psychology, and Nursery Practice. It is doubtful that there could be found at the present time a. more  group of --In-tra  than i3 now assembled at Korsyth. Each one enrolled Is determined to enjoy and utilize to the utmost the Instructional facilities which have been provided. Aside from th* regular classroom work there are in progress many  pro- j grams which lend themselves most i suitably to adult training and development. Group activities of a cultural nature, such as spelling . debates and forums, pageants, and singing festivals     eliciting eat;er response from the participants. As a prominent feature oC th* program m Nursery Education there is being Installed and  ped a model nursery school in I which teachers of nursery  cation can obtain practical laboratory v.orl; In nursery technique j to aid them in carrying on this I work In their respective com* j . Because of the cordial j relations existing between Presiiiml Hubbard and the  :y. there have been enrolled in i tli*j nursery school for the sumI in or f. children ranging in -i^.. from two to . It iy  rx(~.*ct-d that      school will remain ;i^ a *:nt sot-up for tho :ia: of Nursery School  tlu- state.                 It Is of tha grea jst credit to I the State of Georgia that the ape- clal summer school was set up at 't Forsyth to parallel the school for FEP.A teachers at Athens. It i*'!' significant that of the 210.000 Illiterates !n the state 180.000 arc colored, and the state authorities recognize that in carrying out an I Illiteracy program it Is to the latter that the major attention must be devoted. 'With this In      . and the current educational doctrine that one Is never too old to learn, there stands out fi. third } basic postulate In attacking - j acy: that teachers must be thor- i oughly trained to carry out the . Resuls at Forsyth al- ready indicate very rapid progress j In providing the latter, and it may well be that other states will foli low Georgia's lead and  on I i a similar adult education program such as is being carried out so successfully at present on the can\    at Forsyth. The auditorium en the campus at the State Teachers and Agrlcultural College in which Dr. PatI terson win speak, holds 1200  sons and It is expected that an overflowing crowd will be present. The public Is cordially  to attend and a great numb'.'r visitors from Atlanta. Macon. and other nearby ^ arc r\     (i at the 3. It Is therefore urged upon all who c-re to Iu:ir th,.   young educator brings tij the  institution started oy Booker T. Washington. t"a', they roin*.' as early as ". Tho  will open at 6 o clock.</t>
  </si>
  <si>
    <t>                                           FORSYTH, Ga. (SNS Service)-- Dr. Frederick Patterson, newly-elected president of Tuskegee Institute, will deliver the closing address to the FERA teachers who have been assembled at the State Teachers and Agricultural College at Forsyth, Ga., it was announced...</t>
  </si>
  <si>
    <t>                                           Dr. Hall Ciyes Fine Sermon To Audience                 Ky I. I'. REYNOLDS                 A parked i-  il       :  JI;,~i, former       :tt llw l.      .v j:.)Pti-~ .-hurt-li. whore hf  for many years         -Mins to Clrveland, Ohio to lir.vi i In- Kii-t 7Aon  where he Is aov  Tho pastor. I Hct. J. J. Clow, in ? ihi- j                 Ui-v. nail, told the  that I hero     a unique    ; of                 Dr. nail awl    - members  if l. . ami that there was no use for anyone tn trr 1   t.r.-afc It Kev. Clow  sild. -I like     . a man i.'annat Iwlp tint     a  to Dr. Hall. lie lias a vivid ^S" of      Scripture* and those things make him a  ))   .~ He cave    . Halt   to -r     . In Ihv .     . Hall , "1 haro Ihoii coming io*Al!:mta for forty-*. 1  Iwn laid tip     S3 ^ by an ai-ci luit. I am       to     tbe pi  in Ailama ami thero N not :t Iwlns in tho  I ." Dr. Hall n-latc.l 111*  ami tonk for Ills t.'xt tho . -Follow     TnTil." .*omo of the poin'~ in        as follows: "WIh-o Christ  , Hovsot up a now way of TivWc^ Jj-sus:. li:nl marked a path to follow. 'Yin  follow JtKus' w;iy of living. If any mau *fir\e Me, lt*t. him follow Mi-." "A man  hive a (Continued on  5, cola 5)                 OR. HALL 'Continued irom Pasr 1)   ;rm.-.   : u. f..~i,,w ,-. "'"n man has r,,,i   /si,.     - if.!I.i\vs it.    Uiu .muI." m;,a imi-t   i)~..ii. if    11 j ~:-    ; t.. follow i:,.. rri.il. ;tal:- Hie Rti.~r yn,, will lw. ,.j,u. M(. ;Ziimi .li-iit, v.iii v.;~i- -,;i (..~rs '~~way. ir 1 .,,.v.-r ~.k,,,V u. y.,u ^ M"  hi irani tf.    . ^.me lit) Irt</t>
  </si>
  <si>
    <t>                                           A packed church greeted the Rev. Earnest Hall, former pastor at the Liberty Baptist church, where he pastored for many years before going to Cleveland, Ohio to direct the East Zion church where he is now pastoring. The pastor. Rev. J. J. Clow, in introducing the...</t>
  </si>
  <si>
    <t>                                           WARREN S WEEK-END SPECIALS Fryers 20 lb. Hens .18 lb. Ducks 15 lb. Rooster? .141b. EGGS .27 doz. WARREN S i PROnucr. CO. 20 Ashbv. N. W.</t>
  </si>
  <si>
    <t>                                           Made for Home  The National Housing program has created the opportunity for Home Owners to go beyond the usual Spring Cleaning and renovate completely through a modernization loan. Architects and contractors will be glad to assist you in planning and making the estimates you will need before filing your Modernization Loan application at our Main Office or any branch. First National Bank ATLANTA FOl- IS4S CAPITA).  jnj PROFITS S9.000.000 MAIS OFFICE AT FIV. i Bra.i  STREET AT NORTH A VEN L C LF.E AKD CORDON STREET? FAST COURT SQUARE.</t>
  </si>
  <si>
    <t>                                           TO PRESIDE                 9 J. MERCER BURRELL the only Nrfjro member of the House of General Assembly at Trenton. N. J.. who will preside over the State Conference of Colored Republicans Friday. 26th at ."Memorial Building In Stacy Park. Thrones of  from every part of the State arc : to attend the affair.</t>
  </si>
  <si>
    <t>                                           Pastor's Travels Here and Abroad To Be Featured in Moving Pictures at Wheat Street Church Tonight                 Rev. J. Raymond' HerfiT*Tson. pastor at Whcat_ Streei BapiU' church, esteemed ns The '? Fasti  r of Atlnnia." will  bU travels in the Holy Land and Enropj   hlg  .) last year nt (he time .-.t thc World's Baptist Alliance ir. Berlin                 Germany, ar 8:3n o clock tonight! In connection \vl:h the -.hutt-ins of those pictures of Europe an,l the Holy Lan.l. which he tool: himself for the , oT ihe people here ai . he will  sh.iw several reels of very ir.:; scenes which he filmed during hts recent visits to California, and Mound Bayou. Mis.~,l. The""" pictures of his Moun,i j Bayou trip, that city In the state of Mississippi manned acd ope. i       by Negroes - will be I  in colors. Xbe^e scenes alone I                 a-.c won i, a trip from afar to wit. noss them. The only pictures of their kind ai tin; pr"?ont time. Wheat Street's minister is the only minister ir, Atlanta who has :i mo ion picture camera and motion  machine which hC" usr-s for  Information d hi.; People. By      mearig  f visual c. he has shared ~- trip ihat he hag taken, 'during his  in Atlanta, wi h tii#        Wno- at home. Atlanta ls expected to  this rare and special privilege    massive numbers on tonight at W.' street. This will be the las: .- of these pictures before Rev. Henderson        ;he city fo . for an absence of ten mouths or more-</t>
  </si>
  <si>
    <t>                                           Rev. J. Raymond Henderson, pastor at Wheat Street Baptist church, esteemed as "The People's Pastor of Atlanta," will reshow his travels in the Holy Land and Europe taken during his visit abroad last year at the time of the World's Baptist Alliance in Berlin...</t>
  </si>
  <si>
    <t>                                           Flying Squad, Seizes Much Bonded Liquor                 S'vnnt'iri;: down oti the 11. Smith Imtllins works ;i! 22fi IH- street, the'  solicitor'* ~' squad*' .seized l.'id cases of bonded . .valued ut muro !iian $:tnn(i and  il finir men two (hi-ni . Those   their nAnn s us Manuel Corlielt, TM          street: n.inhl Rmvun. 224 Dccafur street; Ellis     . white. 224          street: and II. Smith, - e of 224 Ilecntnr  t'~vt. i si"'ih ton tower t:nder ^-"t No.ti!, while tue.'o liw "i j:t;;. unable tu post tin.-  l.,iil.</t>
  </si>
  <si>
    <t>                                           Veteran Butler Y Secretary Resigns!                 CHILES WILL: leave mm FOR Hi                 Veteran Butler Street Secretary Will Take Old Post                 BACK TO OHIO!                 By V T. WAI."                 r mn         this . Drcidpnt of the Board ,,t Bwt -f  Butler Street YMCA. in        and "-i' of los.c M. ChllPs. Kxceu. SrrrotniT or our  ncal n?.ioi; fo. t'i" nast  yours to the Cincinnati. Chlo. YMCA. H" -cs June 1.                 It is -; to noli1  Mr. Clii!~u  his work    YMCA ^ with the Clncinnntt    - I  ,iii In 191? and served for  * us Membership Secre- air and won transferred to New. ooi t Novs. Va.. and New york City. in 1922 he     called to t!,c Cin-  YMCA  to .set up th.-~ Religious WorS Dcpt. Then he t.t:;  pnt by t!ic New y..rh  to i ChariK-loa S. C. * re St. Louis, mo., from  cil.y ho Tilled to Atlant;-. Tlie Ciiicinnoli  the old('~t In iht country developed the l-n-  Executives of any of 'he col-  Associniioiif: There is on.; re- . i.liu nt Detroit. Piiisbtirmi. Lo-- Angdes. Cal.. Cincinnati. ni!c! Albntii. He has served the  .it Cincinnati. Newport News. Vii., New York City. Charleston, S. C. j St. Louis. Mo. Tlic ^ uut of Mr. Chiles will be a great l.^-s to the YMCA i and Atlanta as he has been very active in tlic work of ihc Ccir.. tee on Church Cooperation. ?.~: :is Its  for  and a hair  and beyond any question of i cit.::bt has ben the movin; spirit j behind the program anj work of i  or?: he  been active in Church work       one i,i the strongest laymen of the AMK Church. His service    an .-.r j in Bip Bethel Church and S"i'- Schcol can not be easily - i (Continued on Page 8: Col. 4)                 Chiles Will i (Continued from page 1) eel. Liltie does th; community know ihc full extent of the services and Contribution our secretary has .l Atlanta. lie came to the  ut a lime when the  was practically Closed; a membership or less than 100: no permanent income; fire men living in the dormitory: Wo employees. What has happened? The Membership ja.s ;ro.-.-n from JOo to 1.548 while pio;ra:n was set in motion thai j :sas had Continuous growth. I Ausust 102S when" Atlanta w:~; :n. the height of prosperity !:c i; St. Y. M. C. A. was       : the building was it! ,-ciy bad repair: 5 men were ltv113 in tho dormitory 2 full time imp : it had :~n  ur .rss of $8,000: there was 10 permanent income: it had  of less th;.n inn. Yh7 Beard of Directors had paired .-:* to an  mount nf $2.2" n for the purpose oi j  a secretary and tc ir- . ;i program vf ..n. Mr. Chi'.cs called from tne St. Louis Y. M. C. A. to take charge, j DUilns the fail of 1920 the Ccn- tral Assocloticn enumerated in the improvement of th:  to the amount of  3.000 and 300 men and j ' Joined the            . In i 1927 the employed force grew from 2 to 5 and a program or service was .veil under way: Sl.Ooo in .~.  '.V3S -cd  5 men were living in the dormitory. in 1930. 500 memebrs joined and the membership increased to 700 ind prosi am of service to men nnd toys, women am; pills.     maintained despite the depression. Durine the year 1933 the Association felt tlie  of the depression and like other organizations .l a decrease in revenue st a time when the :  another completed renovation. Tile Association was forced to re.  its employees and in the meantime operate sit a deficit. DurInp 1D34 the membership oi the Association n-^s .ccl 10 . ind llie indebtedness cf S3.54" \va^ reduced to s1.5nR.8l nnd it-,  tvr? evf-nded to the largest ;,- n: mm and bo;s since the Tir.i year th-: bnf. Oi. in io:n. Mr Ch""~;  lias not been secured. It happens however, that he  of the Association  been so well  that the  pc-^oD'"! will be able to    -.- "ii -.  Interruption "ir.-.lii a ncv; ^2;- is        . ,Mi-i;it:i - Join it.s YMCA i" l. for ilic splendid Job  Jopc     well and .~ by Mr. Cli'.lo? for the Nc=ri. young men .rd  nr our fair city. We  bid Mr. c-iics well in his new field of ].: into \~ b; gees wl li he  interest ar.d  of black Atlanta.                 LEAVING CITY                 J. M. C1 executive secretary cf the Batler Sttret YMCA  IK6. who will j Ifavr the Atlarl.1    oon to  his  job at the Cincinnati. Ohio V.MCA.</t>
  </si>
  <si>
    <t>                                           I am taking this occasion, president of the Board of Director of the Butler Street YMCA, to announce call and acceptance of Jesse M. Chiles, Executive Secretary of our local association for the past nine years to the Cincinnati, Ohio. YMCA, He leaves June 1.</t>
  </si>
  <si>
    <t>                                           I OOI KR in "The Virginian" n-Jlh Walter Houston, PicK Arlcn. .Mary Urinn GEO- RAFT-in Stolen Harmony" With Ben Heroic's        nnt) Gmcc          LINCOLN T/r^ Tim McCoy in 'THB WESTERNER" I'ScriJh'^, *f    Air I (viii'.,,1! x..f i v.~j.  ,.i.'"r.t,! j</t>
  </si>
  <si>
    <t>                                           Mt. Olive 'Twas in t li; year of  i -liv,. j i 'hly a fi;~- folks an: yet'  i w      remi.- Ilic very day and I yi.'itt*. Mt. 1,'livi' !~i ^.mi Iut spiritual *_'u-* HIT. Tin- way has Km  and si ino--s .      n^v li.-.s hi-i-n  ami -- .      \vn;iii-vi-r nv.jy Jv.j\r  tUv . Vi.-t.iry li:is lii-.-ii hrr lii^lii.-st am- l . V'tfly  ;t^  . :t vory small Iminl I N'*"* ihi-ri- an* many M'atttrn.tl over I If lan l. I All iI Miis  Ml r..r th,. ,,m. Ms- I aim i Tin- .~mine of Ilif           in tin; ini.-ii. Many  . tin- now.  all^wiTi il  rail Tlii;y ary       now in I'.lory, with- i in tho Jaspor wall. ~'air V til' morning,  lit as tlic day Ovi.t the river -  way.         f      cn.-               our . All have done some) 1i Ins. .Mt.  mi'   l"iic much. r.nt TCliatcvcr 1   of th.f mi ii      . They all            Jvsns the Son of God. 1\V f,H*l it '-o in be Ihti* I        I Ami Jliank mir  ixl in an  way Fur Ills m. lili-; and (lie Ticturv And tlw ~^l. of the Coition Jublivu R. E. Arnold</t>
  </si>
  <si>
    <t>                                           A large number of Spelman College graduates enjoyed the hospitality of President Florence M. Read last Wednesday afternoon, starting at 4:30 o'clock, as she served graciously as hostess to the Atlanta Spelman Club on the campus. A business meeting, which...</t>
  </si>
  <si>
    <t>                                           ROMANTIC PAIR AT LINCOLN                 Warner Baxter and Myrna Loy form a romantic pair Snt "Broadway Bill." the dramatic picture on horse racing playing through Tuesday at the Lincoln theatre. Clarence Muse has the comic role of a trainer.</t>
  </si>
  <si>
    <t>                                           DANCE TO TORRID RHYTHM                 Ooiirc Kufl and Mur.ro arc seen  the "K:iml);i" Ihe I'xrilin^r Cii))j)n  in this scene from the picture of the          ; Ihionuh TiKsda\- .it IvmiIpv's  .\~Mhy tht Mlre. (';    -      1);ti-ii. his Oancinn -r of '"Bolero'' ii jr;~ln    ii()      .</t>
  </si>
  <si>
    <t>                                           OLD PEOPLE find way to keep breath wholesome H^ (bad breath)  yields to Usterine, safe antiseptic and deodorant Eltbrr   *~      c(             ,  fomentation, or      of     *   **b, o!d * rr*qo*Mly       (bad ). No wonder others consider th^tn a *. Bat nor*         lias found that               as* of IJst*rine will                  Tnouth odoni dti* th-  of tiny bit* of food mouth.     , or       . Thia tale usti^ptic acd  ;   ;-. It c!~     mw^j, , asd cesi        . TUlts  aad pu^~f act ton, a  c*    of odors, asd tb*a  tb- Oder?    *      . Try        two or       day*. Sec how ^*jch  whol^ion^ It   =. How it ^ns your breath. Laatwrt Pbkrmtcil Co., St.        Mo. Don't offend others Check halitosis with                  Niche and          fo keep i  Clean. Clear and        Wriu for free "E-v Can" I or "Eye Beauty" Book                 gloves  what it saves ft tm*t        to   ; ZtX mm* m     4 Mftot ~*ti(ric*~. Uitnu TuMb P*~~,        f LiM^rM*. mmr% m jom in far* t*b*  t 2S*.     **w it m*m you       *       4  .     ^ 7 m   4 tW ii ilia   W^ Wir.fr        ^. ytai ii Ml Cfc LISTERINE TOOTH PASTfe</t>
  </si>
  <si>
    <t>                                           itco/itb      \~' r*he/tt iM           *           !~, Iff **tu W^^H     llv  Kraft I ^^^to,, *(j?a3</t>
  </si>
  <si>
    <t>                                           Georgia CME Young People To Meet Soon                 The tour annual conference* of :b? *     of Georgia, c. M. B.      ;ln? ready for their Brent mate . the Youns People's Aiwembly and Lay WorkcriC Conference which will  at Holsey Temple church. M..   -or2la. on July JO.                      extend through Friday. AuBuKt I      will    their second meeting i of the Vlnd and will, this     . as lout year. bc under the direction of Mr. W. A. Bell who It secretary of the General Board of Education of the C. M. E. Church, with headquarters here In Atlanta. Many  leaders of     church and of the M. E. Church. South, will have place on the program. Durlnff the day the pro^rnm will be made up of work of i xi-ml- nature. At  Inspirational  will be delivered by leaders of the two churchy. Amonc the leaders of the C. M. E. Church who will participate' 6n- the'  tv-III be Dr. B. J. Smith, secretary of Religious Education: Mr. M. (Continued ok Prnfc 4. Col. 2)"                 Well Received                 THE KEV. S. SI. LEE Who is just hark from Savannah, Ga_ Iiis former home,  he received a. grand welcome from his old friends and associates. AVliile in (lie city lie u-us  to  at the S- a- Omrch and at II)'' Star Thratrf at a mass   if .incc managers  and . for the stimulation of colored business.                 Georgia CME (Continued from Page I) tirs:    . j. a. Fiapnn. secretary of Illm-s.  ~,C Lny Ai'tlvli-      *ni.,- Claimant*: Dr. .1. i\ Cnlrtniidi.  of tlio Chrlsrl.'in Inil^x. Jnrksrin. TVnn.: p.i.-hop J. \V. M.-ICmn.'y. pr.- hi.        ..f r... Til. loral C..M.E. ." un- i il.r    -   ''Muratos of li.-vs. A. K. ISilloy. IF.        . H. D. Den i"n. J. II.  and M. L. WiRKlns, will .-arry     '    - Hon.- or - p^ :ind    - i :if.n:iry W(.rnf-rs. Most of thos*1 ?(-ir :,'.i,. til".- . l!   . J. \   ;   1i1.t ,,f i he Atlanta  t. Is ;    .     ? i     - nii-;  will ho ono of tilt-    ^-.-.:i1 ollu-trs. Every In- dk-  Miims to a record ;it- l*-        - an*! t,, x iiu.-t tu- tii-'l!%tt.</t>
  </si>
  <si>
    <t>                                           The four annual conferences of the state of Georgia, C. M. E. Church are making ready for their great state meeting, the Young Peoples Assembly and Lay Workers' Conference which will convene at Holsey Temple church, Macon, Georgia. on July 30, and...</t>
  </si>
  <si>
    <t>                                           s-WK-x^-:-x-:-x-:-:-?*~   ^KKKK-M'~-KK^K-:-:K-:-:-:~~-~i-M-x-:.THE I STOCKING SHOPPE SILK BEAUTIFUL- SILK { HOSIERY LINGERIE S Chiffon. Seiai-Chilfon er.d SHps. Fartice. Dance Sets. 1 Service Weight Brassieres, Gown* 3 Unusual Low Prices 7 1 BROAD STREET AT VIADUCT</t>
  </si>
  <si>
    <t>                                           ENGLAND MAY COME TO ABYSSINIA S RESCUE; ITALY DRAFTS 'INFANTS' FOR ETHIOPIAN WAR                 ETHIOPIANS FLOCK TO ENLIST                 England Will Force League To Show Its Position                 CRISIS NEARER                 -ADDIS ABABA  Ssrvlca) Wlih reports coming In. still . that       Britala  to either      Ehiopla '.ly or else Iorca the        jf Nations Into a showdown thut  mean that that  either sanctions or disapproves of tn                 Italian Invasion of Ethiopia, warriors from all parts Abysstntx : to flock Into the capital today to enlist In tbe Ethiopian army. In the . an answer is. being prepared to the latest not* received from Italy, a note that applied. tht   .     . by Ethiopian officials that tha Italians were responsible for the break down In the negotiations it     recent categorically denies tha: the Italians were             for the halt in the peace      (Continued on Page 4, Col. 1)                 Ethiopians Flock (Continued from Pk^e 1) nd attempts i,, shift      t,          he Echoplan.". I Advice? l rr.m ~^,       -                 that Givat Britain will ;,ct  toward lh* shipping of  ana  \   ih:tl country      mere is rr.- hop-*     .  of the war. in th,. event of Hostilities, will V- maiK% possible oy  iron. British financier*. j TtKTH if  enthusiasm in the country    cho result 01 the :ippr-r. 1 made hy Emperor Haile Srlr^si^      Thur.-day for -n. as V.-CII as n,~n, to rally  any sici of an Invasion and t., ,:ii.-. if n'.^-y. .tini;  ui mat it is bettor to Me ire-r  to       .TCO. Tli-   . i.- :    . much  (iV*-r lli-- fact that          *x .s to ^hift an army of half a million moil     the Kthiopiun frontier ha* mail*, ii nvi^- to call u Jt . of IS   -ars in -i' lo carry out his pro^^lm of for. ~'i^n expansion i In Africa* without -  the Mumlinir army in Italy. It is also  that Japan Is lM-~*~^ ;   f a - i luar,. t" Italy in,-. fur th,.   in a ft-u* 1. tlie m-\v..~p:ip,~r at. taci: upon Ja]~un t.y Italian publication.^. Ijiis conic to a halt, the nly new* -  to .lap:uu\~,. "s  ah.mt    ' UhinPi.t.-..    :     . The          I;- d.i. :mr everything in its power to } avert a  between the tw.-. na- i .Lms and. ii is  that. -.l the jin.j H te.l Lea^lH- Nations 0'~   :il  i.f n.-xt w.-.k fail t,,  al.out favor- :iM- ~..-ace  that Great i IJritaiii will aiv,. ai,~ I.. Kthiopia I .- .lire.-tly.</t>
  </si>
  <si>
    <t>                                           ADDIS ABABA (SNS Service) -- With reports coming in, still unconfirmed, that Great Britain intends to either help Ehiopia materially or else force the League of Nations into a showdown that will mean that that group either sanctions or disapproves of an...</t>
  </si>
  <si>
    <t>                                           They did it again, thus learned justices Washington whose` dignity is so great that no one dares question their authority. They Slapped Alabama square in the face when they said in effect that they would not see her murder a couple of Negroes in her crooked...</t>
  </si>
  <si>
    <t>                                           WEDNESDAY, JULY 24, 1935 ATLAJTrTPAILY WORLD, ATLANTA^ GA." = PAGE THREE</t>
  </si>
  <si>
    <t>                                           Held its regular social on last Friday evening at the home of Mrs. Quills Robinson. 977 Ashby Terrace. The hostess made the evening one of joy and pleasure. Visitors for the social were Misses Georgia Palmer, Marvie Jordan. Mamie Owens, Lucile Thomas...</t>
  </si>
  <si>
    <t>                                           ;if 110H11. JO' AI S.I Car- "91; (trove 1;i1,1- 11i.,, tt :is Era 11Sa e'en briCrly. W. were vIn'Y glad to havewu vls. it"ts. Mrs. 1,illillS DUCkIl1011th Mid s. I low,' or New York City. The I .110. also sponsored a sui wit iSt jI y )10111'111g</t>
  </si>
  <si>
    <t>                                           Kelly's Studio Haw Voiir I'hol.,~'r:  .h M:     On BNcw Year's Day We arc opt ii all  i:iv and would he Delighted To Serve You        Is Yrt On COME AND .SEE TS Phone Ja. 7035 230 Auburn Ave. WE WISH FOR OUR MANY CUSTOMERS AXD FRIENDS A VERY HAPPY AND PROSPEROUS NEW YEAR Mme. Walker's Beauty Shop We Specialize In All Lines Of Beauty Culture 370 AUBURN AVENUE JACKSON 3 34 PHINAZEE and . Proprietor. ^Digestible as milk itself 1 ]l ^^8^~   ^ ^0 w'*h ^e deliriously ^J1!^S^""^I "~'W Cheddar flavor r^HB ^^^^ Let tfa*  hm tha  3 -:'",^Hf M^^pP^T          in . i* C *-^!^^^^^^~j^lfr-\ '""'i .   ii.   i- -r--</t>
  </si>
  <si>
    <t>                                           S. S. Attendances Still Increasing                 A general increase in Sunday attendances "-as noted during the past Sunday    -_~:; to reports compiled by officials of the Atlanta Sunday School Association. The attendances f^r the past r.vft Sundays ;tc: SUNDAY SCHOOL JULY 21 JULY 1-1 BiL' Bethel A. M. E. Church 3.M 321 Warren Memorial ME Church 291 290 Wheat Street Baptist Church 250 (no report) I Mt. Olive Baptist Church 250 205 j Ebenezer Baptist Church 201 (no report) Bculah Baptist Church 1S5 150 I Central M.E. Church 150 155 St Paul A. M. E. Church 146 (no repor: i Antioch Baptist Church 142 1J5 Keed Street Baptist Church 137 150 First Congre^ _...122 121 Thankful Baptist Church 117 ,(no report) i Arid Bowen M. E. Church 117 112 Mt. Pleasant Baptist Church 92 (no report} j Little Friendship Baptist Church S3  report) i Piovidencc Baptist Chulh S2 95 j Si. James Baptist Church 75, 90 L'irloit Baptist Church 71 9S i  Teniple C. M. E. Church ol *7 j</t>
  </si>
  <si>
    <t>                                           WashAwayMuddy LookingComplexions I ^^^S^^ ^ORIGINAL ^^_~  ^ 50 A P How   -w ui us rnU^t* ttw *"  1   *ins a [^ milled *o*p ^^ inr**.]       an*l funn-d toi tr.    .Wiifiunjt in-!  v^luc.       nr.^j;* .~nf i. t* tut ^MHij  ot- fc il^     1 w*~^ti ^n       %* I.W I'.W  kin WhiLrninc     . Itm i**Jit Mtili ii^ rich  Utbcr. MMirtiibc mi ~*  *y K*tr mh! e^  jll lr*c*-i nt *~mbM(  ^l . Witlt HAN TA\  kin Wiiifmnr Sttp. Uw-  Un  looks   "~ ing. f4"~ Hgliv-r.  ~*v*f m*~ ^ti    r^-if. A-* vwr .!~^b-r      KA\ TA\ Star WtMtminc ^Mf Ttf L*ic- l^.r t*ut **       * tk*n  *-'~   . ^n4 ie ^ntM-*! m   iv ~~^i  *v I*o4*k. IF YOUR  CANNOT SUPPLY VOi  IS COUPON FAN' TAS COMPANY. Dept G-3 400 West Erlo St.. ChicaRO. III. I        2v tor  pmk  mo. ** pai l.    * full    * har at            K\\ I.W Sbn Wlir.'r.iiin Soa[~ on \     ^* natt  iii or iu\* ^y    ^*l:  m *l^man.: t N'am** i      -* I Cuv Sblr</t>
  </si>
  <si>
    <t>                                           Mr. Sam Brewer of LaGrange, was the Friday night guest of Miss Ruby Winston before he left for New York City.</t>
  </si>
  <si>
    <t>                                           I WILL I am sure, be pardoned by my clients in this matter of keeping you right in back of the Atlanta Black Crackers as of 35. I have been so excited by the prospects of the All-Time Aces and their game at Sunset Casino this Monday night that I have been keeping my thoughts inside of Atlanta.</t>
  </si>
  <si>
    <t>                                           The brazen ... of western civilization is well illustrated by the different reactions of the American government to Italy's attack on Ethiopia and Japan's attack on Manchuria. When Japan moved into north China, our state department did its best to rally...</t>
  </si>
  <si>
    <t>                                           SlSSig^iB .ONLY NEGRO DAILY NEWSPAPER. IN THE WORLD  VOLUME 8, NUMBER 98 "ATLANTA. GA., THURSDAY. JUNE C, lt):    PRICE FIVE CENTS</t>
  </si>
  <si>
    <t>                                           IJA. 7199 Open All Night Thomas1 24-Hour Service (Standard Products) Alemitlng Simonizing Washing Greasing We offer  Alwa?* both Courteous and Prompt Service W. D. THOMAS, Jr., Prop.      Hunter it Jeptfaa</t>
  </si>
  <si>
    <t>                                           OL* MAN RIVER TRIO                 The (      who are featured vocally with Luis Russell and his sensational Roscland ballroom orchestra, vho are now on an extended tour of the South. The orchestra recently completed a successful lour of the Low's . of         .</t>
  </si>
  <si>
    <t>                                           Pt.fined in Atlanta, and dc-liver*?d fresh i lo your g/ccer daily. T day or two irom pig to you." WHITES i CORNFIELD i PURE LARD i</t>
  </si>
  <si>
    <t>                                           KfGUKES I.\                  J. H. Lous, Atlanta Dully Worl.l  , reported to police Tliursilay that the enr ho was driving south on Pulll.im street, had collided with a -:i driven wi-at on l-'uir street Ity Olln Clarke, , (.if ^v: I'ulliam street. Long .said  cur was ol SlUly. ,</t>
  </si>
  <si>
    <t>                                           It will be the intention of the writer of this column to discuss each week and receive suggestions on the proper preparation of fonds</t>
  </si>
  <si>
    <t>                                           FUSS OVER LATE SUPPER ENDS IN MAN S DEATH                 POLICE HOLD WIFE: SEEK HER SON                 Boy, 15, is Missing As Police Probe Domestic Row tf                 MOTHER IS SHOT                 killed       Williams. 13. r 13 RawgOo *     ?                 That ig the   pollen ~*hci;ils \     attempting to Hoi1'-* -arly this*      they hol*l Mrs. Grace WllUmi*. wlf-: uf     slain man. on blanket cl  u( suspicion ami -spread a net f"r Isaloro Brown. Tier U-y-   -oUI    . According to th- a matron. h*r  ^H ^fl cum* home about JfU MM ~~'     :lc Th'urti  1 a 3hfl( Hi^B*  nod asked    -r . waii ready. Sh,  tm"-in -cho kitchen  t tile time. *     * reports  t:it*:U. When -he found uut  tho        not ready. Mr. WjiIl;4.  *he *    to havA l-v-n  1. ^ cursing her und slopped her. After the  IncMent. Mrs. Wlllbtiiui. whv  by Onlcera McCray and Wli;.- further sal,- that ahe      -l     u glass, whereupon her husband pulled his pistol out and shot her In the" tight lee. the bullet ent-;rin?""}utt above her ankle. As  he started tor the door.     hu- shot again the *~cond . the bullet missing her. Kei-* Bivwi.'who la li. and  tras sitting In     I'vom  hU lesson.         the older man In a tussle. Just what happened during the course of the scuffle. Jin-. Williams unable to tell     investigating  as she claims that immediately after the pair clinched she across     street and didn't hear another shot. She was at a. loss to so? whether or not the boy shot her .-or whether the pistol went off accidentally and shot him. or If the weapon Tas discharge by the man In an effort to shoot the son. WiUlaint" was rushed to Qrady hospital in a Pollard and Hancock; ambulance where he was pronounced dead on arrival. The remains were taken to the Pollard Funemi home. Xn. Williams was -~    taken to the clinic where, after  treatment for the  i wound of her lee. she was       I to the city jail and locked up on charges of suspicion. According to latest reports  I police headquarters,  Brown I has not been apprehended for I questioning.</t>
  </si>
  <si>
    <t>                                           Who killed Dorn WIMains. 13. ... is Rawson street?</t>
  </si>
  <si>
    <t>                                           King Prajadipok, of Siam, got out of the king business, and showed more sense than Europeans usually give the darker brethren credit for having. He did not wait to be thrown out.--and he was unwilling to be a figure-head, like the present Lilliputian King of...</t>
  </si>
  <si>
    <t>                                           THE Atlanta Black Crackers put on a unique demonstrations of how to effectively be ineffectual at Poncey Monday afternoon For eight straight innings they revealed the secrets of who the hell cares? .....and then, with the score 5 to 1 against them in ninth, tried to put on an old fashioned Garrison finish that scored three runs and wind them up in a 5 to 4 loss. The Jacksonville visitors there by made it three in a row over our Crackers.</t>
  </si>
  <si>
    <t>                                           ~^*    \ CHAM GETS filP WARM!!c ^ ^5c ioc ^  ^K4^ j adults :hildren ^5^ ST.VRTS TODAY ^s = CAPITOL = ^^MV STAGE: S ACTS  --a</t>
  </si>
  <si>
    <t>                                           Baseball Summary SOUTHERN      Standings CLUBS- W L Pel. Atlanta 29 14 .674 Ctiatttanooga 23 18 .516 Memphis 23 20 -535 New Orleans 20 20 .500 Nashville 20 22 .470 Birmingham )7 21 .447 Little Rock 14 22 .389 Knoxville 15 25 .375 Yesterday 't Results Nashville 2. Atlanta 5 Mew Orleans 3, Memphis 6 (Only game* scheduled) Today's Game* Chattanooga at Atlanta Sew Orleans at Little Rock (2) Nashville At  (2) Birmingham at Memphis (2) NATIONAL LEAGUE The Standings CLUBS- W L Pet. New York 22 9 .710 Chicago 17 13 .567 Brooklyn 19 IS -SS9 St. Louis 19 IS -559 Pittsburgh 21 18 -538 Cincinnati 16 17 .485 Philadelphia. .9 22 .290 Boston 9 23 .281 Yesterday'* Results Boston 8. Philadelphia 6 Cincinnati 3. St. Louis 6 Chicaco-Pittsburfjh (rain) (Only  scheduled) Today's Game* Cincinnati .at St. Louis (2) Chicatro at Pitt. (2) Brooklyn at New York (Z) Boston at Philadelphia  2t AMERICAN LEAGUE The Standings CLUBS W L Pel Chicago 20 12 .625 New York 22 14 .61 1 Cleveland 18 14 .563 Detroit 18 16 .52!? Boston 18 16 .529 Washington 17 17 .500 Philadelphia 11 21 .344 St. Louis 8 22 .207 Yesterday's Results New York 7, Washington 4 Philadelphia 9. Boston 10 (Only games scheduled) Today's Cames New York at Washington (2) cl. Louis at Detroit (2) Philadelphia a* Boston (2) Cleveland at Chicago (2)</t>
  </si>
  <si>
    <t>                                           Madame Munsella Vhy tU-.'-pair wlu-n ynn ran attain  our ? Why  up \hn hinc*  Uuow   :- tf and (hnsc you aro  t! in, Ilioii^'li many .~ .way? Il' you Qi'o in  or in j ' COM- 1 ^i"'M!,    'A I   ?-r '- i v;,vi.;w riL-ss, , i S lovo, -~ ""^k^OBfr-  1-5j* I i'.iti1,  X, ^^/HJAL'iM v a in^M h 'Inw e l     -l-l-~' - w!ia(     J_~_~- fc; may \~v your 1 ^L_I 'X a in b i I. i"ns l-^Svn^ii'- I'oimult lime. WJ, Jlunsolla. I.cl "n )}/* lhis Kirici! MtoaiJ:--^fi\ a.!viso you In :lie   nnd . You Imvo ut lo  ln-r to lie  f Iiit" r(-    "ahlo . All .'    arc  or  with any  fit ,  or "rr'"v "~  st u this  clairvoyant. 'Oils when i nd who you will marry. Shu (Tivcs :  l:iu*s. No ^uos.4 work  r !.inti:i . Wliat. she sd s Mil -. I'uiiKvi t rue. Slu1  loin1 in h,.r   iu\     . ~'hp doc-s many  thru -s  d Diviii'1 lit-. Tells ihp  anil c.ni-r nl' your ."ii-Lncss, naki.'s you well  . lit.', uccs . I i"ir      nd for  SOc read- I "R. 1836 Lukrwuixl    , Cor. of  Street. Third  lop below .     ;    . Look for  ii electric . Hourf 10 A. ji 3 P. M. No Palm in fri.nl of I loor. Lool, for light. I</t>
  </si>
  <si>
    <t>                                           IN MENTAL DRAMA AT ROYAL                 Joel McCrea. Juan Bennett and Helen Vinson appear :       in a scene from C'!: Colbert's new star-in- i ~.. "Private Worlds." playing today through Tuesday i :il Uailey's Ruyal theatre. Charles Buyer plays opposite .'It::s C;iI!kt1.</t>
  </si>
  <si>
    <t>                                           WITH A SKY "OF DEATH -ABOVE                 f-'ear li:umts his dreams at ni-^ht. Ye! in iht arms nf Uu:ciri lie .--s W.--r U.' Zinc's solace.          :j Mi.til:-- nc-     ;         opposite IfcixU-r in Ifu- ii;j;~I n--  :\ r-y. " ih..- IU-;iver,V.  plays  and -.u- :il Jiailey's Ruy.i] Ihoatrt.</t>
  </si>
  <si>
    <t>                                           'aso"*1 LATEX "i ik. ri_      .~i. te Ul_ , J    . $1.00 Dor. - GnH 12-50 WITH .         a pb!a nM .  LATEX RUBBER COMPANY Itrotnrr y..ur 1_~1 KivrrKT  nj "  .   -lnr.l  w41l     Murr.l by B-K-*.     (  . Kand lOr for a : Crlnl       , and other tx*n*f!clat . Kull treatment SI. SO i^nt CT.O.  . Write- to .\ew-     . 2M J,-,       Sl^ UemphlF, Tenn. get Money- love" I  I ife No cue bmd km. Sup worns Ik Williams, mi Bntt* An, I JERSEY CITY. N. J.. D^.1. R</t>
  </si>
  <si>
    <t>                                           LAST TIMES TODAY LINCOLN I  SIX  I In TCD * I Taw ( I it-Pitw     -WEST OK I  Sf.-rt i I TIIE TECO^ II          Aajii.</t>
  </si>
  <si>
    <t>                                           ARF YOUR ENEMY lli.nl let Spriiis v.inds howl ami lil.iw   -~  -^^^    iiir-.ii and darken  onr complex- ff f      ~.lien il-      I., .t il  ith M  and Wliilv I'mnnlc (. Il k /~N^v. ^K form- ait  '-* *m^^C\ \4^F Ihal "^chU ill"           - l^T t ^~r^'dk /       ^~^ ~.li'\i(.ii   "keep^ sK^^Sfff'^E  S^-i^-3=J mil" :  of I -~^ij^t.-i) /~"r^Z^,\ ll:"-~l' *'~~'= H"1 K r"r0\ ^  - 7/s ni\/2-_ --V/1V I'"~'Iit   and y^Ll his l \ia. J. P1-3^rjj ^'~J -^'n- Large jur, 25c. Trial #^'^^l/ ?'}'~. ^B V I B 1 ^4 fc ^ 1 I I I I I 1^1 UnilDICU SLtml5nL5 ^^^^^^^^^^^^^^^^^^^^^^^^^^^^^^^H       ?"~ft )JMmS^^\ V^~5iri'!! 'i        jf H '~. V with Ilif ru b .?rU?.~" WSgSSV^M S^^Sri oil, Ihnl aro ." 'i lli- i   \li /w^ ""'f's '    '"~1  While Clruii.init Crruni li. V: Xaa'jH .AvKj ""''Wh 'inn. .     i-             ln.r VeSI           *T. ^"-   4 . l. i an. \OTg"gg)~ar     only S3,.; Trial Trial     ,  lo. -^W^^==  ' ,irt loc. Trj It now</t>
  </si>
  <si>
    <t>                                           MASTERS OF DRAMATIC ART                 Barbara Stniuvyek and Frank Morgan hold dramatic roles in "Lost f,ady." the stellar picture playing today and tomorrow at Bailey's Royal theatre. Morgan appears as "heart interest" for lovely  in the           romantic film. Lyle Talbot, Kifardo Corlez and Phillip Keed are in liu cast.</t>
  </si>
  <si>
    <t>                                           MADAM MINGY i the woman wno KNOwe I Fells past, present and  i .F LOCATED j Palmist and Life Kcader Gives advice on all  of life. Love, Marriage ud Speculations uf HWtfft all . Don't fail BljfR to see this gifted HI4rt:M i Palmist. Paints 'be Uf Zftftfl nij of all   v Sfi I and sLow*     how ^U to overcome ene. Dilcs. MmUm Mine} baa  thousand! a^d dbc 1 cud help you. TELLS LUCKY BAYS AND SPECIAL HEADING 50r i Take Federal I'risun car to end LUCKY 3 I Satisfaction Guaranteed 638 McDcinnach Huad i Offirc Hours: 9 A. M. to U P. M  f line. Look for Nauie on Sign Madam M in try Makei No I Home Culla Not In Tent j Madam Zella PALMIST anil  ADVISOR Consult  woman \.     knows. Special Tluiiilay Nui.ib"~ witli ad. Till-.-.-     -~      HIlH tell you. p.isl ;~s you :       of  nn  -,      - tir lack   l Mucm. If you w.tnt f.it.1^, uml not ,   : if you art' -lii-a' having trou*      in lov .\t(*irs. seeking divorce. 1II1S  IS 1"OR YOU Givt-*  and lucky numbers. All readings guaranteed or no charted. Not in tent. Luok for green   iRn. off Car at r\        - Avr Tlii* Third PalniUt tin Pi-' Road 2971 PEACHTREli</t>
  </si>
  <si>
    <t>                                           Body of Aged Atlanta Woman Found Floating In Lake                 MRS.MAHONE FOUND IN LAKE                 Mystery Shrouds the Cause of Elderly Woman's Death                 DEAD SOME TIME                 Police Friday were puzzled between murder and accident in lha mysterious death of 75-year-'ild Namy Malione, whose badly ;oj body was found floating on tlu-  lake in Lakewood Park by a group of CWA workers . day   orning.                 Two  gashes plainly visible in lier skull, led Homicide De!'3s McHarriry and Stone, detailed to the investigation the case, to doubt a theory of accidental death. The aged woman, a pioneer ot Atlanta, was  at the David T. Howard funeral home by her daughter. Mrs. Jessie Brown, c.t 1732 Stewart Avenue, who said that her mother had beeri_missing for two weeks. Detectives hinted that a coroner s  will be held over the body .his morning, j Thc officers in admitting that they .vere puzzled between murder and accident, pointed out that the state.iii-iit of .TK. who said that '      could     have been  more  eight ur nine days. (Continued on Pmgc S; Col. 3)                 Mrs. Mahone I (O. IVmii  KI!CC I) When: had she; been durinE         five days of the iwo weeks! her daughter says she has been ab- .*cnt from homo? Tin- body was found lying face! downward, the lower part, submerged. It was ^ about leu  J'"oni the bank on- the  end of ; lake, situated in the center oi the race track. The woman s daughter told police I hat her mother suffered from menial relapses and would often  away from home. Officers admitted that Ihe wounds found on her head,  have   by a fall, and that she  have strayed inside or Ihe park and accidentally fallen in tin. lake. A story carried by two local afternoon papers, to the effect that jthe woman s body was weighted clown Hh a  rod; tied by a ropo around her waist was discounted by I Detectives McGarrity and Slom':. v.-ho said the body was not moved I  they arrived.  That's not true." Mr. McOarrliv -eii. Ailachos of the David T Itowaivl funeral home, who dru!;i Hie body ashore, also denied the: j  of the published story.</t>
  </si>
  <si>
    <t>                                           Police Friday were puzzled between murder and accident in the mysterious death of 75-year-old Naney Mahone, whose badly decomposed body was found floating on the main lake in Lakewood Park by a group of CWA workers yesterday morning.</t>
  </si>
  <si>
    <t>                                           BITTEN BY DOG                 Bitton on inc right lo? by a do?. Aliord Davis, 33, of 1540 FoOte street, was given -  at Qrady :al Friday aftern.?in. Mexican Stares                 Above map shows the scene of the latest Mexican upheaval. An agrarian uprising forced Cov Manuel Lustra of the state of Tobasco out of office and threatened the position of the governor [of Tamaulipas, Dr. Rafael Villa;. The resignation of Cov Lastra. lieutenant of the Tobasco dictator. Tomas Garrido Canabal, and the precarious position of  were seen in political elides as a move by President Iosbio Cardenas to dean oat     UiVywtigci of power of   ^~</t>
  </si>
  <si>
    <t>                                           ROCKS                 Supreme Court Flays Dixie Jury System                 Bcindti*                 CArdoiO                 MsIUvnolJ.                 V.,, D.....Lr                 Wutlct                 Robert.                 Sior,.                 SuiV.i.Ui..l                 In granting Haywond Patterson and Clarence Norris. two ol1 the boys involved in the famous 'Seolisljoru' case :t nr-\v trial, the United States Supreme Court, in no uncertain terms, condemned the jury system that prevents Negroes from serving on juries. "I]' Negroes arc excluded from jury service eQUal protection ol' the laws t ur all does nut exist," Chief Justice Charles Kvaus Hughes read in  the decision. "We lind                 no justification for  Nogrops fiv.m l rial juries." Pii-t  ahu\,- is    urn1 United States Sniiiviiif  ;' will) individual  ui' all of Liic ii.i-.-rs ul Lhe lushest tribunal in tin- land, .-e .McKi- did not take part in the  which is rated l)\ many as the most  lanl.  af1'i'i-; N'trgroes situr.-     -  Divd Si-ull case.</t>
  </si>
  <si>
    <t>                                           I BETTER  USED CARS McCord-Johnson Motor Co. DODGE-PLYMOUTH -190 \V. l  St.</t>
  </si>
  <si>
    <t>                                           THERE S NOg.^^0*^    I   A*^ TO THESE VALUES! '     %. IN SAUL S ^^-CHH.DS DEPARTMENT #% EASTER SPECIALS.' H$4 Sk GIRLS' DRESSES ;:ovp3^]i- .,.;::L,;!-;;:.,,--:" $ A .00 \.v-vV JL HA EASTER DRESSES r- tp ll% for Little and Big Cstls ^jT S-T ii:.-.ni.i;r-. hi.-iii.lin- I ,-i,i B "T] I r Si/r: lu I.. 1 i ""i .11 COAT SUITS row LITTLE BOYS Eiiteii.L-V-. IjIuum' ..r.. 1 -     ^V  r^^ir; ~,,::i::^t, $ .95 7 EASTER FROCKS       ,S i^ For OiHs    r c l?c 1w a......... ...r... $^ 3S DRESSES I] fe:'^H 2 for Baby Girls I SPRING COATS B-JiM'M Ip For GaHs   .:.T;.:,:'"iiv.,u.M;Mii r Ati. -.. -a.-. cpg ^S *t m v.ruU?  SlzeA V to Jt HA Mjpri - loi Hp5L^~~~~l f^ M-93 I Cr^  S !</t>
  </si>
  <si>
    <t>                                           Bff'f 1'^S j  As44Yun4 j9 A 25 ounces for 25*                      I</t>
  </si>
  <si>
    <t>                                           Madam Zella 1 PALMIST and BUSINESS I ADVISOR Conault the woman who know*. Special Thursday Numh ad. Three            answered free. Will B..I I.M -I*     Jf.* your rt m present jast it it* k^fW your future  L^ will be, and calls ^^k_^H you by Dime. Will  tell you the      : of your     (, fail* ure or lack of . If you want facts, and not , consult this ; if you are down-, having trouble in love affairs, seeking divorce. THIS MESSAGE IS FOR YOU. GIVES NAMES. Al! readings guaranteed or uo ?s. Nut in tent. Look for green eli  sign. Get off Car at Peachtrea     Peach! roe Road 297) PEACHTREE ROAD</t>
  </si>
  <si>
    <t>                                           Sometime ago this state celebrated a big opening of a community center near Pine Mountain for white folks. Houses were built and many families were settled in, that community in an of fort to work out there salvation. The farm is where many of our People now starving around crowded cities ought to be. Many of Mein are adapted to farm work and farm life. They left for the most because, they could not rent land, ...get facilities for farm operation, live stock and feedstuff, With the banks withdrawn, and...</t>
  </si>
  <si>
    <t>                                           n\.iK*r. inn i/ HIT-AND-RUN DRIVER STRIKES,  WOMEN                 TWO WOMEN KILLED BY AUTO                 Struck By Car While On Sidewalk, Two Witnesses Say i                 DIE SUDDENLY                 Detectlvea McCarrlty and Stone, j Sunday, were looking Into the cas,. i of two local women. Ida McUmidon. of 55 Davla       . S. \v.. and EarlPy Brown, of 210 Elm  tr*~t. who      killed Saturday at midnight by a hit-and-run driver a* they         on Chapel street                 on the right hand sidewalk.    ? accident Ooi-         In trout at 15? Cfcajvl street. Two . Lilly Duprce. of 471 Nelson street, ind Garrett Johnson, of  id r.-.ir street, S. W.. told Rau.c Patromcn E. T. Payne ana C. \V. O.-.?ht tr.~^ the unknown driver- iva.--  south on Chapel ?    -i .it tho         oar In which ho iv.-.m travelling struck the     8. Neither witness was ablo to  the car In which the mar. rode and his Identity  not be obtained. but one of the witnesses was  enough lo furnish  the license number of the- car. AVltlihli Informttio-... d'-tci-.A-is on t-i^ ar, p-poci:i,~ i.. l. the- 9ou***i    *ji to Justice in 4!ion or- der. Shortly after the crash and InJury of the two worsen an Ivor. Brothers ambulance niched on tin  and hurried them to Grady hospital. Upon arrival one of tho women was dead, while the other died at     clinic. Susie Tucker. of 5t Da\is . Identified tho two women, : that one was     mother, i Mr:. Ida McLendon. the   the same as     own, and her cousin. Miss Earley Brown. ot' }i 0 Elm street. Questioned closely as to tru- manner in which the hit-and-run i driver had killed the tw0 women. the witnesses told police that hs had driven into the path of the two  wno werp walking ~^n the  on Chapel.</t>
  </si>
  <si>
    <t>                                           Detectives lb:Garrity and Stone, Sunday. were looking Into the cam of two local women, Ida 51c1...-m don. of 0! Davis street. S. W.. and Earley Brown. of 210 Elm street. who wire killed Saturday at midnight by a hit-and-run driver as they walked on Chanel etreet</t>
  </si>
  <si>
    <t>                                           This week's class meeting and Love Feast were very enjoyable. We were happy to recevie such as interesting Sermon from Rev. Arthur Willis one of the ...</t>
  </si>
  <si>
    <t>                                           YfiftiS S ^Si iSC 9 The ale thin dime will co big (?~    "^~k ^X^2^^   - ^Z^^jf     Sail V'u.'cs.-iu 8   i ^b^ B Kogers this week-end! Scopes of popular  V^~^^ V" #4^L^ .  ^l S% f/J^i** J/' "w Oranges iSc M WM ^^S^^It^Rlli  r e di M*   :ag  at the lo" ^L,  v  CT.'--' ^h^^^V ^rjr Vine-Ripenea--Deu.   - -~3 '^P I I ^i^ I I price of only tea cents. It'll U tun jc- ^*\L -w^l' "'"Ml/' f"'l'*/ ***\^r Melons **h ldc j f(iw a, tal W]1KdM! p. ~#^J-%^  lot* of       yoa      and know- ^Iki^    ^^^O^ S , properties- loci uM KirU '^ll^ 6'          wlU ~--ost      ^"V^^^^^^***^,.-^1^ Finrv PaiifnmU KVsson Oi/ not bct\i. hi:: (~an ir.SI ^~w dimes. i h ! c plus value r:o. n.ei . Bf^v ^_^iMM4BH^^nM^89HH3BffiS9BH^EEi9BBRBGHSflB9^^IBHHHBc^HIBBMiVHMlil^9Krt^9^BHfi^l8^^^^^^^DIBI8^^^Bfllll^^H  is u I J^        ^^ SSteST^Tlse S -cJf,rCJ11^r Can 28 r";- zion Fig Bars u, 10c CoJonial Tomato Catsup.    10c uv,i:  ^,    -r; n Colonial Sliced Peaches *~j 10c Blue Sea Sardines 10c cHTr,,J 1Oc 11 W r a 1 1 Sterling -ff^ Salt 3 10c Dei Monte Fruit Salad 10c g made  Snuni'.ri/t are un 6-Lh #%          ^^S3^B^BB^Hj '5HBKBiH^~~SM^Hi^^B^B^^BBM^^^HBH^^^^^^^^^^^^^^^^^^^^M Calif. Iceber? B L''-:;J ~~'~~~  -r-~;--' '='"''' Pail +      aK^1^L^"'.m casH T P^Pw^^^ltt w iP*'UF"FSi GS3 1^^^9^7.4Hll^l^l^l^lb V A VI c:i.j.- vio.'iw be. b T -^p'/^vp^ SB Bm I 8 ~$k. m"^Btk. A 7* 1 SHI HT A  BK^H^B^RRPr^HHi I I t7 I I ^4*4'     /O I E n^iJi I A    *~mKL. Ms "rl* I iH ^\."X* I l^iHi^Hiii^V \"     'Jc I 4- ISrOOKIIS PhiHips' JunePeas We Libby's Stuffed Olives 10c ~= I t^,;^rB^,   Each   7c ;f            Apple Sauce. 10c CoBonial Evap. Milk 3 S 10c I ^"^~~~~^2^  d Whitehouse Apple Jelly 10c Vuflcan Vinegar SS 10c Ls^ isc I Corn Flakes i^^TTW ai I Hi^ WllffiWliiM  j -t.Lh. C*    fcit,':-,.-.-'','..^:;,,,,* Pk^s. I *%l ~~^r^i-fl^    ^^HBHMii^iW^!M^^Billllllllimillllllllllim I 4 Tellam's Peanut Butter. 10c Oven-Fresh Soda Crackers 10c u c- ,i 5 c a r ~\M/v^^!Hrt, I Prince Albert Tobacco VT 10c Del Monte Fruit Cocktail 8   10c Siagaf I J*flS!~SU OreSSing pf Frenches Bird Gravel 10c Fly-Ded Insecticide 10c S$1  fs ^^(t* I  S'es''/V '.v''~t;j,A-Sprca2 ""'on 26-Oz. 4 ^~c By/ ^3BWffi85B!B8HBBBBBSHMBBBBiMWiMIMBBI^HBBi^BBHIi^B^i^l^i^i^i^iM  0O AT ^    Irtfla- you jan. now with this lir.t Jar ^L wK    ^ SltB^K^^H^SDHi^^BD^ri^^^^^H^B^H^H^I^^H^B^H^H^H^H^HWlBV^H^HRB^H^B^HrA^HHH K Salai.' Dressing selling at this low price. US      sfl Bl HtHSJHnBI^B V W^^^^^^^'^^P^^^^^^^^^^^kTk J ^^^^BTlIll^^^BI ^1 ft ^V^H I  1^1 I h I' Mh f A 1 1 f ill? I   K*FM 0a\  .er 1        *  f5^  V^1, Sunsweet Evap. Peaches 10c Probak Jr. Razor Blades o^i 10c Ibo 2 C? I ^SfS'^riS 2* 93C v- Old Va. Preserves 10c Junket Ice Cream Mix 10c .-in ^^^,8 ;._^0.K. Washing Powders. .4 p* 10c Idle Knife Sliced Bread \3f 10c 6-ib.Bag27c 12-Ib. Bag 49c ^^^^1,^^^^^^^ RED F1N I  WEST CUAii MILK FED OFp J r^ ~^H^K^^Hb^NW^^^^^^H^      CROAKERS i- RIVERS I I 4 I^LLl1 JH^ L^^^^^^HALij ib. 6l j lbi6e.,._, j^j5^ \^^WsMKKUmJtK^</t>
  </si>
  <si>
    <t>                                           YOUNG S ARTISTIC BARBER AND BEAUTY SHOPS 55  ST. 025 W.- HUNTER ST. Thonc .TA. 9317 Phone .la. R770 ^ ENJOY A LOVELY SUMMER Af L WITH A BEAUTIFUL HEAD OF ay -a. *a hair, you no longer need ^K '-'.I TO BE ASHAMED TO REMOVE ;~i\^Z. THAT HAT IF YOU GET YOUR j WORK DONE AT YOUNG S</t>
  </si>
  <si>
    <t>                                           NEVER DULL, ALWAYS EXCITING                 That's the life of a pretty jewel thief, the; role  Gertrude Michael has in "The Notorious Sophie Lang," playing today only at Bailey's NYw Ashl.y theatre. Paul Cavanaugh, who plays opposite, also in the      of a rival crook, is seen above with her.</t>
  </si>
  <si>
    <t>                                           Birmingham Medic Makes Vital Survey                 HJT I.L*     4ONKS                 Til- Atliinln M.-li.-.il A^.  lia* i.s iu w,.,.    KUmt u,^   k i"- f. S.    -n. Hlrminc liam. Ala.. 3'''r.-tr.' of tbF         Axxuclatlon :ind .Jlr-.-ci.ji- of (    Committee on Mortality  of Kocro Worn, en.                 Dr. .Moten. with able . In conducting a sectional survey to Htudy the causes for the  i mortality rat* of. colored .i during childbirth. Sponsored ~,y thu National Medical Association. this survey would be subject-d to the entire nation were the corn- j  not handles pp'-^ by       - "nt  fin- Hi.. , . K.il.T.il funds for      op'.- of tli-- (.~~~         are b.;int; :t. f.T tli.. stu.Jy Kroup und there       worker In this'  iani':i! ITiirl than Dr. G. IT. I'.-nny.  if th-: Univorsl'y Alabama, who has written ~'\ir:il  lo WushlUKton. D. C. In connection with      . T!    Idea of the federal gov- I  bearing th-.~ expense of carrying on this  survey is  endorsed heartily by VI;. lor H. Hanson, editor of tho Btr.  ACE-HERaI-D: Dr. J-.hn M. Alexander, president of ill.. UlrmlnKhani Castors' Union i li l  of th.- Klr.Ht Preaby-  n church In Birmingham. j Tim Mineral District Medina! Society endorsed the survey plan I unanimously and all the com.  of this group are lending i th"lr fullest cooperation to Doctor  . Tho study group on the high I mortality rate of        - women  childbirth      tt two. purpose. (1) arriving at the causes for tho lofty death rat;-. and (I) the prescribing of reni". j 'lies, for these underlying caus.-s. I5ecause of the particular mo- live behind the . Dr. Moten i himself has designed the group he heads an the "remedial com. ". If I he remedial corn.  Is  In acquiring f-. funds, it In practically assured that the complete survey of. the group will op one of the most informing, instructive, and helpful projects ever launched by the National Medical Association.</t>
  </si>
  <si>
    <t>                                           The Atlanta Medical Association has as its special guest this week Dr. P. S. Moten, of Birmingham, Ala., secretary-treasurer of the Southside Clinic Association and director of the Committee on Mortality statistics of Negro Women.</t>
  </si>
  <si>
    <t>                                           So. Atlanta Citizenship School Opens                 South Atlantr will       lier :?.         Tuesday . .v -J2. :ii i-lil. Kev. N. J. Jrolley. paster. Tliis seli-~~l Is      t  M- c"  1i:vUh1 :is city side community  !}       X. L X P. The purpose tlio i  is to teach Ntsroe* their c   responsibilities as v-ili- j ens.  to train iIr-io    * to t    : in City elections as to set mnu* of the                hey want. Tbv school will be       a .         nights, I :~r six weeks, ;      i by. January 22. at   ..'dock.          1 U five, text-books are !tw. an.l at the completion ot the .~ourse the student.% will Wceive .. I This i.. a special  to all 1 sen. u- anil  Ho. \ to  ai tlie school n Tuesday. The sc1   1 is tor i-.            E. Lulber Brookes of Clark Cniv. of the      .)i O'luuiltiev- of the X. A. A. 1'. will     present at tlie first : next          to see him n-           Atlantn        . Awake S.~ith Aikinta. anil t-o In M'h.~.l .in Tuesday. FERA Educational Assistant Pays Visit to City     !i Atkins, assistant In Ne- pr.. IMticatlonal  f with tho KI-:i:a. Washington. D. la  p.n.IinK the  ~%nd in Atlanta  with local        adult Cilu- oat Ion classis;  iH)        ty l*~o ITR.V in this . Mr. Atkins, who mi form*rlr   -    of the department  f Ensllsh at TenneoM-e Stale A and I ColIfKO. Nashville. Tenn.. but wbo )     M-rvIng for Mme     " with thi-  In     pro- 1 cram of adult education, went dl- i r^ctly to Savannah. Oil. upon j   : . earlier In      \   -k. Since that time    has spent      time in . j Konyth and Macon. The federal official, who states that much  I*        in the teaching of  through cov-rnment aid. will spend Mondxy in Kort Valley,  tros, there to Albany. Ca, Montgomery. Ala., and .-s in East Tennasi^e  r- to Washington.</t>
  </si>
  <si>
    <t>                                           The JWT Just We Twenty club of College Park entertained with one of the most brilliant affairs of the Mid summer season. Thru out the home of ... Johnson's at 407 W. Howard street the color motif of pink and green representing the clubs colors were...</t>
  </si>
  <si>
    <t>                                           Madame Zeiia PALMIST and BUSINESS?  Consult the woman u liu knows Special Thursday Number with ad. Three questions answered free. Will tell jour past as you alone know it, your present just as It is, your (u. lure      as it will be, anil calk you by your name. Will tell you the real cause of your mis* fortune, failure or lack of sue. t cess. If you want facts, and not promises-  tills woman if you are down-, having trouble in love affairs,  ec] divorce. THIS MESSAGE IS FOR YOU. Given names and lucky number^. All rcl.Ulnss guaran ecd or no t . Not In lent. l/~    for  electric . Cot Off Car at l  Ave. 2S71 l  ROAD The Third Palmist to I'caclitrec Koad</t>
  </si>
  <si>
    <t>                                           GET MONEY- LOVEI I guarantee to  you (Ctt a nnr  b fife. Ko ca*e        Stop * Uf I-Wnte      %;lo(                X-VtU.UMS. Mi B^ At* Dept. S. S. Memphis; Tc/in.. 1A.~W.P.RR M Announces H Lowest One-Way B Coach Fares H Ever Offered H Tickets on Sale B:ii!y. H Ncwran .50  j Morcland .08 B Grant. .77 H Hocansvillp .Kg H West Point 1.31 H Opclika 1.64 H Auburn 1.75 Chehnw 2.05 H Montgomery 2.63 H Also Bnrsrain RoundB Trip Week End Fares to H All Local Points. H Montgomery only $3.00 SPECIAL COACHES B FOR WEEK-END B CLUB PARTIES. J. A. Higirins. ^M GeDeral            Aftnt*</t>
  </si>
  <si>
    <t>                                           NASSAU S BIGGEST BET                 MRS. BERTHA ISAACS Florida and ''. and Southern Open Tennis Queen. ;;!    a nationally ruled slar in the American Tennis Association. Mrs. Isaacs comes back to the "SUktes" this year determined lo retain her laurels in each of the above named .</t>
  </si>
  <si>
    <t>                                           Pienies are like chain letters Someone start, the idea and there are always promoters. But before long ... the hour manager who is elected to carry out the little details such as counting noses and multiplying by franfarers finding the right container to carry...</t>
  </si>
  <si>
    <t>                                           ACE OK CLUBS                 Mat with Mr. Leroy Burse. Bust- I   '~- was  briefly. Muni- tx-rs ntv :-U lu      lit the  01 Mr- Tommii:       WcUiie.s. jay ni^ht. Mr. WVhster Smith, president; Mr. Cbestur Turner, reporter. I</t>
  </si>
  <si>
    <t>                                           FULL PACK                  no suck sjm^"i filling As-*4Yejrs/1 jO A 25 ounces for 35</t>
  </si>
  <si>
    <t>                                           IS VISITOR                 ATTY. .KT N.  IJr.iml i;;:-ilt-ii.s of (lie /~tu Phi i Iti-ta Snrorily win) is Chicago's trailing woman lawyer. Atlorney j AawTrsmi is on tour               (In- .  Mir various ~- Uif . Sim     - Wvilnmiikiy . Ill (ill 1, :it a Imvly p t-tosi- at       S       i: n. 'I'li-rc. she \v:is       'ii by three Inrctl It:'.-i ci So- ror Hazel Vaujlui (Krsuluutr r!i;ip- i li r)        Kinnia KrlJn (~,'lar!c). anil Soror Jean Hargrovi* I (.Morris Jl.-own).</t>
  </si>
  <si>
    <t>                                           WHEN YOU BUILD OR REPAIR -SEE- QUEEN MANTEL TILE CO. 224 MITCHELL ST., S. W. FOR-         - Tile- Grates- Lighting Fixture*- Lamps and Tile Yfork of AH Kinds</t>
  </si>
  <si>
    <t>                                           2's {BLACK-DRAUGHT helps to keep mca i and women healthy B7 reveries: constipation before JKncss  ^. TbeHozA's Slc^c-Draught enables  i of men and women to Kctp at Ivrork. and to 7 . There's better health lor you, f^*8* p Then you need ^-^S?" il^'-l { a l3.-j.. in ^mBr! ,3Jthe  "^    ' i relief that     ?5k i:'~'!! 1  from Use S^^^^ i':?^ prompt use or r*~??Ss3 fl' '5i reliable, pure- jj-^j 1}- vegetable *s i 'Tm Tiicclford-s \'}^ E!ac;:-Drau;ht. Sold in 2a- packages. uw</t>
  </si>
  <si>
    <t>                                           Fatroime Our Advertisers</t>
  </si>
  <si>
    <t>                                           LEiilE ACTS' TO PiOENT WARFARE i                 Border Dispute Will j Be Arbitrated By Group Of Four i                 MAY HALT FIGHT                 l..\ J-;\" A. i ;  -r;.-tii i. I :~l l\-r-i- i,t rir^imii n;.-- i I K..i.'i-jii MI,,i..i. IV- j 1 l-av;il :,n.~ -j;r .'.n:~ Kn-a .-li I.-T.I .,l 111. I'niy  i,..J wn- li-lii--. I.. l:.rs.ly :~i:..~...i:_ Ml. I- f.M- ll:ily i,ii.-,.~im I., i, nVB.k. I !t;,lt.,tl ..I th- I..IIV N!:-; Imr.l. I                 1 with Italy. Tli- . v.hi-ii w.,~ i-.,-l,.-.l . s..l:  . ,-l!-v. ::.'i*      ;,' to hii-rn:         -xi.~;ri f ti" mu-li -iwl wur h.;.!; ill- two ItUllollg. Kolk'Wiiu Wriw t- c  l!..us l.y r.:ir..n l';.  . c. Al'tlsi. lt"i]y*s   .tM*'*  'iil :itt\'.- t L''u:;uc t,!" Nmi'.i:;.-. ~\vi:li 1 iu j I'hli'l't.-nt. .Ml:Mulini i-l P.t i 0 1 .'~mv;   .jf * f.'.-'I^IK* *.f ?\;,ti" :Mj^.-cI tuo l*~.'Suh!      j.n V^  lol- :ir}MtI-; by ~.;iri:~it ti JUiinarL j rh.- rw... ..-:1* Th.-sv .M-I..!:r;i.;.,,.^      .j  July li. K-i fu.:iin r. :in.t. If if. -:t Jfiin-m is r^.ai:;  -c' 1-r  t l.i..-. will I...-  t., I i'i tilth :irl.:MMt'jr. Thr n;ri..- s  r-    .. l.-ft n-.-.. to v.-..,-k I th. Mr ...wn t:-..nl,l..'S  tli.. ll;t fi-Kthtuiiiiiii tr..:.ly .\'Jau.-t L#, K'-S. In thi' -vent  no dc.:i4i'.ii is rt-. the L*.'^f:uc of N*-~ti.,ns v.itcd to  on August i*~; ju aa ~-~.t lu  tlic li:ili.in.j:; 1/ -.: ith.-      : cause of tl:~ ' :!i:i! has-.-nt thousands of Itali:i:i .mio north ,\frica.~ Tli-  of  two r-M..~lui:on: v. k!..-h. ni;my -. will -* 'l.v li.-~-~.-l  u.ii- .-loud- fc. Xor:h .\trW-a nro :   r..U..ws: ....n I: "Wli.-IVJis. ;u ii l,,c- ...r th(Continued on Parc 7; Col. 2)                 League Acts (Continued from paice It I C : l.u.      Hi1 Xatl-.n* i.:.~    U in January. i:~8.1. ill.- ll;ill:i:i ..luni.-iit .-nui i In-         :m  ov. I'riiuionr.  to ."..-u i;  i!i-j .si  "-\"~   :lj has arisen   -   -.si  :ik a result of tin- I7.il  Mit,   .-    ().M 5, i!~a;. In. conformity with Artlrlv of tli.; i Il:i]"-l-::in Trunty : 'Wliorwii. ilit^.a  thl'~.llk-)i ^!  .I..,,i:,tlr ..~lann.-   Ik. Iummi -Miaust'^l.  twi.           .: :   -~J 1        :it"   :   in ....: '\Vlu-rv;:i:i .shi'*e l.~.-r.;tril".-r 135-I.   having t:ik. .ll      '~- "n thu      -         :ui  ami  two Kovurnniviits :;ro in a^ In ..; j ^'HJC IIH IU Ol' HlvWi; itK-Ul*;nt.S j ;!  . ;~:itn(.' Jii'MlfaU'fa....: \Vhci-..':  . ill.' twu Kiiverniiicnl.-: i a^n i' N. fix August ]y:t".. u.s tli'.v flat*. i.iii which tht.    "~: i*.* j of . :nnl arl. I shall U: .:oii.1ii.-i.:.I. The      '"*'t" rh': ~.-cn_l:uy Ufin-ral ..I tin- L'-liSU.; v( 1 Xattmis in coi, n. inn].-:. tv in tli- .     tn'-.^ of th.~ { CiMiniril all Jntorhiatl'iii ' j may reach him  tin- tun i.' in  n.'^ thr '('.-'lit ..f      * -k." i:~-~'        2: "Tin: 0.-11 Is It- til thir tAv.i  full -rty Lo ui:Ulth'j     ;n:tc In            in .'u Corda ii:i'  ,\rtU l~- tin- .i- Tri.~:it,j of Au^u.-a '1. "It du.- t,. in-ol If in default I of -*tn ^-;      :nt l..-t\v.vn I'~c j four ai Wtral T.s fur . of j thi'         *r :iml un     .*           ^        July      '~vn  . ^s     til'' Nvli- of a  j .-.v i unless        - trator:; n^n-t:    :m  jn y: this i..-  ..il.i "Tilt- council al^o cii-.--" l'~ nioi.-t to i?     ; ?:/ i i I 'in .August 21  by moans of CDitcltuatvit und urbi- trat.ion  not  taken ."</t>
  </si>
  <si>
    <t>                                           Stepm Fetch it Gets Date at; Frisco House                 SAN -ClSCO. Cslif "    -S'cpMn F"*?h1t. Tl:  ]v kno"!! ; sermon comi'-. app*~v?d  at. the Warfleld Tlieatrr  i.v work. Thls market tlic       imp that the nationally known   has made a personal   In this city for more .hnn two years. The Warricld Theatre booked 5tcp1n Fetcliit through the     L-ct ;  to  fte?t      .~n currently  b;he Golden Gate Theatre. Tl?* latter house has      and Manse I Df ra.Jio fame as their attraction. I ^ will return to Hollywod for picture work      appear iocc.</t>
  </si>
  <si>
    <t>                                           MARKET DATA SATURDAY. JULY SO. 1935 T'-.V      Ycrk Strck Exchange T otk 429SAA Shares   *-zi X.-,, York Cntb Bxchuige Bind Site. ~.  00 Shard Total Nw Vrt       Kvchanev</t>
  </si>
  <si>
    <t>                                           MEMPHIS. HA! Portion of the "Beale Street Rhapsody" cast under direction of Emmet Crosby, Jr., to be staged in Mcraphi* theatres-</t>
  </si>
  <si>
    <t>                                           WjsMSSM FORTUNE TELLER              T^ MAN      ALGIERS ^JM^L. WU1 3 Questions by mail for $1. ~^^K^tB^^M If         about any condition, in life or ^^^^^M^^^^^l I^W' husband, or wife in unfaithful, j^^^^WPJ^^^H Let him solve. your problems. MoJo J6 /BBbEU dr- h-    2  ^^S^9 23Z1 w- 19th SL Bessemer, Ala.~</t>
  </si>
  <si>
    <t>                                           PRACTICAL GRADUATION GIFTS For Him that are Sure to Please. BELT and BUCKLE -$ v Sets $ J.00 "Ay^ TIE and wff Inr HANDKERCHIEF       .OO SWANK TIE CLIPS ggC NEW SUMMER TIES $f.0G ARROW SHIRTS   .00 168 Peachtree Opposite Paramount Theatre</t>
  </si>
  <si>
    <t>                                           READY TO DIE                 -emperor ol Aby.-sinia. -.vho in an address to the Ethiopian parlia- j ment asserted that he was ready to die. Ho outlined ..the aggressions of i Italy and pointed out that their predecessors had maintained the independence of their country by sacrificing "heir lives and that it was up to them to surrender their all for the cause of independence. Many  during the deliver, ancc of The speech which was marked by the emperor s frequent invocation of God's aid. It was previously expected that Emperor Hai!e 'Selassie would issue a general mobilization order during the address, but no formal order ~:as issued. He simply ap- pealed to the people to be  to defend their country to the last man.                 Ha'tie Selastie</t>
  </si>
  <si>
    <t>                                           The Georgia State Indutrial College of Savannah, Ga., begins its two second sessions of summer school on July 15. These are summer schools that are held by the college in the agricultural sections of Georgia with an idea of helping the teachers right...</t>
  </si>
  <si>
    <t>                                           Y Youngsters in Radio Program This Evening                 Tunielit. fr.,ni until I:t:tl..T str...-i  I....,,. w,u 'l.M.ka.st ov..,. !i;"1   1  Mt...n . ri.. mote ~:.. .ll,, in n,.. i;      J-tn-.t . Thy  f..r th!~  v.-til. Hit;  of H.~ kin,)  n thv I'lM' ry ^f tin- local v.MCA .-.  lll :.s full..~vs: America: I'l-il".: io :li- .,d stat,-~     :         : "J-.-.itli vt Our Faihera": remarks. A. T. Wnlden. president   f the v board: son?. "    :ird'-; a -HlHiory of th- ". it dU-  Id by Director Lnun FVr- kins: song; "Ucautiful Curdcn of Pnijur." Tallc. "Fourfold TroKram of the V. M. C. A.: "Havo Somo PieWllll..  n)      Maxtor Clarence Rciirn, nix       I old.    pianist: talk. John H. Bull. Instructor of  : and a Brand  "Howdy Do" Includ- I Inp tho Yell. "     Me That Old Spirit:" "MlMtrvsN Dhndy" "Mary Had u l.- Lamb" "      ar-j Pad*." "Have Some Hie', und "Tho More \\v Get Together." There will also ho Lillui by nomo of tho , M</t>
  </si>
  <si>
    <t>                                           AWwSm PSSB REALM of C  InSiJ        3H</t>
  </si>
  <si>
    <t>                                           SWEETHEARTS OF THE SCREEN                 Dirk I'cm-dl and l-.-t )- -on \i:ivv I In- -Icll-n :ill^!ny roli-x in "I l:        .-~ Mnil'l" the mu-ic:il hil  tod;iv :mil  ii idw \\u\Wy\ SI . l-'i^ Millr.-^li :iii"" Allen .     -il  ~"~~iul:ir with  S1 . h;nc in)]niri;:iit .</t>
  </si>
  <si>
    <t>                                           Dr. W. Y. Bell, Former Atlanta Minister, Accents Sew Post1                 CME LOSS IS VICTORY FOR HOWARD U. i                 Mt. Olive Markets For New Minister To Replace Bell                 MOVES FAMILY                 Memphis, T*r.n                 ?N'~       )                 William Y. JVii. :i*ter . c.ti i.- ti"nnnn^-\ from his Mr. Oliv.- i')ifi " pulpit Sqinlay thai he- had dic d. ed to accept the  nt RtblioHl Interpretation ut Howard Univer. ally.                 The professorship was       'il Dr. Bill several months with I 11 three-yr.ir contract .-inn an approximate salary of *3.r.00 k your. 1'he Mt. Olive  up to     t'*"1" Tf Jii* rr#il;? wns  Ing iJ.u.iu year In FM:irv and i use of the church  igr. Following the announcement of his , Pr. Bell suid I; would bP up to Eisaop J.'Atthur Hamlett to fill the vacancy st Jit Olive. /World representative made  efforts this  to in.  Dr. Bell, but found him av.-oy from home, or pus? on each occasion. The resigning minister is one of the best educated men in lua field, h.? earner bis Ph D.. degree r. nd studied at the univer.  of Cairo. He came to Mem. phis to pastor at Mt. Olive fol.      i-  from Gammon University at Atlanta. Vrzvil To Stay i JACKSON. Tenn. (CP) Resolutions w.-re adopted at th Touns PeoplvM' Jubilee held :il Lone CoHpc here last Keek ur-t ins Dr. W. Y. Bell,  of Um Mt. Ollv,. M. R. Church In Memphis, t1*' r*Tiinin in IiIr  and m.i :  -~*~-pt tin?       ?^           him l V the board of trui. tres ,tt lli..v:t:vi university. Th*1 pn;~i.".ri which was  by .-. lilo      (Contioued on Puue 2, Col. 7) I                 i CME Loss i I Continued       1) l'l*~ :nj l n:ist.~    ihr .)~iI I'M*.. *:ii,l ".. or TV. n^ir.M        -s mi thin part Ionia.llm,, would     hoth :i .'Glossal  r.n Irr^- loss. j Th.- r.'Si. furth.-r *et forth thai the u- prot-  Ii'.iii(        1 In i-.' witli                .  -          Kplnc- I '--h nM  result of Dr. Bell'?)                 *nrti?      , 1.^  oi-..-'H in his inv-u ~*mi i. ii.'OfH.s.-iry  lndl-'to  In n wry  ." The Kenorou.s  of till I Memphis. white u! ..M. without recant to ,              .- nri.i tr,^  f:...M iii:n rir. rti-ii I.-, .-i.-ii.- .Hi i,,r ,,r tin- Viiiiiik I'.-..~i1,.'m .IiiIiII.-.. Tuiinoss..... wli.-r.. his .-n.v. S'-ll.il;      ' and I'-.-I :ir,. n.-e.U  I    -r 111.: ~.r.~niin         'il hy    -    :ir4j of religious -.1 n.-i. t    .n. \v..r.. i.; \h- -f r.-:is. us ~..t r..rth :is ;isi..n f.n- IT. II-ll s r"in:iin!im- :it 111.- Ml. i UK.- i MiiuvIi. I'liriiliur.-   -Mt In X.'\v Vurk Th.. I'l.mln.Micii It.ss i.-:n-i,..i tlK.t Dr.  IK..1        '(1 Ins h-.n-..i.ol.i riu- t'~ N^w V.ir r: City. Further . wan a.ia.'.i I', lli^ ll.'ll.-l hr will i..;iw .\l*u,_ I'hN :.s lit. l,;,s sent hii '.'ii OliK-aito rv.r a r-w weak-'.  wh^rv they are ro to NVu v.~rk City to  th^ li.JI 1i.ii.i-- th^i'... Or. R.ll. who lost hts wir,.  winter, has three -n. . V. jr.. Bernloe ana - i</t>
  </si>
  <si>
    <t>                                           William Y. Bell. ... and educator,... from his Mr. Olive CME Church... Sunday that hr had decided to accept the chair of... Interpretation at Howard University.</t>
  </si>
  <si>
    <t>                                           When Louis ("Reverend Satched Mouth") Armstrong comes to the Gate City this morning, he will bring with him Scoville Brown, Atlanta boy and ace Saxophone player of the Armstrong unit. Brown is a former Morehouse college student and is well...</t>
  </si>
  <si>
    <t>                                           Screen Star's Daughter in Actress Role                 ATLANTIi.'. CITY. .V .r. (By M.iry .T. 'Washinjrton for a. X. p.) Kamosia Low*-, tall ;im! lithesome   of Jlrs. H. P. Lowe, of this city, mad,, her dramatic deI Ut li.rc Inst  before a  I ' town audience. Unto ih... third Kon* the                 munity "came out" to receive" this t:  of a teacher who lias served her community wisely   d w.,11. Kimvei* and telegrams arrested genuine appreciation for the initial appearance ot Miss r.owe in a thoroughly unique . For tills young dramatist creates her offerings        .ore. before the eyes of     .ee. only the setting is In her mind and then using the              events of the average life. she weaves what she calls a "sketch" and certainly last night        " went over in a big ~,l.v tir.-t number was entitled -r." jml Misr, Lowe '~'~~~*''l I' :i':-'i" with three ci-ivr ' .n      if.~ ,-.f ?'.'.'M li!i-V'..i !ir.-p:u-'Mtr In v;rve a - t '".-h.-.      -.-r. :v.i!in-.." ;i'..d to If    i;m-^~ ,.y,\ ,~ yp.i  c-v i-:.nl.-      " Griv:,' ..w.-~" Mftir .itcd 1:ii\..'   .-it .n-..i Hi... ..\i'n       of in.".i" I In "A SCENE IX Ti:XNF::si:i:p Mi;.5 T.owe 01snb\i.-~I .1 l.' (~r:itn: power ~,!rii .lid .i-.iif i,, illustrious f:n!i.--. .Inlm l,oa-c, ..f ;t;lu'? and i:i- f.i iv. Tb.is sketch por. lr.  --l v upi.'iii ; Ivr    1'Mii.- ;:r:s t,. tl. )h" iM-"~li. only to .I--.-OV.T :.i i:;.. Tit st moment that ill.- hi:iri ui p.ick had  Itf-.-lr i.ip.   ii'-r - u-li:lt? she V. :ni.-l I'll*- V!'.1!-!''1!  u-lt!l L hu,...'     111:111!. it.  Tliv Ifat" which '.~"k in ur M1(1i"l turn. ll'-p:  -  p's ..f f\ir'~rnc r..rv--!'.'.\ ~!.M Mniii^ \\.-n\:in ru-inr?! .1  ~^~^ '-ss to tho pint1' ti Jii.rJi.  ki.'d with her il- l:t J.ri l li';''S SC'lHCthhlC de.~l,-1h "...,.        in dramatic .VI sh- i-. n a!-.n!ii:ii.: of ih-- A'.IT1.-I1 S,    ..~ .1 rl ha:il' 1 1 J -;.J Hi,. Slat-' i.'i.    ::v lor T"Ui :U Tr-liton. N. MM.] :il;-u 1 -'isli 1 "m\ i-. At the !:ii;er in'-lil ut :*jii  Mas  Insi'ii-i'.l  .lam.."- .i-'n .I..1      . ].  -..-^     :i--_" .-.'irt'-r was "t.ut" Mis-i t.-.u- si i-iu l:i^t s  in YVriiT'iit stu.l\ir:^ with the r...'~H-tory of rl: Ai-.s l.C Xou V,i:l; i"ity .it their aunt:'.! ~- :..?~vU,,i. Jibs I.i.   w.l* ~.i-     .l  V, I F. Club of Y. W. C A r-.-iie '! I'.er  v!th 2r. ::cc!!er.t --S :? of U-22! talent.</t>
  </si>
  <si>
    <t>                                           ATLANTIC CITY N. J. (By Mary J Washington A.N.P) Ramona Lowe, tall and lithesome daughter of Mrs. H. P. Lowe, of this city, made her dramatic debut here last night before a typical home town audience. Unto the third generation the...</t>
  </si>
  <si>
    <t>                                           AS LOW AS ^HP yl.wEEK -^ r ^=g-i. \AUT0 RADIO ^^^^4 N  Tg(ir,iOK*     CiCkjCk 1 DUAL HORNS w S? .Aft* Pt* V57 J *tO WEEK 1 aRaJ^Mr I ^a^mro 1 -2  VUvtKK.S Spring A Batter</t>
  </si>
  <si>
    <t>                                           For Mother i on Her Day j N'i  finer Mother's Day  could he found i i than a box of beautiful j roses. When selected here i you are certain of quality, j        and unusual art in packing. SANSOM S FLOWER SHOP 2S3 Auburn JA. 1079</t>
  </si>
  <si>
    <t>                                           Streams In The Desert "For I the Lord thy Cod will hold thy right hand, laying unto thee. Fear not; I will keep ." (1Ia. 41:13). There is something in bereavement which  it mean a  deal in our . Dreams of love and  are haltered. Very great ii the sorrow when one of our loved  it taken. "Lean not to thine own understanding. But let the Lord manage fur ." IVEY BROS., Morticians "The Institution With a Soul" AMI1LM-ANCE -  ST., S. \V. 1'HONES: UAin 20G? Atlanta. Cia. JAckson 8875</t>
  </si>
  <si>
    <t>                                           CONTINUED COOL WEATHER with a cessation of rain. The general range of temperature should be between 50 and 60 degrees.  USOUr.E W. 1NG U S. Meteorologist.</t>
  </si>
  <si>
    <t>                                           A broadcast which promises to be unique and snappy will be offered Atlanta and affiliated cities Friday evening when more than 100 boys from the Butler Stret YMCA will offer an hour's program of instruction and entertainment. For five weeks the boy's...</t>
  </si>
  <si>
    <t>                                           VeteransPlanMassMeeting This Evening to Discuss Recent Bonus Projects                 A call fnr i ht- sin-oml  Natlon.il .in ot ihi- VoifniB N::il Hiink and I'iliConimittor of the American \Vor',fl War Vptorans Association lias boon Issued Iiy Capl. T. I- Pope, Hiatf * nt" - Ki'oup.                 Tills meeting which will hold at 7:30  nt the IikhIquarters. S2S 1-2 Auburn .'ivi-mii-. Is opon to all .s hi  , who aro Intorostcd in               'iil. In tlio  ial rail, which is                 purposes li.'        pro i. -fieri plan for   .-  .-i'  n :il this el- i . Th" i 'all    :ii follows: TO AM, POSTS Or  V. I'. \V. A\~~ A. \V. \V. V. i;ui:i:'nN(;s:  . p.ill: l.-.-il :in.1  events anil dev.-..since t ho I t M t convention of the  NATIONAL HANK ANT) Fll.K CO.-:  in Washinnion, D. C, May. 1M1, confirm the analysis and prospective of t lie convention. "THE conclusion that the aot of the HOOVER REPI- Administration on the 2Sih of July, 10.12. in  Federal troops to drive the "bonus marchers" out of iho nation s capital wii iout tile payment of their baek       or ^^ Ut provision fnr n-li.- or relief would so expose the role of that ^ in support of the hunger and  of the  t']nsr. that the  suffering  of the Aini- people would. In the IMS elections, turn against the Hoover Admlnlstntlon. \     conclusively proven  u (Continued on Pago    Col. 6)                 Veterans (Continued from Page 1) I UK "iv rv, l...lml!IL'    -fc:il Of III" I l.ni.li.nn p:n:y :it ill" P'iII-. ~'II' !-'  lh" i- 1 1 1 J it i^l.'is i. j ii'        .ij* tho Yt-t.- : i.i-.; r --n i.,.i..,.s. ~..l mil r.'-''"i!l j I1.1-; i.-v.-n; i,:.-n. ;-n.t re;i.:ti..'-, I cl11''''! I J r l.nri...--- I. Ill wlil.l. 1 1 t 1 lit I"  il:if? in Mi' I -~...~.~~jii.,.'i:i lii.'lr :~j--nl" in     . j f- .~~hi th:ii, in..-- ll ifi. j '.i:i: -ii i:... :ii.. .~.-nti in final- i i.!:. :m.~ .:ni.ii- ii:p:- in-: f'.-m-l n..i --n..  in  I" i.i ,i.-'. i:. ,.~,:i .1 i'i   .:...n l'i.-  i:;~ !ih HI. ;,n.l i.in.-r i:-f.l'--.l t." .n .u,d ..ill'/ ..'i- j .-...mm, in.".-, will-  il:r- j c! ..?i ,-n.. n--...i.o of ihat I :.t.-ii ill.- i  :-\:.f r -.~l.iiu'.   Tl:. ..]:.~!".-i,i :iml ,.::n.'.i"l-ll.'"' i :;i\-M. :.;ir-i.-t:::i :i I l-Mi: 'J'n Illv I -il 1..I :-.s i-.-t-ill! -.f Ml-I 'JM..:-. -i:. .'..ii-. ill ini: \\.-iu ~.n j .ii.i. ..-.int I!).- .1 ;n^. r..M-. j I. -in. ..~l:ir:i..~.-i- .if Hi"  -- j I ii. ,v .mi.: :n f;n-.- "-f .ilu.  l.-ini-.l     .~.rt t.\ lh-.* '~f.-.:iii- :nt l in-ss.^- in f. -  . -I'll '~j p:i:-l ;.I:   l'..rl.. im] .--'.P. I!.! v.,t! .i in. ins :.:  -l l..,v: ..f ,',',..r,":', in. '~~...,,1,1 :cl"- ."Il .l.-.-l"-,- mi^VT. f..r III" Ml:!**.---.  i;,r: !.,li:; ri\- t'-.r :!  - \*"t I 'I'll mi.. "i- Hi.   .n iVI-:l! I ...                 i'- i:::   hlis 1 li ! :i I'-,,, firs- ;li-t ..I'   ].' 'tv-v,- 1' TI1AT1OX in -.v :h-- .nri vii- I-: i. -j :  " Aim i ~-'.~il 7L- 1 v.i::rl. sl:,.^h.-.-. MILLION.:':nm i)'.~ l,,-  -i US- :(lr.-;'d\ ~;.-"-Hr.'l .'.1^1: 5 (.1' sll-!l!.'KlfS. (r.m! iIm- v-ipr:   :~n(i I he -i] i-.'rii::!.l O..v.thi,viu i fit- "I. ..nit;*" As v:~i:l us i )  '~. i-dn :i:v.;:Mion :incl  l-"-.     ^ '".f il).-    .ril i-i'i^is :i!K), .'ons^rill.-nl lv. ru.'i iiin-~  .".in litl-'n? of lllc rn.'isc.-.^. A!l \*.-l   r:   ; ;tl"r. .-isk.1.] to 1"- :M ::-!s I-:' aIt:i-1':x .WKVrK. X. K. ,\TI..-\ XTA. nu th'* tn ; I Mm\- lO:1..".. fr"in ?:.'M  .hl. \'."-f^!-:  ; .'~'.in.. :(M.i Nil'U' '.i.'ir  l:?ih:i with you. Vr.riiS IV I'fiM l:.\l K?]]ll\ i'1'ii-i Tiii-: i:i:.\T in'.my, itti'.i" Mi- THi'.i"):. i ai t. t. i.. I'i'irn. I statf: : I   K A. \V. V. V. \-  --T S'n 1 I -2 .\ Aiv.. X. K.</t>
  </si>
  <si>
    <t>                                           A call for the second annual National Convention of the Veterans National Rank and File Committee of the American World War Veterans Association has been issued by Capt. T. L. Pope, state commander of the group.</t>
  </si>
  <si>
    <t>                                           Body Snatching Hit By Local Undertakers                 The nkl custom of "!~ody jna'^hir-S at local h.-'.plt.ils was frO. up.,n Monday nisht when  ot the Atlanta Coiord Funeral Doctors    "? " na In:crc?:i::i n-..; at the Blltler Street YMCA. A  of other   matters \vCre .. Among the officers in  wore H. M. . pres.: A. C. MurdauEh. viro pres.: Mrs.    .    ITaimabrooks. retary and J. H. Ilanloy. ehr. executive committee. OlliTs at the : Include S. a. Sellers, Henrr Hotcirrl. R. C. Tompklna and Mr.       .                 JOSHUA JONES By t. P. Reynold* My barter told his wife "      r ra  to Ml you     truth." When she (tot through with him, he wished that he had told her lie.- ~~$</t>
  </si>
  <si>
    <t>                                           I' I I' I</t>
  </si>
  <si>
    <t>                                           De** Take* Mother President Of AME Union                 KATriXTnv. r,n (    .--ii_ Fun^r.i]        -~~:  lii.'ri :,t tho First AJIE Clmrnli or TV\"~:. On.. .V 11 n ; this  for    . TVH!;  .  r of      TJ(~v. W. TJ        . nn^tnr nf      Alton TVmplp AMF! Chnrch. Atlnnfn. fin. ^   . Willcos. Trho .   Rnn_ lav   ';lit. was ono of (lie    ;t to.  .l citrons nf this . s^io     br hor     .-^.t^~i      cun^ nnd n .    well    or ior . A h rn       -.*lnn of  r*"-"'i ^'. r"*~T*   ^ tho A. M K \'-~!~i..   r-.i,.,, ,,f Atlnntn'. ..r i;,..-. win.   [.resident,  :-e t.-iMl ihc lnst      .</t>
  </si>
  <si>
    <t>                                           Major Moton Graciously Presents Dr, Patterson as Successor At Tuskegee Commencement; To Link the Past With the Present                 ran bids TUSKEGEE GOODBYE                 Present* Patterson As Successor at j Commencement I                 COLORFUL SCENE                 TlrSKEOKK IXPTfTl-TK. ,\ln.- )- Shi.nly :h i.i- , Tlmrmlny iho l.-        i- th:   li:is .lod at tho I t\^  O ihf Fiftieth Aunlvr-rs.-ti-y stra tr.l  Imo tlio o.-unp"!-. In  the S4th Comlivnccl.nfr.t    -        pf Tllsko.                 SCO InmillK.-. r,IHl lh.^ laM :it whli;h t li.-~  V i,.id  would ho .i\v7ir.l.  ]Vy liV. 'Rblirrt' n. Moi.-in ; "nt.       !n\- r.f visitors,  :      e\f tho school booth :? us farly .is Sllnrt.-iy i nr 111.(Continued on Fagr 6, Col. 1)                 Moton Bids (Continued from  II En-....-.!;,,.,-..:,,.. :,  .!,-s- ,vai,-h leli.-r. d I. In-. l.:i v.-iih II Tli'nr.:   II ~.~'..r.'     r.- ili:~-:   .,n Kni'-ry I i lv. r.~lty Athnl... :,,.l ~,y Tin: :.-.    II.- .:,i.,!. ii- i,..~ :.:~...n f-Mn.- 'I!.. ~.i'"SI'-iiii. ~-lv,;.-cl Im.i    .. v.r in !i, l.i.fun l!:i'l (':mii .-,   ,,-k T!;iii-~rt.Tv n,...: Tin- ;'..H..u :r.x r         -~i-~.;.ii:u--i.-i. i:. i-.   ,fi..!.i. -rh,' sh-~fi;:il:-.- in ih. i'"!y," A.-.!v.i- --M-.ii.r- n-ifn I,, rr.,.,,,,.:,,;,,.- '~Tit- li.ti'.. in l!i.. r^.Uai(- i:-li- si,,,,.-. -Ti... :t-^- m:il;~r tn :1:-. t.*.'Hinnin::y." J.--  . i tin U.,,.rlv. "Troiid,  r. N-,t. Kiln. :,i...n ir: .\!:.:.;i:n.i." -Ir.Iln I', j f.rw-rv-. Jr.. Kl..~-ti-.,ni.. Tii'~.-s In i SounrJ i'n-i'-' :u,n.'' i;r;i.i- M. ii\-JU: -Til- .\iir-..-, I'l.ir,. in t!V i r ^." .\':itn:ii!ii-l J. C"~  Th- N.-itur,. :,i:.I ,i.f IViirk '.I I In- T.-:,..~i.r "I \V,r'.-t!.-.n. nl AKr.Viiliiirc," :      !:..l.l.ii.   . .MrC!fi.M;,.j'. Th'- X' r, 1 Hornr- I-:.v.ik).  ,-.i m ii,,. .\-w Day.In tlw. :  \-(~1~;mlp prnc- -.- for th'- .~~   -       .~xi-   .s,-..~ whi.-h Iji-- K^n ;~t "'I'lork w'-r^ I'r-skt^nl  ft. Moion. th- K'v-ri ii I ) II. BOwllnB  f.l the .lay. Dr. F. P.           . rrri-IUi-nt-nir-rl; Pi1. .S'atlinnlci fi. C.--ny.      -.-il:--r. -ii.- . .-lans Hilt,, ~'iir.'      Hm t'-nth - r-- i "I      . lu.-        of -  I:*.'.-' t'i l^.r. who  f,.r th'-li   t-.-ary ri-, ni.-n-.llT* n fill,-, fni-lilly, v l.  r.nii fri. I'd--. j B'n!~i. -Icr iii sr-in-- "!.'      uu- !.y Tir. M- in 'i.'1                 i Kilur.-. llr.iii" Ki'oivir-.i vs Ai;ii,i Iin-.-. M-'i li:    '      :.n l !:ii-.ii- r.,11-;;.. trad" e.-:nv:ir.l.   to throe i-inf-s: i! i i-'   :is' In tin     . i:i^ in i.i\:  scho-il       '"tiit;~.'Pl i 7 .Kill ti.n'.o rr-rl ;fii-;iti-s If. ~-~n. Tli.- i:r-  '!-..tnl IM.h.ird II. I II iiL-. ~.:,i..,- of I'ir.-l ~!:.--' l.nr.h. N..11..I;;. V.i..    :i .l.l:.~- ;  .~..-:il,.,~ tl:~ in:-!-- Hi,- class f.,r :i -li i'l- :i!:-ln. II- in-K.iil Ilii-m In ill. n); cil 1 1 jr-i 1-   : -li-.l bill UN .1 Ir.ol ~..rl: I,.- :,,vi,,,,,,li.sl,.il. H.-.t lli.'in t.i  :i wi.l^ :..ii{ i'..ii-!nn..~iv.. .- f,(  h,~ :i.~,!~ (~~~~HIM i.f I1I1 inli.-l" of lli.ii- In S^r-1: li.f -.Vs of r-.      ; Miuntmlly :iiid In s.-.-i^  s:::ir.ls In u ..ii,:,nln.f-..~ :    m:in!ir.~,(~. sl.'n-.iy iw-:il--.l in  ni"-i*- tin Qr.'  to r- ~-U t)-ss i.f lif.~ in -.l study Wari'.'n I.oir.ii". ri.'tir"d tr.-asu rer '.f Tcisk-4.        .~ i)i(i- mi-inli.r c.f tlio  Mi? who u-!~etl  flr-l ^..-nc^ . pr".  iii".l Mrs. Virginia .Driver Tiik. l!.-~fc Instiiutc, Ala.. Mr-. J..si.. l. Tyson. Op.~lk:i. Al.i..    .~ I :    it MerjiiiiniiKh. '-coe, Ala.. :mil Mr. II. 'l lnv.:i.t. Mmiltrl" (':i.. rile four  -uil"*rcl.'isr. r.r \\s:,    .i cel.'hr.-it.-d ili.-lr .-lii  y r.nn;'Mi ~..~l:iy. Mrs. Mary (. Tii!-I:(-k.-.-, Ala.,   tin:  l-i's f.h thi. ilay Tii;'I;    -i. Insilwn- oi . July 1 18S1. bin (ll.l in-.t  ir. .- ihi". iir.-". \v:~^ iiIm-i    ."  ! i.-i il:... .-ih li.-n.'.~. .'.I thr- ^Inn of tli- r,T,. f.; of d'-Km-H. dr. W. T. li. Wlllnms.  n{ the- CoIIc^k, pi.'.'iil tl Uihr-ri II. M0I011. Jr. pr... Id. -in i.f 1I1.. i'i.-^.s nf 1 la:,. . in   to                 M'.Imi a I'jish (  .M:.lk.n of fii ry .Inllars from tli.. class  u:.~ fl.v:iRn:ii'-il -i  fnr i prizes for the l.--i  son- J I'.r in nn:b sn.-i'^- nr.-i.tun lns- .h.-s. '~'.'-l ft. , Ph. 15. j I:~-"1 111.- Unai'linr-nt nf - I i-n-y. Tusk. roe li.~. nll l .'.finl.fr nf      ri-    nf 1023. d.~- lM.-  '.~ rhn Alumni f,,    .ss. In 1 j  i-\.v nf !  - .-las-.     made III.-" i'-'i-ili.'.-mt **   -t^r.i^iii jh.-tt poi' '~'hi r,f 1I1,. * ,-,f        f"li(.\vii!ir i hi- tni.l".- tli.'it IliOy ll.-nl i:i!:iti :cl Tll-~       : por ':~'n. :i w-r.'" l:iru*" T"'r  v-nT h l-l 'n- th lr . mi" train-. Inu .-iTt-r U-Hvin^'    .        j lh;it consider.!      ri ti rn     r     * I ' In  I,, .\l:     :i. At th.- ('   ( his  ho j l'i(-r-   -d. mi l. nf ilio l-):iSs. j ii si t'.-l ;.l tl ill:ill"n In Or. Mm. l.~ u^'l'l In  Ui-~ I wni-k r.i" '1' CPo Institute. Kimna i-.--ld. 11-: honor     -nt from l!).- i''~lci;...      '"; Hi.- S'i'IikhI of Illlsillf-sS. w:i- a spl..n.li.l    ,,-.-.~al:,il.-.n nf ill-' wr.nu.n wii'.in s ik     . I in li^r     -i"~~: "-ci and j ~'i-Afr.~    :il \         Hie Mud-  hi Wni-M. SI..- is :i .' j '"i;oo Prn.iih-t  boon  noar \bo institute and rc'~'~lvf-d all of h*r  on       from t!'~ l;    '''-n  tho coll'-U C Dr. Moton,   his  1-fn Invo r,,r Tuskppoo Instliul". j I'm  locals, its stii(If-   . its I i.i''lili.v an I It.s  iuN.  I 'II that  lm was (-r up ni  ,].            .l j ~-- lr. havo not only     In- ifp st, hut !    presence as woll ami his loyal anil faithful support. 11*   that :li lli(. - of Dr. Patterson  not lake plane  tin-  . ho foil Dial Tns- I l:ei:     . new   ho Iiresenloil at  time. In .^ Dr. Molnn'-i Inhilte. Or. I'mteriian ?: "It sli.ill limn I... 1, Rr.~nt  n     -ri.       in ~-oon(.'rate with 011. fir. Mnton. and          \ thru u-.. may  the  I1I0.1I ~-.n wlu'-ii nil- Institution was j .-.i ilw.i 11 may alu-ays in-  l Its  u- In J.tii.- f.r   -i I'lilnetj to  i.r  r.i ...ir .-I. mi, try inj particularly H our face,"</t>
  </si>
  <si>
    <t>                                           TUSKEGEE INSTITUTE, Ala.--(Special)--Shortly after daybreak Thursday the largest crowd that has assembled at the institute shire the Fiftieth Anniversary started pouring into the campus to attend the 54th Commencement Exercises of...</t>
  </si>
  <si>
    <t>                                           WHITEN SKIN NoW-~4Ull)U8t * ^^^^^^^^^f A night              ^^^^^^^Bkijx/~*^H your ikin many ^^^^^3T-^^B shades lighter- free ^^BaWf^Q from freckle*, (rim- ^    ^!^1 plei. blackheads. ^    large pores, . ^r^'" T Tooicht at bedtime spread Nadinola' Bleacbinc Cream on face, neck and arms. WbOe you sleep H   dark . Remember Nadinola is *l. It gives results you have never found in any ordinary bleach.  ray Get Nadinola tuday at any toilet counter or bymail postpaid. AT OUR 50c U not , money hw cheerfully refunded. NADIN6LA.BorN-17.Paria.Tenn</t>
  </si>
  <si>
    <t>                                           I red Autoist Shoots at Man After Wreck                 rv.;iiv S:m;ijn,v  an on- I   isr, who after -  ~"     '~ii  an   li.v .Marvin North, :!S. of. Hi!." i jik-umi . Irft the  nf I hi'  iil. n;ily in return n I'i'W i. s laliT .-{ shoot at lue \or[h,  him h,v a few lu.lii-i. Tin? ^- was Idcntifii'J in i. as (.Veil Clmpinau, of mi .hi  . Cliapmun fk U I"' Mviio,of tin;  at White- I li.iil :itn] Ilnnil si roots, on foot, :i!':i'!ili .' his i-iir  was .-il k' Jin- SpiiU'r SiiniL'i'. A:'        tn .Vnrtli, ho was ? a tine;.-  on H. , ulion ClKipniau driving In the -inn.- .  ( in  nf linn, near Hie Whitehall -ii-m I ihli . Tho tail s              only (Continued on Page 8, Col. 3) Genera! Education Grant of $10,000 Given to           : that an . a lion in J 10.000 toward the -ni oxi i nsi s for the coming year thi' Atlanta School of Social Work has heen authorized by the iwi  committee of  Education Board has Ju?t been transmitted to Director Forrester B. Washington. This Is a tribute to the work of the School which has been constantly  and which In the last few week* has been mado the basis of n thorough study by  of the Board. ?.lr.  Washington, when Interviewed  thin .  staled that It will  him mil tho no.inl of Directors of iho Allaiitu School of Social Work     po forward with plans for expanding tho program and tlio .worl; 9{ tuo school,                 Ired Autoist I i (Cun'. from Page 1) -ili- ii im:!"--.       "'l 'it   nflP!-      Iii-Wlli'lll. Nnrlll Ili'l P^' I'l-I.l ml Ilti1 Ortrncifillit-K  ill Wliil'*'~~'II    .l Xi.Tli \v;.v n"H-lli,.. I        I i-. ti.iic* ~-li ii C'lirinniitu nr- li-,l i 1,1.., I 'I. .1 CW-y -vim 'i"'"i il  ol lua car   on i loot,</t>
  </si>
  <si>
    <t>                                           LAURA DEMERY IN SURPRISE TITLE WIN, 6-1, 6-1</t>
  </si>
  <si>
    <t>                                           Thankful Choir Goes on Air Tonight                 Thls week s program of the Atlanta Sunday School Association. which will he sent out over t!~"  ther waves from Radio Station WJTL. at $:!"  will feature a program  the direction of the Thankful Baptist church of Decatur. the    . J. E. Tate, pastor. A oon Mioi  portion of til piv.rr.-.m inr.i.-l.t kill be .1 tr- rpo.' r.i -(-:...-;i(    by the  chorus r;- tv Thankful n.  h. Th..- .3. which Iur.n-r m,- dir  of Mrs. Clay, inn. mi .1    among the      In the sum- u .rt hlda  to r*. Its         r.  ho Ce^rc a Pmte Baptiii Sunday Schnol and C. V. P. I*, convention is hed within thi* ncx! few- days. At the last broadcast, the !alR of WJTL were ro well pl.ns. eel with Him  of Hi' ThHnkful -InK^rs  the l.  wan extended from the ! 15 * to 47 minutes. Whether or not n   will be given to the program  hns not been decided, to listener! are advised to tune In promptly at 8:15.</t>
  </si>
  <si>
    <t>                                           WELCOMES YOU                 K 3III. Prw-dw:! Arthur MilW is . :il! "1 liii; .-: Iuv.t.-     liu- j;u!f p.' now and enjoy The iii'.~lt=o.-s on     -' entire   i ii ir.t'!'. l rolly .-ou:i the Southern C.pv". will  and yuu W'il Ix- d"~bly     .       if  f,vt .qo!f-: hot. Mr. Miller is also stro-Mit^  m club members   of iho National Open  I'r.r Mow York in August.. !~v; i XpL-cT.s tu  the Atlanta mu'..-.</t>
  </si>
  <si>
    <t>                                           \f A i r* K^^C^^^^^^A^A^^^^^^ Rc WHY PW MORE?1 I ~/\SJC I'd!* HA^^^L^^JJA-L^H 6 ECONOMY "^T^ ^^^^^^^^^^^^^^^^^^^^^^^^Jj^y IN THE 10c SIZE J</t>
  </si>
  <si>
    <t>                                           Fifth District SS Meeting To Open Here Wednesday; Plan Fine Programs                 lilt?  District Croup      ,; ,.i the State Etipli.it Cu:id;,y SiIiOj! Convention will b_- a: Crimh Baptist .-h on Simpson strut, the Rev. Wm. Phillips. pastor, starting Wednesday. July 17, according to  mem By . S. M. Shorter, president 01 ii.v oody. lin.- .-  ,bns, which"  v  t:irr every i. :it eight CIO'-.1:. v.;;{  to a c'.^e Friday cvc:u:~n.      10 :- and r.,:-e.5 Wilt j.- by Dr. D.   . Ci'Jwtcra. an ive .secret srj' oi the    . rial Mi.' Bntnirt"         ii.n ,.i Georgia, Rev. J R. liar, licit, ^nd Ruv. n. S. Smith. Jr. E\ery Sunday School m fui on county is ) to  ilji.-, nu-. regardless of .-.n. There will be spirited  .ls. BibW Sen. c:n. u\.i.s. an, informative . and            to in:~:;e - t!je                 .inspiration ct th.'-i- n%.    :i:js. I The Rev. J. :.i U..-.-.,;i, vice ?.-.-~i:'  ! v-.l it P rj:ivi-mioR. who l   ; j:-    in ix-rfo.::,!)!", ihc . 'mo:u-..  il.ni thj   .'n'.i..n i may te   -,fl:t\l by taking tlic     - oar and canine Oil it Vine i -:ii-ei. i</t>
  </si>
  <si>
    <t>                                           A friendly game with butcher Knives Saturday night sent 16-year old John Davenport of 150 Walnut street to Grady hospital with a knife wounded through the left chest.</t>
  </si>
  <si>
    <t>                                           TODAY MONDAY TUESDAY I BAILEY S NEW ASHBY I Also Thelma Todd-I'atsv ?   '.P!""" -'k M*RCf Kelly Comedy IRIS  MfL MTRfCK EXTRA: BEN BERNIE S BAND</t>
  </si>
  <si>
    <t>                                           REID SPEAKS ON GROUP PRESSURE AS LEO FAVROT AND R. L. COUSINS DISCUSS SCHOOL IMPROVEMENTS                 In tli- pr.-~~.nt " ^f sn'-l'-f It i- n-H- for cro,,p,    -r. u-.ini7... th^mse vo.v and to .\.~rl "-:i!-~ pressure If      arc to ob. t.iin from th? government nnd  o.~rty   they need n:vl ,)e?lrc. Trn tie A. Reid. pro. (~~r of s,~t-!     - at Atlanta                 i:niv..  !ty. told the students and ':"i:lty of tho Atlana Un Ivrrsltv  School Wednradny morr. I"?. .As  at the  . Leo Favrot.  agent of the Gonrral Etluratlon BourO. ind R. L. Cousins, asr. state  of N-sro education, alao sp^ko '-rl^fly. Tallclnc on      ~']lij..-ot of           Croups" nml  with  ** to the Prob. It.i of the c^ nnd of l.. Mr. Rcl,~   .,)ntv l cm that If    Is to Rain  nn.l obtain what It  it must or.  luelf effectively and present Intfcally It    *o'l~. "Tag cf-^ ia J.ho                  ..f ~.,,.~.-iv-. m,. "~'. t.Vtli tli,. XliA r..n,:ra,T   ..; n-.-rc orv.tn iz"t] r-   '~-~lit tho Intvl'CJts of til" -. no notice of this  croup hal ever been tak^n by. tli*~ zo*'ern_ . Thv consumer must "r. ? to protect- . bi-         tlic-  profit system .that are-s/jld t" th- consumer arc never, worth what  for     . Fully ?0 p-~r cint of the money . for         "!i Roods arc  by  who    th*~ '^ Imbecile"." "Conxunv-rs nr'-' not  with thc worth of goods pur. dialed, but are ln:        by th" appeal of the ." Mr. Reid . "Frequently thls appeal Is       to man s vanity which compels him to  a new car. j oven If his oM one is still good, 1          lio fears ho will bo re.(Continued on Page 6, CoU 1^,                 Reid Speaks I (Continued from      1)       1 Hi n.i Hl'l-l:         , ;,r I.-. I                 af'.er it      .-n ..in ..ml -?. in^ dir-t y    ;~   fac i^n Th ^ ly. Mi". FavrH I tint .\tl;nt:i UnlV'.'r.-i'.y m.,i in. r s-'li--..] vii-i taking t n*'i ~'..in;~ in :ii;-: r rr^ m v.       . Th'rrt* 01* tva^"*, wli ~*ii t ti Mi*~lr ~*ay^t n-* i.i t v,~ ii TVyiis ty;tcb*~r. who h-: --i.-i-s-^ in c"             n.) i'-.--. ill? *rt:il i. :f!i. r 'a1   -..-* t*~ bf "   * vli'.l.- yh'.v. an-! tli'! ru'^tin:.,..ii-i. v. ii.. r'.;n^ 1  .r  in l.y will have b..-    :.Ultuclvs our      .i.i \    :i i-- is mutual     -"-'f bff.vi.-'.i 1 1 t*p:     r ;~mi     ; ;iui*~*.'* h ai.I. T.'-Nf nr r^t'i1.; i-nil Unu-s In tnis Maf.- Mj.'fiar -i th*~ ! r-.-l cy *f t f^d-r.il ul gi'^ In .  _ ''Unu- ?:iAn-y f'~r       )  Pi'iMi* ir ii 1 1 v.:tn.'nt and t-.~    * i:r''*.vi:):* i it--io-t   f  uf-rint"n.      in 1- tt*-rin^ the i'l:tnt.-     tlf* NV^r--1i..m1s. ,\t I'vs-.".:   * =t:il""J. f. .a .' i;.~~..r.-~l ini;n- .'.n-ti.        -f   'nt   f *cho*~l ;~t- ~'ii I;ii   .*n in *  *(M'izia, l'\ -i pi'..).. t:.-~ i-.pi-s- rit "~    11 p-r c-i:t "t tif '.'-tat ~~-ho"l vu'. jn.</t>
  </si>
  <si>
    <t>                                           In the present state of society it is necessary for groups to organize themselves and to exert mass pressure if they are to obtain from the government and society generally what they need and desire, Ira de A. Reid, professor of sociology at Atlanta...</t>
  </si>
  <si>
    <t>                                           After a brief rest interlude the editor of this column hopes to be able to continue brief health talks on "Things You Gught To Know." We have visited other cities noting health conditions as they compared to Atlanta and have attended the pest graduate course giving for...</t>
  </si>
  <si>
    <t>                                           TIM TYLER S LUCK                 By Lym Young                 MESCAL IKE                 By Huntley                 FELIX, THE CAT                 By Sullivan                 By Cy Hunge?Eord                 PETER PEN                 THE  GIRLS</t>
  </si>
  <si>
    <t>                                           Minister to1 Liberia May BeNominated                 WASHINGTON- (ANP) Thw ~'!~:tion of ['resident Kdwln Uari:lay to a term or  yearn           I.ll..  to a                 in the  of Ihiit I'ounlry In the opinion of ROvernmeiit     ?re. Those in  to lie  with                 ri- views  timt tlic way N nnw pa veil for the United Stales tn resume   *  tho African Republic which were  during the  r.f President Hoover. "A most Important  In the relationships will be tho              of tlio United Haifa Minister to Ubcrla". a spok  here pointed out. "President Barclay and Mm I frh ndH of LthorlH ore most ?*v;rr 1 I '1:1 1 tin: Aiu-m-Icii.ii Minister sh.ill In; man of undoubted ability I  with a spirit of genuine co- 1 .-." ho . In - of the Ions time  nt-  by American! Coloiilznllon SorietleK nnd various! Aniprk-iin ^Ilssioiuiry S" tn Liberia. It Is exceedingly Import- :int. Ihnt the .Minister should rec- "KnlZe Ihe full importance of edu- ci lli n In Uberlan -lopment. Musi, ri- lv-.i rd :is th-j prob.         "i: In the n:im'.of l."Mlcr A. Wiiltuii. Mr. Wiilton who Is 11 n .-; journalist. b:iM bad a Ions and Intimate ac-  jii-'' inl;- with the educational. Social Mud economic movements In Aiiieil.-ii. In 133:i ho visited Liberia and  an unusual -,- the resources ;  uf the Republic. He Is on  ;inJ  terms with President IJareluy. Amon^ his            :;       . Mr. Wnl. l"ii 1- the  i' nti() Ii-imii nf the principal  tlw administration here. Is wild to lie a long time .-e nf Postmaster Cicncrul Karh'.v.  of the Ucinocrali-j Nntii/nal Committee anil  tile last campaign wits om: of th.j principal attaches ul Hi'.- National Di.' h- In  Cc\v York city.</t>
  </si>
  <si>
    <t>                                           WASHINGTON--(ANP) -- The election of President Edwin Barclay to a term of eight years as head of Liberia, points to a stabilization in the affairs of that country in the opinion of government observers here. Those in position to be familier with...</t>
  </si>
  <si>
    <t>                                           THEY DARE ALL FOR LOVE                 (.ene Itaymond and Karhara Stanwyck have I lie lype of roles fans love the liesl in their current picture. "Woman  n Red," which starts a three-day run at  s Koyal theatre . Onevieve Tohin has the role or "the other woman."</t>
  </si>
  <si>
    <t>                                           For Backache, Kidney Ami Bladder Trouble STOF OETTtNo up NIGHTS harmful  from kidneys and sln;i        !r .jon  often (~:h:   ; .  and smart. inu- ras-ar.-. Ask your  for a .-Jo-ccni box of Gold Medal Ha.-.rlr-n, Oil Capsules a splendid diuretic and stimulant for weak  and  bladder. Besides  up . some ~=~-      ,s nf kidney -. are . puffy evos. lcc cramp... iind moist palms hut he sure and     GOLD MEDAL- it s the  nu:no medicine for weak *.</t>
  </si>
  <si>
    <t>                                           M. Mck--I am very troubled and I want to know if what I have in mind is hopeless?</t>
  </si>
  <si>
    <t>                                           A large majority in Congress wants to enact a Federal anti-lynching law. A large majority of the citizens of the country favor such a law. This has been so for many years. Then why isn't there a law? Since this is a democracy in which Congress is elected by popular Majorities and in which Congress itself acts by majority rule, how could the senate yesterday throw out the anti-lynching bill and prevent majority rule?'</t>
  </si>
  <si>
    <t>                                           Thousands Ethiopians i Enlist i                 Call to Action Brings Speedy Response                 STILL STRIVE FOR PEACE                 ADDIS ABA HA SN.S S...;J Thousands of fighting     :n-.;         into the capital city tho result of Emperor Halle Se- Invi.-'s         appeal for every i Bihinpian to come t0 the  I of the country in the event of an invasion hy the Italians.                 While tli(. forma: call for a gen- j  mobilization tins not been Is- I sued, there is much doubt as to whether such a call need ba .broadcast as the Ethiopians atro .show-Ins their  to their country. N'ot only are the Ethiopian .i : to ir.e call, but the senu-.t chiefs, the leaders, ol thc tribes noted tor their fierce . arc  to the cause and  councils or war to consider the  of Ethiopia. There 's no division over religion apparent. Coptic Christians ind Mohammedans JaininK the army to serve side by Mde. A new patriotic association known as "Amour Pour La Patrl*" has been formed. These                 "Lovr of Country" workers ar*  of the lenders of all Professions an.! wanes of life and ;irn devoting themselves to the task of crP.- n spirit of unification among :ill of the various i tribes of the country, it Is be- I  that one of th**e volunteer spokesmen spread the word that has resulted In thousands flocking I here to Join the army. I In the meantime. Emperor Hu!~ i Selassie- let It be known that he j Intends to use every honorable method possible to obtain peace. "Should peace solution not be found." the ru'^r . "Ethiopia stretching her hands to go, will struggle to the last jr.ajf. but. j right to the last mute, rrt shall persist In our efforts for peace."</t>
  </si>
  <si>
    <t>                                           ADDIS ABABA (SNS Service) --Thousands of fighting men are pouring into the capital city is the result of Emperor Haile... fervent appeal for every Ethiopian to come to the defense of the country In the event of an invasion by the Italians.</t>
  </si>
  <si>
    <t>                                           Score* of Bridge* Downed by Flood                 All  was left ot otic of principal bridge-, mi the main ;liway between Oinmrillv  Hartford. New Y"rk.  cloudburst and flood  fist ;,  and ^ "f dollars of danin.ee to  New York Si.itc.                 UN</t>
  </si>
  <si>
    <t>                                           "Griffin's Hanging" Will Come Up Soon                 LCS ANfil3I..E8 (WSi Thaj irony of errors which ended nv the' hanging of 'Rush Griffin while the i papers which would have granted i him a slay lay in a  a deputy clerics desk, will be re-' opened here on May 28 when At  Curtis C. Tayjo"- will argue i                 tlie brief of Willie Smith before the District Court of Appeals. Smith was  nod  with Griffin lor the killing of Lawrence F. Lyons, white University of Southern California student last September. Griffin was sentenced t,, hanK and Smith received, life imprisonment after the jury had recommended the same. He  nd been convicted of charges Tobbery and murder in the per  of a robbery acid Attorney Taylor believes that he will be able to  a reversal for his client. Smith is it present in San Quentin Penitentiary  his sentence. I Vmm the tim,. the m.-n were ar-i rested. Crirfiu -d that     had killed Lyons m self defend                 nnd that Smith had nothing to do with the murder. The latter plead I that he was  at the time and just happened to be in the vicinity of the killing Griffin told the court that the man had asked him for.a.j lewd woman and after telling him' lie could bp of no aid to him, the while . struck at him.          for his life, the colored    '  I fied that he pulled his gun and j shot in sell defense. Prior to his trip to Ihe gal low.*. Griffin reiterated his statement that Smith was innocence and ask ed for paper that he may writ j Hie governor and the warden. 1 i lias been disclosed (hat he  make a statement just before] his hanging again protesting the sentence meted out to Smith.</t>
  </si>
  <si>
    <t>                                           LOS ANGELES (WS) -- The irony of errors which ended in the hanging of Rush Griffin while the papers which would have granted him a stay lay in a chubbyhole of a deputy clerks desk, will he reopened here on May 28 When At torney Curtis C. Taylor will argue...</t>
  </si>
  <si>
    <t>                                           "As the economic crisis deepens the plight of the twelve million American Negroes worsens. Discrimination in employment in works and other relief and in other ways, continue, particularly in those sections of the country where eight million, or two-thirds...</t>
  </si>
  <si>
    <t>                                           ~^^^^^j^^^J ONLY NEGRO DAILY NEWSPAPER IN THE WOULD UlUUiUiULfejl VOLUME 8, NUMBER 90 r? [^"^^^^^^^^^EJJ ATLANTA, C.A., WEDNESDAY, MAY 29, 1935 PRICE FIVE CENTS</t>
  </si>
  <si>
    <t>                                           Prompt Help For Itching Eczema It's wonderful the way soothing, cooling Zemo brings prompt relief to itching, burning skin, even in severe cases. Itching soon slops when Zemo touches Under and irritated skin because of its rare ingredients. To relieve Rashes, Ringworm, and comfort the irritation of Eczema and Piracies, always use clean, soothing Zerao. Inuist on genuine Zemo. Approved by Good Housekeeping Bureau, No. 4S7-1. 35c, 60c, $1. All druggists'.</t>
  </si>
  <si>
    <t>                                           Dr. James Corry, Ex-Army Doctor Hi Years Experience in America and Abroad I served with both the American and British Armies during- the World War T find so many people who are unable to pay, these I servo froo at office, charge only .for Medicine. Come after working hours. My offices are open daily until 8 o clock at night. 75 Ivy St., N. E. Between HOUSTON and AUBURN Office Phone: (Cut Art Oul) Res. Phone; MAin G873 MAIh 3087</t>
  </si>
  <si>
    <t>                                           After being at large since January 24 when a warrant was sworn out for his arrest charging him with criminal assault on a 12- year-old child at 516 41st Street, the Rev. I. T. Walker was arrested last week and placed in the Jefferson county Jail. Before a...</t>
  </si>
  <si>
    <t>                                           CRUSH INDICTMENTS AGAINST SCOTTSBORO DUO                 NEW PAPERS MUST BE DRAWN                 Alabama Ducks Jury Issue; Boys Still in Death Cells                 GOVERNOR BUSY                 .                 Spuciol)                 T]    Alitbiimn. Suproin'' Ownr i,, 'Its session :,i Mi,i,ti;i,ni.Tv Tlr.ii day           tlio .lui iit-'  Hey wood ChIUtsum n 1 I Cl: Xorrts two of the  v.. victims, he    ;. thu- making it possible for th- I  of evidence to a  nini) i                 Jury In Jackson county whero tho defendants; werr, first tried ami corn-tried. This decision  as a result of tho reversal of tho Alabama '"""its decision  r ,~eath for the defendants charge, 1 with criminal I assault of Victoria I'rlco.  i " of Huntsville. on ;i south- I ei n Railway  train nwr Paint Rock on March 23. 1331. The United States Supreme Conn i reversed 'tho decisions on the grounds that N'cgroes were hvs-  excluded from Jury service in the counties whero the death sentences were . Immediately ? the decision of the Supreme body. Governor Graves of the state of Aloliama ordered the jury  emptied and the names of Ncf^i oes added to the jury rolls. This has not been done as    courts ana judges are waiting for the passage of a bill now before j the state legislature which will I  the Jui-y law*  chances for a Negro serving on :i jury will become mcn-o . The state through its main and featured witness, Victoria. Piled, lias issued new warrants against all nine of 'the defendants . ing them with assault. These warrants  sworn out two weeks aso. The Alabama Supreme Court also acted to protect the state in Us case against the dc- fondants. They ordered that th,; I boys be held until discharged !iy (Continued on Pajc 3. Col. 61                 New Papers j i (Continued from Page 1) I duo pr.v-'** nt' law. Attorney m-r.-il cm- inic  h.-is  t.-~   ."-l I p:ii-t In  U.- jus Is    .r.^.--: I .\]al.:ini:i ill.' im-M-iit. It I- known. li..  l. n.'inl i Oinvrin.r T"iii Kniuhl will i:ik.- Hi.- :i,liv.- when  Oiisiv; .'nun- iim i..f p-ns.-.'n In 111.' ..{h.r  n:ils "Kni^lH w.i" IM-' ~'"l.l l.i :.~.l til.- 1.1,'ii! -illicit. H-. :..i. -n, "i i;r:ivi-* ~,.is spi iii t!i t.:i.-l l"w 111..1MI15 I'.. i- Hi,- Kri'iili-:1 I ~.:nl in WM- in ; t" 1 I-' "I  for relief I  if..j.'.'   in Hi.. JCile. In vi -w i el thi- f.ii-i In' lias t.-ik.-'i I i 1 1 1 int.:-.-s' in the r:is..s. Mis -t:it iv.i iil th:i! ill., i.ili.-t i.f - s;i- j pn-nii' (~unit l.i- upheld is 1, Ikv- ..I t.. h.-iv.. l.i-en Inflinii.-od l.v i t thru In- Ik si. r-li..- f 1 1 1 1 1 j Tile  mil not be lak- I                 ii I.:ii-Ii I til,.-.,!, IV In r.-n- Hi.' ~.t:umI  .ji v\ I J 1 v.-n- ii.-~ munch. Tin-;, will r UKiiri ill III.- J;iU.-, whtr.- [li.-y ar)"    ,    . i. i,f ir, 1m. y.- .   - in th"- r/'.Mson coning j:i:l ,. iho iw..  liow ,1-aU -nl.-nr.-y w.-i- r.-v.-rs-d are i.. !h- I li hulls" ill. Killiy Prison in Miiiit!!ii.'rv. In 61'ilo  n' lip l.l'I Ih:;l tli.y must h:iv :i n.\v in':. I ill. y :u-.. .-till I,, in- k,.~it ,n    -  l. :i lii ii.-us-.-- ih;Hi</t>
  </si>
  <si>
    <t>                                           The Alabama Supreme Court in its session at Montgomery Thursday ordered the indictments against Heywood Patterson and Clarence Norris two of the Scott-bore victims, be quashed, making it possible for the Presentation of evidence to a grand...</t>
  </si>
  <si>
    <t>                                           Frequently at the bridge table, players make a practice of stopping their bidding at a contract of two no trumps, or a contract of five in a major suit.</t>
  </si>
  <si>
    <t>                                           Baseball Summnry r.  "nir.nN i.~;  ;iu" i i ti,. :.i...HM.f r\.,u, W I F-.i A."'-"'* r.r. .iv N-w O.I-*"~ "11 Mrn,      r-\ 41 .r.r.t N-~;,vj!U r.o 43 .s:i*~     :~. 45 -IS sno Lillle Rock 42 4   477 -ham tfi r/; Knnxvlllf 34 SS .38?. Yesterday^       * Nashvilltt . New Orleans 8, Memphis 1 Today's Gum*?* C'iji*  At Atlantit Birmingham at Little Rock Nutlivitle At Knoxvtl!c New Orleans At Memphis NATIONAL . Tlie     'lin^~ Cli.l..- W I. Prl.     Y-~~-   52 24 AKA St.        40 29 .628 Cl.ic-fT" 4fi 34 .S7S I'ittsburKli 42 40 SIZ Cincinnati 30 43 .4  9 Brooklyn 3R 42 .-1H2              33 45 .;Z3 Bo.ton 21 fiO .259 i          '~         Brooklyn S-S. P;          4-0 New Yorlc 6, Cincinnati 3 Philadelphia 3. Chicai-o 2 B"Kton 1. St. Louis 2 Today's Gamci        at Sv.       Brooklyn at Pittsburgh New York At Cincinnati Philadelphia at Chicag* AMERICAN  The Stundincft Clubs W I. Tet. New York 4!~ 2  D-tr-it 49 33 .508 Chiris-. 42 33 .5S0 Fin.'-r. 43 .11 .'.~M Cl-v.l.r.-! .1!) 3R R06  l-lpl- 3-1 -12 .4.(7 W'~      ^ .II 4d .4^5 Si.    .    "3 SS .2!)     -~''-''~v-~ K^sulu Si. 1,~~    4. Wi4-.]~ini;l*~n R Cl-v^Und S.I.        13-n (Only aame* played) Today's G*"1** Chicago nt Washinijtnn St Louis at New York Cleveland at PliiladrlphiDetroit at Boston. J 1:4.7- JL'iiv :nitl         -.  )t.ys l*:i.~ I*. M. Archiidiuus   :i.'t Junior Ciiiunbtrr of Vmiii'Mv.' sp'.sik jr I :1." -" 1 :Biu_Tlit: Hawk 1 ;4."~--l ~:iii .-~~*s   I." An ~:,iii.iiu sims J:.'i" Hi Ililiiritivs l':4.-, 1' Vnriclies :~:(  -s-   "rl1i  :;    Nvvclsiiui; ^:~   -Country Stor? l:5ii Swifi'i ;iii l Hot  I :4."~ K"l-.Tt i:; M-,  .":ir- Hoi *-      ;.:;:~i Willys l.' Tarty i  i Music Kirutu 'lilO-^AtlJiittmo' ??tra j 1 .:        ami Aubrey '1:1.7- Volunteers T :i:~ Snutii Aiut'rloiiu* 7:-l.7- Tune         c-cil mill Solly ~~:1.7 -rs' Qinirtei .s:;-.(i Brl. Kevt-iips !':).7- Mini Aboni.      This :    That. :':4"- Tlic Uiiwk Hi:fiO Kwi-sakes 1~:lo NIkIii . ..f tin- Air l^:~m- (JniHlnlsht</t>
  </si>
  <si>
    <t>                                           John H. Bell, the young gent who is connected with the government transient bureau in the capacity of physical director gave the volley-ball men a break last night. He came over and helped Rev. Clow and his tenth lose three games and win one. He played a ...</t>
  </si>
  <si>
    <t>                                           4* -.i PEOPLE I       "I OTI  "McFaildnra REVUE" I I'llls" I B- Attl V*dMl1</t>
  </si>
  <si>
    <t>                                           Rev. and Mrs. J. R. Sections were honored Monday night, July 22, with a surprise silver wedding anniversary fete at their home, 94 Wesley avenue, N. E. given by their two ... daughters, the Misses T. E. and P. W. Scruggs.</t>
  </si>
  <si>
    <t>                                           A MAID AND HER TWO FLYING FRIENDS                 Margaret Lindsey has two flying boy friends in "Devil Dogs of the Air," the high- ly entertaining film co-starring James Cagney and Pal O'lirien which starts a two-day                 run ill Itaile.v's New Ashhv Ihciilru today. The picture deals with the adventures iii ul love affairs of two United Stales Marines who arc  iied to the air corps.</t>
  </si>
  <si>
    <t>                                           I   30 FORD COB TUDOR 1SJ4 UlitvuOLtl XAaTEH  COACH *030 .S33  V.b (~~c COUPE *~93 ,*~1  V.s tuUK- COnC    33 .3)     . caac     3 *-a AUSTIN  ne COUPE 43O'   .31 * DZ LUXE SI-OUT CICC ROADSTER 03 :W1 HUDSON    1.; CCCC SPASS. S-3A:: J303 1*33 -U ?D C90C COACH  \tn dodge  coupe S495. 1934 ::i: r^ioc  5490 1934 FORD COACH.  4 C i radio 5443 I 1031 CHEVROLET    DC I COUPE 0130 t 1531 ClirVKOlr* C-lnC COACH 0   3 I 1933      V S 'O/'K I COACH Ofc*~3 1S3I FOXE C 16C I TUDOlt 0 100 i83i buick it .'.S3.  SED/.N 4/00 1931 STUDtBAIIih 1.PASS C1CC I bt iAK      1933   COACH OO03 i IS31 Tr ttH/ IM.ANI. L'OaC I coach 5oa3 I s?:-~.:; 5 1 SO ton  -t c,Oe i jji  :r SLIiAN 3 1S33 WILLYS 7: F.,c    40 1334 AUSTIN  C COt'PI, 52 15 1935 Fnr.n v.s de luxe COUVE AT A DISCOUNT IC3i "-PH":tr.E 1.PAS9. ST. DAN AT A.. DISCOUNT 1S3) WILI.VS 77 SEDANS: 4 OF THv:SE AT IAR3t DISCOUNT 1~! DUSA.vr SPORT ~*C ROAP -TKR dJ3 l J!9 CtirVROLET 4-DOOJl  Ce I IMS "Ti^        SD" lea:  DE LUXE SP0       1  gC90. 1~:.O  .   1C VM  DE'lUXt'-" MOC 5PA = S         X00 I'j:;! ri. tB *~IOB 1530 fin i coupe i;.;,,;wJ TRUCKS 1B34 CHEvaOLET 1~;TOX #~CK 9K0RT WEF.I.  Aat **0B. 1933  VI PANtl  DELIVER* 9*BV 1031 CHEVROLET PAlftl," ClflC  *IOO I 1955 ~-' l  *QE CHASSIS AND CAB 9    MANY   TRR.MN Aliw- UBS AI! IM5\VMX.        ~';    at      -C'~r Pr(   EVANS MOTORS ., twc. "FamouM for Bargainmint  VnrMrn Ht,i Jin Hprln* ttl. oi ijN .-^.^</t>
  </si>
  <si>
    <t>                                           Five Atlantans Will Graduate From Grady                 FIvo loon! young women  he ? 1 1~* Hfl RrndnnlrK tn rivi-ivr   Thiirsflnv  n lii ii graduation  :     lii lil for tin' Municipal 'IVniuiiiu si lwml for Colorwl Xnrsw at        Mumorinl Ilospitul nt tlw Die TVthvl AMK  nt S^'IO. Allnntans 10  "       nn'      Misses Arollm Nnsli. Aniin Belli1       , Mary Lizzie Thomjv Mm. Zflm:i Alkiim, nml Mary Kll. I.oin:ix. An .'SilnR  will he presenti d  tho  Is invited to tho  of the Knirlnritin? dom, Supt. .T. R Fnnikliii of r.mily , nml (lie city officials to attend the        .'s,</t>
  </si>
  <si>
    <t>                                           All news pertaining to this column either from department workers or children on the playgrounds must be in the hands of Mr. P.L. Brickler, editor of column not later than Thursday of each week to insure publication in the following Sunday's World.</t>
  </si>
  <si>
    <t>                                           Rush Plans for NewAnti-Lynch Bill Battle                 -TON. -ihe  hope of frn.- opponents ot             -vv5i:iicr Ami-Lynch in- BUI thar no further eff,,rt would be made this season to renew the t*   ,t for its passage, was i blasted this week when Intervncidl strategy committees privately con ) here and in New York and rushed plans for a fresh bottle, while the plon of attack has not been divulged, it is believed i a renewed effort will be made to  ii[. laggard ?onat.irs. Asscrtini;  "Important issuer of human welfare are net to br settled by parliamentary maneuvers.- Senator Edward P. Costlgnn. co-n jth,.r of the bill declared: "The Scnnir's refusal to take up and consider on its merits the antl.IynchinR bill, and the  resulting failure to secure mi f         without delay of the Scnalc'i Juc!;T.ent on that measure must be *U',v;d a.1*</t>
  </si>
  <si>
    <t>                                           JOSHUA JONES                 By L P. ItanaUi                 A      run U  than 1*4 -Vi . u.at. h IT you are -'$Mi'^L</t>
  </si>
  <si>
    <t>                                           Rome High School Commencement Is June 2                 The : excretes of M.c R,,me Colored Mali Sclw.oi will begin Snnday. afternoon. June 2 ut 3:30 ~~- at ThiinSlul Baptist Church. Dr. Hnij.h W. Ri;cr. pastor cf the Ti,s:: BajjlLsi ChUrdi. will deliver the  sermon. The ; exercises will bo IipIiI Wednesd-M- evening, Junr 5" nt a o-; at t ic city Auditorium Tlie pr. Is  invited to attend these exercise*.</t>
  </si>
  <si>
    <t>                                           TENSE DRAMA IN NEW FILM                 Laura Bowman (remember Aunt    ;ar in "Drums or Voodoo) does some more stellar acting in "Lem Hawkins' Confessions." the new Micheaux production, starring Clarence Brooks. Dorothy Van En^le can also lie seen.</t>
  </si>
  <si>
    <t>                                           L- r: j. I</t>
  </si>
  <si>
    <t>                                           PT. VALLEY, Ga.--(Special)-- The Georgia State Tennis Association has accepted the invitation of the Fort Valley Tennis Club to hold its ninth annual open Tournament on the courts of the latter, August twelfth through fifteenth, inclusive. For several weeks, the...</t>
  </si>
  <si>
    <t>                                           .- Hodachti... Dmlntn... I  Cron Li*-O-    '% ..lM  tht              BiliJ ?Sc ======= SPECIAL Vz Fried Chicken With SaUilt, Drink Doncrt 35 Cents TWO BREADED I ORK CHOI S Willi Buttered Rnlli 25 Cents Cold Plate 15c ECONOMY DELICATESSEN  AVENUE</t>
  </si>
  <si>
    <t>                                           With high and bounding hearts, Negroes everywhere in America, but more especially in Cleveland, must contemplate with deep satisfaction and pride the athletic prowess of Jesse Owens, Cleveland's 'flying' ambassador of the cinder path and broad jumper beyond all the world. Yet, in deed and in truth. "just one of us."</t>
  </si>
  <si>
    <t>                                           WOMAN S SOUL BARED AT ROYAL                 Kay Francis in the role of woman doctor bares her soul in "Dr. Monica" the highly  film starting a three day run at Bailey's Royal theatre Sunday. Seen with her in the above scene taken from the picture are Jean Muir. and Verree Teasdale, both of whom have important roles in the drama.</t>
  </si>
  <si>
    <t>                                           Memorial Day services were held at the Ward Chapel A. M. E. church, Sunday, May 26, by the Roy B. Tisdell Post., American Legion, program in charge of Mr. John Burke.</t>
  </si>
  <si>
    <t>                                           THERE'S A NEW SPOT taking the limelight of downtown Harlem--the Ubangi Club, located at, W. 131st and Seventh Avenue. The 'Bama State Collegians swing their contagious jazz rhythm there and a special feature is the classy Ubangi Club Follies cast appearing three time nightly. The best known critics rate the club highly and endorse the floor show as one the best entertainment bits to strike deep Harlem in many a moon. Writing in a recent issue of the DAILY MIRROR, the internationally known...</t>
  </si>
  <si>
    <t>                                           (Right) GEORGIAN- George "Buffalo" SU-averson of St Simons Wand, Ga., is a well known citizen there.</t>
  </si>
  <si>
    <t>                                           OFFICE: Phone MA. 5574 RESIDENCE: Phone MA. 6412 I Sellers Bros. Funeral Parlor i A Modern Up-to-the-Minute Funeral Establishment That Is Keeping Up With the Time.   '(?^l_______________^^___________^___________^^^_HU_ ^Z^n. _^^^Hm______________J________________-_ ^Klk^^^^^H^R Jj^mbJi.... I. ^^^w^w^j.w ~"~V I I Abovc'is a New I!).'t5 Olilsmobilv Funeral Co;ich just Purchased by this j Estublishmc-nt. This is truly the Most Motlcrn and l,:Ucst 'DosiKn in j Funeral Cars. For the last Sixteen Years, Experience alone Enables Us lo Pcrfuct Our Funeral Services. No matter what Type of Service You Choose, We 01fer You Individual Attention und We t:o-Opemte with You in Financial Arraneemenls. Carrollton Officet 8 Johnson SI. Phone 55.1. Newnan Office 31 Broad St. Day Phone 673, Night 565-J j J. H. Sellers 851 W. Hunter St. S. G. Sellers i</t>
  </si>
  <si>
    <t>                                           Next we come to the record of the dollar costal set. Which is a deep thorn in the flesh of every radio expert since radio began and particularly since the advent of broadcasting. The crystal set is suppose to work only within the radius of about 30 miles from the...</t>
  </si>
  <si>
    <t>                                           E. D. L.--Please tell me if I am right in my belief?</t>
  </si>
  <si>
    <t>                                           LOS ANGELES--Since Negro motion picture critics and fans have been generally declared too squeamish on the question of what is and what is not an authentic portrayal of the Negro as we see him in motion pictures, particularly those trade in Hollywood. I decided to conduct a symposiun among white newspaper critics of drama and motion pictures hens in the heart of the industry.</t>
  </si>
  <si>
    <t>                                           Tonight's demo station will mark the closing of the six weeks summer session for students of the Commercial Department of the Phylis Whearley Branch Y. W. C. A.</t>
  </si>
  <si>
    <t>                                           PRODUCERS" AFRAID OF WHtTE  ON STAGE, FULCHER ASSERTS                 Four Purchased Option on Play                 Hy MALCOLM 1$.  (I-Ytiltire  fitr Al-Mnc Svudlcatcil    :      'k                 NEW  CITY- The gracious and often moving  "Accent On Youth." now at the Plymouth Theatre, has        published in book form. Along with it and :n the same volume is another piny by the author, Samson Kaphaelaon. I hat has never heun produced. "White Man." No lean Hum four producers at one time have bought options on -White Man." but not one of them has ever Iwen ablo to  courage        to put if. on                      ine question ta bow long will u i;~ke :i I hem re    :ii. num.. " -y .siM.v.n, id be Tier'    ](ai';h i... I'.i-ii.m' ., a ~)iay-) 1 1 nnj,,. ':f-y ;n why the producer.. ;i;i- ir.iid .,1 .Vhili- M:lii I in. :b\  :ti I!,  i"    ph.-  tm-. n! .in .cm. .!    -f,~ l)..y. ,,:i.' .-j..~     Nrvr.'l ".ho ii-.r nii1.- -i rich   lil wii',: in1 ir.fvi' .Die  cr.. in "iMx j JM.-ii lio^C" a .11 '~ov m:.s mi Irish   irl. Ti,.i n p  ri rl  . :i:sny  Ijl-id; blood :i i irJ a  i Thin is (-ri iu. Ci-rt:ii! J iii:m!l.'.- i-:iti Dr. 1 I mm tli. ~'ii.li (ii n if- .li'.w!. h hoy -. ill. j ii':!l-    . dim i ~,i" . i.: i.i;  '-. n:"'i,.l         I  Dion, vividly  it is :~Ui..*i.ion hi whim and . Who- While M:iii." is :.l ~:im producer*   I.' il will, there v.il! lie men mu . w  as lo s:.y lh:il. Lhi j  v.hn  us  j:ithi lic iji-in ^ be . No  Mr.  H)~n:   .4in ro\\'.~ Jhivi'  hii  i!:iy :i  ~..,.^je: j imp    Mixlnc' by    ,,wini; Mu' bo\ Mid girl to -y u  the h,,} ', nf hi:,         . Tim! ~* i)i! :i  l.~i!ii tin;  I'm ".lire would CniisUkT . l)  - . s II. would I'ViKln the . in.~;!i;ml the hoy marne.s ihe );i,] kno-. exactly v.hat.     l.4 ; ThL-; v.' he i.ho in.iiu  I am ^ would .-.-f th*. '"..~iii- t..i !. He dues It . foi  i . ui- trr.ni i-he f:uLh.'it. lie Invr...-' i-  . 12'.-; hi! ~::  the I'll )f   ll.".;      , he iit:iv IVMd. ii,. j, ;in i.'.\i ;y fun  n-Jiiicei. bill I)U .; wi!l        in aij.-u*       - it                  He man-It's hrr hi c v.'Iicic lili he iti..lr-i; ..f  l;iri, .^.pr 'iin..</t>
  </si>
  <si>
    <t>                                           NEW YORK CITY--The gracious and often moving comedy "Accent On Youth," now at the Plymouth Theatre, has just been published in book form. Along with it and in the same volume is another play by the author, Samson Raphaelson, that has never been produced. "White Man." No less than four producers at one time have bought options on "White Man." but, not one of them has ever been able to gather courage enough to put it on the stage.</t>
  </si>
  <si>
    <t>                                           Gray Street has removed itself from being a liability to the community and has now become an asset.</t>
  </si>
  <si>
    <t>                                           The Rev. ... Clements preached a great evangelical sermon at St. Paul A. M. E. Church at Austell, Ga., where the Rev. Horace Williams is pastor. Sunday, closing the great educational rally of this church. The Rev. S. M. Lee introduced Mr. Clements...</t>
  </si>
  <si>
    <t>                                           THE COME UP 'N' SEE ME' GAL!                 Mac     . sri V.vii m the sp"t where she says she  "most natural" relaxes l" ^'i u.~ invite nil admirers to  up to^hc T.' s New Ashby  ntid -co while ?hc holds forth. in. '"Gi.-m"     TowtiV playing   tomorrow.</t>
  </si>
  <si>
    <t>                                           This delicious cheese food is DIGESTIBLE AS MILK      ];n in Vrlrix-la a  mild CJiwl Jar C.     :     or arr di-  of  iu;iv !~k*1i. ll b  f.ir children.       Kraft \i - iu MciiJwicUfc, in  JUio</t>
  </si>
  <si>
    <t>                                           TIM TYLER S LUCK                 By Lym Young                 FELIX, THE CAT                 By Sulllvanl                 ^NOODLES                 By Cy Hungevfovcl j                 DOROTHY DARNIT                 By CHARLES McMANUS                 THE  GIRLS                 PETER PEN</t>
  </si>
  <si>
    <t>                                           The two factions of the Pythians of Georgia met and elected two sets of officers. Both factions are composed of good men. Which faction is right, I do not know, but I'll sit on the sidelines and watch. However, there is something I do know. There must be...</t>
  </si>
  <si>
    <t>                                           STATE PYTHIANS NAME TWO SETS OF OFFICERS AS MEETS ARE HELD IN COLUMBUS AND ATLANTA                 GREEN GROUP HOLDS MEET IH ATLANTA                 Supreme Chancellor Recognizes Hughes Lead Organization                 ATL ANT ANS BUSY1                 'WIHnlly  by SU[~     'l]:.iic" S. \V.    -~:n. N.-w Ori'-:ins, i,!i.. and Ooclareu   y him li- ihv officially  Kroup in G"orKla. of the KnlKlits of Pythias of the Suprrnie .Tiirlndiction of North America, South Amcrlr-a, Europe. Asia. Alrltl                 und AuMtra.lla. cam* to a close Tut*~     afternoon with th* election of **t?  . Th,, session* w^re held at the Yorkrite Masonic Temple on Auburn avenue. Prof. W. L. Hush*.**. Dublin, j Giu. widely known Htate S'tmU-.y I School and B. Y. P. U. leader. was u;    *~! head of the order In the mate. "AlthoUffh  present outlook jf* quite ," Prof. Hughes* ft;      b'-*  for his homo  tti.e Tuesday      . **tMu future n-\.T wjim .   ;car tle 5 .f \bf split   'n what happen*!. I intend to     ^ Fythlanism back to     old . '"Out* group will represent th*  l-    '? in Gporgiu. I am  to s'~t up new tods*.**;, re- I instate oM lodges. *~ new policies* nnd take care uf the old fiu lilies." Supreme Chancellor Green, who  here early Tuesday morning, presided over tho 1* Jointly  Grand Chancellor Hutches. (Continued on Page 4. Col* 2) i                 Green Group i (Cootinucd from      I) It wn* .,1 that, la.-t Xo. . Suiirwm. Chancellor I Gr.-n *    -   .-.l Cram! Chancellor S. A. .Ion-.-, of Savanna)i. Uramt        i.f H. -cords am! j S*nls. if. r.. r-n-ll ..f Atlanta.    1 I Cirand Masi-r of      -.,u..r c. K. Rivers ~,f i v.HujiI.u-. Prof.       -. wlio      \~~n vlo. grv ml ^- fur a  "f y*ar.~ w.i-. th.-n .I.v:,t. ,i t., th.. k-r:~  ! i Tli" n-~ Ica.i.-r  tfc t hi" in tli- .ml T  is r-i'^-niz-d thr        '   - Clianuvlinr in  ji to i of tli- fa.'t that th.-  of i the -s had r-   *s.- at J tho mw-iins in Columluis. The      '     at tlw Atlanta marline  did not L'iv.- an i-.^ :t* to .. anil        -nt:       at the nif-J-tinc h1.  -. i Th- Krand lo.li;- ~-~.-lon. how- *-\vr. wan i1-i*lar-d tw h- oiv of th* most . t-vor . Murh  l^            Ava^ passed    1 pI.'itim ).*   1 for an expansion of th,. order s . Reports of th- various o81c-r.x and committ""R wori" wr.~~ r.'Cflvpd and many *.  ~*r, niad-~ relative to th" work of OrunU Chunccltor \V. L. Hu^h H. Before adjournment. tn^ group                 tfo Atlanta    the *iw of         ' olli'-t.-rs  .l to homi the  :*-r tit.* n. xt Sir* M. T. U'y.ti^. Ailuu1:i. J\ G. C; Prof. V\*. 1., Hui;h-~.          . (la.. b t*; t : I ir. i:. H. Cult l'. ColiunUiis. ~;:i..  r:    viro : Win. l';.   . AtUuita. m.-':' *       '   -nt  :~~.i  .-i* of x.,   ''  ' I': J. \V. Hi l May*~.n Turnt-r :iv.~nuo. N. W.. .\tl:mt:i. -nm.l k-^-p'-r i.f r--c  nn-l j;.*;il.  .*.-~.T.-i:ir.v ami tr-'a.Mif.-p "i"    - l.nr.aii *'nd"wii)t--ni; J. It. C)~'k. ^r:t:            at nrm-:    . I- M. Hill.      ! tu'-'lii-al   'v;i.-tcr;   . \V. Tlumi;if. Kratni inri T miai-.l: \V. Was!iir.^i ni. irr.iiu] ~.iu.-r        : Dr. P. U. Cr-ii. m.-mV-r ,,f -x.-.- !...:ir,j; nd ..f. W. I.. Hi^li- 1 -   -r.     '.-~'-iii:.-.</t>
  </si>
  <si>
    <t>                                           Officially visited by Supreme Chancellor S. W. Green, New Orleans, La., and declared by him to be the officially recognized group in Georgia of the Knights of Pythias of the Supreme Jurisdiction of North America, South America, Europe, Asia, Africa...</t>
  </si>
  <si>
    <t>                                           Funeral Notices                 - The remains of Mrs. Esther Holenshed, the wife of Mr. R. L. Holenshed, sister of Mrs. Minnie Schofield, Misses Hilda Colbert and Mr. Eugene Colbert, aunt of Misses Lula and Annie Schofield, Messrs. Willie and Arthur Rumph, will be taken by motor Sunday, July 7th to Lizella, Ga., for funeral tnd          Co.</t>
  </si>
  <si>
    <t>                                           Investigate Socialism Charges                 SfnMor Conr 5B%5 BKfflK,, !~^li3E[   ,l,. /       l*%                 Char;:'-.* thit lh. N w D. al program for rehabilitation of the Virgin islands smacked of Socialism were nadc by Charles H. Gibson, right, of Daltimorc, former federal attorney for the islands. Senator Homer T. 'Hone of Washington, left, is a member of the senate  :i;ing the administration of Governor Pearson.1 who ousted Gibsoa.</t>
  </si>
  <si>
    <t>                                           DANCE TO TORRID RHYTHM                 Gcortrc Raft :ind Marjro arc seen  one of the native Cuban steps in "Rumba" the rhythmic film playing to- day and tomorrow at Bailey's Royal theatre. Carole Lorn- bard has a dancing role opposite the - Raft I</t>
  </si>
  <si>
    <t>                                           SSflUJSi1"?- '5"*"5! """"MOoo .'    To  VIN .Slop Uflail BnCi</t>
  </si>
  <si>
    <t>                                           NEGRO DAILY NEWtPmit IN TNI WORLD FOUNDED  5, 1938 BT W. A. 8COTT         M  slats matter at the poet office at Atlanta. Ga. nte the Act or Mirth 3, 1879. Pabliahed Dufly anft Sunday at 310 Anbnrn Avenue, N. By SCOTT NEWSPAPER SYNDICATE Telephones: Walnnt 1459 and 1460 A. SCOTT General Mantttr" B.  Av'l. General Manacer K. V. DAVIS MaDajrinx EdJtnr MEMBER OF  3)  PRESS MEMBER AUDIT BUREAU OF C11ONB 6PBSCRrpnOjT KATES: ^-1 Tr. 192S: t  1* Si.'S-. 3 M05. ST. SO: 1 Mo. I.M. SUNDAT      - 1 Tr. $3.60: 6 Mo*. S1J0: 3 Moi J1.00; Canada? 1 Tr.    ; Mm. S3.75: Foreign 1 Yr. S5.50; 6 Mo*. $3. 75. NATIONAL AP\'ERTlSr?fG REPRESEWTATTVEi W. B.  CO. Chicago. HI, and New York. N. T.</t>
  </si>
  <si>
    <t>                                           PATRONIZE OUR</t>
  </si>
  <si>
    <t>                                           X. K.--Why did my husband marry me? I feel sure that he, didn't love me.</t>
  </si>
  <si>
    <t>                                           Without paying one  yoa can try Or. RED Palmer*! Skin Whitener Ointment, 8oap and      Powder and Me for yourself why  three famous preparation* ghra beat and quickest remit*! Nothing to buy. Jut a*k yow druggist for tMa valuable Dr. Fred Palmer'* Week-End Kit today. Bat harry as the supply U limited! Tomorrow may be too late! Limit one to a person. None given to children. IF YOU* MtUCCIST CANT SUPPLY YOU end 8c postage and          to the DB. .FRED . LABORATORIES. Dept FG.10, Atlanta, Oeorfia. Be  to (end Se, either cash or pottage.</t>
  </si>
  <si>
    <t>                                           STAR IN 81 ACTION DRAMA                 *"Iorem-.s Rice and     !d Cook h:~ld the leading roles in "Fugitive Lady" the action packed drama playing today only at Bailey's SI Theatre. Johnny Weismuller returns to th e SI; starting tomorrow in the adventure film, '"Tarzan and his.Mate.**</t>
  </si>
  <si>
    <t>                                           1 mm^mot 4 A. W. P. RR A -.;    \. Our \V;iy C'n;.ieh I 'arcs Kvcr Offers.1 Tirkws .in S..].- D.. Ncwuan .:,:i Morcl;i.nd ,i;s Gr;tn!      Hu!j:!p .SS I^i  1.07 Wosl I'oinl I..T1 0~'~"lil.a I.Ui AulMtrn I 7^ Cfliaw 7 IIS i\           v ?.f^   A i Rnig.Tin Kniiiiri. Trip \V.--k l\     Rm-.-s   .All Local IViiiis. 3Ism!         nlv !?:$.()() SiMjciAL  tor WEEK- END .LUF .  I A. Hi^sni?. G^ti^r*l        ;ri' Agent.</t>
  </si>
  <si>
    <t>                                           HELP Wanted MKM-\VO!UK\' $3 i- Sinn /V MONTH For Instillations. HospiUls, ~:tc. KvciywluriNO IMJKVIOirs EXf'KUir.NCK N'KCKSSAItV All kinds nf   iv iiim-iI i il. Wi-iii- wiii-k you nui tin. nn. t-      ^   ;     to Si-haiT bureau, Dupt. nn^.i-A-Ki. I 15 \V. 1 3 tii St., New York.</t>
  </si>
  <si>
    <t>                                           J I* STUDENTS' ROOM TUSKEGEE INSTITUTE SCHOOL OF AGRICULTURE SCHOOL OF MUSIC Tour Year Courses' in Vocational and Techr. fu!l Courts in Ir.o Theory oi Music, in CompoAgnculture. =iii=   and the Tuchmque oi Piano. Voice. Violin. SCHOOL OF BUSINESS Bond Instruments and Pipe Organ along with Four Year Courses in Accounting and Business Special Courses in Public School Music leading Administration,- Commercial Teachers Course and to lh,. Degree ol Bachc-lo.- ol Music. Secretarial Course. SCHOOL OF EDUCATION SCHOOL OF  TRAINING Four Year Courses lor High School and   ..- A Three Yeat Course Leading to a Diploma, mentary Teachers. SCHOOL OF MECHANICAL INDUSTRIES SCHOOL OF HOME ECONOMICS Four Year Course in Architecture and Building A Four Year Course lor Teachors ol Homo Eco- Construction. Industrial Arts. Power Plant Operndniic.- and Homo Demonstration Agents. ation and Journeyman Trade Courses. HIGH SCHOOL A Four Year Accredited High Schooi Ollenng Specialized Vccationa! Courses Leading to Diplomas. Fcrty-one DiUerenS Trades Are Oilered lor Mon and V/. SUMMER SCHOOL SESSION OF TEN WEEKS: JUNE 3rd TO AUGUST 10th Fcr  information address: v" F. D. PATTERSON. hwld^M ALVIN I. NEELY.                          . AUbuna</t>
  </si>
  <si>
    <t>                                           BACKACHE! i Flush Kidneys of Waste I Matter, Poisons and Acid Stop Getting l;p Nig'hls When your kidneys are clocked and your bladder is irritated and l)ii*~:tci' scanty and  smarts and burns you need ( Medul Haarlem Oil Capsules, a lino harmless stimulant, and diuretic  always works and  but .15 cents ai,  modern  . It's one . .~afc way to put h on 1 thy activity into kidneys and bladder you ll sleep sound the whole night thru. Rui. be sure i and gut GOLD MKDAIv-  I'rorn Haarlem in [[--you are  ed of . 1 Otboi* sy!Ti]) of weak kid- jie.vs and in ilated bladder arc backache, puffy eyes,  cramps,  .-,  or scanty . i</t>
  </si>
  <si>
    <t>                                           Jack Johnson, former heavyweight champion, has looked upon Joe Louis, latest heavyweight sensation, with the critical eve of an expert, found that Louis does not use some of the methods approved by him (has faults) and has been a hit stingy in his praise of the youngster. Friends of Louis don't like Johnson's attitude.</t>
  </si>
  <si>
    <t>                                           Dr. Nabrit Puts New Light n The Christ                 By Rev. Tuschcarau Arnold                 rtu  lalK by Dr. J. m. Nj. . :i,y 01   ,e National         C-MiivoiKion. featured the meeting 0: the Atlanta Baptli: Mininrrs Union Tuesday at the Greater wheat Street  . Rev. s. M. Bryant, first vice president, presided.                 Rev. Natrit. wlio recently returned from an extensive speaking lour before many representative groups in a number of the leading cities, stressed the fact that Christ was a great preacher. He pointed out that people like to think of Paul, peter, John and James as the great preachers but that Jesus stands above them all as He was not only a great . but also a teacher, politici.nn. doctor and lawyer. 'No man." Dr. Nnbrit asserted, has ever qualified like Jesus, "in other words. Jesus was everything." Later lie defined God as bel:~s a spirit. The ^ also Insisted that .(Continued on Pago 2, Col. 6).                 Dr. Nabrit j (Continued from ~'age 1) . is still Interested in  things rightly, that He opened Hie eyes of the  using a simple method. He  that Jesus worked on t lie mind, thereby giving man more faith. It was also stressed that Jesus wanted a "perfect man" physically,  and morally. Dr. Nubrit's  was one centered round the 'Minister's Health." and  i the best to be delivered recently.                 The Rev. A. L. Ccllltis. eminent j pastor of Hie Bethany Bnpiist church W:is very successful in his I rally last Sunday, realizing S180 in the effort. i According td Rev. Huell J. Jncksnn, pa?ioi- or Hie McDaniel SU-i el Bnpiist church, tin? Rev, A. L. Collins is now oi- in a Brent :il. All are  10 Hear him. It was stated  the Rev. T. Arnold  last Simdny nt the Mt. Ciirmel Bapist church, Rev. P. R. Jones, paster, to ;i  ^ of Missionary Workers.</t>
  </si>
  <si>
    <t>                                           An able talk by Dr. J. M. Nabrit. secretary of the National Baptist Convention featured the meeting of the Atlanta Baptist AlinU-tens Union Tuesday at the Greater Wheat Street Baptist church. Rev. S. M. Bryant, first vice president, presided.</t>
  </si>
  <si>
    <t>                                           'England's Stake In Ethiopia is Vital/ Logan                 fir-Tii Britain is tint '-v\r !-.~-.t thin i., ni"r,.rv,..~  ; m iho lt:ili:iii-             Hiuaiivii. : Mich ;in ;M.-ii in  W ~.r-         primarily  tho di-sirc j.p.tci/t Ii.t   In Ku'Vi't and tin- Sml:i:i. Uayfi.r.l l."s:ni. TTiifi'ssor -j!  in At-.                 T-'. dri-lan-ii j.-ti-r l:iy In i:  ,    .,n nf :     International               l-.-C.rc- tin- stu::M *ji:I fa.- of tin; Atlsinlii  v-ity Summer Si-honl. I.  " :'!:ii s interests ~]*-m:tntl that slu' In :it il iMr'--nt It:ili:iii i-        .,f       ~:)~r  .ili iiii-iii .-.l .m In '.\. TliM'itiiso tin- Kliit. Nile. ,~n      -h Ezypt di-iii nils fnr n- to IrrlKat.-   .-" fields,  In Ethlop':~. Knclan'l Is iiim- that any K'ir.~p.:i!i pow.-r  cwi. tt'-i r tin-  ;imi  sic now . If Itnly         = In lier  'n.Mley. Klhlopla  to Ik-   nf tlio      mm- for         Ii.is 1-i-~-ti ~-t up  thp \       \V:ir. Mr. T. Htntotl. In_ ' fnl ii-c of      T.'-arno of Nations to Intrrvcm- and       t3?      of nny . ov. en the United States to  Kins                 England's Stake (Continued from Paj;e 1) Solessie appealed  ii_        -     .~    Day. to Invoke the K.--Briund pact for the outlawry uf war. tlio doom of the existing pence .-rv Is foreseen. Ethiopia. Mr. T.osan N-    -~. l.:.~ the sympathy of tlie people .~f  world. Imt no nation, except i*' Ensland. is likely to do .my. thine  it.       MnsMilini'    wn       -      bave ;ic] :i;:iin.~t Iiostilltlcs.        -t:itor. . lias  the  rvf the \v:ir a pers..n.nl issue, and In ordi-r to i incite tin*  of Italy to a     - I per   pirit has !;~n a va.~t  of           !:i Tainted out. be has tis^I tli-  liv  *Tbe Italians havo  ! the Muck man". This "is not rme. Mr, 'Los-an asst-rted.  Kihlo-~la roundly defeated Ttaly In  at AdoTr.i. nn l     the          1 only o*~!~r?d irj'.'mi i.i ~-viet  from .1  .in,</t>
  </si>
  <si>
    <t>                                           Great Britain is the only great power that is likely to intervene in the Italian-Abyssinian situation, and such an action would be prompted primarily by the desire to protect her own interest in Egypt and the Sudan, Rayford W. Logan, professor of history in...</t>
  </si>
  <si>
    <t>                                           BIG 4-STAR BILL j AT THE COOr, HERE THEY COME^TH? VAGABOND THREE! I ^Sy^ C^1 ;3^F I        kt     .*(K nv io.r.t tiro -mi-  plus Cab Calloway In "JITTERBUG PARTY" And Bing Crosby In 'I SURRENDER DEAR" Also Hotly Ho;    In "Swal The Ply*'</t>
  </si>
  <si>
    <t>                                           INTERESTING. The Baldwin Monument at Tuskejrce Institute is one of the  nany  places to visit as well as the dressmaking classes.</t>
  </si>
  <si>
    <t>                                           Tickets ... music loving Atlantans to bear ... Hinex and his famous Grand Terrace Cafe archestra from the ... flamorous South ... Chicago, went on cale promptly this morning. These advance tickets may be purchased until 8 o'clock tomorrow evening.</t>
  </si>
  <si>
    <t>                                           LOST Liberal Reward! FOUR 8 ON A KINO.         a JO and 1 o clock 8        night Call the Atlanta Dally WORLD. Walnut M5~.</t>
  </si>
  <si>
    <t>                                           What is the Tournament of Rose's? Briefly it is a great New Year's Day Parade held for the last forty-six years in which the real natural flowers of Southern California are displayed in the most beautiful and artistical fashion conceivable.</t>
  </si>
  <si>
    <t>                                           I ENROLL TODAY! Gerry's Scientific School Of Beauty Culture Registration fee of 52    . you for on, week in       -.       a       .ion in a few month* thai will m*ke you independent for life. Marcelling Finger Waving Manicuring Bleaching Arching Bleaching Facials Dveing EARN WHILE YOU LEARN MX        th.or.      count will enable     ^r. to    4 tlw  bo^rd in   t*te. -SPECIAL- Shampoo, Press Wave $1.00 Mondays, Tuesdays and Wednesdays bT GERRY S nr</t>
  </si>
  <si>
    <t>                                           July Fourth DANCE WITH JAY GHOLSTON and His Troubadours AT The Savoy Ballroom TONIGHT 0 to 3 A. SL ADMISSION 25c</t>
  </si>
  <si>
    <t>                                           FISK STAGES IIS CLOSING JUNE 12                 Sixty-First Annual Commencement Is This Wednesday                 IMES SPEAKS                 The Sixty-Ftrst Annual Commencement Of Fl5k university wW be held June 12. nt 10 A. M. in the Ffefc University Memorial Chapel when pean Herbert E. Hawkes of C,4ua^ia Unh-, New York City, win deliver the Commence. mem. Addres". Sixty-Six student!                 win receive  of bachelor cf I arts nnd .sixteen will receive degrees ,.f master of arts. Commencement !   ;; v.i!l formally open . when the May. bew-Mcrrll! Oratorical Contest will be held. Dr. Georgia Laura White of the F. Dipartmcnt at       University, and former President of t),c Association of University Women. presided Sunoay  at li:00 o clock. Dr. William Lloyd Imes. who returns tn Fisk in celebration cf his Wemy-fifth anr. of     graduation      ...Fist, will deliver the Baccalnureaic Sermon Dr Tmcs ;s Minister of the St.    :s?s Presbyterian Church, New York City, and President of the       * Alumni Association cf union- j Thdjli'sica] Semina.-r. At ti.rcc o : in the  the annual pJ!?rim:   ; to the Cravath Graves was made to 'lie National Cemetery here. At G:C0 P. M. there was a. program of Alumni Awards. :,t which time liv-njt memhers of tHe Normal Oraclua'inc C!rss of 1875, College and Normal Ciass of 1885 WU1 be presented awards for !n^ service to the university and to humanity. The Normal Clnrf of 1875 has the unusual distinction of having its entire membership still living.</t>
  </si>
  <si>
    <t>                                           The Sixty-Frist Annual Commencement of Fisk University will be held June 12 at 10 A. M. in the Fisk University Memorial Chapel. when Dean Herbert E. Hawkes of Columbia University, New York City, will deliver the Commencement Address, Sixty-Six students...</t>
  </si>
  <si>
    <t>                                           f i USJjjiUiL^ ^J_^^__i^_J 9^ H B ys^L JUuuM^</t>
  </si>
  <si>
    <t>                                           THURSDAY. JL^   ^:r^^I_ ^l^'^A^w7^     .-, avt. ,v. l-ACE KIVI</t>
  </si>
  <si>
    <t>                                           TODAY v^ ***^%I^ i   nvn_j.KrC( fc. *4X**ial ^B^^#w ~~^rn.tfi.-i-N. "^K^^^ ill</t>
  </si>
  <si>
    <t>                                           GEORGIA j "The Irish In Us" ;j 1 With JAMES  and PAT O'BRIEN I  Tnr ViuJcvlm I Wanm Olunil lui w.i i     '~  l "Cluli Kif hi -owi'  t la " ft Kit Itrviir   ':;'rr^7 I 5 A:U VoJvil a sV"i"rwt":~i I*. Clrls.1 Clrlll 1 I.~J j Matiam Mingy 1 1 THE WOMAN WHO KNOWS I Tcl!^     . promt and future I I PERMANENTLY LOCATED         and Life Reader I { Civet  on all affair* of I life. Love. Marriage, i M8    and Speculation! of i HlJg  H kinds. Don't fail I I i ra^r^j to iee *^'1* xi^e^ i I K5^SJ5   'mi.t. Point!  i SfV*~ $~ way to all trouble*, I Kft^i^S^    ^ *l*ow* you how Madam Mingy has helped thousands and she can help TELLS LUCKY DAYS AND SPECIAL  SOc Take Federal Prison car to end i of line. Look for Name on Sign Not in Tent. Satisfaction Guaranteed 638 McDonou?H Road Madam Mingy Makes No Home Calls Office Hours: 9 A.M. to 9 P.M.</t>
  </si>
  <si>
    <t>                                           CHICAGO--Sometime ago I pinned the cognomen of "Brown Moses of the Prize King" on Joseph Louis Barrow, of the Lexington, Alabama Barrows and today I reiterate the nickname. If I were to draw a far-fetched comparison, I would remark that each victory of Louis after the Carnera hurdle, will be in effect, as good as electing a congressman to represent us in Washington and if her, by some manner, is given a shot at the title which he would win, he'd do us as much good in the capacity...</t>
  </si>
  <si>
    <t>                                           BoyS and girls in Atlanta and Georgia and everywhere else for that matter, are invited to send in their names and addresses and thus become a member of ... World. Your name and ... dress will be published.</t>
  </si>
  <si>
    <t>                                           Julius James Runs Amuck; Is Killed                 ORLANDO. Fla.-                 :sns)-                 Mr. Julius .Tame* met hla death Saturday night, on the corner of Parramorc and Long streets. The accident met  an argument. Mr. Roma. Turner fired one fatal shot In. self defense. The hullet coursed through the  chest. Death was Instantaneous.</t>
  </si>
  <si>
    <t>                                           S. S. Body To Stage Novel EyentMonday                 By W. A. Murphy                 A very novel presentation will  the meeting of the Atlanl:, Siiiulny      .ol Association Monclny night. May 2 f. at the Holsey ' C. M. E. church, the little C. M. E.  around Ihe corner ri-oin Edxewooil, r,n Boulevard, S. K.                 There will Ijo only .me hour ol this fsci'~j;:il program  I'lirh , beginning -with the  Junior choir of Liberty Baptist church at 7:45, ; lit i le Mlyx Gordon* rood, lnj; down lo the Thankful Baptist church choir, is a "Star Number." The Atlanta Sunday School Association, since its very first "  year, has been favored will). unusually large attendances and  time, even at Its Easi I'ohH  at Orani Ch.-  ,el A. M. 13. church, last month. The K:iH Point,  1ms been  by many as the best this year. The     !~ram nf I he "Oolit.-n Hour" will stan at 7:-i5 with ft se  of musical  hy I he Champion.ship Junior choir of Liberty Baptist; nev. K. ColcloUgh of ':" Theological Seminary will be Introduced by W. A. Murphy, chairman of the. executive  e. other musical  will be  by the Mt (Continued on Page 6j Col. 3)                 SXBody (Cc7.!;s-jd fr=~. Fiji i) Pleasant Baptist  choir. Yoiiiig People's chorus of      West Milclicil Street C. M. E. t-; a wolo by Rev. Louis Foster, Great. er Wheut Streei Baptist -ch: and HiP Thankful Baptist                  of Deratnr, fi.'i. Mrs. .1. .1. Cicw, wife of ihe   :i:~- toi- of liberty Baplus church anil a prominent Sunday School worker will lie Din pi-!i)rlp:il       :-..'r. a reading by UiUe MLis Cordon of Linden Stri'eL C. M. K.  will :i J-o be . Ai tin.' close of Uie program a (U'in**:w ~(ssion  bo held wild John C. Cni'iCi'. president of Uua'..-:'-ci:ii.io:] i:ro.       .</t>
  </si>
  <si>
    <t>                                           A very novel presentation will feature the meeting of the Atlanta Sunday School Association Monday night, May 20, at the Holsey Temple C. M. E. church, the little C. M. E. church around the corner from Edgewood, on Boulevard, S. E.</t>
  </si>
  <si>
    <t>                                           TO INTRODUCE                 ATTORNEY A. T.  Generally  as a lawyer.. nnd   ivic leader. will be seen in the role of nn outstanding churchman Sunday afternoon. July II when he "ill introduce Judsc William H. Hnrrtsun of Chicago. Illinois, as the         ;tl speaker al the City Wide mdny Srhool mnss  a', the CUy Auditorium. Mr. U'aldcn. who is superintendent of the Greater WHicat Street Baptist church has been selected to introduce his fellow attorney who  . is  of the Sunday School nt Dr. L. K. Williams church in Chicago, reputedly the  Sundaj- school in the country.</t>
  </si>
  <si>
    <t>                                           LEGION BAND. Charles Young Post No. "77, of the American Legion. Oscar Smith veteran postal employee, Director. Post Headquarters, 564 E. Forest. This band furnishes music for all occasions.</t>
  </si>
  <si>
    <t>                                           Market Data I'ltiD.w. mav         :i I Ni'\v Vnfl;   .-,k r:\' Ti'iinwii'luiiiS l.Tin.UiWi Toliil Xcw       Curli K.  Sulrs "hhi.       Vrw Voile Sl.~k Kwlmlije  S:ihn .sii.i;~i::.</t>
  </si>
  <si>
    <t>                                           MESDAMES 3ennie M. Harvey and Henry Myhand. The former visited YoungstoWh with relatives and friends and the latter has just returned from Georgia with her father to Youngston. Ohio.</t>
  </si>
  <si>
    <t>                                           SCENES ON ARKANSAS CAMPUS*                 The Administration Building, Caldwell Hall, named in honor of former State Senator Creed Caldwell. It contains the '.various administrative offices, the offices of the directors of the SmithHughes vocational work, the General AssemLIv Room and the Library.</t>
  </si>
  <si>
    <t>                                           This Sunday is Children's Day, The Junior department or the BYPU is Preventing a Children's Day display representing the families at Wheat Street and friends. Every member and friend is urged to e6operate with the juniors and bring the Children OW. A very...</t>
  </si>
  <si>
    <t>                                           Tbi* delicious       0 food h DIGESTIBLE AS MILK ITSELF! ^^jK 1  !a   !~Mts'   =*" Cbtd-'~- Gkt*.          ~.te !;. I  dcT-rata of 'many    *~. lt i ) lot  Serfs      Vckeeu- in MndwlebM, in cooked *</t>
  </si>
  <si>
    <t>                                           I TIM TYLER S LUCK Bv Lvm Youne                 FELIX THE CAT By Sullivan                 I PETER PEN '^'"v- ^^=^ V '!:A                 THE  GIRLS                 IT S A GREAT LIFE IF YOU DONT WEAKEN</t>
  </si>
  <si>
    <t>                                           TIM TYLER S LUCK                 By  Youna"~                 FELIX, THE CAT                 By Sullivan                 ^NOODLES                 By Cy Hungerfopri                 PETER PEN                 THE  GIRLS</t>
  </si>
  <si>
    <t>                                           Dr. P. S. Moten, secretary-treasurer of the Southside Clinic and director of Committee on Mortality Statistics of Negro Women has returned from an extensive trip which took him through Tennessee and Georgia. Dr. Moten has been investigating Negro Mortality in...</t>
  </si>
  <si>
    <t>                                           The assembly on Thursday, May 16 marked the fourth induction exercises of the Ware chapter of the National Honor Society. The candidates were: Grace Eleanor Days. Dorothea Caster, Lee Boston and Lois Helene Nohrit. They were inducted into the Ware...</t>
  </si>
  <si>
    <t>                                           SAVANNAH, Ga. ()--Principal John W. Hubert of Cuyter high school, this city, reports great interest in the coming logcabin camp school for Negro boys and girls July 8-August 16. He has had a number of conferences with state and national boy...</t>
  </si>
  <si>
    <t>                                           Putting A Good Security Into Your Strong Box W IT V vou l)   :';   "cc a  -v l)f lifc g Jk g insurance, your estate  exactly 1/1/ ax  as if you had deposited an aii.liW  bond for 51000, S2000 or 55000 in your safe deposit l)ox, and while a Rood gold bond wouid cost you par. or nearly par, payment of the amount of your life insurance^ polio is guaranteed for an average much less than its amount. Common and preferred stocks, bonds and other forms of securities fluctuate in value, their market price being affected by laws of supply and demand, management, competition, invention even politics while the policy of legal reserve lifc insurance offers an absolutely  investment for funds and the assurance that it will be  when due without depreciation, 100 cents on the dollar. The institution of old line, legal reserve life insurance is operated directly under stale supervision. From the time of the inception of the Company, it is efficiently regulated by statues which provide against harm to policyholders resulting from the mistakes or judgment and error in management or selection of securities. Such safely of your interests, combined with honesty and square dealing, are important reasons why the possession of your life insurance policy should bring satisfaction and peace of mind, as it. represents an outstanding value; a strong box security you should be proud to own. How widely we !~avc come to recognize the security of insurance! Truly, there is hardly an activity of American life thai docs not involve insurance in one or another of its hundreds of forms. So casually have we come to accept the security of its protection that we regard it as a commo. necessity. '^The desire of the American "f am Hy**f or security, against the loss of  has been so well met by life insurance in a manner so ideal that it has been adapted to many purposes it wan not originally designed or intended to serve. Today we find ourselves providing for old age incomes, accumulating funds for the education of children and for the retirement of debt, all through the medium of the life insurance policy. What is more universal, in American Life today than the striving for security security against losses in business; against the contingencies of every day life; against the loss of income and of home? People of many nations, less enlightened, philosophically, accept reverses and losses as unavoidable  of fate, but the American people have learned how to create  y, quickly, safely and dependably through life insurance. Lifc Insurance means freedom from worry to you; to your beneficiary it means security from want; the assurance of a home and its comforts; of an education to minor children, and of (he things in general we have come to look upon as being a necessary part of American family life. DEPENDABLE ADVICE ft IV EN ON YOUR LIFE PROGRAM Welcome; the Atlanta Life representative -when he calls. He will present life insurance in a broad sense, perhaps more broadly fitting your exact requirements than ynn may . Talk with him his , his training and experience may be of inestimable value to you. ATLANTA LIFE INSURANCE CO. A. F. HERNDON. Founder 1 -IS Au'uim Avenue. N. R. Atlanta, Georgia</t>
  </si>
  <si>
    <t>                                           B   0  ^wS l Dr. Miles .v "^fcj "Did the work" J *~**$    nay* **%~ A YOU After more than  months of suffering from :i nervous ailment. Miss Glivar used Dr. Miles Nervine which cave her such splendid results that she wrote uj an enthusiastic letter. 1/ j/ou suffer from "Ncrvex.* Ij you lie awake nights, start at midden noises, tire , arc cranky, blue and  fidgety, your nerves art t/robably out of order. ~~} and relax them with the mmc medicine that "did the work" for this Colorado girL Whether your "Nerves" have troubled you for hours or for years, you ll find this timetested remedy effective. At Drug Stores 25c and $1.00.  A, 7199 Open All Night Thomas' 24-Hour Service (Standard ('inducts) Alcmillng Sinioni/ Washing (           IWi! offer you Always belli Courteous  nd Prompt Scrvicif W. D. THOMAS. Jr.. Prop. Wot Hunter ll Jcptlia</t>
  </si>
  <si>
    <t>                                           I KEn TIT ,1Hp lEf Z ;S^O;0 .- 1,E ALM</t>
  </si>
  <si>
    <t>                                           State BJind Gathering in Macon Today                 M/.CO.V. G.I.- 'Spc.:j.-,!i- A om   of the Xcsrc As- cf Workers l,,r tii- Blind will be held today at !!,c Georgia state School for the blind, according to announcement* by P. T. Jolinson Thomasvllle, Ga.,  of the orpin . The opening session is to b? held at nine o clock in the mornin? "Iiilc the dual session will cc  this evening. Delegates from oil parts of til? state are expo ted to be present at this meeting as the association I? anxious to get in touch with every blind person, man or woman, in the state, who desires an education and employment, a number of chur, lie- ore planning to help sen:! - tc the meeting. Mr. Johnson. \vh, is totally \-!i;icl. is a leading .-pirit in the .' Hon. Despite his handicap he Is co!'..]'i.-nnc n dm I r repair shop,  the wi rk himself.      earning his livelihood in that manner. Director Washington Put On Child Group FYmtosU.t I'.. W:;-:.'ion.  of tho All-Mil., Si- of Social Work-. In.- ji.M ,,.,! uf his  hl in iiu ~.M- ll Hi- l..i:ir.l ..f  of      Child Wolf:!!-,. I -:a rr ii.-. of AlmiviCil Tliis -tit wii^ made ai Hi-  11 in-.- i.~ in,; l.i- in M"i.ir.;il. f.,, i,, .   ,., "~ill, li,,. jn.-.ii,... x;1,~. Cimf.-:-. in-,. ,,f s,,,-i:,~ \v,.~.j; ~-.,rli ..I' 1 1,,. -,.~,,,..l n-iw sii-.i I!,.-,, It ~:           .l.. f,,i- .\fi. w.^h.  I,, nit,..,,! n,   .~  'tv.ii,;     ,( ,!:,,{,. ~,j. :r I 11.  ;ls a surprise i,, ll,ln. Til- ('hi;.! W.-ir.,,-.. ,,f      -i-i.-M i- i,,,,,,,,.L.,,., hii.l -.-'tv r^:ii,i/:,'j..~i it. i;,.~-"~ r,,-,! v..,,..u,, sr^in.^ ..f all  "orl;. ^tj;: Fulton Civic League Meets This Sunday The F'.ilt.m County Civic Leat;t:o  il) hol.i its monthly merlin; Sunday  at the St. J.iiin           . Armour Stntlon. with Troy-Hunte,. in charge. i A special  will feature i a            of "What Cnn We n.. to Ke;ier Cinditii.na AmonR O'.:r I People."           reports will be made on each school district and all 'irr nr?cd to bring their s.ong broks and Bibles. \'i-!t. iv arc invited to attend thl? ir. which may be reached by taking the Morningsidc bus. 5ft. ting off at Rock Springs road, and  two MitiiB ft ^lie</t>
  </si>
  <si>
    <t>                                           Night and Morning to keep them Clean. dear and Hcilibr        for Trt* "V.ye Carr" or "Eye BrovtV' Book M.*-C"-Dfn.H.S_ir. Ok-.V.      IT S SIMPLY INEXCUSABLE You cannot  lo moki friends socially or in  if you  halitosis (bod 6. Sinco you ;        i*'        , the one woy of -*    you do     offend 's gargle offer) w!fh Lisierme. U /  odors, improves mouth         and checks infection. Lambert Pharmacol Company, St. Louis, Musouri. LISTER! Ni: ends halitosis  IU 200.000,000 9 rmi r</t>
  </si>
  <si>
    <t>                                           REDMOND IS IN GOP CUT SPOTLIGHT                 Mississippi Leader Joins Lily Whites In Big Protest                 HOT STATEMENT                 j.. :.:   . isiM-.- The proposed ^ of thr i..i ins pow.rr of the  ~;.O.1\  In the ICvpuliikaii .\a  Convention. t.*: iu for a bit er attack from on.- of th^     4 colored        .f oC ithc political faction today when S. K.                 . local attorney, labelled it as "'              and contrary    :lic  of the republican party." Although ill.' mutter has been I  il for (In.- past fi-\v day* i by white         ilie state- i ment by .Vttorney Redmoud. who I is the republican leader In     state,     the first public  r. ance by any of the outstanding -rs of the country ou the pii.i. po^    slush. -Tin- republicans of Mississippi arc unutterably opposed to any chance m the  conven- 1 tb.n plan of representation." Mr. i Redmond    -rted. 'To say that! one or two states  the same I population shall hare less than the -r In representation is wholly nn". undemocratic. un-Amcrl.-an and contrary to     traditions of the republican party and the spirit which actuated its found*1Cnc  varty In- Minis-. I (Continued ob Page 2, Col. 6)                 Redmond Is (Continued from Page 1) Ippl i- ju.-t sis  as In Maine Hid MichlKSiu," lit went oil. "Tlie act I hot the southern states do lot hove a large republican vote i dm- to tbc fact that Xegroi-s .- the bulk ot, .the vote mil NVirriN-s arc not permitted to register and vote iu toe southern ;UHe-." It w.is pointed out that the - has more than one. fifth, of ibe  power In the Chicago  in 1SKR! hut leaden- regard Kedmond's statement as quite   in view of the fact that tile parly in the north i* dcpi . to :i  extent, upon the Negro vote, in that section. In Trans, where the while Primary b;is ils full sway, tlie  ore opp^^'d to slash "ii tht* grounds  the party has a  ood chance to  :i Powerful faction 111  s.-.-iion  lu.- ti. the fuel that many democrats are Invomln:; highly dissatisfied with  I' th'- - pi rty in Texas. A  in representation, it is fean-d.  hurl the- ~-           - T''\:is -    " whiti*" to infn-a."*- their . \V. .1. Ilowcy ..r Florida, is             on         *t to ha\*f all "f the T;         -Hns of the South, "lily whiti-s" and all. ro present an  front      tiie '-lit In ^.  tln-rs are iin-  the I5C.  In tin- North should I lake /-e   f the fait that the -ni Nicto is K- t-~  -lf and L- demand, iu^ the  to  the  II I-- also          out lhat more :nid more citizens are  their poll taxes and .  their - power, i" many -s. is ! to ceneral 4-lei-      . With         votes, tlie Ui-      -aiis Ivlierc that It is  to flirt with the   votes as many may  ist their    ?s with I hi- -rs lie parly  is al-' n-ndy in     -  in ihi-              also ursi- their friends anil n- in the North     stii-k with the democrats, expecially If i !u-y  re   to vote democratic.</t>
  </si>
  <si>
    <t>                                           JACKSON, Miss. -- ()-- The proposed cutling of the voting power of the southern G.O.T followers in the Republican National Convention, came in for a bitter attack from one of the out standing colored leaders of the political faction today when S. B.</t>
  </si>
  <si>
    <t>                                           TIRE AT POLICE STATION                 Considerable damage reunited to tbe flooring  fo tbe  floor Of tbe  station. Jut Above 1he .old Identification bureau, TVedrwu  ay , when, about  o clock, a  was discovers above him by Signal Operator H. I M. Hodcinx. Ofltcor      Wllli- i *nw. Ed Venroy. the  operator, and Necro man,  a I bucket, kept tbe flames from Kpreadinc  tbe  of the i Ore .  tb?  a water bucket. j TO BROADCAST OPEXINfl 1 OF  j Two   wilt Wo^ the * . tea* of tbe 74th Oonctrm thU   trom     -a    - I Hot at WanMnwoa.   . C Ttto       be  o*er KMUo Ma. Hem WG8T and tbe Oolembla  hala       thin * while Station V81V the  MBO   re- I     rnai,       of tbo   a* 10*0.</t>
  </si>
  <si>
    <t>                                           i.  ~=n i  HBHflfFl PAGE SIX i ATLANTA DAILY WORLD, ATLANTA, GA. WEDNESDAY. MAY 15 1935</t>
  </si>
  <si>
    <t>                                           Liberty Baptist Opens Its 27th Anniversary i                 liberty Baptist Church will cele- I brate the twenty-seventh - I sary of its founding tomorrow. The occasion will be celebrated with a grand rally. The - saty message win be delivered by Rev. A. Walter Williams, A. M., B. i D., pastor Hill's First Bnptlst Church, Athens, Georgia, while choir No .1, will render special mu sic for the occasion, The pastor is urging ail members and friends to her Rev. Mr. Williams. He is one of our best prepared minister* from the points of scholastic attainment and pastoral experience. At the close of the service, dinner will be served tree to all who worship with us. At four o clock the B. Y. P. V. will hold forth with a program being presented featuring some of the best  talent In the city. At seven-thirty there will be a I perm on by the pastor and the fi- nat counting in the rally. Al] of i  services begin promptly and j move with dispatch. Conic on j time. A x I</t>
  </si>
  <si>
    <t>                                           SHOWERS today with temperature extremes near 64 mid 84 . Gcorpp \V. .Mlndlliic. U- Vttii'd Siot-s J^.</t>
  </si>
  <si>
    <t>                                           TEAMED IN ASHBY FEATURE                 Jwtnelte MacDonald and Maurice Chevalier arc  r. in  greatest musical picture. -The Merry Widow, taken from Franz Xehar's famous operetta of the same name. The picture is  Bailey's Ashby today and tomorrow.</t>
  </si>
  <si>
    <t>                                           TUSKEGEE, Ala.--Dr. Francis Marion Inge, outstanding surgeon and physician of Moblie, Ala., recently elected state commander of the American Legion, visited the Brittain G. McKenzie Post No. 150 here Friday. Dr. Inge was accompanied to Tuskegee by...</t>
  </si>
  <si>
    <t>                                           Tom Under In Defense of Secession                 Race Again Attacked In Answer To Man In Donalsonville                 HITS U. S. TAXES                 StMn CnmrnlHlniKT or Agrli- Turn Llnilw. in . '~ . 1,1 j. i,, Harnls.m. Hf. nf ilic  of (       -rr.~ ..f ni.            . Scmlnolc , anil .-.l lo     Ailniiin Cuimtltutlon. cam" j In the der.-MFO nf his .i I                 that Georgia  m,i u  lo s0.      from Hie United States, has-. Int! Ill- assertions upon the fact that Georgia white voters were .i to go to the polls , with Worries In the recent democratic election on the adoption "t th? Jinnkhead proc'*5.-:Inc; tux, tli:lt the Scottnboro care decision carried Its "lr.gir.nl conclusion" I"*':'"i ~:t -I:. 1 .-quality dun  h.~ f.-/.ei- i-'-i, Was aimed In swell the ni-.  jf i.'iv fertilizer truM and fli:il Hie  iro,- lux on  nn,   . Aii rno.-t on iit.~ p.'in of i WorM ^ in 4-nnt:i-*t (Me l.- re^,,,-,. ju n n). tempt to .iin  lii(hrr nr Kit ihr .-IKrlcllllinil ..v  lii  NeKroi-s     In til" information t luit Under, who h.id rc-, wan  Hie rily an.l  riot return until late tonight. Mr. Hn.rnl.~on'.-: l.-iler to th" c.ui, ;.u,- set forth  man..people in the . p.-u-t of the state were loath to believe that he had made a  nc favoring Eoee^ion  the Union and  that his friends wore              -and "unless  thsy are "d  will mi longer support yon." The Questions nnd answers :is propounded    ihe Donalsonvllle civic, leader nd^ replied lo I by the .\ of - i  rire re]ti-inted herewith through the colli lesy or the Atlantn Cnnsiiiinlnn. which also carries :ni h  )rI:il comment   m tlie question in this morning s i.^sue. They are ns  K-r.: .  : Q. When jnn ninde thr ^tlon In ilir .Mnikot  nf April 2.%  f^i^ Inn! ilto j . tfi .    tti tlu* twt t^ioi! of    fr()m  I'nlon nr tile  lim   l I  from [hi* policies of thi* i New Deal/ A. If Uiivouc will  my {  .mI 'I'lirce 1'        ' ii.   :i-J Whlili (Hie Ar,. \\V l--~~/" I  It will clear  I had  rci ctic4  nt when I said. "Wo .still I him* tin*  lo 11 In closing ilia i article. I marie i  to Uk*   for the first l. the w.lillo people of 1J1K i state were railed upon 1 1  nian-li    Ihe polls,  by  with    ' .NrnriM-s, to vote In n         .  on the  hill. I f.    ni to Ihc ;ision of  8'(knie     in the Scottstinro rase, requiring ISei^i*     to he put Iti Jury      *( mul I wound up by KAyliic "No question is our settled until It Ii  . We still have tin'  to    **  \" I think i lint  * In the mind or a:.y thinking  so Page 6, Col. 7)                 Tom Linder (Continued from Pafee son UK- Won .   hc-.~ontc  enough     ili mand It for Instance  It  lo thp   ii(~.   r  lo racial     :ilit)'. wo si III have I      to . I ilo im.i .vc then- I* any (~Ollrllxi-c.iis while n, :ui I,, Gtvir.  w rni i.. ili,~ sion, , xi'~';ii-            of a        ]ri-.ile soldi, t.  li,~ would resi iu        .  d my  lo  ili,~ mure  in  II whs used. Q. WVrp 5    .ins en Infrrciwc  iho  .  is -inK a   ? A. I  ni not  ';. 1 am   ihp tnc-t  Iho  I'Oiirl of thi"-,1 si:iti,s ri inl^n-d :m opinion which . In . Unit a Nosro    . i- of a crime  a while woman  XcsrOoR arc In the Jury box to try him. Under the Mmo line of reasoning, It would ho   ? to have a Negro Judec to try the case. It would 1~~? ,,0 to have Ncgroi-s on the  courts to review (ho  in the lower court, in (act,                 following the line of reasoning to I Us logical  a Negrol could not be convicted except  WgroeH. I am merely recognizing the edit from the White       thai Ho person was to be debarred from voting on the     . lu-ao bill on account of his rno.; or . which was another way nf saying lhat a Negro must be permitted in vote on tho Bankhead law. i nni un\ shutting my eyes to the fact that a NnKro has been appointed an .  by the president. I nin merely  the fact that President RoOHOA'elt, two weeks ago,  a  NVf-rJ from North Carolina, named A:- Scott.    Jlidgo m' [     '.clf.iil court of the District (if Coluinhlit. Q. II' It.  nine to -down In  ~(~ woul.l you     iti(f 't liu'^i \          .ssi n in iho ...mil. A. Thril nut'.-Uiou  ;l*. N'o. ~*,lfn while rium  jin.-u-rr It Ian     way. tj.       i'm. lUa  to   rrom the- New. Dwil.' I In reply lo tho Iftltt'r ,    p.-irt. the ^Hloner rel erM lo the  coil,, that  ~'i- the  in the  01' Hie   Lrnst ,) hy thu Cha^e N'.'.-il hank nff New York,, and how ii was broken by the farmers ut O-; to the hog  l.nx, which allegedly aids the fanners; of the wost and from which lie  ".secession" and ihii syrup processing lax and. In.? Hawaii sugar trust und his  "I  we  to  from Hawaii and  payIn;-^ it $0,11110,000 of our money."</t>
  </si>
  <si>
    <t>                                           State Commisioner of Agriculture Tom Linder, in a communication addressed to J. L., Haralson, secretary of the Chamber of Commerce of Donalsonville, Seminole county, and furnished to the Atlanta Constitution, came to the defense of his contention...</t>
  </si>
  <si>
    <t>                                           COLLEGES, Ga.-- ... H. Spencer High squad Green Wave football team coached by B. T. Fowlkes, three times undefeated champions of Georgia, handed the challenging Austin High school eleven of Knoxville. Tenn., a 12-12 defeat in a thrilling hard-fought New Year's Day Southern grid classic at the Memorial stadium here to settle claims for the national high school gridiron supremacy.</t>
  </si>
  <si>
    <t>                                           Was Opened at the usual hour Devotions were led by the assistant superintendent. Brother Andrew Harris. The classes assembled at their usual places with each discussing an interesting lesson. Every one seemed to have enjoyed. We had some very encouraging and...</t>
  </si>
  <si>
    <t>                                           Dr. James Corry, Ex-Array Doctor lit Yt*!                   in         and Ahroa4 I served with both the American and British Armies during the World War. holding the rank of . I find many         n.      . I arm      Com** lifter working hour*. My office* nrf  t\*\\v until 8   t nicht for vour convenience. 75     SU. N. B.          H0l!STO\ :rM Mttii.-~        :  i:~.</t>
  </si>
  <si>
    <t>                                           IN MEMORIAM                 "In memory or our darling mother, Mrs. Minnie Jones, who departed this life August 28, i92  , five yean ago today. Mamma, how we raiss you, y*s, -%ye misj  ou, No, pea can write, ao  ~*n    . The-; sorrows., which cur  ~:?:..have-- 1 .'V Yout. children, -^-Mri. Mary J. Coley, ;  ^ Flor.      Wade,, ^ii; Miss Minnie:- B.'*Harris, .ter; Mr;. Walter. Stroud,: brother.</t>
  </si>
  <si>
    <t>                                           L...</t>
  </si>
  <si>
    <t>                                           TIM TYLER 'S LUCK_ By Lym Young                 FELIX/THE CAT ^By^Sullivan                 PETER PEN                 THE  GIRLS                 IT S A GREA 1 LIFE IF YOU DON'T WEAKEN</t>
  </si>
  <si>
    <t>                                           W.E.L.--I Would like for you to tell me., if I should leave here as I am so very tired of the life that I am living?</t>
  </si>
  <si>
    <t>                                           Screen Sweeties                 Joan Blondel! and Ross Alexander arc- that way in the new Warner Bros. Comedy. "Wc-rc In The I Money." now at the Gcircia The- alre. j</t>
  </si>
  <si>
    <t>                                           I insure your Motor fc BY USING Seal Can I Pennsylvania Oil I 20c per qt. I Dodson Oil of I Georgia, Inc. I Auburn Ays. JacWion I Grant at IXcatur St. H McDonouih Boulevard at H '.^^^G-men Avnue H</t>
  </si>
  <si>
    <t>                                           TUSKEGEE INSTITUTE, Ala. Coaches and officias of the Southern Conference Coacher and Officials Association will hold their annual meeting at the Butler Street, YMCA, Atlanta, Ga., Friday and Saturday September 6 and 7,. it was announced today...</t>
  </si>
  <si>
    <t>                                           Rev. Hall Will Speak Tonight At Liberty                 Tonight, a.t eight o clock, tl.r I Ul-erty Uapttst church, the Rev. I J. J. ~.*lo\v. *T. will be tht? sr. of  (.' pro-ram of the         f   tlic celebration uf the 20th anni-  of the founding of Holnies j Institute. i                 Kcv Ernes: Hall, former  (Continued on Page 5. Col. 5)                 I Rev. Hall I i i (Continued from      I  f th.- local ~-       . will It- the I prin..-           .-.\ Dr. Hall. In nationally known     hi* j di- addr.  . arrived in tn.  ity  arly Thursday .-v- fpmi Clcwlund. Oliio. wa* -l! the       a large   i Ilia old  and ~"~11      *. Tlw        will j In: sponsored l-y the -~Juca. and          or?            i thi-   J. \V. Do''bs.  nu-s- ttrr ^V. V. and A. M..  vt Gsofs'a. I'rwUling. Amons : win. v.ill aj.pv-iv J un th^  arc F. U Jom-*.  niter Gate city l^c'e- I No. 54. I. K. P. E. Wm Mrs. M. j .\5nrK     . ~,up.:rx      rol"r-'d j ,          schools vt AlUuiuu Or. j D. H. Stantoti. Aiiwrrlcan B"~lf So- clow.': J. M. Chiles,  I church cooperation: J- Harrln.  rn. V. and A. A. Y.  M- I sons yf Oonsta:    . B. K. Ca.-tvr. j *'       -    u* :       1 E. T. .Mitcholl "f MorrlH Brumi j V. Kojiiol'1". Atiiinla        WoliC. Mnslral  on;. "ill In- t-  .        the    .'   - V:    !~t chi iv nna Ilelnivf. In^  bn"i j remark* will b.. made hy  j HolmvH. founder of the school. Tho  is  ^rt j S to attend this program. j</t>
  </si>
  <si>
    <t>                                           Tonight at eight o'clock, the Liberty Baptist church, the Rev. J. J. Clow, minister, will be the scene of the concluding program of the series of events marking the celebration of the 20th anniversary of the founding of Holmes Institute.</t>
  </si>
  <si>
    <t>                                           Happenings a interest right under our noses... on some Sunshiny afternoon take a walk out to the Jackson Street show graduates and see the "boys" play ball...sonie in overalls.... some in baseball outfits.... some in everyday civilian clothes...</t>
  </si>
  <si>
    <t>                                           GRAND OLD MAN AT ASHBY                 George Arliss has the greatest role of his career of i   film roles .is Nathan Kolhschild in the four-star picture. "House uf Kothschild." playing today and tomorrow a( Bailey's New Aslifoy theatre. Boris Karloff and Lorctta Vounjc have  roles in the film.</t>
  </si>
  <si>
    <t>                                           IT DRAWS NEARER and nearer the headline Atlanta Tennis Club informed early summer dance.... Everybody's talking about the annual affair... This year's prom. the eleventh anniversary said is being ... this Friday night, 10 til 2 at Sunday Casino... J. Neil ... and his ... are dishing out" the entrancing brand of jazz melody... Business men.</t>
  </si>
  <si>
    <t>                                           Voting List In First \s The Largest                 Negro cii:acii!, Qualified to vote in ihe special repeal . i,,  white  almost four 10 one in the First Ward, it was revealed in si-, tig- tics released yesterday by J. c. Harrison .secretary cf the Fulton i county board of registrars.                 Registered Negro voters number e.i 430 in the first ward. u-i,ils there are only UO white voter* in that word. While Negroes .il white voters in the First ward, they fell nay behind in ihc ether twelve city wards, and in ilv; country districts of Fulton county. it was revealed by Harrisoivs c.. In the Fourih ward, there are only 338 Negro qualified voters I compared to 1214 white. The thickly populated Third ward, where         compose 70 Per cent of the cl!.~     . only 142 are  to vote, while 2193 - citizens may exercise the right of the ballot.. According to Mr. .Harrisons Iisines. there arc    .41!2- white pen- I pic eligible in vote in today s dec lion, and 1/291 Ncjjrces, in the  of Atlanta. There are 10.743 white  in county districts qualified to v,.tc compared to 151 Ncgroc?. The total number oi qualified voters, j .if both races In Fulton county totals 31.615. and of this group HO. 1.71 "tiers are white.</t>
  </si>
  <si>
    <t>                                           Negro citizens qualified to vote in the special repeal election today ournumber white voters almost tour to one in the First Ward. It Was revealed in statistics released yesterday by J. C. Harrison secretary of the Fulton county board of registrars.</t>
  </si>
  <si>
    <t>                                           GIVES SERMON                 REV. G. WASHINGTON DAVIS -of Lindsay Street Baptist church I of which Bev. E. S. Swansea, is pastor, who will preach Sunday, July 7. at three o clock aX the Union Baptist  In connection with the anniversary of Rev. S. 3L Bryant,' pastor of Union Baptist. Rev. Davis is an active member of (be Atlanta Baptist Ministers' Union.</t>
  </si>
  <si>
    <t>                                           Shaw's Advice                 The mil} person to urge Uulle Selassie lo  defeat Is (- Bernard Sliow, noted Kngli., -~-*r-m*    lo the ~\*.Hocittted Press mid published in metropolitan.  in New York. Mr. Shaw suggest* that the Ethiopians do  the Indian! under the .li Kmplre. Some yrun uKu Mr. Slinw           a bonk  "The Black Girl Seeks Owl." An examination of Ihit honk reveals that the young lady finds God by citrine her  babies, while her  works in tho cardon.                 JOSHUA* JONE5 By I. P. Rtrn.ldt BROTHER BKVli MN blade find white don't II*, but a           .   nd  T.</t>
  </si>
  <si>
    <t>                                           WARMS  HI                 Swinging J knurl } Lnnceford antl his Cotton Club band  lino Chi lust week to capture tile hearts of Wind]- City  lovers." Tlie Lunooford   Into CJilcnco ToUutvliu; a  Micccs.-iful  tour of     Soutli.</t>
  </si>
  <si>
    <t>                                           Baby Bandits Find Careers Short Lived                 A wave of terror started on the West Side by a quartet of *baby Hindus" riding in a. stolen V-S was nipped in the bad early Monday with the arrest of the two ringleaders.                 Carried to the Juvenile detention home, they save their names as Lewis tee, 14, of 487 Sfarkham Street: and Maxle Lee Harmon. 13. of 7!~ Haynes Street. The jailed  nave police the Mimes of their two  companions' The pair were arrested by Hadin Patrolmen H. C. Miller and .T. H. (Continnod en pag, 2; col. 6)                 Baby Bandits (Continued from page X) ^-i. tangley "at McDoniel' Street and University Avenue, after a "lookout" had. Jieon radioed .to all police cars. Stariinz their, .wave .off robberies at, .M. nud Maple Senvts at. 2 o clock Monday morning, the' youthful Imndlts. held  i_  * t.eorge Joii'-s. of Smyrna. "Cfa relieving  of n SI." watch and a  look a'  ir -ticket fur good ;ir;-. Junes said-            off la .the V-S, the quartet halted at 37 Ashhy Street, . Inns  to rob.Xv l.. X.tii. Washlniiton Hlgli School  nf *5 after forcing him Into the car.. Police later  the, money' from ; Lev's pockets. It was Xeal   shed ? with the license  of :tbe. bandit car,  descriptions of the 'youthful  men. A tow  later, Officers Miller and r^ jumped the ' air at McDaniel Street aud University Avenue, just lii' time :ic/ -ave. Walter Sheats. of 441 Rockwell Streer, from  his           - Sheats wag being held prisoner in the car. when  to the rescue. lie said Lae hud  him to get In. at the point of a. pistol, after the car liad been driven al.'.ug side of the street .at Georgia Avenue %-auU McDaniel.  Mrcatv The missing 'pair  t the bandit gang, fled  a-hall of police bullets- Officer Miller expressed the belief that one of the pair had been, struck. .;The car used by the. quartet wns found .ro.ba.ye b^en .stolen from in. front of the residence of P.. 6.      -, B44 .Highland Avenue. ;Thf   according to police, confessed to .robbery of Jones and Xeai; 'aria the attempted rob-, beg:' of Sheata-</t>
  </si>
  <si>
    <t>                                           A wave of terror started on the Vest Side by a quartet of "baby ..." riding in a stolen V-S was nipped in the bad early Monday with the arrest of the two ringleaders.</t>
  </si>
  <si>
    <t>                                           Cole Street Baptist church just closed a successful revival meeting with Rev. A. P. Perry as the speaker.</t>
  </si>
  <si>
    <t>                                           MESCAl IKE. By Humtey</t>
  </si>
  <si>
    <t>                                           I wish to warn you in the name of all that is high and holy to stop and think a minute, I am sincere, and God forbid that I should ever any a word or days deed against the best interest of Atlanta, for I love my city, state and country and am willing to...</t>
  </si>
  <si>
    <t>                                           In Memorial!)                 S.-'lU. 7. I'.ilt.i                 In Invinc memory of nur HaiMnir . , son end In ot her. Mr. Thcniluro Xh.Hv Sr., uli.i  Ihiy       I yr. ago today, Darlinfr, wo ini.-s you  ami moi^ .-noli day. Mis. Kianclu' Siivi'ly, wife. .Mr. Tlifiiilon- Shcoly, Jr. son. Mrs. Isnliclla Shicly. ni Mlv-i", .Mr. I.. n . Sliccly, .</t>
  </si>
  <si>
    <t>                                           HKEjBSW  DKSlliNO I         *B m*d %aa Wuid*~ Mft av  c4B^j9m fid week ha ft^c^u tor WKSb^^M       1   r*   t*U OTtaM^k    *     */. Bi**.ct Ci%-  t **~ Jurt  tQO (Jilt*    **M  r  BAMPLf .ad Uot.* j IMt-i . WrIU Quiet I ViUfc** i^w* MB*.*' ***l. ^~_~_=~~=.</t>
  </si>
  <si>
    <t>                                           MR. G. W. BURTON, of Davidson Ga., a graduate of Paine college in Augusta, Ga., and former teacher, is at present national traveling representative of Leonard Tailors Company, was in the city on business. He has a number of customers and friends. His ...</t>
  </si>
  <si>
    <t>                                           How To Win Free Free Free Sensational new scientific information "HOW TO WIN." Stop losing! Here's money in .your pocket! Send me your correct name and address immediately. Let me .show you the RIGHT WAY.        , 19 WEST 3-1 l. NEW YORK CITY,  YORK. ENCLOSE 3c STAMP</t>
  </si>
  <si>
    <t>                                           MAN DROPS DEAD WHILE SITTING                  Believed to be the -victim of heart attack, 39-year old Luther Thomas, of 10S        (tract,; Tuesday night fen dead while  on the hack  of  ""* residence at C90 DeKalb avenue. According to franklin. Thomts was  in hit back door step* eating watermelon and          when suddenly the ,  topped.' LoOWrir around. Franklin, said be  that the dek man had  face forward into the yard. He was pronounced dead on arrival at Gradr hospital where he was carried by Radio Patrolmen J. CATenfaad R. I/. Burden Bis body was lator  to. the Poflard</t>
  </si>
  <si>
    <t>                                           FAVOR IDEA GIVEN III ARTICLE                 Race Discrimination An Asset, Reason* Kelly Miller                 CITES MARYLAND                 Bv KELLY MILLER                 The National Association for the Advancement of Colored People has decided to concentrate its efforts upon race discrimination rather than race distinction. Race prejudice is so  a passion with the American people that it exacts separate  of the two race?                 In matters : Intimacy of social contact, but under the 3 4 th amendment differentiated treatment on account or race or color Is -n. Htttv-rro the N AACP has ii.-v.'.it.rt much of its  nnd rf- in  race dls-  but now prudently trends i softly on  pedal. Thus much time nnd energy    spent on combating, residential  with iit;!-~ nr no . Much :r.oney nnd talent were wasted in  to force the attendance nf colored student? In ft  hish school in Gary. I"d.. in face of rhc fact that under the constitution of the . separate schools are permissable. The .Tuly Issues nf .Tonrna] of       Education published at Howard University, under the editorship nf    . C. H. ThnmDson. contains a most  ? of the. results of^.;. "flic lp-- nf Vepnrate "schools         the   "    . The   is  a frontal attack on si- schools as such is  pt to fail s:nce the Supreme Court has sanctioned  . i.rir everv ease '-ntly brought to test the  of  eq!      for hoth races  to obtain a  verdict. The recent  nf the  In the Mnrrlan'l cose Is in harmony with this . A similar test was made In North Carolina' but the case was thrown out on a technicality. The store nf Maryland  tm provision for the profes.  education of Necrn  ;    ;p*;t the nnt- of white .-.-ii li I- th^ T'nKers'tv nf MaryI'hiiI "r le  i-~~  hns .il the ^~  .: nf a    t4tf.~ipr fn t*io fn  of V..- land !""  forh  en- of the r!"-es '~'~ an   oiT^ft fnr  Nep-n at^. TTest Vlrrinln 0"0 IWssnurt have w  sum of money tn  tin? ^srtc; nf Neirro           . in n ore lib^rnl rt.. for that  cf  afforded white  In      state hut from which Neirro  are excluded. There Is little  that, if this i?~ne is I .judicially nnd judiciously tested, I similar  can he  In all states  the co-education of the mces. This is a ; to which the   well devote its chief  and  res  hope of (Continueil on page C Col. 4)                 Favor Idea i (Continued from   *~ 1) j  results. Maryland !s a border state and seems to 1h- the battleground on which ! issues are tested. It was ut AntUoin in Maryland and Gettsburg-near tho bonier of that state  the Confederate forces were routed in their northward movement and the tide was turned in favor of the Un\on and 'freedom of the Nobto race The Court of Appeals of Maryland was flrst to declare the  clou.-* in the revised constitution of that state unconstitutional. Jr wns this i same Court of App"iiN which out- lowed jim-crow c:n-~ for interstate  in thi-. William H. II. H:irf ~-ase. l"iis is the Only  in whli-h definite and '-   -    -in has been regis- : the  of 'Xezro p:(.vrs. And n nw this * c^nrr of Aprw*;ils will shortly     c:i!l''~l Tip'n'n tn  on the T*n1-  of Mnryliind Case , we mm- t:     fnr .muted, will           .-.l In tin- N'.'^rt.'s favor. Xo I  or  person will Kuppose f.ir a moment that either, Maryland. North Carolina or any  southern st:ite will establish ro-          (.1* the meps in fh*1 present  of the public wind.                 Uit .tl  of educational facilities or at least :t - ui' equality, will U? iLc outcome. IV. Is a bordi-r state and i further north than Maryland. This diminutive state lias never had separate cerj(-, ar attempted  of the Xesru. bat like .ill other southern  and indeed all northern and westers states with a considerable Negro j element. Delaware has separate scholastic provisions for Xep-oes. The issue of a "Negro entering the University of. Delaware has never been raised. It was only In the past wo years that a -Negro has  admitted to the hnr in the state of Delaware. 1 remember dls-  when      admission to tlic 1'nr was      .it out In the City of Kahimore more than forty years aso. I can* also i- that i about this time  teachers were supplanted by Xejrro teachers In the public schools of that city. The state of Maryland has been consistently progressive In its attitude- towards the  and  of Negro citizens when tho i Ktiv lm* been competently and ~~.-:-^:^fi* pressed. I T!h' N'eirr, in M. as .'. h:iN   on his I ri:;lits. :nul h:\~ l.icla-rl      rn     and .~r..'ii -tse to contend for ..  tlie law which is 1  : in :i!l citizens without   "_': to r:icf or color. It is                 to note that the  will now undertake ,to stlP the  to a ; seti.-e of Its . ^ [~           tlie law  It     so  lui Iiipat by default.</t>
  </si>
  <si>
    <t>                                           The National Association for the Advancement of Colored People has decided to concentrate its efforts upon race discrimination rather than race distinction. Race prejudice is so strong a passion with the American people that it exacts stmarate handling of the two races...</t>
  </si>
  <si>
    <t>                                           The stage is all act and the showerful ... Barons are coming gunning for the ... of the highly ... Hightant Stars. The Stars are not to the caught happing however and the veteran ... of the sphere. ... has carefully grammed...</t>
  </si>
  <si>
    <t>                                           Art Show to Be Held Soon At Butler Y!                 Tile Art Show  h is to lit ;ii the ICiutlcr YMr.V Friday, M;iy LI'Mi by i tii organizing   L'uloiiy Complaisant, is somewhat, 1"   the plans  were  in the Spucial Bulletin  the part i'i tlie committee who           a                 i c^ monthly edition ;;  name of 1 1 , an,i ]  interested *im of tlie '.. The Culony's iTf period is Jroin tin- first uf March to the . first of May. tlic program of the  Uil- Spucl.il Bulletin said, would lie an exhibit arranged for the Outfit uf the community stt  2fi      Qsd, 3                  Art Show (Continued from Page 1) . lin-- a Vliriciy Of pieces in four branches of the ails: l-'uii.' Aris, I  Aris, IndusIr'ol Art:-,  I'raak-al AH-:. TiiL' sni:i)l  it which was at-MO "ii ihe -'ill) nf April : ;u l-i 10 V.M('A sponsored  I in; l.' s ISiiif' iit "i"1 sli l f was acci i din;: ,.r ii i.'. Hit edition tin'  prelude to ihf "l.    E\cnl"  n Ibis oci.'a^ion Mi*. I'l.vsM-.s Ittt^s  or ill..  V pn-i  sonic 'pen mid Ink sl;tM ins, LlUTr WUl'l' ~)       '(l Skl'li-hi-s in i"lm - t "ll fi lu.is. prc.-  ^ I--  i. HilssuH^ [OV th^ i M-l'S IIi-mtU!. Miss  Hail  an "-~U^t Poe\u in lUv           of that month which was also . ami ihc I'llimi-  Will '.if IttllOUt* the  (~t (1 C ^ . .Mrs. Nina Kini'h  ii.n.   with Ari ria.sscs Hurl clubs or * i-ilv as wul! as  '.- is     npi*r-atin^ with ihe pio^raDi Us arrango! for the perio-.l Miss A. B- Oiuulc : spl.'. ly with an  uf the  A          responding    tile  on ihr Itchalt" of tin- class, with sonic very appropriate plans (vr tbu          . Mr. S. V. .Murphy, editor t.f the . wilh the stuff arc  thi;  lii.      -    as well   . ; on tile pu OisliiiiK details for the . The  ta-t).'iiii-'iii. from this  is that, "final anil t  an.  and  .-iti in uf t.he Ci'lony'.s     [ . as well .in its fin lire program are . eii in this group s hi^- task. Mr. II. )i. Uiinlett.  for tin. per. iml is reported as  sleu. . Thu  an' tu open ;u ]^:ii(i noon of the '.Mill until K!:W I1. M.</t>
  </si>
  <si>
    <t>                                           The Art Show which is to be at the Butter YMCN Friday, May 20th by the organizing committee of the Colony Complaisant, is somewhat in accordance with the plans which were announced in the Special Bulletin by the part of the committee who publish a...</t>
  </si>
  <si>
    <t>                                           CONVICT KILLED IN AT- i TEMPTED ESCAPE                 -v:l.i.e. c- John Brown was shot and killed near here Tu'.-sda.r morning  ho '. to ? from tlie county chain sins, with three other convicts. Brown was  a twelve   "ar term for .</t>
  </si>
  <si>
    <t>                                           Millions prefer it to    p^?^ mayonnaise- l^ ^^^ 'l 9 Miracle Wliipi: -  MiNt^ff^P ft, .! 'll.c - iny.-li1 x^ gl  icn^~1         drc.'-.iii^ n.Tiiiiif.-d i      * in a ii.w. :l.ii:inl . Civvn 11k- I Vll I A/IaW-*^ ./l'i l.-iio.^tlu. 1 w**-      'l 1  i.v.~nu:rm! for id.-a! Itivor P fl t^TStltJV^ Mnoothnna ui \-*' i.~~*** VSS3^11^ Ihe Miracle V.l.ip ^** mv"' -"ft- -r that*         ^-~pt .^Vyiearry     with . The Booker T. Washington High School present* "THE BOHEMIAN GIRL" (A COLORFUL  OPEftA) At     City Auditorium May 15, 8 P. M. ( Admis.~ion 25c Reserve Seats 33c</t>
  </si>
  <si>
    <t>                                           NE4RO DAILY          IN ThTworTo FOUNDED AUGUST 5, 1928 BY W. A. 8COTT   as  clan nutter  t tbe post office at Atlanta, Go, wider the Act of March 3, 1879. Pabtiobed Dally anil Sonday at 210 Aabarn Avenue, K. K. By SCOTT NEWSPAPER SYNDICATE Telephones: Walnut 1459 and 1460 0. A. SCOTT General Manager 1. R. PATTERSON A.w'1. General Manager K. N. DAVI8 Managlnc Editor MEMBER OF TIIE ASSOCIATED NET.RO PRESS MEMBER AUDIT BUREAU OF CIRCUl^8 SUBSCRIPTION n.ATES: DAILY:- 1 Tr. WJJ5; S Mos. S4.75; 3 Mos. J2.59; 1 Mo. 1.98. SUNDAY ONLY:- 1 Tr. $3.00; 6 Mos. 51.30; 3 Mo;. Sl.OOj Canada: 1 Tr. WO; 6 Hn  2.7S; Foreign 1 Yr. {5.50; 6 Mos. $3.75, NATIONAL ADVERTISING REPRESENTATIVE: W. B. ZIFF CO, Chlcaro, III, and New York, N. Y.</t>
  </si>
  <si>
    <t>                                           OUJE AT     IV! OVIEr 7    ^.OXCpi ~^^^^B 4m wV^^PBV Wr B^w B^ v ^^^    ^MBfc4 Wk^B \   vV^* V* r BB0 ^Iv v 9 H Bv W W ^  ^ ^W ^V V ^^^p^vl ^^^B ^BWW^V ^~~^H^B vll ^BJB^V W^V^^VJ ^B3 ^B^B^Bv V -Bf BH^BW^V ^^^^^V^^^Bf ^^^^^^^^^v ^^^B^^^^V^^BB^^^^^^^^^^^^* ^V^^^^^^ ^^^^^^f^V ^^H^^V^^^^^^t^B^v *~^*^^^^B^^^BB^PB^BB^B^9^Biv^B^HI4BBiB^B^^B^y ^B^^ v^ Bl^^^^^^^^B^^^r B^F ^^VtBVBlBH^^P^I^^^^^^^^^^^^lB^BlBBB^BBB^^^^^^^^k^v^^H ^^B'Vb^V'^^^^BB^bI^^'SSbb^^B^^</t>
  </si>
  <si>
    <t>                                           JAck9on 8180 23        N. E. Cerry's Beauty Studio MONDAY, TUESDAY, WEDNESDAY SPECIAL: We recondition your hair with oil treatment given free with each (shampoo, press and curl $1.00. Also shampoo, press and wave $1.00. GERALDINE MORRIS Prop.</t>
  </si>
  <si>
    <t>                                           Bill Robinson taps away...</t>
  </si>
  <si>
    <t>                                           The opening of the Washington Dark Self Ball League last week brought out a large crown of ... who received many...</t>
  </si>
  <si>
    <t>                                           Its getting so that hard working people cannot get any rest whatever in a certain section of our town known as Summerhill, especially in that neighborhood known as Eustace street. Probably you are wondering just the cause of all the night disturbance. Well...</t>
  </si>
  <si>
    <t>                                           Baptist Ministers Hold Interesting Union Session                 BY REV.  ARNOLD I                 The Atlanta ^st Minis.     Union held its regular weekly nu- at the Greater when'-. Street Baptist  Tuesday, tii_. sessions opened with a highly  devotional service ur.ier the direction, of Rsv. J- E JOld:iu The Rev. it. L. Klne mc*;,\~:z                 shile Rev. Louis Foster! jr.. ia: I retary of the , read the jour- I nal of i;hc laSc session. According to. an announcement ty Dr. S. M. Lee. -.urial representative of the Niti-nal Bap. t st Sunday school          $ Board Bond Sale campaign in me Greater Atlanta     . a grca m- meeting via be held        at. the Ebenezer Baptist , \:.a Rev. M. L. Klne. . Every I Baptist minister in this arpa is expected to see ths.t a represents. tive group from his church is in attendance. The Rev. J.M. Gates, noted . made an tUe ialk to the group. Dr. Gates thrilled hl3  as he related to the brethren a recent incident he  IUt. Huell J. Jackson, paster of the MCDaniel St. Church, has re.  returned from Silem.  U:i-, where he conducted a highly successful revival at the St. Petoi* Baptist church. Rev. R. M. WUson, minister. Rer. Jackson will  return to Salon, Ala- on September 29.. to fill an engagement at the White ^.. on   {e Zt coL 4]_                 Baptist Ministers I (Continued from page 1) Baptist church. This' is "an unique opportunity for a      .~       :n.l Rev. Jackson, is. a distinct asset to the Atlanta. ministry. Tbe armies of. Bethsaidi* Raplist church, stone Mountain, Ga,, sre fighting a.: great .      is to kill 25 men. by August 25 at Eight o . I/ich two dc-  .will be counted as a sU.-a man.' The. army raising the most money- or killing the  number, of men on that, day mil lie en.          1 y, the .: ^s. The .pastor. Rev.,. S. U. .Xce ha: divided his. membership into the Japsitese. Ethiopian, Itallsn ana Amir^con \'. .w. M. Jackson,   to the  of tli, Eethlcliem Baptist church, t.i,;,, a plc. visitor at the session. He is now a rull  member oi the</t>
  </si>
  <si>
    <t>                                           The Atlanta Baptist Ministers Union held its regular weekly meeting at the Greater Wheat Street Baptist church Tuesday, the sessions opened with a highly spiritual devotional service under the direction of Rev. J. E. Jordan. The Rev. M. L. King presided...</t>
  </si>
  <si>
    <t>                                           Almost 1,000,000 persons were injured in automobile accidents during 1924. 36,000 of these persons were killed. This is an alarming increase over the statistics from previous years. This means that previous 100 persons are being killed and 2600 injured every day...</t>
  </si>
  <si>
    <t>                                           RANDOLPH SCOTT in "Rocky Mountain Mystery" STARTING TOMORROW REX AND R1N TIN TIN, JE. IN -LAW OF THE WILD 1 1 T 1 1 if ^ft^^^y T^f s 1 ^Q EDWARD G. ROBINSON SMART MONEY1 With James Carney ALSO FIR$T SCENES -ETHIOPIA IN ALL HER "</t>
  </si>
  <si>
    <t>                                           Relay Team Scores at Tuskegee                 LOCAL PREPS LEAD FIELD III RELAYS                 Records Fall When Famcee, Prairie View Men Star                 CLARK MAN WINS                 ity me                  TtfSKKCKK  (SpOrial) Six thousand  fan?* saw Kif.it Koriilti ,   ! I'r ii*U* View li- win two I'uliiyH o. and si t     records In   very  mi I of . T'ti  out of u / 12 worn obliterated In tills meet of  Rial :*.'.                 :i MOpliomoro at Florida, proved I.' lie the Individual speed dents;. linn     t)  * day. Hclllnt,' a m".v   0 meter mark of 10. C. Hooker Washington  li school of Atlanta, led the prop On'ailni-MU ami pu.shed Ihc - :~    ll wan the Kreutest relay cui- In :ill history   llt:iu 3     nt  ; part.  of Olark'tTnlvftrally, All:. -G:u, won the-.Pone  run for the  Moton trophy. The red    [ i)   !k runner head.(1 a . fl'-lil  f -1 :     :      .\'f\v       -~ls rt-t iT .sc-t In the  , 100     -tK1'S . six ri!J:  * c\*'    , the  1Imi:xis Jiml hi^'h hurdles. The Kl(.    :i sprint a(:irs wero      :i t  i I In the Hhort relays,  Ihislr competitors   . l. Scull or Pralrlo View ~" i\ 'l\*   *. up.set the dope ium im-noil back KranU . In tin1 .-oni iTi  it  .     l.lia  "f TusUi'BPu ii Vitso.I ill,, lal.l^-s   l.-t ; Miss Volma Hdvvarils 1' Vii-w. Itolli  S \vtu-~~ Itrilllantlv  il. *rhf men s singles went  iii   um one of the Ci-cal'-si i!            -   srt-n on :t TuskeKce Court. SUMMARY 100 meier run. won by EUerbe (Florida A nnd M) second, Miles, Wiley), Ihlrd. McKibben, (Morehouse) Time 10.6 second. (New (Continued on Page 2; Col. 7)                 Tuskegee (Continued from  1) Meet Record.) 110 Me'.cr High hurdles, won by Tlnycs (Wiley) . Cleveland, ) third. Lundy, Arkansas State) fourth, (Xnvlcr) Time 15.8 seconds iNow Meet Record). Pole . Fisher i Alabama Pimp) Hattins (Stn-.icht) tied for first place; second. Grady v.) third: Alcx.ir.riei- (       )l ft. 1.' Inches. Shot Put, Won by Martin, (Alabama State) 10 ft. 10 ins-: second, Knicht (Tuskesee) H!) ft '.p in.: third, Pago (Morohousc) .tH ft. 10'.-' in.;' fourth. Wesley ) SS ft. 5in.; and fifth, Boyrf (Alabama State) 38 ft. I'M in. One Quarter Mile Hi'irh school relay won by Booker T Washing- j to  school Atlanta. Gr. (Coop er. Gillam, Kemp, Pencil) si-r. ond, Booker Washington, Tulsa, . . Thomas. Woods. Burns third, Booker Washington High, Dallas, Texas (King, .- son, Johnson, Sanders,) and fourth, Morsel Hieh, Pine Bluff, Ark- (Imon, Taylor, Allen and Thomas). Time 44.4 sec. Two mile college relay, won j Prairie View (Bell, Larkin, DeBourd and Morris)  j Ttiskieirec (Sams. Claybourne. Knight, Byrd) Third,           Slate (Lever, Lundy, McCool. Mekins.) fourth,. Floiida A. M. (McLniiin, Snvace, FerEUson, Wilkins. Time 8 min. 14.0 sec. . New  record. High jump, won by Thompton (Xavier) G ft A'i inches: Bell (Prairie View) and Harri? (Tuskcgee) tred for second at f"et 1 inch: Martin (Alabama) State,) McElroy (Selma U.) tied for third at 5  fl i inches New m- Medley High School Relay, won by  Washington high,                 mi: (Uickliffe. Woods, Thomas r-il..-ntt) second. Men-ell Hich Pme Bluff, Ark. (Butler, A hlT" 'rf' nr) hird-    ^   *h melon, Dallas, (Sander, Kin.Johnson a,,H Martin) {,,,~[ snow Hill Institute (Jackson 11     ' s-"~ Discus throw, won by Maekey (TusIcckco) 12!) , .Tj:-5 inches .Martin (A'ahoma State) 12 1 feet, fi inches, third, Willl aT,.(2-Uh Infantry) 120 foot 7.-- ; fourth, Wvslev ~\a' Ivcord" ft inches- NT "~   ^.1 V.T.l f;     ,. R,,,.ly w',,h hv I'lorliln A. :in..l M. Uohnxni. ~~,rris Tl,or,,:,~. Rllorhee)! s,.          :~.oc, Crojidnnx. .i.v  ii. Ci-; Hllrd Muh'. hons:.. (;il,-Kihl..-ns. .     ,,r f!.-   ); li-o.ii-lli. Xavi,.,-, (MIIp-.' Djibnry. . Brown)  .-i.-c. (m^vv        i'~cord).  IMvelln - won  l^ '~''"*"K"0) ID" fwt. lnc,u,b. . M:. (Alah.nmn     .-~ 1"! Keel. In.'hos: ,  '-'~'Hi U. s. Inrnntry) Mil f0l., 7    ^)in.i;  WIIHnms I8.ui, p S. Infantry) \4Z Feet. 10 Inch^' ":~lr AII1.- UlRl, Scliool  won l.y Booker Wellington Atlani.-i rco,,,),-,-. ,,,, K'Mnp. l^'n-cl); mcon.i  Wuslilnp1 *l'~   . (Thom:i.s. WIcklll'fe, WnnilK. Hums); Oliril Tuskctri-.. i Sums. VliiUcrs. Wiliinms, Fuller); j . -r w.-. n.mI Isk . Kclloy. Whllflelrt, X. I Kilip); II. in- I . :i:(.4 sec (Now Jlcor Uim-oi Ii Mnir Mil,. Collr-se nt.~    ivon I'y Plni'Mn A. oml si. (Thonint Unrrls. ..         )-        . Prairk- view (Colomon. Alorlyn. Mori-Is. Stanley) -rt. M.-.V State )~:        , Hei-I ry. Mnrrin, Graham) . X:n-Icr (Miles. Smith. Onnul. m- 1 li ic I mill. 29 .-I vec. I New MOel Record). Uminlnc Hrnnd . won by Pntiersbn (Wlloy) 21 feia, )"j ini-lies;  ec( Burgc (Knnxvllle) 2(1 feel. % Inches; third. McKlrny, :i) 20 feet J Inches. Mnton Mile: won hy Brown ) second. Splller (Wllvyi Hili-d.        (FOrsyfhu) : i mln. 34.4 sec. Oiu- mho  School Rciny: won by Booker Washington. Till.3. UJpHcott. Burrls. Thoman. Wpoil.l: second, Booker WuhIi. .       . (John^n, Jamison. Kolloy. Sanders): third Tiiskegee RciO. Dlllard. Brj'.-ini, Cunnlnuhani): time 3 mln '3S 9 sec. (New Meet Record). One Jllle College Relay. won  Prairie View (Stanley. Mori-U. Colemnn.  ): second. Tn^. . (Collier, Walls. Clayboni", Knight): third" Al. st;     (Freemnn. Morris, jamn       . -) time S^, 32.S ~'~cj {Hew Meet       ).</t>
  </si>
  <si>
    <t>                                           TUSKEGEE INSTITUTE ()--Six thousand sport fans saw great Forida and Prairie View teams win two relays each and set new records in every one of them. Ten records out of a possible 12 were obliterated in this meet of meets. Red Ellberbee...</t>
  </si>
  <si>
    <t>                                           Scottsboro 9 Are Named In New Warrants                 Scottsboro Boys May Not Be Tried Until Legislature Acts                 STILL IN JAIL!                 . AIR.                 (Xiwiai)                 Thn Stato of Alubuma Wo.       Victoria Price, chief Scottslioro . Htvoro out new warrants for       (Suottaboro '  each with rape * ii v Southorn  train  Valnt Rock. Alabama, nn Maron                 11. 1931. Tho warrants  the first step on the putt of the state i" again Indict iho defendants whose  sentences have been twice reversed i,y tho Uniictl States Supreme Court and one-: by  .TlKlKA James IlOl'tOn .Xt Dccatur. The slate  jM r: punishment Tor the nin j buys. However thc trials will not  up until .sla.tion In  slate has been passed  w)!l It^ally      NeKroen  jury service in tlic . Tile   r.l' tho Supn-nie Court which reversed the" sentences on llie Rruunds that Negroes are systematically excluded from jury ! in Alaharna has upset th j  of Iho prosecutors. A bill l.i now  thc state legislature tit Montgomery which Is  to eliminate Noriois j.- tin- . lulls in the state. Tlic Suiireniu Court in  the Alabama court            stated  the Indlctniens  have been  tjc-fii.*.^ Iho naw^s rame up lor   Negroes w,  ! ~'Xi: d from the Grand Jury which returned tht. Itnlictinent. The  wni  is. \  b'.sent tu .Ii'llcrstjii U7ilt Monlgonjory Counties  the nine defendants art:  lu-ld now or I'clurned lo tlic Jaelson Cuunty ' Iff for       -R. This sti p will (Continued on Page 6; Col. 5)                 Scottsboro Nine (Continued from Page 1 :Iubo tho  s ju  s fnr ;i . ;is new lau.s will h.i\o Iknacti'il so lh;it ;in all whit" Jriiiul Jury cm ml urn now 1  i)ls against tho -. Koicftor 11. lt:.y uC J;u:                     County suited that no fiction fur- ther will     taken until laws av1 passed to protect "Alabama's j Jury System." Me;wi\ Covornor Craves ir u state men I issued i m mod '.y after til.-  i sul oi i lie     \s hv the Supremo Court stated  :iM jury boxes in the state should \~v cm piled nl om:e an*' I If  lues of Ni'cmi's       to tin* Jury rolls. As yn no iii  has 1hh-u taken on ihi-s n-~~iii-st. I lo mailed ;i copy ol' tl).' Courts'  in reversing Hi-' i-asos to ciir-h Jutlgc In llic st;if    i with that t Oituost. I The  In i In* original lri:il ha(~ two ^hsos who n.-siii'.l j  the boys i.iu dih; "I tin1 women  her .iv :md .'il tho  affair a j  ;mti that the Ne^r Vs 1 i 1 nni ti.' cit"t*r of i ho iwu,     '   -'Od VU'torJa Pricr ~*hh imk- I routing the whole ntn ry .Ihey M*erc In jail after in-     off the truin ^fil witn i        hoboed. Aiutlhi-r or Ik i it a l witness, i, j \vv Carter, who testified :ik':n:r t the boys Joined Miss- f.at.-s i:i I her repudiation. He was in                 next col: 10 tli0 R'Ha anil             pl.ui  i.tory.   mi m-o        'ii tn lal tfc audiences 111 I'"! Nurlli I'JtllilB of l\\c  Injustices [     Negroes in i lila stale mid tin'  -'iip In  Ihe lives ot  nine buys. Si'iitliiii'iil  III" Niilinu ami oven iti   )r(..l(;n, r..s luis ln in -,1 tn Iho   1,.. r   hoys nro '-.r. :      in Mul'aiuii 1 :m-   ' of in Oiilc     nol luli.-v.' lli.^ I.mvk (.-Wily. JiiiIi,-.' l!~      who     :     - lii     ;r ill,-  ti-. ri voi seil I lie il.-r.slon lipi ii     ! Ihi'ri! Wiis nut j  -t: fur   tli:'t Ol" ivi-i- nl' wi ini-n iu.--cl is tin- lir.~l tn  ranu wlu - wall or  .ition. Scvi'M nf til" : arc III U L' .Iff r.TFlill l.'l  Mil  tll O I in th,~    -:i: I:  :it Mnnl- i;i \ in  "I" ill' r'-i: iv\\Tsal i.t'       li i ih S'-   'Ui'L'S. Tli,. .  \'.-n In Hi'- 1 Urniin^ ,t;iii a:v An.ly ami lo.y Wnslit. Kujii'ti.' Wiili.mis. (.Urn .MoiitKonii-'iy. C)/.zi,~ I'nu.-il. .'Hull's WVi'ins. aii l Willif l:""ii,  l                 terson and Clarence', Nprril ar*i. 1 in Kilby prison. I I Lieutenant Governor TunJj Knlgrht has been appointed .a/iU Special prosecutor for tho nisei.* tic      completely Imfflrri :il  Supremo Court hearing In Wash -8 Inbuilt and falk-d to        (Hi.  that Negroes wero  from Jury service In Alabama. However ha Itt  10  up ii Ki'JiiKi battle in th.'  . Whtitlu'i- tho iH-xt trial w H' be ln HI in Dceatiif hi- -'i-J1 change of  k ran ted ha^ not hwn  d. 't</t>
  </si>
  <si>
    <t>                                           The State or Alabama, Wednesday through Miss Victoria Price, chief Scottsboro witness, swore out new warrants for the nine Scottsboro defendants charging each with rape aboard a Southern frieght train near Paint Rock. Alabama on March...</t>
  </si>
  <si>
    <t>                                           MADAM MINGY THE WOMAN WHO KNOWS Tell* pout,       *.  LOCATED         and Mfe Reader Giro advice on all attain et Ute, I,    . MarrlftKn and Speculation* of WKfWtM all kinds. Don't fall H-HM to  ee   1rted  K^3 Palmlrt. Pclnti the RIhII wt-T of all      ted  7 m bow    ^I overcome cue. ^r'7- . Madam Ming? baa helped  an4 dM can help too. TELLS LUCKY  AND SPECIAL READING Mfl Take Federal  car to eno Batlsfacllon QoaraDteed 638 McDonongh Road Office Ilonni: 9 A. M. to I F. H Df Unr. i.ook for Name on S'tBMLadam Mlnfj Make*    Borne Calif Mat 1h Ton*.</t>
  </si>
  <si>
    <t>                                           CARD OF THANKS                 We wish to  .our many friends for kind expressions of  sympathy, florals and use of cars during the illness und death of Mr. Kine Edwards. Especially do we wish to thank The Fulton Bag Cotton Mills and Hunloy Co-. Und., for efficient services rendered. Mrs. Sylvia Edwurds and family. CardoTfhanks Mi. Oliver Davis, Mrs. Mae Curnes and Mrs. J. C. Johnson wis' tc express gratitude to their many friends and to the Cox Bros. Uniterlaki-n; lor tile kindness shown in tiii-lr rt  bereavement of Mrs. Ella Davis, beloved wife and uin;. In Memoriam PARKS In loving memory of our dear mother, Mrs. Camilla Parks, who left us on Mother's Day of 1932. three years ago today. -Children: Mrs. Pearl M. Hubert Mrs. Gertrude Gidney Miss Odessa Parks Mr. Edward L. Parks.  In sweet memory of our dear loving mother, who died March 8th. 1930. "SUNSHINE" "She lives within the icy vault; H glitters like a cave of salt. All marble-pure and Angel-. With candles at her feet, Under an ermine robe she lies, f kiss her hands, 1 kiss her eyes; Come back, come bock, Love 1 pray, Into this house, this house of clay! Answer my kisses soft and warm; Nestle again within my arm. Come! For f know that you are near; Open your eyes and look. My Dear, Just for a moment break the mesh: Back from the  leap to flesh. Weary I wait: the night is black: Love of my life, come back, come back." Signed: Mrs. Curling Moore, Bamberg, S. C. Messrs. William L. and Albert C. Murdaugh, 171 Auburn Ave.</t>
  </si>
  <si>
    <t>                                           Negro History Week To Be Observed By Local Unit                 By GKOXiOK FREEMAN                 .Community Welfare            (t   5uth Atlanta Is upon-'  a *Tfp* of interesting programs       Hlntory Week, which has become  n  feature. Tifsc  bring  ur the contribution of tho Negro to civilization. The openIng program *U        (or Monday . Februac H. at Trlnity A. M. E. church, featuring aip*aker from Morehouao  and  by the Trinity choir. Turtuiiiy        . February X2 at tho South Atlanta M. church. th0  scene of a . with a  of a hundred  **, will be  under the direction of Prof. J.    Koven KlllintcxMrorth of Clarl: University. Thursday , February 14. at Providence* Itaptlit church, tnc final  of the pageant will be  by the HOmtf . Ktiday . there- will be fin" declamation  at Mt Pleasant BaptUt church, featuring three contestants from tho pr-viously  four church^n. J*rl2eH ^ill h*  th' . The public U. ^d a  * to att^nJ n of   er\'    .</t>
  </si>
  <si>
    <t>                                           Atlantans Speak At Alabama A.M.E.Meet                 BIRMINGHAM. Ala. (9NS) More than 2000 young         and church" workers are attending the Alabama State Trl-Conventlnn of the A. M. E. church  are being held, at the First A. M. R. Church here,- Bishop K. A. Grant, presiding.                 Friday morning:, the many  and ministers were thrilled by a special address by Dr. B. R. Holme*, president of-Holmas In(Continued on page 7; coL. 2)                 Atlantaiis (Corit'nncil from  kw*I) . Atlanta, On., and nn InKTMtinc t:iMt--hy Dr. A H. ]ton. divisional          - of tho Amorlcrin Blhle Society with  in Atlantic *DK"1IblmcJi       In the course his       ^~ Hint the Allon Christian Endeavor Lehcu,.  th0  school will  Yin.         "                     Ui,. y.dins people as Ions as the majority  teachers jn tin; l.ul.lic . *. ami universities do not Itellevc in the  of the OiUle. AT      ' of th,. Uildr^.ts, 1 Ialioji H. a Grant head of ihe lr.~:h"  :h '~'tW  tate. paid l-lgh' .uil/ to tin.- work of tho '. The  Kavt. tho Institute a. KUbtantlal donation to assist worthy students. Dr. Stanton. who lias conducted Voting         meetings. lit?rc.     .        nnd who 1m.   with- the younger church            he id sympathetic to-,      their point of view, was pre'      ,l Ui an address' In  lie .1 the  ot, the     a practical  ^</t>
  </si>
  <si>
    <t>                                           BIRMINGHAM, Ala. (SNS)--More than 2000 young people and church workers are attending the Alabama State Tri-Convention of the A. M. E. church which are being held at the First A. M. E. Church here, Bishop R. A. Grant, presiding.</t>
  </si>
  <si>
    <t>                                           Largely due to the social-minded and fair-dealing relief administrators in the County of Fulton and the City of Atlanta, Negro social workers and Negro clients have largely received their share of consideration in the different alphabetical agencies oprating...</t>
  </si>
  <si>
    <t>                                           FARMER IS HELD IN AX SLAYING OF WHITE MAN                 Charged with the ax Haying or Arthur II. Moon, 3S-year-old white num. of Aaamsrnie. Ga.. John Henry Oslrarn. tanner, of a Cascade Road  was lodged In Fulton Tower without bond pending grand jury action Friday. Moon, died In Grady Hospital Tnewtor from the effects of a fractured skull. According to  police, a truck Moon wag driving carty Monday skidded Into Osburn's yard, tearing down his fence, and cradling an iron wash pot. Osburn sought to collect for the damaged article* he said, only to he met with a rebuff at the  of the white man. The truck driver. Osburn mid. grabbed a bear? crank and was about to strike him when he grabbed the ax In</t>
  </si>
  <si>
    <t>                                           my skin K^I1 shades ^fc^;- I And now you. loo. can have Ihe joy of r "Khtcr. dearer skin- free from freckle        =,, blackheads large pores, blotches I Tonight at bedtime just smooth on Nadi- nola Bleaching Cream- no massaging, no rubbing. While you sleep it actually 4  dark  (or Nadinola is JoMfatiiut. That's why it gel* results where ordinary bleaches. fail. TEST            today at any toi-'  I" counter or by mail postpaid. AT OUR 50c. If not delighted, money RISK cheerfully refunded. NADIn NOLA. Box N-19. Pan*. Tenn. (Aa.~BlaichwzGam</t>
  </si>
  <si>
    <t>                                           Petersburg, playing their fires intercollegiate ... of the season the Virginia State College ... coached by Stanton L. Wormley, defeated Hampton ... team in a close leaten here Thursday afternoon. Virginia state ... Hamilton 3-2...</t>
  </si>
  <si>
    <t>                                           ^^ I ONLY NEGRO DAILY NEWSPAPER IN T^E WORLD ^eM^^^ _U)LK\;h  ATLANTA. C.A.. THURSDAY. FEBRUARY 2S.  I'ldCE PfVE CENTS</t>
  </si>
  <si>
    <t>                                           ~(SRADMATEllKji ^^^~fn^W^^S^SBI A ~*omX     =h is       ^HHa\^^^^3^H^'  u young man or ^^^^^^^^^^^^^^^^l^^^^^^tf woman cnn cun*y  ^^^^^^     ^^^^j/^^^^^^M ^e years as a  re* ^^^~^^^^^^91~^^^^B rae*brance. Seu the newest ^^S^^^^^S^aJ^^H models here. ^^^^^WBBBlB^BBBHPBIil 172 Auburn WA. 2772</t>
  </si>
  <si>
    <t>                                           Cracker Jack .Drjig Store TV.         ^,' :H*rb.  ad      .     la Um Seal*. 43* 8. Raaipwt St. NEW ORLEANS, LA.</t>
  </si>
  <si>
    <t>                                           i Drastic 1ft Thrift ThsiFcrisav QmspiQle B n =:  w I 111 II t, IIIUIOlldY  I For I PricBS Onc Dav Onlv' _ fOBI 2  ^B* ^v tQ^ ^w fl fl W ', W ^^r II I W fl SSSS i fAe2ne^ /or Men i Fan Drp33  $; Cr:^ 197 AtUetic Union,, I fi Wi CtfOCd %f^F . Zti to 40. 2- ^k '^*^li^^   __ were 37c oe 5j ^^^SHW^HHBhL 66 sports shirts.    - 1   mb^mb^bmb^bV shrunk. TV'ere $1 yg. J-      B9/VBB] Men's 19c Sox. Sizes  BW MBBmBBt mBB for 25c io. 5 ^Bflm ^0B^ ^0Bk ]           ^HEB/  ay ^BBk M^B/ ^^ .HHB0            ^Bflflk^       ^^KME for Women I Perfect for  ^H Colorful new Fait    .      -     5 I*all dress t Travel- ^BHk ~% sk i -m Snorts for n -Q acetate crepe is smartly  j9J f* j 59c Jaade np in one-piece  I 50 pr. White Gloves. S styles and 2-piece ef- WB 1^ ~% 4^ 13 WMte' Handbags. 5 i4 to 20 3S to M W5J Afarfe Sell for 10,9$ Original 59c value  5 ^hk s 1 $Q SPORTSWEAR g s^r^SS I 2J -yd. Tailored Originally sic to s I Sports coats with an air 1 Plaid*  9c 39c Not Curtains       '                tan, cocoa, brown, royal, black, S *~tfk.^ white! Trim belted and reefer 60 pcs. Keckwear, or- pi?. 49C styles- sporty at can bet M gaudy. Origtoally 59c- S M 79c jOc J Seconds of 59c to $1 values in soft Sizes 14 to 20  l^^^^ shades of , gold and rust. i irl j</t>
  </si>
  <si>
    <t>                                           At the regular monthly meeting of the Negbborhood Club Council, officers for 1935-36 were elected considering of Mrs. Evelyn Hamilton, president; Mrs. R. B. Ware, first vice president; Mrs. Lula White, second vice president; Mrs. Mozelle Saunders, secretary; Mrs...</t>
  </si>
  <si>
    <t>                                           Sli  Q week ll.Vg.ri $ END r, nit  SPECIALS Double 0 SALMON can 1QC S n:;ik-O-Lcan SALT MEAT   . j^c No. 2 (":in Sliced PINEAPPLE 15C NO. 2 CAN 3 BOXES E. JJVzQ. SALT 10c QT. JAR Sc SIZE 2 BOXES MUSTARD 14c MATCHES 9c POTTED L1 MEAT 3 cans 10c Tripe, No. 2 can 17c Soda CRACKERS, lb. box  Qc Phillips PORK r BEANS can gc Blun Star Salad DRESSING qt 25^ No. 2 Cans CORN 10c c</t>
  </si>
  <si>
    <t>                                           EVERY "BOTTLE (Delicious ami Refreshing:. Ierilized! FOR YOU j HHk ^H^   Enjoy Coca-Cola freely In your  home. Serve It ice-cold to all ^^^^Hv XV^BBhB^   "~tily and your friend*. Ai  HBffS^'f^^ Puie anc' wholesome at science ^BHE^"^fc^^^H can make it. Every bottle il.oi- ^^~~hK JL^^HB   .   V^V^H Filled and sealed air-tight with- j  dt^K\ i^l^H oul10ucn of human hands. Serv- ^fS^ j^V^cVv^I "ion"     *~'V' Coca-Cola Company J[T ~/(D to be good ro cer  it is</t>
  </si>
  <si>
    <t>                                           Former Atlantan Is Buried In Indiana                 New-* bus  litre of  de:ith  f n former AUantan. Burrell j-HarrK who for twenty years has resided in Indlauapvlis. Ind. Be nw 49 years old and     it member of the     Carriers Unlou asd one of the     -s tu carry Atlanta's first . Mr. Harris'      heid                 I Former Atlantan (Continued from Page 1)       his residence. 1 1 1 Wist Si. I'l.iir street. IwliaiuipvIK lmi. ami I I'Ullal was in WCHui Hovel m:-twy. Hr is Mii-vivi-d  his widow.    . S: Hums: :i     . t  Hnn-i- .~f St. Li.uis: a  . Miws susi.- Mae Harris: a -r . sister, who live in Memphis. Tcini.:  nj, auni. Mtv. irla. I'avis Turner of Ailanci.</t>
  </si>
  <si>
    <t>                                           Sessions of the Southern Coaches and Officials' Association which began here Friday at the Butler St. YMCA., closed with t he election of officers Saturday afternoon. Officers elected to serve for the ensuing year are:</t>
  </si>
  <si>
    <t>                                           4O,J3EST AGE, SAYS WILL                 ~"n 2 !i*cst ? . "Life Begins at 40," Will Rogers interprets a doable- fisted, tender-hearted country editor who sends his enemies down in a gale of mirth. The picture is playing this week at the Georgia theatre.</t>
  </si>
  <si>
    <t>                                           Christ, the world's greatest teacher said, "He that would be great among you, let him servo You," Therefore, we see that the basis of true greatness lies in service. Not service that is rendered with an idea of gain or worthy honor, neither is it the service that...</t>
  </si>
  <si>
    <t>                                           Famous Oriental Herbs-Nature's Remedies, Herbs, Roots, Barks And Blood Tonic - .MESSAGE TO THli: SlU- ME?.- on  not (lisi .'d about your  Vv        - Chi-i-r    . Tlicio i.~ l:~lp for you. 1 iHI^  s is t1le      l'l''iil''   (- se  Spufinl^^F*~fS*-' isL witl' llis l:"1:Olls :'"'l Imi-mli ss  uml B^F S'?l   ")tsi HfOatmriits -h have l)oon         for ^8^^?^^^ ^~nl'"'t!S'      '    'lly- rt c- n(l..(l tor ^M "y,-       ll  l! o1' . such as Ino t,uni:.i, St'iiiuich, .. l.iv.-r, Kiilmy.s, Blourl l oi.     '~"'"li:  , Oiilari-tth, W(.;s.M, N'*rT. Y. YOUNG --sa, HIjuIiKt '['rouble, Countipa^'pmi ItT8 Appfii.lK-iiis. Skin       .--~, Ki- Troiililr Mini all u .'s Atlanta I ~=*- whim il i-. n ~_' Ml . t oit t      ho(if if      -r.i fail. Tin- mv.iiII is     -u. tlf. ail  1.1 y it, M.-xUi OK .E-rAl.l, OK WU1TK Wi %~ $L ?TC ~^~V DR. T. Y. YOUNG WITH ORIENTAL HERB CO. CHINESE HERBS ONLY NATURE REMEDY FOR EVERY DISEASE OF THE HUMAN BODY 1.12               . Phone: WAInut 2IH9 Atlanta, CU.       .i B A. M. to 7 P. M.</t>
  </si>
  <si>
    <t>                                           WATCH THIS SPACE SEE SUNDAY S WORLD</t>
  </si>
  <si>
    <t>                                           TODAY ONLY! j Ralph Bellamy-Shirley Grey In the Thriller j "Girl In Danger" LAST TIMES TODAY MAE ROBESON In             "Grand Old Girl"</t>
  </si>
  <si>
    <t>                                           FAIR and i.:;            o*      near M ml 18 . r. W. MlndUtwr,</t>
  </si>
  <si>
    <t>                                           THOSE Atlanta Black Crackers whom you no doubt have been wondering about have just returned this time from Tennessee where they deployed themselves Wednesday afternoon While there they put the Knoxville Tigers on the well known spot by felling the Tennesseans in a Fourth July double-header by scores of 11 to 4 and 2 to L. "Chin" Evan, elbowed for the hometown boys in the first game and had little to do in the...</t>
  </si>
  <si>
    <t>                                           5333 magic ^*TT INCENSE/} -Sen, I your name fin-l address. Jiul -receive the mystic  free. -     u-riti." Keystone f^ih., Dcpt. l-R-6. Mcmplii.. Tcnn.</t>
  </si>
  <si>
    <t>                                           l^Tp" f % 0tk fffc W^ Wk I 1 MI 4fe y ^^^^k^^^w STARTS TO-MORROW I S^^^^^^SW THRU SATURDAY ^T^^^Ptfe^ Doors Open At 7:30 A.M. i^-^1 ^^r^' Unbelievable Values -"i^".^-\Sr-:-. f COME IN AND SEE THEM 1**!*  aru OflV ^n answer n  the call of many colored DRESS WLN uUA people to open an up-to-date 5 10c store        A" GaoA Valllts \on t^e East side of the city, Paul Maloof PRINTo m  k      Ok/^~ is opening one of ihfc most modern stores  I'alUrns  XU It) du" of the city. Qs* V(l ^^s store w'^ have pretty brownskin __PV_1 MEN SHIRTS I faces to serve you. Be wise, buy here and Om CdDCAnC i help make jobs for other colored girls. DtU  Al^ .41^ i  9c --\~S wi S0x COSMETICS MEM SH0RTS j^Vs SLIPSi 5c All Known Hruftds tt\  I i 'i^Jin- "N '^"f l" Children 9c .^_:^  )- PANTIES MEN S J^s^ RoKorn PILLOW CASES Undershirts, 15c Jff 4 2ffp IOC *Allsr h half-soles j 1 % j^  ' _1 C^L.. 1005 S20C I i85c; EARRINGS race and Bath 1 TOWELS MEN S0X 49c! 10cto49c Larjjt' Sizes -fl il^~ 1 l. s' Full i  Ladies' 1TC ;__^__.j HOSE HOSE SHEETING HARVEST HATS Yd. wide, 5c yd._ IOC 49e 25C A Big Line OS Ladies Rayon Underwear 15c 19c 25c 39c 49c TIN WARE BEAUTIFY YOUR HOME  Fo, every KiU-hc, Use. SOAP WithPlCtUreS I0C-20c-25c Vour Choice il I .__10c._ 2  - scL  Q window   SHADES PAPERS 3  7  store  0C gc IOC 281) Auburn Avc.</t>
  </si>
  <si>
    <t>                                           Plan Last Rites For Rogers And Wiley Post                 Angeles. Cal. (SNS) Briel and simple priva.e services Thuis. i day will marie the f.nal services here Cor Will Rogers, - I  beloved . I Thousands will file past the bier of the noted actor sari writer as a military .cl of h:-nor -s watch. The body was placed in s plain  casket and carried t3 ike gold room in the ForoSc Lawn Memoriil Park chapel. At the same time the staple rites are  hold public services will be held in. the ^e natural ampitheater known as inc HdljTrcod Bowl where thousands wiU be ia attendence in  to i ilie 125' who will be admitted to the services la the  chapel. MAY BURY NOTED FLYER IN ARLINGTON PLOT Okbhoma City. (    - Final rites for Wiley Post, intrepid a. via.- or, who . his doom in Ifce   with Will       . will be held at the First Baptist church in MaysviUe. Thursday . after lying in state in the sate capital. The place o'f interment has not yet been settled, members of tnc family SUU pondering whether or not to accept the offer of the  to bury the  making flyer in the national cemc;. at .                 BEFORE AND  FATED NORTHERN FLIGHT                 THE LAST PICTURE TAKEN OF POST AND ROGERS ALIVE! Death was but a few hours distant, bnt Will Rogers and Wiley Post, standing on the wings of their pontooned-equipped plane, shortly before their takeoff from Fairbanks for Point Barrow, could                 not have known their barnstorming-hunting holiday tour of Alaska and Siberia, would end so abruptly. Shortly after the photograph was made Rogers climbed in the cabin. Po.st dropped down into the forward cockpit and thev                 off! -International Illustrated News.                 SCENE OF TRAGEDY THAT SHOCKED THE WORLD!- Here is the first photograph of the wrecked plane of Will Rogers and Wiley Post showing it in the shallow  of a river lagoon a few yards from the Artie Ocean. The plane is Tying upside down with its nose buried in the mud.                 At the left the plane s two pontoons are i -hown sticking up out of the water while immediately underneath the pontoon in the foreground is shown the splintered wreckage where the bodv of Wilev Post was Lik-pn                 out. -International Illustrated News</t>
  </si>
  <si>
    <t>                                           -ouis Armstrong's Wife and Band Swing Wednesday</t>
  </si>
  <si>
    <t>                                           Cfail d r eri s Daily Vacation Bible School Opens                 The 1935 session of the Dailv* Vnci-'ion Blhlc School conducted by the First C-M.E. Church. St. .John C-Jt.E. Church, linden Strest C-M.B. Church, Wesl Mitchell Street C-M.E. Church aud Hoisey Temple C.M.E. Church will begin this morning with registration hours from 16 o clock this morning  4 o clock .this  at the Holsey Ternpie C-M.E. Church. This school W  each year by the CM.S. churches oC the Atlanfn urea for children from the uses of 0 to 16, regardless of -lr church connection. Those children who attended these schools In years past recall the many pleasant aad helpful features- The  axe nominal and only taken to help care for Incidental expenses.- Only five cents is charged for , the daily fee being one cent. Parents are invited' to let theii children take advantage of this fine opportunity to nave their children trained religiously each day from nine' until 12 for eight</t>
  </si>
  <si>
    <t>                                           COULD NOT DO HER HOUSEWORK ^^^^^^l ail tired out ^  ^^^L from hard work^  H^^B vhen y^.*? BBtjBHo OUS ;       try this medicine. %9~~^k It may be just  CM^^P you need for extra ^^^S^a^ . Airs. M.    Allen of Gary, Indiana says: "I was tired and worn out. Since  your wonderful medicine I can do my housework and my washing." Endontd by Jour generations. Sold hy ail       . Get a bottle NOW. 'r-l-SKIN- LOOKS LOVELIER. J LIGHTER. with this SPECIAL E*"\FACE POWDER !   ^7What you ve      ^l I V Z_yf a powder that        makes skin look L.      delightful         lighter yet Wend* closely with your complexion that it does not have that "pow. dery appearance". Two shades..  and dark, suit either type ol . Stays on for       banishes shininess. Exotically scented. Ask for it by full name, - shade. Dr. FRED Palm-      SKIN WHITENING Powder, 25c at drug stores or direct from Dr. FRED Palmer Laboratories, Dept 305, AtlanU. Ga. 1 Prompt Help For Itching Eczema It'swondcrful thc-.  intc Zcmo brings prompt relief to Hehing,  skin, even in  eases. Itchioe soon stops when Zcmo touches tender and irritated akin because of its rare ingredients. To re^ ,Rincwonn, and comfort  of Eczema and Fim,Je3, always use clean, soothing Zemo.   Zeino* Appcoveifl^r Good Soniekeepins Bureau, Me 4874. 36c, 60c, *L All ^a'. 'i</t>
  </si>
  <si>
    <t>                                           Murder on the Campus Idea of New Film:                 Thf. c-.r.-.l i-:,,,,!,,,,. ,,f ;i  r.,li, u.- u.e .vil :   Hi.. ii,iu.-.H:        :m i-..     : it.ur.U-r m.\^i,.ry In ~~~':im.-s "I-.. II.,- s.Mii.iul,1    ,.~, ,.,,m,..s i,. u,r. i-.,,,!,.,! :     .                 ICeni Tiiyl,,i. Arllii" Jn.lsr,.. imII" Nugent f.n,~ u-, ndy c.:. tinn.uv iui;~..~iiii.        ..ti from Knifuiv 111- ,~.rhl.-    .~ ,h,, -lory. Wendy Hnrrlo act* n,,, p,,n nf Krcnoii i;lrl. .:li(~r .if :i in-w           '. and th,. new 1:011i-.-r .if  f.,r ih-  . Th,, man .silo i-Oally       . . Kf-nl Taylor. .1 -y            . Win n ihu editor of     to        lt mo-.-v HnldiiR up  Uarrle nnd Tay- I I'.i- loni., ~,0  s  MSrt,.  . i usly . Not Ioiik after,     I i;      friend Is  to I '  :~li by n.  assailant. The campus Clipped by terror,  Wonily Barrln for the m: Di'.Tious . When .in     . .ful nti.'mpt i* ina.lo on Edilio Nui.-Cnt.     .-c finally    : 011  liv.il (,f thc. iii  killer. I In :~~       .n to the I'.-.,.     1 I'"' i .1 will als,, offer :i '   M.:i.-Q shew.    :; many trillion w..~l  In -.  V h. nor n..,, :,. yv.\x,- bun.! i." :'l"i -iil. '.-(.h.rcd :iii::!. who Intol- in (. (~1C        ;.                 :iiu:~l"iu IK K to I)J  :u U:. i-.  ,!i,,l -r. should   ..ty r.-.-- w;ih the  ^t Hi,. tli MCr.</t>
  </si>
  <si>
    <t>                                           The colistered campus of a co-educational college his been chosen as the unusual setting for an engrossing murder mystery in Paramount's "College Seandal," which comes to the Capital Theatre today.</t>
  </si>
  <si>
    <t>                                           NEW LOVERS                 :i J..-X I,.!,. HM^y'S SI in "H".'!i r:,.j j;:ni^i:" ;.:;      l:isl .^ lo.ijv. ,I;i..-k;M V\" on iv l.ruii^li: ~..i,;!c i,. j.ci..^ii j ill Miv l-i'.Ti: r.r. l:i:..-k . is. s..".-:i ii: l:r.-i :    ~...;im.l chal lrr t.y l'.is Kcri:         . -1:,m1 lli.lrj;-." A f:\~-. i;.".v-.i,:i ,,i,::u:v.  Nani': M!i.- ~\VO::i:l!l"  r;lr!S at :!ic M ai^rmw.</t>
  </si>
  <si>
    <t>                                           ^       ^- ^   ^- MAT N ADIfK* ^_H_^_^_^______H_k ~*~#%~~  ^___^-__^-___^-H^_iB vJ ill J\ \y 1 A. ^L J Tees. -Wed. 3c Thurs. b^g-^^^^-^-^.^</t>
  </si>
  <si>
    <t>                                           I SPECIAL '~~BIB' TODAY THRU T V K S H A Y LIFE IS CHEAP .AND LOVE IS DANGEROUS IN LIMEHOUSE! GEORGE RAFT "LIMEHOUSE BLUES1' WITH JEAN I  ANNA MAY WONG</t>
  </si>
  <si>
    <t>                                           SOUTHERN LEAGUE The Standings I  W- 1_ Pet.; Atlanta 14 8 .836 Memphis 14 8 .636 Zhattanooga ]2 10 .545 Sirmingham 12 10 -545 4i. 11 10 -S24 i "lew Orleans 8 11 .421 Cnoxville 7 13 .3S0 -ittle Rock 6 14 .300 Yesterday's Result*         7, MemphU 1 I ^ 7. Birmingham 1 J Only (Hind scheduled) Today's Canes j  at Memphis :h.! at Birmingham j Cioxvitte at Little Rock 4ashville at N-w Orleans NATIONAL LEAGUE The Staodinrs :lubs w. l. Pet.; "Jew York 12 3 ^00 ?*-: 12 7 .632] ;        9 7 .563 5t. louin 9 9 .500  it  9 11 .450Cincinnati 8 11 .421        611 .353' PhiUdetohia 4 10 .286 Yesterday's R*~     St. I.ooi. Philadelphia 2 P:         1. New York 3 Cincinnati 4. Brooklyn 5 Chicago 5. Boston I Todav's Ca-r-. St. Lot!s at PbiUdelohia            at New York Cincinnati a* Brooklyn Chicago a* Boston AMERICAN LEAGUE CLUBS W. l_ Pet. C'evc'and 114 .73? Chicafo 13 5 -722 Boston 10 7 WntMnr.ten 10 R New York 9 8 .529 ~^'troit 7 10 -41? Philadelphia 4 13 .235 St. Louis 3 12 .200 Yesterday's Results Philadelphia 2. St. Louis 4 New York 0. Cleveland 5 (5 inn.) Boston 10. Chicago I Washington-Detroit (rain) Today's Games Boston at Chicago New York at Cleveland Washington at Detroit Philadelphia at St. Loais</t>
  </si>
  <si>
    <t>                                           H. A. S.-- Is H. J. meaning everything he says or is this just a fulfillment of his sister's threats of many years ago?</t>
  </si>
  <si>
    <t>                                           DETROIT, Mich.--(ANP)--Joe Louis, Brown Bomber, who has injected the elexir of life into the fight game with his devastating punching. racemes on the average of 50 letters each day from various parts of the world. Encouraging words are incorporated in every missive that crosses the door of the office John W. Roxborough has set up at 1727 St. Antoine street. However, one of the. best Joe has...</t>
  </si>
  <si>
    <t>                                           NOT AFRAID- Little Imogene Franklin, who won second prise in the NAACP contest in Rome. G*.. is not afraid to try it again.</t>
  </si>
  <si>
    <t>                                           "You've played square all right," grunted the Inspector. "But I'll be darned if I know how you're going to get out of this! Do you, Captain Montigny?"</t>
  </si>
  <si>
    <t>                                           COLUMBIA, S.C.--Coach Frank Veal, Allen University, announces a tough schedule for his gridiron warriors who must face the big Blues of Morris Brown in the season opener on Harst Field. Columbia, N.C., Saturday, October 5.</t>
  </si>
  <si>
    <t>                                           Well Won't Well! Here we are again on the sports front breezing along with the breeze Ow! what was thats. Nothing exciting, just onell of those six yard pants of Bone Mitchell, echoing through the airsas they did so frequently during its college careor at State...</t>
  </si>
  <si>
    <t>                                           "I am sick at heart about the Negro Church."</t>
  </si>
  <si>
    <t>                                           Fancy Small Western Corn-Fed BccC Tender and Juicy R^^^B^^^^^^tf^^^^^^^E^^^^ff^^^lV Armour's Star Branded Beef l^^!               ^^~ FANCY Swift's Genuine Skinned w- Half or Whole (12 to 16-Lb. Avg.) STEAKS Peanut Hams Lb. 33c Round, Sirloin, Sliced Bacon 00 lb. 35c x*Bone or J*^ Shortening  Tn2 Roast Lb.23c Haddock Faiets B 15c Stew Meat ,~ETLb 15c Spanlsh Mackwel Shoulder Roast 25c Pan Trout umi mum LB. 1 5c Ground Steak 1*. 23c Shrimp cooked 1.3 lb. 15c C H EESE L*HD  AGED JUST RI6KT LB' 1 9C Homelike Salad MACKEREL FA"          O^C Dressing 26-OZ. JAR J^Fc MACKEREL num    5c WHEATIES 2 23c 11 Sprlnghrook BUTTER Ib. 28c MM I I A A' A t\ White Llly-Plain or Sclf-Rislnir Nlllflllll LB. PKG.  2-LB. PKG -iHC FLOUR 6-lb. hag 37c    0^#^    Um\0 %0%0*" While Uly-riain or Sclf-UWtiK  12-lb. baft..-65c... White Llly-Plain or Scl^     (t [~1   HIP ill FLOUR 24-Ib. bag $1.23  C00H S0AP CAKE nr-g-C ^R^jar^s Rpeers Bcsl- or SclrRiHlni; SOUTHERN MANOR Sliced PINEAPPLE No. 2 can 18c % FLOUR 24-lb. bag 93c CALIF. SARDINES IN TOMATO SAUCE 15-oz. can 10c f"1^** Vegetable*            or Scir-RWnff  SWEET TOMATO RELISH 8-oz. jar 10c Ei** FLOUR, 12-lb. bag 50c California ClrcusPUIn or Self-Rising  FIELD PEAS WITH  No. 2 can 10c FLOUR 24-lb. bag 8Dc HOLSUM MACARONI OR SPAGHETTI . 5c LemOHS     Food. .           TASTY FLAKE SODA CRACKERS Ib. pkg. 10c MUSTARD 2 bottles 17c SUPER SUDS, SUDS IN A FLASH pkg. 10c DWEB X^C "~'o fh,,!,^ Pluis T.x CIGARETTES Ctn. $1.20 AMERICAN DILL PICKLES 25-oz. jar 15c n, u r Fancy Kcw York Thc Hailth Drink- Instant .TETLEY S ORANGE PEKOE TEA !4-lb. pkg. 25c CELERY tall stalk 7c POSTUM 4-oz. can 29c WRIGLEY S CHEWING GUM 3 pkgs. 10c fe^'~AS ,b 1Oc n, ;    .rh7  N. B. C. RITZ CRACKERS lb. pkg. 22c TT%~n'*         LV^ -tA    - llc GRAPES 2 lbs. 13c Toilet Soan STOKELY S TOMATO JUICE No. 1 can 5c Fancy Delicious or Grimes1 LUX SOAP 3 cakes 20c Golden OCTAGON WASHING POWDERS Ige. pkg. 5c APPLES lb. 6c Ubbyfi Prepared WELCH S GRAPE PRESERVES _.lb.jar 23c a 0^* ^'ita 10c MUSTA3p 9-m. jar We PHILLIPS' PORK BEANS No. 2K can 10c {^^^ U*talaB^8! RICE.*1""1 3-lb. bag 23c PHILLIPS' VEGETABLE SOUP No. 2~/x can 10c Gcorjria Porto Rlcan Gauie Toilet = SOUTHERN MANOR SPINACH No. 2 can llc 1 Red Ball VdJda 10C TISSUE 3 rdh llc DEL MONTE FRESH PRUNES No. 2* can 17c ORANGE^ do, 17c ^ m DURKEE S BLACK PEPPER 4-oz. en 10c ONIONS lb. 3c SmM1, Mclty, N.w Crop HOSTESS MARSHMALLOWS Ib. pkg. 17c  dozen 23c 8 5c LIBBY S CHILI CON CARNE No. 1 can 12c Fancy Crisp Kffifi* ""VS 25c ROGERS SANTOS COFFEE Ib. 17c Iceberg CoIonHl E.rly June JUNKET ICE CREAM MIX pkg. 10c PEAS 2 No. 2 cana 25c COLONIAL GRAPE JUICE pint bottle 15c *ic** ColojJ.1 SiNet  PEARS No.2    9c mw fa J^ 1Oc  GINGER ALE 12-oz. hot. 5c ^T^ BREAD large loaf lOe (     Boill. Dopoill) ^</t>
  </si>
  <si>
    <t>                                           George Stevens, now manager of the Black Cracker ... is to be complimented upon his appointment. We hope that he makes good. The fans do not expect George to tear down the town in a minute, but the fans are looking for a winning team...</t>
  </si>
  <si>
    <t>                                           CHICAGO, August 19--Many fans and some writers, accase Mister Alexander Radcliffe, who holds down third base for the Chicago American Giants of being a lazy gent who would scarce exert himself if he were beng paid a dollar a minute.</t>
  </si>
  <si>
    <t>                                           FINE WORKER                 T. M. AUJXANDKIt A.s.-.oi-' 1..~-:uUt Ml Division "B j U'lio ll:.-. Ijiiidi1 :m i- Miov. IllU in Ihi: 111;" -y (HIM'  wiek. Hi' is willi Leader Brooks all the w;iy.</t>
  </si>
  <si>
    <t>                                           LAST RITES FOR JONES TODAY                 Elk Leader Will Lie In State at Rest Until 1 O'Clock                 FUNERAL AT TWO                 ;isf. rites for Frank L. .Tonos noti rt         ui:iu, will tic bold ut two o clock this afternoon from live I- KitptNt , the Bcv. G. 1'- MfKlnuvy.  .                 Trior to the  services; the  of the  ruler of Gate ~;l!.v Lodge No. !H. I. .B. VO- E- will He In state from nine o clock this morning  one o clock Uiin afternoon at: the Elks Rest. 73 Fort Street, X. E..   the scene oC'.IiIh many Inborn aud close to the Institution to which lie cave much of     life In nn effort" to v build It into a ;_;_.'     ._^_ According to "     _from        . D. C.        3ay,"J'. vr. Dobbs. ;      master of the Prince Hall Masons of Georci.i and  ofthe local Elk Lodge will - in rhe city from the nation s  In time for the last rites. At tht- prw/iit time. 3Ir. Dobbs is rt-: Uio local IoiIkc nt the Grand Lodge Conrention uow in session in WashlnctonMr. Join's, who was  in Madison. Ga-, r.S years oro. and who U a graduate of Tuskecee Institute, made his start in life in Knst Point, fin., whore lie put into (Continued on page 5; col. 4)                 Last Rites (Continued from p?.ys 1) ;~ the trades learned at Tuskesee. Successful in , he turned his attention to the fraternal world and. for a number of       was financial secretary of the Gate City Elk Lodge- At the time of his passing he was head uf the Gntc City . He was til    tlie proprietor of wrens! Onrber simps in addition to other -s interests. Death  us the result fan automobile aii- last Tl-. Members oC Ik-nry K. Butlvr M:       I^mIot will servo as   while tlw:  City Elk    ?e will be .v -art-rs. Acting an  of . mlay will be C- K- Anderson,  of tho local ; and a former exalted ruler. The program is as follow? sonc , scriptures. Rev. Darls. prayer.    \. t.'VT. W.ilk?r:  Mrs- Ethol Frederick: sons, choir: ir. of ^. Mrs. G'.'Ci.'v;! HauKsibrookF hL-tory nf Mr. .Tnno' Life, J. IV. DtJ.lw  r J. II. Hanlcy: solo. "Atlanta       chib:   -.4. Mrs. H. C. Harris,            T'nJ r ~?nt-? City Temple Xo  selection. Gate City Temple Xo. -~3: presentation of florals. Mr*- Gpn^fi Haucabrook*. stato daughter ruler: sole Mr'. H. L. TfcomhR: . Rev. G- F. Krei noy Elk Lod^e Ceremonies. Janes 1 Mllllpin. actins exalted nUer: masonic  ceremonies. Hnranj i Oirroll. W". jr.. R. R. Builpr:  of the remains, funer.il director. Interment will be in LIncnin I Mvmnrlal cm(~     . the Hanley i I  company lu charge-</t>
  </si>
  <si>
    <t>                                           List rites for Frank L. Jones noted fraternal leader and business man, will he held at two o'clock this afternoon from the Liberty Baptist church, the Rev. G. P. McKinney acting minister.</t>
  </si>
  <si>
    <t>                                           Dame rumor has whispered that the Lights of Harlem are not involved in what could be justly termed 'just another dance when they invade the Roseland Hall tonight at nine o'clock. The calendar of social doings lists it as an elegant party and proclaims it as avery elaborately planned plot, although not a new one. The Troubadours will scorch things up hotcha and mellow it down with some sweet numbers.</t>
  </si>
  <si>
    <t>                                           Karen sprang to her feet, her lithe young body quivering, her face illumined under its golden nimbus a hair. Her eyes became iridescent stars; she seemed to melt away from flesh and change to a being without substance.</t>
  </si>
  <si>
    <t>                                           Millions prefer it to ^SiiFt^  ..^^dtP^ MirM'-.' t\'hiph - ^^'^ All ;-.! The  \{^^ /IH.iBA .-:ii-of.^an.-fa?h. f \   if       .-fl boiled drc:*inj; ;u*o  Il'V~.^    '/~ V Tw.- skillful way. Civcn the \%$^ t(i\ l"M::.;! V ^L. .*IMr\\  recommend for  flavor 9</t>
  </si>
  <si>
    <t>                                           EDISON S SON DEAD                 Springfield, Mass., Aug. 25 (SNS) Thomas A. Edison. Jr.. son of the famous inventor, the victim of a heart attack died at two o clock this morning. Death occurred in a hotel where he had stopped with two friends.</t>
  </si>
  <si>
    <t>                                           Education Is Discussed By Interdenominational Group                 By RF.V. N. V ItlillXiKS                 :tl Min j KUts' aII  i- mi t Tuesday at j lln-  iil .\IK I'lmnii. ihe Rev. .1. A.  i..  . I'.. M. tn i-l.-y ici i-liarse.       il?vo LioiuU  i  were  hy ISi'v. K. B. Ili-*. j                 Row P.a\  'r.  tlie special  naini ii 10  i                 in i'i ~-^r'.*tn l.i no rr- l Monday ni^hi. Alay ai       South ai- I Linn Ml'. Cliuivh, Mnmla.v , I May 2i'~. in - with t!ie  of ihi- 20th ?:ir.v ui the 1-Iolniffs          . i i Tin' following  was api  invocation. l-':Uhor W. Q. j Il.- Us. introductory '.arl;?, j                 \w- n. II. -y; . r:ill;s. . .1 A I'.a.-, BaiUv. .1. XVrifrht, .1- II. Ili^gins. i-' [I. .1. E.--'ii and others. Miisio Hiil tto i "!~l by a chorus -il of 111.- chi-ir* of tlio WaiTi-n Mcmori:il and f  M. K. i.'. \\    .Mitchell. Butin' street : Hol:    Temple f.MK churches ami     ' Franklin Mciiioriai AME Zioti church. Spt'. ~'i.'   .- will ho rendered by the II.-'Iuks Institute Oloc C'luh . tiu' ; ri-m:ii k  will he made  President .-i, after    will present its  to I lie school. A Mr. Whiilcy was presented lo ilie I'nioii. He spoke  ly on (.Continued on Page 4, Col. 2)                 Education Is i (Continued from pane II ,hi_- .un l'.H'le. I 'i- c I. .     -nii, lid-, i;. II. 'afW-r.  ISisliOp KmIKt \M're j ipi- a- a c.' in look 1  niai i-i- thai Uic -illian..-' .o.'.-S very vital   . ihc inter- f i'-fs of ihe MiliiisitMK and the' . 1 lh ::        va.^ a-UCii tu  iv.nri ;il [.he 'a-M -iit;^. I'rof. C I. Hurpev.  ipol if iii,-      'r T. Washington Ui^-li h"ol, di.- :i mo?i          ; 'l.ivi-^s on i In- work of the   in Ki'ii'-ral. and Liu- hij;l  in . He  lie - thai the .'d ci inli ~"'~s in ali i lie I'liliiLvd schools, . I'umpcl (Imililc si   .-oon   d by    ' mcc  of now ]       anil th. .'" of tlio Honkei- T. --'i. n an. I  T.  j Junior  Si. :^. i 'I'hc -Jtur  il-i'~i'l:Lril till1 ^Ul\ i-ral ]~)un of ili.1 hoard ol - j lion, ln-t;~        \Vi l h tlic . thence to ihe  uary     "Kt'i ur.-:!i'-i. ihn-c yar; I " Ui^li  and  yt-':iv i - hiL-h . tlu ii.'l y pri1- j r.irin,- thi' I"'V.j on. I s.'irN f. r 'il- !,-so. Sprakinu: i.i" :ii,' n.'      .ui'-iits 10 ic. in llif ili.k ll .- tile     '''     ! poinK ii flu that A.I P ' \v:i- th'-  l .' ami  ilic .     no rc..'il tt uii ct ci-ri-iin utU.:r     -' as t,i inu-P..    . and t nat C'vi-y- - I'dssililu ij.  to U'-     ]ic Per^. j li w.'s pi.inU'.l   it t nat  ir.'S-- is i M'ilin I'iacCd in til'- '-i- in the an of  '. iiii- th I preparation of roods, tin; avi .'f i mal;in4 i In home .-1. i-tc. Al prCM iit. 111.- -iiii  -aid. i!    win-1; is oi-inn- ,,n, on a   i-aio in a : house n.Or i k- S'- ~'~'iiic i ..- (iiii Ortiiniti'-- to a  d ifri.iiii of -i-nioi- . llr -d   f;..s u cro nfi- as In- t-.-,~ the other - or tin- school as .-.-l mil     tin- ni.'i-u  :;.."i(iii -. PrilVil al ll^i-iit i's -s  \ve!l n- i.y tin-  i- i:\ (hit it -avi- tin ;  f ill.'     - wi.rl; thai is 1'    '"~ al 'he -. ' - I h.-ad  U" pi.-rlL-i-ii to do al! in     pi.wi-r hi arrange the -'-jiu- s.- on the first Surday in .rune thai it will nol - :it an horn- that will interfere  tin' worship at the various churches in .. t.    their  lit tin1 fullest -- r.l Jill e\"~"-Mt-. Tlic alliance will not meet iip\1 Tuirsday. vii:;^ to  tho  Tlicd. urica! ..--.v -.- -e.- in-toa-'i. ^    --iiop I'i.II-t . in^ (he heil.-dici i"ti. i Iv." i^roup :\:i.i'.Mlinrd    -l ii^ain .in 'lue-.lov .11 H.r L'l.</t>
  </si>
  <si>
    <t>                                           The International Minters Alliance met Tuesday at theh Central ME Church The Rev. J. A. Raxter pastor, with Rev. E. M. Hurley in charge. The devotional services were cong=ducted by Rev. R. B. Hendricks.</t>
  </si>
  <si>
    <t>                                           Stirring and dramatic chapters of American history arE being recaptured and preserved by members of the Civilian Conservation Corps colored company working in the Colonial National Monument, Virginia. These boys are making a worthwhile contribution to our...</t>
  </si>
  <si>
    <t>                                           BE A NURSE LEARN AT HOME "I  to bo a  at horn*. So can other*;," Bays Mm, A. Haglin of Lou Angales. Graduate** of C. S. N. earn a goo# living -in Iheir own . Practical   a happy, profitable, 'permanent career. Tho * it endorsed by * cians. Eutablished 36 years. Simple  with lull explanations. Mnay  find work  they complete. tho . Ooa graduate  $400 while learning. Equipment with good* lor uniform* is included in this homo  course. Caty tuition . High School  uol required. Send  today lor tree, . fascination        . "Spleadid Opportunltiea la Nurulng," and 32 I   . CHICAGO SCHOOL OF NURSING Dcpt. 285m N. A.       Bird. Chicago, 111. Pl'"~~ fiM.b#^  32 HHltl  N.m. Mt tut. ..All.</t>
  </si>
  <si>
    <t>                                           Frank Buck Laughs at Death at the 81                 Frank Buck. the d.an or wild animal collectors,  bringing thorn lack alive In "Wild Cargo," tho RKO- camera record of his recent adventures starting today at Baileys 8). Buck's newest exploits plunge him  the Jim-les of Java. Bumatrn, Ceylon. India and Malaya. As the film ', ho. has his big moments in capturing alive                 tapirs. rhinoceros, monkeys, man- eating tigers, death-dealing py- thins and cobras, flying  , cassowaries clouded leopards mid an -. Buck's "Wild cargo" Is  to embrace almost the whole glossary I  A zoology, and run the gamut ol thrills- He ures unusual and  devices to marc his prey, and faces danger nt every turn. Twice he stared death In (he fare In the form or snakes, and almost -nine near never  himself en the screen in "Wild. Cargo."</t>
  </si>
  <si>
    <t>                                           '.-i.".,_, ~.*~*c'  MIWIwTn. IN TM[      FOimPP)  B. 13M BY ,W. A.'            lu* nutter  t the post  at Atlanta, G*. nte TvT-'^     Act          3, IMS. T"* /T*       ^'  m Sunday at 819 Aaborn Avenue. N. Jl. .-it-'v^;- ito SCOTT   TcHpbontt         58 and 1*60 5-XL-*. SCOT* ...V               V  AMI. General Mttjjter ,,-j^L  v.......... Maiming Editor t    a,-."-.'-  ct- or THE ASSOCIATED  PKESa  r jT"  ADDIT BtTBEAC OF CIRCULATIONS -4   KATES:' VXaXt-fTt. 9323; ^8. Mos. S4.TSJ :3 Mus. S8.50; 1 Mo. t.9~_ .Yy-1'ST. -, 6 Mos. *l-~~~: 3 Mot J1.00; Cuudm: 1  r. f!50;~.~~~.:p.~;  1 Yf.  J(l; 6       8.75. .'.T1 ^ADVESTlSING ; W.' B. ZIFr^.CO,        . QL, and New , N. T.</t>
  </si>
  <si>
    <t>                                           We are inviting reader, attention to editions of the Memphis World as well as to the columns of other local papers in order to an swer your many questions as to the phases of the world's Emancipation. Jubilee Anniversary celebration.</t>
  </si>
  <si>
    <t>                                           Favored, for Hambletbtiiari Ttopmg Classic!                 Fortf thousand follower* of the trotting track* are expected nt Gothen, N. Y., August 14th, for the Annual running of the Hambletonian Stake, the "Kentucky Derby of Trotting." iTh* favorite it "Greyhound" (below) unbeaten 3--old nnd winner of the'   number of juvenile race* lait year. The                 colt it owned by E. J. Baker of St. Clutr. Hi., nnd will be piloted by Sep Pal in (inset) v^i^rnn Indianapolis driver v.ho hopes to  his urit Mnn*  victory. "Grey hound'*" closest rival    "Silver King" (upper), greatest money v.inner as n 2    -old.    is owned.by E. J. Mcrl-i- of Columbut, 0                 w</t>
  </si>
  <si>
    <t>                                           Madam Mingy j WE WOMAN WHO KNOWS       pact, present and future  LOCATED I Palmist an 4 Li?~ Reader ,C:-    thrice on al!         of J M*e. -We. Marriage, SBttS *~i 4    !e_oas of ] -3 k-=dt. Don't f-i! ^^^Sl to tee this gifted  Palmist. Point* the way all          . Qlf^yp. anJ ^     you how to  . Madam Miner has helped thousands and she can help     .,i TELLS L  DAYS AND SPECIAL READING SOe X-*.~ Fe-er_(      _ car to ess !i=e. T^jofc N_=e o= ~~= .   -!a To=t.      *etT G9*rs=      38 MeDononch Road Madam Miner Makes No Home Call* Offiea      : S AAL  c S ?.M.</t>
  </si>
  <si>
    <t>                                           PRETTY. Miss Ann Lou Ford, pretty daughter of Mrs. Helen Ford of Peoria, III.</t>
  </si>
  <si>
    <t>                                           Solid Rock. Honors! Pastor at Close Of Anniversary i                 The anniversary of the Solid I Rock '"Baptist Church and the pastor. Rev. A. U Humphrey .am* to a brilliant  Sunday with the sual of $fiO  raised :is a presented purse to the pastor, j alone with many other gifts. I The words from some n( the i most prominent men in the city proved to be Iniplrinc. Rev .A. I.. Humphrey has hidden secret  .  how to    .si. money, build churches and -[M.nsor programs. He has proven in Atlanta that he Is full of new i.i.-a* and thoughts and that ho has many friends. Among those who appeared on the program were Revs. J. yr. Webb. I_ P.. Edwards. J. E. Gar. nett. C. I* Wilder and B. J. Johnson. Jr.. Rev. C. Wood was the principal speaker Sunday with remarks  made by B. J. Dav. i?. Sr.. S. w. Walker of the Pllcrim Llf,. and Health Insurance company, and Mrs. Moselle Waddleton of RIs TVthel A. M. E. Church. I. I". Reynolds, famous World columnist, served as _ot_          .</t>
  </si>
  <si>
    <t>                                           A remarkable new discovery has been regorted by users to make hair grow longer straighter and sutler 7 times faster than ever fore This new formula works whip you sleep. You just Put little tutu your se alp with the ringer tips each night All night long...</t>
  </si>
  <si>
    <t>                                           VIRGIN IS. PROBE IS DELAYED                 Lack Of Time Given I As Reason; Natives Muchly Aroused                 TO BE IN FALL                 ST. THOMAS, V. I.. (Special)As     Imposing away or witnesses und a vast amount of evidence was ready to be presented tn a senate *,tlon into the administration nf Governor Paul Pearson, the probe was Midilenly postponed by Sennlor Reynolds, Democrat, pr                 norm Carolina, who Is chairman of the subcommittee who  that lhn full committee will cone to me l.- In October. Lack of time was given as the mason for the chance postponement. The full senate commute? Is headed by Senator Tydlhgs. also democrat, of Maryland. However observers are inclined to believe that the atmosphere is too tease for the  of the probe us many  meetings have bren held In which the United Slater ~. of ihe   . upon severely . l J '. outstanding         the complaint* arc assertions that relief  ias not been properly  i,nrl thai too much  has been shown. At first Ji was believed that many of the natives would be I'ii-Ii or reluctant u, talk but  ti'.c  started their work they learned that Ihe natives I were very willing to talk and Let their criticisms of the manner in which they have been treated be told to the world at Jarge. Some people ye g r3ed""the - as a political attack upon Governor Pearson bur an- -Investigation by Interested persons discloses that there Is much suffering In the Island and that the people lire being Imposed upon by those supposedly administering to their welfare.</t>
  </si>
  <si>
    <t>                                           ST. THOMAS, V. I., ()-- As an imposing array of witnesses and a vast amount of evidence was ready to be presented to a senate investigation into the administration of Governor Paul Pearson, the probe was suddenly postponed by Senator Reynolds, Democrat, of...</t>
  </si>
  <si>
    <t>                                           sunday school nite at 9:30 which was largely attended There were several visitors presents We had a very interacting lesson...</t>
  </si>
  <si>
    <t>                                           Wilberforce ran wild, taking into camp Wilmington College to the tune of 15 to 1 in the second baseball game of the season on April 10, Morton Jeffries, the giant freshman from New London Connecticut, a right bander, pitched a three hit game. Phillips, the starting pitcher for Wilmington, got off to a bad start, hitting two men and walking two men in the first two framers. Bullen then replaced him in the sixth inning allowing only two hits.</t>
  </si>
  <si>
    <t>                                           Black Crackers Open Local Season With Win Over Memphians                 I YOU MISSED IT IF YOU  IT!                 Memphis 101 013 COO 6 Atlanta 110 000 14x 7  All K It PO A K 2b :!   Mr UH SO Carter, ss I! 2 2 ;t (I I) (I Niinley, lit ,'{ 2 2 12 0 (I I) I! 0 I 2 J. W. Jo'vs. of :t 0 1 (I 0 0 (I (I (I I (I l.. rf 5 0 2    0 0 I) I; I) (t I.. Smith, If 2 (I (I (I (I 0 (I (I 0 (I 1 /Ford, If ;t (12 0 0 0 0 0 0 0 I Hampton, i- .1 u u 1 (I (i (i 2 Johnson, ."tli I I 2 I 2 0 (I 0 (I t , 2   :t (I (I l :t 0 (I (I (I I I Howard, p I 0 (I 0 I (I t) 0 0 it I'iffKin, 2 110 4 0 0 (I (I (I ti Adams, p 0 0 0 0 0 Jones, p I) ii ii 0 0 it 0 Arthur,  i (I (I 0 0 0 0 0 0 Totals ;t:i i; m n; n n I m /flatted for I,. Smith in fifth inning. ATLANTA AK II II I O A K 21) .ib l!r Ult SO , rr 2 I I I 0 (I (I (I 0 2 I Thompson, 21) II (I 2 2 (I (I (I (I 1 I Humphrey. If 1 I I I (I (I 0 0 tl (I I Oi'i-il. c 4 II I in 1 (I (I I II I) I Rohorson. :    l\ I 111 0 (I II 0 0 1 I Smith     :{ 2 III (I 0 0 0 0 1 I I Holliday, if :t 1 I I n 0 d Kemp, ss :t i i i n i Cross,    ,'j ii ii (i (i I I Totals 28 7 7 27 I? I ti i; 7 Umpires: Harvvy and Jefferson.                 Itv RIC                  LIN.' dill, the laurel, lads. (Jet the garlands! King lor . Bestow thorn all on I he  brow of "Crossfire" Cross, Atlanta Black Cracker beau , Cor belli w me, brothers, he rates it. His wore the heaves heroic, the losses titanic, that ( our Crackers a ( 7 to (J I hair-raising decision yesterday over the                 dozing Memphis Red Sox from Memphis at Ponco de Leon. Park. The local L-ii.iy...                 numbering some 3,500 odd souls, was ^ to applaud our heroes and start baseball off on the right under .es. But bade to Cross. It was this boy from Chicago who stayed in there and put  -down sign on those upstart Tennesm'uiis. 'I'was the ninth inning. Atlanta had just scored lour runs lo notch a one store lead. A hit ot any kind might start rouble but gallon! "Crossfire" Cross stayed in there and bore down. After Jones had died, Thompson in Smith, Cross took the situation in hand and lied the next two  into knots, lie fanned "clean up hitter" l. and then shut three fast ones past that ball- of all Red Soxers, Pinch Hitter *Ford, who, until that moment had dented Cross for two successive singles that meant runs.                 The 1'iins who were lucky enough to be there saw the entire Memphis pitching staff perform despite the fact that your Crackers got no  than seven hits. Memphis had the ball  ame well in hand until the seventh inning because after Pitcher Howard had been yanked in the second ..the locals were handed four straight horse collars by "I-ong Lofty" Liggins, the clownish county fair pitcher who had sufficient guile to keep the locals off the sacks during  period. Memphis jumped into the lend in the sixth inning when Kemp committed three errors among singles by Logins and Johnson to admit three runs. The locals senr ~-d one run in the seventh but Memphis was still in front 0 tn 3.                 That Garrison Finish *"lt  the'1         !26  Him Hie Memphis pitching si a IT decisively and  Ushered our locals Into tlic winning . Shinies by Humplirey Roberson, Snillh and Hollidny plus walks to Kemp, Holllday, Ttonnett nnd Thompson were good for four runs and I he lead. Three Memphlpitcher* failed to stem the title, and cup. Johnny Jonps, threw only one ball. With the' count 3 to 2 nil "Jew Baby Bonnet! and ihe I a.'.r:; lull ho succeeded Adams mid threw a ball to force In the tying run mid was Immediately ejected from I he ?   . Catcher GrertvIodr  clout to the  board was the feature wallop of the day. LlgBins had the Cqpkors  well Mibrincd un ll that    nnd many of tlv Memphis men thought ho should  have been sent to the showers. The teams play a?aln  and the -to-s nrt  will be selected from DnnRlH Reeves. Lefty William or a  . Score by Innings  . (Memphis). Car.    was hit by a pitched ball and took first. Nunley wa, safe on a                 bunt after some questionable field sJ3  bv^ Cross and. Carter ^U*    6nai*?oW^ofte*~ a base I i down ilie third      line. Langley skied to loft and Cartel scored after the catch. Smith fanned. Cross struck Hampton mil. 1 run. 2 hits, 0 errors. 2 left. (Atlanta) Bennett walked. Thompson went out, Johnson to Nunii-y and Benneii advanced to .second. Humphrey fanned. Donneii stele (Continued on Pagt S, Col. S)                 CltOSS                 Black Crackers (Continued from Page 1) third, c.-. oi ern s]:inpr-d :i  drive to tin. K-~,  -bo-,r."mi tt.-m f.-),- i F.1(.j.:s     ; " t . Rrly.,slm li!U,,, LstiKlcy in  field i run 1 hi- no rrr.irs. i left. I SECOND INNING Mftcphi Johnson poked .-sins'? to center' C. out,        to Smith. Jclm- s.in took second. Howard lof:eri to Orppn. . took third when Ore-ivs throw was latr. carter died, eras* to Smith, run. i i,ic n errors, i lert. 'Atlanta), sml.ii walked. Smith Hole second. shortstop Ciirter making a nice catch at Hampton's i low pes. Holiday way .-ale on i fielders choice a^ Smith slid snic- i 1.V into Third. Holliday  see. ond. Lofty Li-jj;ins new pitching for Memphis. Kemp tolled one to Car.er and was retired n: first, Stttitli  !~.: on ilv p r.v. Cro.-'s v.'al!:ed.  . Thomp-on filed to Nimley. :u)i I i) .s. .1 errors, 2 I 'ft. THIRD INN'iNO. '.VfempliHi. Nnhl.-y v.:il!-.ed. Jones            . Lsn::lry     retire.-!. Orocn t Snii.h and  i,(.,i  Cron.  d in cfn-cr home        .v Smith out. Ciass id Smii.'i. Ilntapt..n lilted n  fly to Bonne I. I . Jones : up :tt thin! run. No . No. i-rr.,rs. I  Ail.ii cni. Humphrey was hit by a pitched ball. Ho .stole ; Green Imfc'pd m c.. -on out. Nunl-y nr,3.td a.- Il.ipi, rev  third. Smith struck out No run?. No      Np        One left. FOURTH 1NN1NO 'Memp'itsi Johnson  to Kotnp. Cannaely walked. Howard out,     ?j-.s^ti J.o Smith. C: tj, . Carter wour now-n. Kemp to Siiiin, on s snappy piny. No iims, .sc lilts. No errors. k ft. i Atlanta) Holliday om. I. lo Nn!'.ley. Krmp died, .Irhncon i to Nunldy C)    out. CaiiDriy Nimley. No run". No  No I error?. None left. FIFTH INNING: 'Mfrnplii^r N'nnley  ,,n ;"reo  pit'-iips. Jones \v;(~. LDri1?Iry ?' out :is Jones  second. Ford l:aned fer Sinnli find  n ' to center scoring Jone--. Ford stole si.'cond. Cross crushed Hampton strike for the second time. nui.. 1 hit. No er. Mil's. NOIL* loi" AHh:ii:  .  was Riven a lifr in rir-: on Ciinundys  iind was out  l.o s cal. Hiitnptcn to Ci'iinady. Tnompsnn l'i'.. Humphrey went ont, Cannady to Nunlcy. No run.-. No kits Nc errors. Nr,ne left SIXTH INNING. . Johnson l'.it     Cross mid w:   ^:i!o. Cannndv fanned. LiH^inrs - to ri^ln ;tnd Johnson look j .. Carter was  on ICcnip's erint*. tilling: The bases. Nutiiey -:ifc nil Ki'tnp's  . John- -on . Licpins scored    i Nunlcy was forced at -econ/l. Car- ter si. .red on Ketnp\  orr.'t j .5 for roller hy Jones. Lanp- ley cult, Kcmi) to Smith. 2 run-, a hits. 3 errors. 2 left. j 'ADama) Oicon walked,  r i -on was called ,.u; on -ink s. Smith hit nil,, a fast double play. Cannady lo Canor lo Nuuley NV .no lilts, nc error.-. N.,ne lef:. SEVENTH INNING. i.Meinphi.-i Ford sinak d for ;he second -itf-  time to . Hampton j died. Smith unassisted. .-,.i;' i out. Green to Smith Cannacy lined to Holliday In center. N.~ I runs. No hits. No errors, l It'll, j 'Atlanta). Hnllidny out. Caunady i to Niinley. Kemp's drive into ill'-'  field stand'-     foul by . I He singled .sharply ,,vor third Cress skied to Laiiuloy.        stole i second. Bonne.;1, rapped a Uvi.1  to left and        ra.-ed home. Thompson filed t,, Johnson. 1 run. -J hits Nc errors. I left KlGIITH INN IXC. i Memphis). Liggins on"., Smltii unassisted. Carter -afe at       .Carter on t sK-. Green to ThompsDii. Nuuley .1 for second linn;. N'o rut,-.. No hit.;. I error. None li lt. iAl:ui{~).  cy  :    to r:    ( field. Hampton let the  qe! his coat ami  Greetv.s fly. Green fanned. ^oh oi s iii "Inglcd to  and Humphrey  up at third. Smith rapped Li^i'.ins fnr a .~int;)e to center and Hutitphrey meed horn..' Holliday .ed Lirjsslns for a  mul      bases were cluttered up wl'.ii three runners. Adams new I pitching tor %'       -~. Kemp walked and Holliday  home. Cross struck out with the count 3                 nnd 2. Wilii i ho  3 and 0 Bennett, . .Inn"- ~\;m.' in first of tori \    ;i fo;il! ;   ! Str.il j .supplant Ari.'mi- for Mi':!!(~]iis. Hi-  homo, tying the  c,,n\ Anhuv now ;: f i-      ,   . ,lnr.:\ threw only cm- h.ill. HJllida.raced home wi h tl-.o winning run on wild pitch.        )    :     walker. Huniplirpy. up for ihi" second time, weiu am. .John on io Nunloy. Four run?. Four hit-. No I errors.. Tw,, hit. NINTH INNING. . i . out. Thciup-:on to Sniitli Cross Lnn^ley on ;~s n'~ii!ii. Fnn! nUo .No run?. No Int.. No error.'.. None M:.</t>
  </si>
  <si>
    <t>                                           LUG out the laurel, lads. Get the garlands! Ring for the wreaths. Bestow them all on the heat is brow of "Crossfire Cross, Atlanta Black Cracker beau beautiful, for ... brothers, he rates it. His were the heaves heaves heroic the tosses titanic, that gave our Crackers a delirious 7 to 6 hair-raising decision yesterday over the bulldozing Memphis Red Sox from Memphis at Ponce de Leon Park. The local citizenry.,</t>
  </si>
  <si>
    <t>                                           PRIZE-WINNER- Mrs. LUIic Mae Wykes. one of St Louis- mod prominent beauticians won (list prize In a "Finferwave Contest" recently. She boosts The St Loots News.</t>
  </si>
  <si>
    <t>                                           LOVERS IN PARIS                 Paramount's Paris In Sprlne." beginning today at Hie Georgia Theatre, stars Mary Ellis anil Tulio Carminatl.</t>
  </si>
  <si>
    <t>                                           Bystander Injured As Truck and Car Figure in Crash                 The collision between a truck and an automobile at Fair and Chapel . Bent an Innocent bystander. Mtf. MaUd peek,_or_212 Chapel street, to Craaj hospital with a painfully injured leg. Tbc accident occurred when a truck driven cant on Fair street, by Allen Porter, of 40.. Electric avenue, collided with an automobile driven south on Chapel street by L.'I* Yeast, white, of 702 a Church street. Bast Point. The truck after the' collision, kept on down     street crashing into tho brick building housing a cafe which Mm Peek operated at 516 Went Fair street The falling: "bricks struck the unsuspecting woman on the Ice*, inflicting painful, but not serious Injury. Reckless driving cases were made against both drivers by Radio Patrolmen' H. Brlce and M.D. Caxtrlght.</t>
  </si>
  <si>
    <t>                                           fffl^^HVflVfl^^^^rf^^^j^^BVflVflVJV^5tf ^jM^^t/^ m^ ^^~~^7'^vk^k ^^H^B^Mv^^^^^^^^^k^^^^^^S^^^ftt^^^l BjS^My\Tj^^B^^^^^^^3B^^BB^^^^^^^^B w^^^h*\^~^Sivv*^^^^^^^^^^^^^^^^^ft* % ^hp^^^^ml^^^^^^b^^^^^^^^b^^^^^k^^^^^b I^^^^^^P^^^^^E^Hu^^HVflVflVflVflVB! BBVflVfllHFriH^HVr^HflHVflVflVflVH</t>
  </si>
  <si>
    <t>                                           Gould You Uss Five Dollars? Read This!                 Wouldn't you like to nako      lo tur; wltj, little or no effort ou your part? iJl course .von wmM, for you Ciin find plenty of *..tul" do  a  dollar bill these (lays. Early Tuesday , a tiny Olimv Spitz doc ~"us either lost. strayed or stolen from the rear of tlic plant ot the Atlanta DolJr World. 210 Auburn . N. E.. I'ulf nnd It will  to that mi me quite , whether It lie an old  or a  srx . Is about a foot tall, a likeable bit of dark brown doe, with a black nose. Mack mouth, and a. bushy tall. Anyone  "Puff* In inked to return the dos to the Atlnnta Dally World office anil Pfelr* a  of fire dollar*. So *~  will he .                 JOSHUA JONES '=~ By 1. P. * j:fi u i ton-J ctt     In     ,yc^;~ can             .</t>
  </si>
  <si>
    <t>                                           fi.im .                   .lames Stamper, of fi Jtf    'kn ith si root, reporter! to p.. Frielav i hat lie hiH been  Out of SI 1.7".. by two film Hummers  np::ro.Trhc,i him at Auburn avenue and Ivy streets. Rev. Gates Gives Big Crowd Real Thrill Friday nr 1. P. REYNOLDS Rev. J M\ On'.?*, nationally known evangelist,  a  audience :it the Holsey Temple C. M. R. . Pririar night, as lie delivered a powerful evangelical sermon. Rev.      :  his hearers ns he  home his  to men of tl.e salvation of  Lr.rrt Ji'Mis Christ. The church wns packed to  v mill I tie feature of the .' w.-is I'm' r"nj]ll;on of  num.      Cllss .. who  lh" 'lin.lr-.n? wi'\\ ,,r,  ..Thl.1 spe"  iii was ~. by Mrs. Annie Calhonn a  member of he Holsey . M. E.  :iic Rev. H. .p. Demon, pastor.</t>
  </si>
  <si>
    <t>                                           WELL, GENTLE READERS, your old 'paragrapher' is over in Tuskegee and Montgomery, Ala., week-ending in the environment of Dr. Fred D. Patterson and President H. Council Trenbolm, genial executive's of Tuskegee Institute and Alabama State Teachers' College. We'll be back in time to give you your Monday sidelights on the two big grid classics....Tuskegee-South Carolina at Tuskegee at 3 o'clock Saturday afternoon and Clark-Alabama State at Montgomery at 8:15 o'clock Saturday night......... A few tips...</t>
  </si>
  <si>
    <t>                                           Scottsboro Case Rumblings Will Be Heard Here                 Echoes ot the United States Supreme Court's momentous decision Is the infamous Scottsboro cose will be heard la the Federal District court here Friday. George Kiiox, acting tor his 1    .  Kuox. Tuesday filed a writ of  corpus      son V .freedom from the  on the' grounds Quit VXcsroes were systematically excluded from jury* lists ln\ Cnattooffa county." Enox in February of last year,  was       a sentence of from one to three years by Judge Maddox after. -trial on a   experts were of the opinion that the writ will be denied inasmuch as no objection to the Jury system was made  the trial in thi? Chattoocn Superior court. In the Scott.       case, a foundation for nit appeal to the higher United States court was laid dur- ing the lower  trial. Knor has brought; his case dl-  to the Federal court, after sentence had been passed by the state .</t>
  </si>
  <si>
    <t>                                           Best Foods Products Will Be Featured At World Cooking School; Rich's, Rogers And Georgia Power Will Co-Operate                 The Famous ]j.;.ii foods Prod-      will be featured ac the annual cooking Mchool of the Atlanta Dally \Voria which will hold the local  next week. September third fourth, and  at the tht? City Auditorium.                 -While it Is certain that these products are well known to many .housewives oC Atlanta, .Xood" export* point out that, then* are^ many, many uses of Best Food.1 J^^^p^ oy." ire ^. '{ 'home economists of the Best Foods^ are constantly working to devise new and tasty dishes In order to help the  wives  their dully menus. AmonR th0 better known. Best Food products aro Nucoa, an - id^al and economical Khortonlnjj. . sandwich spread, a delicacy with a  wWK* * of    . I3      and         pickles nml others to numerous to mention. Headlining the demonstrators will b** Mrs. Fern Snydcr Sneeden. widely known GeorxliL Power Company home economist. She                 will ho assisted hy Mrs. Taylor and Mrs. Lewis, both of whom won many  and follower* at the last cooking .school sponsored by rhe Atlanta Daily World. This famous staff of Ceorgla Power Home Economists will present many new and tempting dishes and show the housewives of Atlanta how     ; may make their moais. Tuarei.,  nd 'at  same time save more mon- "G'eorslii Power Company Is cooperating wholeheartedly with this year s presentation. An Interesting feature which marked the initial cooking school but which was absent from tlie last event of Its kind will be the Style Show. This year, li   Atlanta        'will model dresses, displaying the latest fall styles as sold at Rich's. Tliow women who are 'anxious to l*nrn what will bo worn this fall will b,. given an excellent Idea of     correct thine to wear and officials of Rich rate that tlv.'Ir price range will fit any pocketbook.                 Ror#tr will have, a model store . will acquaint the public I  th*tr sanitary methods of I . 'Watch 'th0 World ror further details concerning   feature of the  school. All housewives of Atlanta arc j Invited to attend this big free : school which -will be held xt.the City Auditorium. "next. Tues- t 4ay.- Wednesday and;* Thursday. TwoHi*       \'5e1n{~" And don't . there -will be hundreds and' hundreds of froc prize* offered every day with a ;nml prize that will be eagerly sought for by every woman, .is :he surprise closing  Uxxt year, thp Brand ])    ?     a . machine from the Ceorria Power Company. This year. :t will be a Moumwlveft ore advised to cet :     house!" In order over the     -*    so that they will be al.'c' to  ever}' session of the  school for there will Ik; Homethlnc new and something '1'iM-ont at each session.</t>
  </si>
  <si>
    <t>                                           The Famous sect Foods Products will be featured at the annual cooking school of the Atlanta Daily World which will hold the local spotlight next week. September third fourth, and fifth at the the City Auditorium.</t>
  </si>
  <si>
    <t>                                           THE ATLANTA DAILY WORLD. ATLANTA, GA. = T,,Bm.tv n^nPP,, ,oog</t>
  </si>
  <si>
    <t>                                           AMERICA has produced some fine writers whose material win inure to coming generations. In every era there have been those industrous and resourceful ones whose creations have become our standard authorities. Many of them were off track at times and gave expression to theories not agreeable to our tastes and consistent facts. In our histories and books on literature are many fine epics on theories that are wholly ambigious, but there are those...</t>
  </si>
  <si>
    <t>                                           Bailey's new Royal opens today ... and is it a king of beauty?? Not one detail will be lacking in the arrangements for the comfort of its colored patrons with the opening of this theater (and the same is true of all theaters catering to colored patronage).</t>
  </si>
  <si>
    <t>                                           TO SWING IT                 -Don .  Ilarleniacstro wiU  it with Ms Co-~  'Broadcasting ;,~rcb*stra  hi- mikes )i is first -Atlanta appearance Wednesday  al the City Auditorium,  I^. -      4r,  oii(! or the best in Hie country, will appear with the famous band, which is coming- direct from an enticement at the Casino dc Pa. rcc in New York Citv.</t>
  </si>
  <si>
    <t>                                           Streams in The Desert "Let me prove, I pray thee but this once with the " (Judge. 6:39) Wlcn U     time to trust?    it when all u calm, When wave* tha Tictor's palm. And life U ene clad psalm. Of joy and ? Nay! but tha time to  It when the      beat high. When storm cloud* fill the sky. And prayer is one  cry. help and tare! IVEY BROS. MORTICIANS 'The Institution "With A So-jI" AMBULANCE SERVICE Phones: Main 2SS7 Ja 887S 492 Larlria SU S. W. AtUnU,   .</t>
  </si>
  <si>
    <t>                                           New Orleans Officer May Die For Death Of Youn* Girl                 m:\v . I.H.- (sxs Scrriif) Tin- brutal ;iml  minder ot* Hiitlii' Mcl'ray, pretty .'ii yi iir  (.'     ! ^-irl hen; six years n^n may be . At leas, -r  Charles Uui.Tiliitl. of tills city, him-      .~  i n tin;   tins ".Tiiiii.' \vli].-li caused -wiik'  iil st.uN.Tal .wars a^'O. 'J'ht' girl \v)   was  us a dishwasher al a  Iri'stauraiu, was  ri il after she Is alleged tii have  flat she was lo ; a uif . r(       was      and -1.   1  U"-ral battle and whs sentenced to die on tiro fallows. . lie ni^-d to  "  when a Inn- ney   him In- I SHiiv  hv \va^  to the State Asylmti at .1; .            in .lime 10oO. t Hospital .:s hero notified  t.ha' i.ni.' has regained his s.-init.v nnd Cniitaln  Ieorne A. Miln-r. warden at the l  I'risi'ii. Ir-fl for the .East l. H'.' to return CinoiuuU t'.i .Vow Orleans lo be execute:! (or the i irl s .</t>
  </si>
  <si>
    <t>                                           The Atlanta University Summer Theatre presents as its second play at the season. "The Rivels," a comedy by Sheridan. As the cast moved about the stage, a trifle un-easy in their eighteenth century costumes as in use of the furniture of the period they...</t>
  </si>
  <si>
    <t>                                           THE attempt to buy property by people who were the least able has always been an expensive item in the real estate market. As a result, later years have seen property soar much higher than there was a reason to support the high price. In spite of starvation wages and low living scales, poor people persisted in buying homes. Many of them have been the prey of merciless money sharks, in that they paid heavy interest on money in an effort to hold...</t>
  </si>
  <si>
    <t>                                           OLD PEOPLE find way to keep breath I wholesome I HaCtosb (bad breath) quick!*  I to listerine, safe antiseptic m4 I deodorant Either bonus* of stomach disturbance, food 1 1 f to* QUttionf Of tht  t,t f^liu. t-, obi j f^-opt* ]                    (     br^th). No .~r           Uutm a * I but now SotvDc* bM found that      i    ~.f Utttvrtnv will oft^n overcome        odors     to Um  Uny bid of food oa , . or       . 0 Tbb     antiseptic and quick  works quickly. It  mouth, Ueth, uJ gum surfaces. Halts  asd , m major  of odors, and Uwn,  thu odors . Try           t-wry two or  days, St*e ^ow much atom wbbl*~oDM ii     *~your . How Its^w. . UwtMf t  Cw., St. Ma. Don't offend otters- Check halitosis with</t>
  </si>
  <si>
    <t>                                           A Baby For You? If you ure  the blessings of a baby all your own and yearn for a buby s arm;, and a baby s smile, do not give up hope Just write in confidence to Mrs Mildred Owens, Kansas City. Mo., and she will tell you about a simple home method that helped her after being denied 15 yrs. Many others say this has helped bless their lives. Write now and try for this wr. happiness. Dept. M. 512 Haiinn Bids. GEORGIA Wl With All Star Cast ... I "TBxr.sL. "SHK c.ETS A</t>
  </si>
  <si>
    <t>                                           LAST TIMES TODAY Kcrmit Maynnrd in -WILDERNESS MAIL" II MINI" I OP ItM v  Rb I Tn-tt*t            n (I vij,H Hiiuiii.   u.,.J[       I</t>
  </si>
  <si>
    <t>                                           ' to cheerfully refund your I JBfoney on the  ir" you ire BR^f* relieved by Creomnfsiorr^mg Fine for Kidney AndBladrierWeakness STOP GETTING UP NIGHTS .Keep your  tree from  waste matter. pni?on?  ncid. and put healthy activity into  and        live a healthier. h3    - nnd lo.-.ecr life. One most ef/k- and  t\-ay to Ho til s is to  fro;r your  :-,.")-~    . box of Gold  Haarlem Oil Capsules and .take them as directed the swift result:; will surprise you. Besides  up nichts. some syr-moms of IMr.ey trouble      backache. moi.~t palms, let: cramps, and puffy eyes, if you vent real . be sure to . GOLn MEDAL- the or,~ and genuine a  Icidnev stimul-~-t and -ric ;icht from Haarlem in Holland. Gii-e your kidneys a cno*! cleaning once in a while.</t>
  </si>
  <si>
    <t>                                           10 Injured When Truck Turns Over                 Ten PERA.  wore Injured Frid.iy morning wii*~n t. truck in which they w.^ie riding oa psi^ed on- 'Roswoll road near Sandy Springs.                 The truck turned nwr when it  on an embankment where the men were to start w.~rk.      were seriously Injure. I, Grtuly donors said. Those treated In the pro  rien sy. clinic ot Grady hospital Incl'idod: James Warbinson, 34. S4 FUlton street. southeast. injured back and right side. .Amos Mitchell, 20. 8 Hunnoro Alloy, injured chest anil right leg; possible fractured . John W osier. 28. 5S .Electric) avenue, hurt led leg.  Barns, 36, rear :    t      ser street. Injured right lew, Joseph Richards. 35, 3K Fraser street, right leg lu-. Will Wright. 52. 692 AmbU- i lance street,   and injured right shoulder. V.i Simmons. S6, 303 Walkor street. Injure^ about left eye and bruised  log. John Daniel, 35, Grlffia street, northeast, hurt left side of back. Jesse Few. 32. 325 Lyons avenue, hurt right shoulder and neck. Walter Thopson. 34. rear, r.l'S Chapel street, lacerated  and r(~ht toot. I</t>
  </si>
  <si>
    <t>                                           Ten FERN wokrers were injured Friday morning when ... truck in which they were riding ... on Roswell road near Sandy Springs.</t>
  </si>
  <si>
    <t>                                           High School Teacher Is Awarded Alpha i Scholarship                 The Alpha Phi Alpln Pra-en.l will again award this year ihe sum of $1,300 in fellowships and scholarships, according to an announcement from the office of the Dliector ti Education, Professor Rayford W.. Logons, of Atlanta- university....                 Mr. Charles Lionel Franklin;" a student at Columbia university, has keen awarded ($500.00) to help him complete his work; lor the .degree of, doctor cf.: philosophy in sociology. Mr Myron Bumstsad Towns a teacher in. ths Bbbker-T. Washington High school, of Atlanta, Oa., will receive (MOD.OO) for  work toward the degree of doctor of philosophy In chemistry nt the University of Mlchlcnn. Mr. Tqwns i. holds the degree of Matter of Arts from that institution. To Mr. Henry Alexander Ryan of LeMoyne College, Memphis, Tenn.. and to Mr. Wiley Bowman Daniel, Jr., of Fisk university Nashville. Tenn., have been granted ($100.00) scholarships. I Two   of ($10000) each will lie awarded later for tht' academic year' 1035-1030, Professor Logan announced. In addition to these  the Alpha Plil AlpTia ' ty .Iiicted during the current year the j first complete InVfcsllsaii-.i oi trie new Federal Agencies. The most ';   to 1  Lo-an     tlie lact  I                 of more than 55,000 unclassified appointments Negroes received fewer than S0O and of these  all were In the loner grades such as messengers. The Fraternity also continued It? Go-tq-Hlgli school. Co-to-Cclleje Cnmpngin and Inaugurated nr. Education [or Citizenship campaign. In this latter It received the wholehearted support of many sororities, fraternities, and;, church, organizations. Dr. Charles H. Wesley, head ot til; department of history 'at Howard university, is president' of Alpha PIU Alpha; Mr. Joseph H. B. Evans. Advisor to the Director ot the Rural ReseUlemont*A'dmlnlstration, is General secretary:' and Attorney  I'iper of Detroit. Michigan, is General Treasurer. The members. of the Committee on Award of Fellowships and Scholarships were. In addition Ir. Dr. Wesley nnd Processor Logan, Dr. Robert P, Daniel, head of the department of ,  Union university; Dr. Dwlght W. Holmes. Dean of the Graduate .l, Howard university; Dr. Howard H. Long. Assistnnt superintendent In charge of Research and Chlci Examiner in the colored public schools cf Washington, D. C. and Dr. Charles H. Thompson, hend of (tie  ot education, Howard</t>
  </si>
  <si>
    <t>                                           The Alpha Phi Alpha Fra ... will again award this year the sum of $1,300 in fellowships and scholarships, according to an announcement from the office of the Director of Education, Professor Rayford W. Logan of Atlanta university.</t>
  </si>
  <si>
    <t>                                           N. C. Lawyers Hear National President In Address May 30                 W1\-S.H.KM. i1-. .\T rt      Kirst Annual   -. tin:: lilO Ol(, Nni-ih ~\?x\r   :*f \:vn,;:, -nily .'rt '- 1  iii ,-.r .mjI")-'1.! :   1 r.r n will ho h'M.l ho re- on Thurs.1:iyb May :it) wit h .-jun riors ;(i .TSi-.ii Av-'hii-- I :r:nii h M A. A Ifiryi' :ii(.-:     - is ^l. willi in: i my .-ill ..r i i r..m tif In-c s::iti-s h.o in^ (~: ,1                 I':,.- iii,'-.-l,,i- i,^ :,~~.,J.-y r-ifM! wu!i :1 i.iit.ii,' .-im. Tins ) Mill -n i,.v F.. \S'.-.i;i,.ii i;li.Ml.-s. l-rr-sifK-nt s":iiir. n.-ii' .Assrtt-i.-. and -H- A^'.^ T'nilrd Stntos .\l ii^-nr\\-. l:.\'   ,-rn l)i--[ - I :i:ii:i. ~['li.- .~~".^!,,ns will I..- pr.^iil.-.l ,iv.t  I-'. W. Willinnis. hii.inin.'iil VVinsmii-s;       ri 1 1 i- n. y. :iml I 'i-.^i.l.-m i-.i' tin- Old N'"~-'.h St:il,. Afi.. i</t>
  </si>
  <si>
    <t>                                           The church has been celebrating its 68rd anniversary for the last two weeks.</t>
  </si>
  <si>
    <t>                                           H. R.-- Please answer this question for me. My eldest daughter won't associate with no one, tell me what will be best?</t>
  </si>
  <si>
    <t>                                           FINE PIANIST                 SARAH  STIVERS whose recital In voice was one of the outstanding features of tile closing  of the School or Music during Uie commencement season at Tuskesce Institute. Sirs. Slivers is a  woman of un.  musical talent and is especially sifted as a. pianist. Mr. William L. Duu^oii is the Director of the School of  Cusin at         .</t>
  </si>
  <si>
    <t>                                           Dr. Sampey Joins Tuskegee Appeal Southern Baptist Leader Adds Name to Committee, with Endorsement of Drive.</t>
  </si>
  <si>
    <t>                                           TRANSPLANTED. James C. Wright, ex-circulation manager for the Montgomery World, is now handling the agency for the rame paper at Wetumpka. Ala.</t>
  </si>
  <si>
    <t>                                           In the "poems of protest" which reach this column occasionally, there is, generally, much less poetry than protest. With the validity of the themes treated in these poems which we are compelled perforce to reject, we have nothing to do, nor have we any dogmatic or...</t>
  </si>
  <si>
    <t>                                           HILLS FOR SLAVES SALES AKE 'POUND IN GEORGIA TOWN                 CANTON, Va (ANP)- ProCivil War days were recalled hero Tuesday when Joe Kioih, white, while  up the  of his home discovered two bills of wile, for slaves and some $50,000 In confederate currency. One of the bills of sale wns for '.1 N'eiro woman slave Millie," about l.'i years old, dark complexion and property of  W. Welch, n minor" while the other   wns for ";i 'Xesro , Francis,  Three Cliildren. Ellzabctli, John and Missouri"  by Honry Wheeler. New York      - For the second time In the past few weeks. William Ptckcas, noted author ni'.d lecturer, has met a supporter of Mussolini's conquest of Ethiopia in public debate. This time it wns the Italian journalist, Gomlto. and the debate was held at Temple Isaiah on LonLIsland. Pickens' former opponent was Flumlanl. Mussolini propagandist, and the debate was held at Har. Yard,</t>
  </si>
  <si>
    <t>                                           THE third round of play featuring the soft ball outfits of the City League got underway at Morris Brown former athletic field on Boulevard at five o'clock in the afternoon yesterday. The Atlanta Daily World defeated the Transient Bureau team, 13 to 3; while Morris Brown had a nice time of it in taming the Dragons 11 to 1.</t>
  </si>
  <si>
    <t>                                           HAINES' "FIGHTING TIGERS"                 The above group of gallant young men, known as "Fighting Tigers," will return to Haines and continue to win laurels for their Alma Water.</t>
  </si>
  <si>
    <t>                                           -' E.OMA ORCHESTRA CONCERT City Auditorium Fridujr. Ant. 16, 3:30 P. M. Reserved Section for Colored A'lm. (tax included) 55e AGENTS- Sell Emperor Selassie Picture. (Sample 2."c). Negro Dolis. Flappei-s Afr'eim Leajrue, 23 I W. 133th S". New York, j I, to      you ml ntw  Jiir.     c**f Kfy..mt hr.pr. Srr^i wai^   i Vl'i'.UAMS?  Ul''Mt^     /Ln! I</t>
  </si>
  <si>
    <t>                                           That Good Feeling/ after Black-Draught has relieved constipation Thousands of men and women avoid loss of time at work from, sickness by watching their health, and taking Black-Draught at the first sign of constipation. Ordinary errors in eating may interfere with natural regularity of the bowels. A dose or two of Black-Draught will make them "i active again. It is a KaSfe reliable, purely   * laxative. So  gj  j3J32i many like it because Sl'IPsr of "that   toe"  lts  sSaT. ough action brings. Sold in 25c packages</t>
  </si>
  <si>
    <t>                                           Registration Rally To Be Held Tonight                 All registered voters and       who are otherwise  l!~lbl, to vow 'n the  bond Issue election ind who live in the first ward     i reed to be present at a     meeting to: h,      .  it          Hunter Baptist Church. The . 'one of    -(tai to be held In different sections of the city. Jxuponsnred by     local  of th. . In an effort to net citizen* politically conscious of the  to tw derived by         with the ^ of the^ bond proposal. Several  aro  for the Thurnday  rally which if to Mart.  t       o clock. A meeting' of the third and fourth ward ( In to be h^J4 Saturday  at     , of A. T. HarriB. 25 Jackson street as i six o clock. I                 JOSHUA  v 'Q* Br I. P. IUtmU.' Bro. Bell   W  Pr1WUjG\ "Juoge. I am   n4    -JW%    "Plied. "   , t M* 7ixa.'~~v*52 I am going to tMt roR?!**!</t>
  </si>
  <si>
    <t>                                           Famous Oriental Herbs_Nature'  Remedies, Herbs, Roots, Barks And Blood Tonic MESSAGE TO THE SUFFERERS  need not be discouraged about your . Cheer up. There is help for you. This is the old reliable, Chinese Herb Specialist with his famous and harmless herbs and roots, treatments which have been used ror centuries, and are highly recommended for any trouble of the system, such as the Lungs, Stomach, Heart, Liver, Kidneys, Blood Poison, Rheumamatism, Catarrah, Weakness, Nervous. DOCTOR ncss' Blaflcicr Trouble, Constipation, ApT. Y. YOUNG Jr. Pcn(''cil s' Ski" Diseases, Female TrQubls 25 Yr.,. in To t"03e       t concerns: Call at Atlanta oncc- Don't give up hope if other3 fail.     result is pleasing to nil who try it. MALE OR FEMALE- CALL OR WRITE DR. T. Y. YOUNG, Ji*. WITH ORIENTAL HERS CO. CHINESE HERBS ONLY NATURE REMEDY FOR EVERY DISEASE OF THE HUMAN BODY !32 Edgewood    . Phone: WAlnot 2189 AtUsi:,    Diilr Hour,; 9 A. M. to 9 P. M.</t>
  </si>
  <si>
    <t>                                           At the close of the 53rd anniversary of West Mitchell Street C. M. E. church, if a pastor, officials and a large number of members assembled at the church last Monday night in a very enthusiastic meeting rejoicing over the success of the anniversary and...</t>
  </si>
  <si>
    <t>                                           WELCOME ROYAL PATRONS! Vi FRIED CHICKEN DINNER -WITH Vegetables or Salads- -s-^i-v- -25c i Delicious Cold Plates 15c I Full Line of California Wines Ice Cold Beer- 10c A Bottle j ECONOMY DELICATESSEN Acroai From New Royal Theatre HAVE A TIME MONDAY! I Spend Labor Day at the I ELKS REST S 73 FORT STREET, N. E. I I Barbecue Dance I tf -'S (AU     ) (9  ?:M If you really want to enjoy yourself Monday,  3    to spend Labor Day frolicking with the ^'Bill*". .')~]m Sam's Shoe      :  i ALL WORK  5      ^^9  Men's Half Sol*. Stwod BOe; MrnV KnbUr KkfU-^r^H Ladiet' He! Tap- 15c Wttk C*    for ^</t>
  </si>
  <si>
    <t>                                           HELLO EVERYBODY- My name is Samuel Robinson, Jr., and I weigh 20 pounds and 1 ounce. My parents arc Mr. and Mrs. Samuel Robinson of 205 Currier St., N. K. Atlanta, Ga.</t>
  </si>
  <si>
    <t>                                           Oran Dodd Is Again Denied His Freedom                 Uonlrrt 1,1* freedom on band for the third time. Oran Dodd.  Allniita  liaron. under ( In ih8 " victim" . Iiib of        Heath. Jr..     back In Fulton tower  Inxt .                 counsel, , kuc.  In having the data ot Doild'n trial moved tin until Wfldncmtay or next week. Till*  wnn grunted by Superior Jildge  E. Moore, before whom Dodd In  lo be tried. Tn I ho  on tho early trial date, ., Mooro  thai ir the      move* for a.  next, week, Dodd If to 1)o  nn hull, but If the           the postponement motion,  Ik to be kept fn jail. In vigorous opposition to the boll application, solicitor Oeneral Jolin B. Roykln branded Dodd a whl-kry  and  that he had Introduced  method/, to Atlantn. Th0 ~*ntc charges that Heath accidentally  by a   by  from nn , during a running gun battle with another cnr. occupied by Walter Jonen,       dealer. Thr. . thP  contend*, wim tho  of a ; war. Itnlnh .Owen*., Jointly Indicted with Dndd, hut who    - falle,) to Idrntir.v nn ; an occupant of the car In which Dodd was S6fn.    Riven his freedom tinder 11,000 bond several weeki ago.</t>
  </si>
  <si>
    <t>                                           Donled his freedom on bond for the third time, Oran Dodd, white Atlanta berr baron, under Indictment In the "wrong victim" alaying of Peter Heath. Jr., was back In Fulton tower again last night.</t>
  </si>
  <si>
    <t>                                           gap magic f^*\ /J INCENSE 0 Send your name and address, and receive the mystic sample free. Just write Keystone Lab., Dept. l-R-6, Memphis, Tenn. FREE FOR MEN ONLY Send 3-cent stamp to pay postage on free trial package my famous "New Vigor Tablets" sent sealed. Pier Company, 24SA-72 CoHludt St., N.w York. Fine for Kidney And Bladder Weakness STOP GETTING UP NIGHTS Keep your kidneys free from wast* matter, poisons and acid, and put healthy activity into kidneys and bladder and you ll live % healthier, happier and longer life. One in out efficient ana  way tn do thin I.i to get from your druggist ,i 3 5 -cent box of Gold Medal Haarlem Oil Capsules and       as direct**! the Mwlf*  will surprise you. B*~*   * getting up j:. tomt symptoms of kidney          are backache.  palms, lea* cramps, *nd puffy eyes. It you want real results, be sure to get COLD II ED A I.- the original and genuine a grand         Kttmulaat anil          - right from Haarlem In Holland, -Give your kidneys a good cleaning'  In a while. FREE ,         ,B, YOUR LUCKY NUMBER Individually Divined according to  name In the ancient and mysterious sciences of Kabaltsm and Niuaerolsc.v. ISHMAEL, the MIGHTY Master of the Mysteries the Occalt will HL^~~i/ 'V Dream Book. *~s which gives an interpretation of all dreams in  of three figures. $$ BE A WINNER $$ WRITE TODAY. Send only one dollar for the latest Five-in-One  Dream Book together with your PULL name and address. Or if you prefer, ISHMAEL will send the Dream Book and your Number COD. and on arrival you will pay the postman $1.00 plus postage. ISHMAEL does not want a nickel of your money until you have received the mysterious Master-Key Book and your own individually divined Number. ISHMAEL  great book with a genuine Morvey-Back Guarantee. WHITE ISHMAEL. DEPT. 120P. GEN. P. DEPT. 557. N.Y.C. WARNINGS DONT TELL YOUR BANKER</t>
  </si>
  <si>
    <t>                                           Golden Chains Guard bx-Rulei                 Golden chains guard the person of Ki. s n, .^..distinguished prisoner, Lij Jassou, grandson oi' Ihi? luu- emperor, Menelik, and deposed ruK rr ol' Ethiopia. Lij J;i;.-ou has bc-^n a prisoner sinca [921  I113 .Zafdltff, seized the throne, with the- aid of the high priest of the Coptic church which resented the Moslem beliefs of Lij Jassou. ^On the death of Zairiitu, Hailc Selassie assumed Ui* Ihionc. Tlw royal captive has bc-en under close guard In a prison fortress  .'i mountain  Harur. Every effort has been made lo prevent his liberation since Italy would profit by any move which' would enable II Duce to s.:t Lij Jassou ud RS BUDBet "'                 -ror Haiti* Se!. =ste                 Lij Jastouj                 McnelTlT                 #j</t>
  </si>
  <si>
    <t>                                           TIAOifLER'S LUCK f. By Lytai, Young                 FELIX, THE CAT BySullvan                 Snoorties By Cy Htmgerfora                 The Geevum Girls ^~^^^^f^s\\ By Tom Ealey                 i PETER PAN By Nick NichoU                 It's A Great Life If You Don't Weaken By Jatk Rabbit</t>
  </si>
  <si>
    <t>                                           Dawson's Hegre Folk Symphony; To Be Presented Sunday At Tuskegee By Orchestra                 TtJSICEOrcrc IN-KT.. Al:l. (special) Al  o clock on Himd:iy , Miiy fifth, th*  Civic Symphony Or- i-, Dorsoy Wliluliieion conil Met Inp. will play  s Ni?Kiv. l.' Symphnny Number Ono In I.OKicn ll.ill ;:l TliskpRiv                 nil.'. William L. Dawson is  ot I lie School of Musi.-, al Tu. Institute anil Con(liu l ir of Us r.' . T!ie compose,- was born In Anniston. Ala., and Is n  of Tusltntjec InMtlnitp. A rendition or the Symphony     this  -stra In the I.HrmlriKliam Municipal Audltoriuni on Tlicsil.iy . April si  was an m-  music Iovoi-h in (Ms  will lint sor.il foi-ROI. -       on In r.OOrt  Tucsilay  ), t^c  Iiiiiii  i.cir.M-n iho  in a  that .'il -s si-.l           .,i. Tho l*'-cnr(l-hrc: crowd acI l.- with  pl.- tin- I'oiu/ r as     sli.i^l In Ills hox  ii I lie UiM  Miw  i.r Hi,' w.irk Ii:i,i ilic-'I an;,y." said I Rlinilnsham .NVw.i. There .l nnl. of i--. l'i  a moi p p.'  for the  of a Nogro   iho campus 01' TuskeKoi: . r. and  Inln   l.y Hor.lccr T. WashlnKton. The . has shown  kuhl Krowlh and development  llu- -iu pi-.'.-.~dfi,l nr. , R. Moton. Musih 1. overs nf this tic. 'tin, 1 have learned In look in Tll.skf.ije.-~ Inslltille fi,r cultural nt   ri:.l and have .l iis -: 1I1,. -e Little                 ny. tlio Minneapolis Symphony Orchestra, the  Symphonic Orchestra :i ncl ihe St. l. Symphony Orchestra'. .They will welcome nrr opportunity   -nr the .ni civic Symphony O.-a's Interpretntlon of I'.- s "Scum Symphony". 'l hi  work was Introduced in Philadelphia hy the Philadelphia Symphony Orchestra, under the leadership of the eminent conductor Leopold stowkowski on Novpiuhev if. last year.     -r iho Phiiilelphln Symphony Orchestri       ihe same   Mr. Rlol;o\VKl;i , n Oiiniecip nail. New York city. i In addition to n.e Oawson Synipliony, Ihe concert engagement at 1  Institute will include the beautiful  Symphonic Kspatfiiolr." l,y Kdou,,,.,! i_  0. .' O.. c- master anil :,sm,.   nf the ~;     '. ham i:i\-i,. Symphony .sn:,. will he tne soloist. This .-."-.' I ln"""' of wide interest to -l.fi will i-oine 1,7 Til. Sliii'in.v. May S. for tlio . .-  W!1S  that the Birminjrham Symphony would i-nme to ti*  and render a eon.vrt which would include the St"-n. Symphony hy William I.. u:"KMn-        was mi Immediate .':t for . Already 200 i ~-\lr:i. .s hove heen epie.   -.~ Is" lll-11 everyone may I,,.  ~'f  seat. The .-.i Imiii seals .1000 persons, ite im-sis for  have alre.ndy  from CoHimhiix. q.-l Onion Sprinus. West -PoJnt, r;n TallatleRa. Annistnn. Troy.' Auimrn. Opr.~ik:i. Pelnin, Prattvili.-.. I'.. .Montgomery ana Atlanta.</t>
  </si>
  <si>
    <t>                                           TUSKEGEE INST., Ala. (Special)--At three o'clock on Sunday afternoon, May fifth, Birmingham Civic Symphony Orchestra, Dorsey Whittington conduction will play Dawson's Negro Folk Symphony Number One in Logan Hall at Tuskegee...</t>
  </si>
  <si>
    <t>                                           Clark Prexy, Wife Miss Death In Auto Crash                 Dr. nnd Mm. M. 8. Davaga     '  death or serious Injuries Sntimlay oven Ing; when the or In which they wore rl-IIne was struck by another car driven by a white man, whose  was not learned, in Decatur, as. Dr. nnd Mrs. Davage were returning to Atlanta from Clayton. Georgia, where they hid  the put few days  the accident occurred. Both cars      considerably damaged. DeKslb jaunty officers Investigated the occurrence and laid the  or tho accident to tho white driver. Neither Dr. Dnvago nor Mr*. OnvoBe   Injnrod but suffered minor Injurlos and severe shocks. Dr.- Davag-e Is president of Ctarlc Unlwrslty     Is one of the leading figures of the Methodist Episcopal Church In America. Mrs. Dang, la also well known here and throughout the country.</t>
  </si>
  <si>
    <t>                                           .SENIORS. The Senior Class of Manatee Junior High along with Miss L- Combs, instructor of the third and fourth grades. Back row (1. to r.) Alexander James,        Davis, Montez Bacon, James Butler, Jr. Front: Bessie Donovan.</t>
  </si>
  <si>
    <t>                                           Famous Oriental Herbs_Nature's Z .Remedies,? Kerbs, Roots, Barks _L AnclBlood Tonic MESSAGE TO THE SUFFERERS "^^~B^'" dth. Cheer up. There is help for you. k^P^^kS n "eed not be discouraged about your y"     ^B^ T' is thc oId reliable Chinese- Herb %"%~~~ ^ Specialist with his famous and harmless ^^K^^S^ nerl)3 an^ roots, treatments which have g ~)'-*^^^~~Jy^'~ been used for centuries, nnd are highly ^^-^^ r^ for any trouble of the sys^j^^^~^   ^ tern, such as the Lungs, Stomach, Heart, H^   ^^H' Liver, Kidneys, Blood Poison, RhcumaiH^^^  ^^B , Catarrah, Weakness, Nervous. DOCTOR "ess, Bladder Trouble, Constipation, ApT Y YOUNG Jr Pendicitil' Skin Diseuaes, Female Troubte FAMOUS HERB all trouble.. S2    ^'itT To  ' ll concerns: C*" Atlanta once. Don't eive up hope if others fail. The result is pleasing to all who toy it. MALE OR FEMALE- CALL OR WRITE ^^^k *%^^^ DR. T. Y. YdUNG, Jr. WITH ORIENTAL HERB CO. CHINESE HERBS- ONLY NATURE REMEDY '^Oi EVERY DISEASE OF THE HUMAN BODY 132          Am. Phone: WAlnnt 2189 AtUnU, CU. Daily Hoont" 7 A. M. to 10 P. M- We-itso, have^Tn stock, Ifiriported from China, beautiful pottery tea and -fof^aleT-f-^Vyrite^ or phone for details..</t>
  </si>
  <si>
    <t>                                           FsomCTtiiriGi  AT THE Atlanta World COOKING SCHOOL City Auditorium SEPT. 3-4-5 Two Sessions Daily 3 p. m. 8 p. m. Added Attractions RICH S BARGAIN BASEMENT FALL FASHION SHOW And Hassie Dominack And Hii Ambassadors OF RHYTHM</t>
  </si>
  <si>
    <t>                                           Churches To Go Operate In Big Meeting Sunday; Dr. Du Bois to Speak                 The leading churches of Atlanta are  from their   morning and  their members to attend the Mass Meeting called under the auspice*, of i the Atlanta Teachers Federal credit Union, which will be held Sunday Oct. 8. at the First Congregations church at o clock P. M. Dr. W. E. B. DuBols will deliver the .main address on the subject ol "Cooperation- and Mi- h a                 Hunt, former Principal of tho port Valley Normnl  nd Indtisirial school and now Assistant to the Ooicrnor i01 }hc Form Credit Administration, will      speak. I The Atlanta Teachers FWeral i Credit Union, under die direction of Mrs. M. Agnes Jones, Supervisor of colored Schools. consists of teachers In me public   nnd Is one of the first of lls kind In the country</t>
  </si>
  <si>
    <t>                                           Read JbeXouis1' Life To begin in the World</t>
  </si>
  <si>
    <t>                                           nOlO) GEORGIA  IN* SOUTH .                 . S. C. CANTO                 I Tollcc are holding James Hall. I alias Buster Garrett who is wanted in Augusta. Ga. for the I murder of Eugene Mores. Hall j or Oarrett was          here I Tuesday on charge of vagrancy and when questioned an to hli police record- told the police tWt he was wanted in the Georgia city for the murder of the white man. Authorities herc Rot in touch with authorities la Augusta, and the report was verified.</t>
  </si>
  <si>
    <t>                                           CHARGED WITH being drank and disorderly after police interrupted the informal services he was conducting at Ponce de Leon Avenue and Peachtree Street, the Rev. B. D. Gray, street corner evangelist, was fined $12 or twenty days in the city's stockade Tuesday, following...</t>
  </si>
  <si>
    <t>                                           ^ ^QwST NEgftO DA^^EWS^yER IN THE -WORLD ly^JUl^^Jl ,  )IjUaDB 8,  176 ATLANTA, GA, FRIDAY, AUGUST 23, 1935 PRICE FIVE CENTS</t>
  </si>
  <si>
    <t>                                           Love not the world, neither the ... that are in the world. If any man love the world, the love of the Father is not in him. I John 2:15 This very timely addiction was given to the church for John, that beloved disciple of Jesus. I John 1:35-40. To him...</t>
  </si>
  <si>
    <t>                                           Home Runs .W v. Ynnktvs 1 M.-~~ .-V!ii?tvs .1 Iviy: is .'-~...nl.ito..--- 1 THE I.K. Oil. Gi,- 7 Camilli Pliillies 6 Macro. Philjlis 6 Romui;i. Wliiie Sox 6 F.-,xx Aihl.; 6 LEAGUE TOTALS N'ati-nnl 85 AmcriL-.in 08 Toi:~l ~^3</t>
  </si>
  <si>
    <t>                                           It has been nearly a year since C. "Jack" Johnson cleaned the Memphis World office for the price of a bite to each He is in California now working In a training camp. Last Monday an Interesting letter from "Jack" reached the World office. It reads...</t>
  </si>
  <si>
    <t>                                           Showers this   cooler  this ti/; \. extremes-  60 and  VT . United States</t>
  </si>
  <si>
    <t>                                           This column was initiated primarily for the rendition of a dignified service for our readers Letters not intended for publication will be so marked.</t>
  </si>
  <si>
    <t>                                           Just Three More Days and Then the Day of Day3 Friday Oct. 25 CHICK WEBB And His Famous Orchestra Featuring: Peter Clark and Waymon Carver at Sunset Casino From 9 'TIL 1 :30 ;Abo Ella Fitzgerald, Tafl Jordan and Charles Linton Admission 45c</t>
  </si>
  <si>
    <t>                                           For Engagements With ATLANTA MUSIC SCHOOL LADIES' QUARTET Phone MAIn 7140 I*. C.     ,         Rev. I. N. Demy  I tat*  nothing hi tJU put 20 yean that car. take tht place Dr. MUei Anti-Pom PUta. They art a      rcM for aty headache." Sufferers from Headache, Neuralgia, Toothache, Backache, Sciatica, Rheumatism, Lumbago, neuritis, Muicular Pains, Periodic Pains, write that they have used Dr. Miles Anti-Pain Pill* with better result* than they ha4 wren hoped for. Countless American housewives would no more think of keeping house without Dr Miles Anti-Pain Pills than  flour or sugar. Keepapacktfe in your medicine cabinet and  yourself needless . At Dng Star**- 25c and 4109 Q DO  vI^     ^^*"^^ ANTI-BM H PliXS</t>
  </si>
  <si>
    <t>                                           JA. 7199 Thomas' Service Station (Standard Products) Alemiting; Simonizii^ Washing Greasing Vf, offer yoa AWmy,  Cosrteosm uul Prompt Senic* W. 0. THOMAS. Jr. Pro*. Wast Haater  t Jeptba</t>
  </si>
  <si>
    <t>                                           THREE GRIPPED BY FEAR                 An eerie scene Trom the mystery-thriller, "Menace" playing last times today at Bailey's 81 theatre shows Halliwell Hobbes. Henrietta Crossman and John Lodge featured in the cast headed by Gertrude Michael and Paul Cavanaugh. "Menace" tells the ^ of three innocent people, pursued over the world by a maniac, who face their vengeful pursuer in a hill top house in California. One of thein number falls victim, before the killer is revealed in a thrilling climax.</t>
  </si>
  <si>
    <t>                                           RALEIGH, N. O.--Shaw University expects to welcome hundreds of its alumni and friends at the Educational Conference and Founder's Day exercise to be held Tuesday and Wednesday, November 19 and 20 in Celebration of the seventieth anniversary of the historic.</t>
  </si>
  <si>
    <t>                                           Dr. James Corry, Ex-Army Doctor 16 Years Experience in America and Abroad 9 .V    I served with both the American and i I British Armies during the World War I fSid so many people who. are .to. j I pay, these I serve free at office, " only for Medicine. Come after working hours. My offices 1 are open daily until 8 o clock at night. 75 Ivy St^ N. E., Between HOUSTON anH AUBURN Office Phone: (Cut Ad Out) Res. Phone: BIAin 6S73 MAin 3087 WO'- PYORRHEA TREATMENT, jji</t>
  </si>
  <si>
    <t>                                           TOUGALOO, Miss.-Played off their feet throughout the first half by an inspired Tougaloo eleven, the Dillard Bluedevils warmed to their stride in the last quarters to squeeze out a 7-6 victory for the very first grid game in the new university's history.</t>
  </si>
  <si>
    <t>                                           Flash! Flash!! (Apologies to Waiter Winchell). The ticket sale of the All Star Concert Series has opened at Davison-Paxon department store. A season ticket can be purchased for $5, and may be paid in installments; one-third before the first concert, another...</t>
  </si>
  <si>
    <t>                                           MADAM MINGY THE WOMAN WHO KNOWS  put. present and rotor*. PERMANENTLY LOCATED PalnlM and Lite Kudti Give* advice on an attain af Ule, JLove. MarrUga and Speculations of HMB all kinds. Don't ' to we thin  (KgR] Palmitt Points tbc       of all        *~ B^VM and (hows you ^0    9 to overcome  ne. "T mlc*. Madam Minn ha* helped  and riM can help 70a. TELLS   AND SPECIAL BEADING Mfl Taka Federal PrUon car to end Satisfaction Guarantee* 638 McDonoofcb Road Otflce Hours: 9 A. M. to 9 P. B* Une. Look for Name 00 Sin. Madam Mtagr Makes N* Home Calk Nat In Teat</t>
  </si>
  <si>
    <t>                                           SOON or late a system that had worked down the years, making flesh of one group and viciously penalizing another, was to fall under the scorching fires of the self-erected altars built for its fellows. A few years ago, it was found that the little brown schoolhouse by the road had served its day. The age was calling for teachers of wider training. In that better salaries had to be paid and the little one room shacks were to be consolidated in a central point and the children were to be...</t>
  </si>
  <si>
    <t>                                           DRAMA AT CAPtTOL                 Jack Holt and Antonio .Morena are starred in "Storm Over Andes," thrilling aviation picture, which will he shown at the Capitol starling today.'Eight acts of vaudeville arc offered on the stage In the revue, "Stepping Stars."</t>
  </si>
  <si>
    <t>                                           ^Qff PjMfl REALM of C  ^W^~f"M</t>
  </si>
  <si>
    <t>                                           Market Data SATURDAY. OCTOBER 26, 1035. Total New York Stock Exclianjc Tramact-cus 1,1X2.5:0 Shares Total New York Curli Exchange Boiwl S-i1ct 53,900,000 'I'olal Ncm- Yo k   Bond Sales S5.3  ,0OO</t>
  </si>
  <si>
    <t>                                           ^ Starts Today FOR ONE GIRL S HAPPINESS:,., he would have changed the map of Europe! f,^ls s"'""' GEORGE J1          FrihMs Listtr v      Rcmtre</t>
  </si>
  <si>
    <t>                                           GEORGIA BMpJ ^Y ~^!!~W^' '"mSm ^"^jAII Slav C'iust IJJiUill1111^^" " 8 1</t>
  </si>
  <si>
    <t>                                           The red clad Bishop Tigers humbled the Sam Hustea Dragens 32-0 at Fair Park Stadium to win the third of four conference games played. The Tigers turned loose a hard running attack which the scrappy Austin eleven could not check as the Bishop gridsters were never in the position to have...</t>
  </si>
  <si>
    <t>                                           When I drive across the bridge from Pennsylvania into New Jersey, do I have to stop and change all my dollars and nickels into some other kind of money? Do I have to start speaking a different language--worse yet do I have to start driving on the left side...</t>
  </si>
  <si>
    <t>                                           First Show at; Capitol Set Friday Night                 A r.ni..1,- amount rxc- tius been        lily over the recent anno;:eni by the  of tlv Cai. . ns regards to the Hrst nil 'colored amateur contest, to be i staged this Friday night, October I Hth, at 0 o clock.                 This special contest was arranged by the management at the request of all patrons, and some very high class tuU iu bus ~,ecn U'jscovcred  tin? colored people of Hie lly. I Eight ads will be -i during ihi; offering of the contest, which will lio .staged in the regular manner as other contests at that . Plr.st prize will be 1 10 00 In cash, second prize $5.00 and third prize a month s paw to thn Cnpltoi. Behind tlie filming .,f Universe's i ripping South Amerlcnn wnr pnd i. drama. "Stcrm Over the Audi's." Marring Juck ITolu as nil aviator of fortune coming to the Cap itol Theatre .starting today, is the .story ol thn actual experiences ot ,011c rf the authors- Ell-t Gltl.ons. i world traveler it nd newspaper  ( with penning Hit* lule in collaboration with Laclcdc Chrlsy.  was al the front in the f.-cuth Amcrkiiii war wlit ili      : f  of the production   : Kuest of n . He also How ever the desolate r   the fighting occurred, anc  these experiences came the Inlc. He sought out Christy and asked him to collaborate. Later thp Mory wns given u final : up hy Al Do Mond. veteran screen , Lleutenimt Commnndor Frank     . ence a ; Navy flier and since an injury one c.f ihv best known of Hollywood writ' v:.. :ind mi  on M'. productions, as well    Eve Orchil,   the leve Interest. Gibbon*.- formerly ^. with leading magu^lncr and newspapers was born in New York City and educated In public and private schools there.</t>
  </si>
  <si>
    <t>                                           A considerable amount of excitement has been created about the only over the recent announcement by the management of the Capitol theatre, as regards to the first all colored amateur contest to be staged this Friday night, October 11th, at 9 o'clock.</t>
  </si>
  <si>
    <t>                                           John "Honey" Smith, Morris Brown College grid star and southern open golf champion returned from a motor trip to Detroit late Friday night, but declined the opportunity of participating in the elimination matches slated to get underway over the Lincoln Country Club course today.</t>
  </si>
  <si>
    <t>                                           LOS ANGELES (WS)--... Calloway arrived in this city Monday for a week's engagement at the Paramount Theater. While here he will also do some picture work, according to information gleaned from an authentic source.</t>
  </si>
  <si>
    <t>                                           TUSKEGEE INSTITUTE, Ala., June 18, 1935--The Ninth Annual Tuskegee Relay Carnival was one of the most brilliant and smoothest conducted since the sports extravaganza was inaugurated in 1927. The attraction draws participants from many of the leading universities, colleges, and high schools throughout the country. Every years since the Relay Carnival was started the "Cream of the Crop" has appeared on the Tuskegee program.</t>
  </si>
  <si>
    <t>                                           Huey Long ThreatensTco Run.                 Senator Hu.y P. Long "It looks like I U have to run for president if things keep on the way they are," was Senator Huey P. Long's statement to reporters who interviewed him in New York. The Kingfish declared the coon-' cry is' being run "worse than Ethiopia" and that "All you get from Roosevelt or Hoover is a one-way ticket to hell." If Roosevelt and " will ooc.ise each other. Long said, he would ruu on Uhiraj  .</t>
  </si>
  <si>
    <t>                                           AN  1! Famous Chinese Tea si EciAi. this wei-:k ron sam? TO THE KUVKw Do you l:no\v thai - majority of people an1- iku tea  Yet a lai--.ro  r  f i 1- people who "don't" like tea at Ikiiiic1,  ; iK-vi-- in Cl.iiii.-s.; Restaurants and Tea Card.-ii WHY? ISr.-- -.!.:i: ;h--y v.-: is CHlNKiK TEA whu h is nm ia.- o!.-.:iin:.l:.i- --.-xi-opi in i-c- .-tort'.:, (.'lose study ami oL-.Tva.ion l.y nif lU si-M'i-h Dei'iartmoia r.as  con.  Aou'ri.-a'.- iin.-1'.-rc-n.-i-  Y,r C  TKA. Arc yon fin ir.fr aware m' the f:i,.~ that a (treat portion ol - ."o-i  "IIL  TKA" to which many avowed tea           an- so  is  TKA? Coyloii. .lava. India. Sumatra are nut parts of China. Make si iv VOI;  tin- ri al  TEA. liK- your tea sales  train iiu-   of  patrons by  through the   .  TEA CO. "Stfllurs of Genuine Chinese TeaiM DR. T. Y. YOUNG,  132  AVE. PHONE WA. 2189 EVERY DAY AT^ PRICES Watermelons Can't . Reaches Beans          (fiery Lettuce Heels l eas Toinalnys C'licunilKTs MUNICIPAL MARKET BIG FREE PARKING LOT Famous Oriental Herbs_Nature'  Remedies, Herbs, Roots, Barks And Blood Tonic  TO TUB SIM-' tY.m n.i-.l not .li.-i-.'d  your  riu-t-r up. Thi-re is h-        you. This    llu- "I. I r.~li:il.lo Chinos.- II.mI" Si).-.:i: with Ins  smil '^s hi-rl.-i and n.   , M-i'-atuK iitM -h -.n us-'d t'.ir i-.-ir uri.'s and are Intsivly I'ccumnn-udcd 1'ui any Iruuhle of tin- system, sm h as tin- LuiiKS, Stomach, Ik-art, Liver, Kiilm-ys, Blood l , Rh.. Catarrah, Weakness, Ncrvnusnnrxni? "''ss- B''l'lllor *fi-       -. l  iation, ApT Y YOU NT Tr f"~~- ski" '^''Sls- K'-nial* Trt)ul)h! 'FAMOUS ill-KB "1""1 :i" "-nul':^ SPECIALIST Ti)    0!(l. wll0ni it L.,,Iu...in.,: Toll at ^AlJ'/hiJ" "ncc- 1)""'1 K'Vl-   ' "LlU"" ThU I n-Hilt is I U-; fo all who try it. M\LE OR - t ALI. Oil WHITE % m a DH- T. Y. YOUNG, J*. WITH . HERB CO. CHINESE - ONLY NATURE REMEDY i FOR EVERY DISEASE OF THE HUMAN BODY i 132 Editewoo.1 Avc. Hlioiie: WAInut 2189 Atlanta,   . Dllilv : 7 A. M. In 10 P. M. \   a!~.      . in ii-ri. fn-ni f.. lu-  and .-tt... f )r s:iln.~ Wiil or - for di lail.'.</t>
  </si>
  <si>
    <t>                                           Famous Oriental Herbs -Nature's Remedies, Herbs, Roots, Barks And Blood Tonic j  w_T_. MESSAGE TO THE SUFFERERS ^^^ ^'ou ne0(l not be discouraged  your i b^se^^i^bV- health. Cheer up. There Is help tor yon. ,t wFi- Tnb ta    ' old reliable Chinese Herb ^^CSBIv! Specialist with his famous .nnd harmless y I  4-^J^Mr^S 'lor')!l atl^         treatment* "  1 ;~^^ff-1   *en used for , an3     highly ;^^     .]il for My  of the      :^M.^?ljj^ tvm, such as the Lungs, Stomach, Hastt^t ^^^K^^^H ''ivcr' Kiilneya, Blood 'Poison, Rheuma-i , Catarrah, Weakness, Kervouu DOCTOR      Bla( Trouble. Constipation. Ap. T Y YOUNG Jr l"-'"dic"ia. Skin         , Female Troublv ^Ec'iiufr ""d         26 Ym in To tll0il* whom ll     1   : Call             unce. Uun't  up hope if others fall.     result is pli  to nil who try it. MALE OR FEMALE- CALL OR WRITE ^T 3B 79  DR. T. Y. YOUNG, Jr. WITH ORIENTAL HERB CO. CHINESE HERBS- ONLY NATURE REMEDY FOR EVERY DISEASE qF THE HUMAN BODY 132 Edcewood   .. Phoa*: WAImit S1S9 AtUnta,     Daily. Hour., 7 A.     4 10 P. M. Ij 'inrv  fmm China, beautiful po*~. I] . tea and.          f ee sale.-. WrlU At-; to . ~^M</t>
  </si>
  <si>
    <t>                                           GET MONEY- LOVE I  to kelp     get % mw start is WILLIAMS. Ml Bcrgca Avt,  CITY, N, J,     . R   ^     Yoar Lost Knars7 and \1ffor.   9ttir+A          11    cured by      . TabKta. Mil 10c for convincing trial *. aod other          41  . Full           *1.5       C.O.U Writ*        - Labnntorln. TO' K.  mln St.. Mempblft, T*nn.  BE A WDOtn YOUR LUCKY NUMBER           M  mm to Ike * ami my   at         aa4 Noaaralacr. 1. the MIGHTY Muter X Um Mrrtcrfe* Ike Ocevlt will ^^^^^^^^^^~^b^^ tend your     ^r3^ which. Klvei an  of all dreams in number* of three -figures. ~$ BE A WINNER $$ WBtlS, TODAY. Send only one  for the latest five-in-One Dream Book together with your FULL name and . Or if you prefer. ISHMAEL will tend the Dream Book and your Number CGD. and on arrival you will pay the postman $1.00 phis postage,  does not want a nickel ml your money until you have received the mysterious Master -Key Book and your own individually divined Number.  sends this great took with a genuine Mnnejr-Back Guarantee. WHITE ISHMAEL. DEFT. 130P. GEN. P DEPT. SS7. N.Y.C. WABNtNO!! DONT TILL YOUR BANKER</t>
  </si>
  <si>
    <t>                                           Joe Louis, sensational 21-year-old Colored youngster and aspirant for heavyweight championship honors, will make his Metropolitan fistic debut Tuesday night when he squares off against Primo Carnera in a 15-round battle at the Yankee Stadium. Not in years have New York boxing fans showing the enthusiasm over any fighter as they have manifested in Louis. This is all the more startling considering the fact that the Colored youth is a total stranger in these parts and is known only by the record he has compiled in the year he has been slinging em out as a professional.</t>
  </si>
  <si>
    <t>                                           Plans for the mammoth Joe Louis Victory Celebration to be held at the Forest Club, Tuesday evening. September 24th, are rapidly nearing completion. It has been estimated that more happy Joe Louis boosters will attend title party than any party ever...</t>
  </si>
  <si>
    <t>                                           EXCURSION ATLANTA TO- PENSACOLA, FLA. SATURDAY, AUGUST 10th $3.50 ROUND-TRIP $3.50 Train leaves Atlanta 6:05 PM (CT) Or 7:05 PM (Day Liirht      ) Trains arrive back in Atlanta at mid-night Stindav night, or 7:20 AM (CT) which is S:20 AM (Day Light Time) Monday morning:, August 12th. Don't fail to take advantage of this  opportunity tn visit Pensacola. There are two delightful beaches at Pensacola for colored people. Let's Go! FOR FURTHER INFORMATION CALL THE WEST POINT ROUTE WA. 1722 WA. 2725 MA. 0-4900</t>
  </si>
  <si>
    <t>                                           FUSS IS NEARING I SHOWDOWN                 Judge Grants Court Order Against The Rev. C. L. Wilder                 HEARING IS SET                 Wednesday, at the request of W. M. OnlqulU, representing the board of Irtiatees and officers of Sftlem Baptist Church. Judss HuKh M. Dorsey of the Fulton Superior court Issued a. temporary o- order  n former pastor, the Rev. C. L.                 Wilder, from preventing the members of the church from engaging other ministers. Judge Dorscy set Saturday, Novemhr second jus the date for the         on a  Injunction. The temporary order  the fornier        from approaching other preachers who havo been asked to fill the Salom Baptist pulpit. According to tho petition, Rev. Wilder, who la named In the paper,, was       -.-i or,JJ!_. T.'.io document nets forth th0 assertion that' several years ago the minister called attention-, during a sermon to [he fact that the church was under a heavy mortgage but dial It had ti.OOO in Insurance. "It would bo best it tho chinch had a fire." the former board of trustees states thai the pastor :is serted. The next Wednesday. the jt^ sets forth,  church  down, and, on the follow Ins      pastor termed It "an .v.i of Ood." Thin. the petitioners st:ite. en used th0 trustees to  Kev. Wllcler's . l ; this, the paper chm Kes. Rev, Wilder, acting -I" moderator at the next conference, refund! to allow a  for his dismissal to come  tht house, ruling the motion "out of order." During ihe  summer however, the congregation, by waiting until hc was   Iho motion ousting the pastor at a special conference. The petitioners are seeking lo keep Rev. Wilder trom Interfering with the calling of a new pastor.</t>
  </si>
  <si>
    <t>                                           Wednesday, at the request of W. M. Colquitt, representing the board of trustees and officers of Salem Baptist Church, Judge Huge M. Dorsey of the Fulton Superior court issued a temporary restraining order enjoining a former pastor, the...</t>
  </si>
  <si>
    <t>                                           A Baby For You? i T yen aiv  l Uic  "f n Imby ;i!l      ';\vn iin l yarn f"r :i .y's arm;,  a Im mile ilu n it  tivo up . .lust. nip in  c onl : lu Mr.". Mill:inl Owras. Kunsiis City. Mo.. slit will ii-]~ you  a si :  "-'! that  her    Jo yrs. Many  say thi? has  bless t.ia ir  S. Write, now      try for  ;niL,-riii  inei-s. Dcpt Mllai.uii I' 1  Ivr G E 0 R G I A $ TEMPLE  ~_m.    -~ r.ri K  JONlvS I  lh-~d 8~- I "     Ua  THE I    " TIIP." 11 0  : Mullil win M..      OMhwtra</t>
  </si>
  <si>
    <t>                                           Famous Oriental Herbs -Nature's Remedies, Herbs, Roots, Barks And Blood .Tonic MESSAGE TO THE SUFFERERS 13*^BfcL^jp You need not be  about your ~/^M{jH(^^fc1 . Cliccr up. ThcTc in help for yon.' '''t?'BBg3       is the old reliable Chinese Herb:              $! Specialist with his famous and *~: '0$     *Q^m'^~  roots, treatment* which have f^^Bilf*  used for centuries, and are highly V^^SStK^Kf'W* ^ed ror anv trouble or the sya*^~B^^5aj^      5uch M thc Lunes, Stomach, Heart. ^^^H^pSu^fe      , Kidneyn. Blood Poison, Rhcuma'fli^Hc^KVi , Catarrah, Weakness, Nervous.' DOCTOR ness. Bladder Trouble. Constipation, ApT. 3f. YOUNG. Jr. ,      . Female Trouble FAMOUS HERB and aU ' once- Don't itive "P hope if others fail. The result is '.to all who try it MALE X)R FEMALE- CALL OR WRITE *9* DR. T. Y. YOUNG, Jr. WITH ORIENTAL HERB CO. CHINESE HERBS-ONLY NATURE REMEDY. FOR   DISEASE OF THE       BODY 132 Xdcmmrf    .     : JTAlaat 2JB9 AtkaU. Ga. Daily Hot.ru 7 A.M. lo 10 P. M. Vfr      have in *     .  from rhina.           .-a an.l .l..-.. f.-.r r-.   . Writ.- or ~.li.~n.- r..r .MailM.</t>
  </si>
  <si>
    <t>                                           HEARD BY GOVERNOR                 "Formal Application To Be Considered," He Tells Them                 LEGION OPPOSES                 Their visit to Governor Eucenv Talmadge'8 office {or nn  purpose of nn-k n;   pardon of Ancelo . marked Or  rln^hox \  of the  Amorlrnn T^don.  fur the Nutloonl CrnnD. for the Dofunw or Pnlltloil                 Prisoners left Atlanta    by toe Ceorrfa chief executive'* reception. After listening to Alfonl Hlrsoh. acting as Rpokcsmen for the croup. Governor TalmadRe Informed tlm New York croup -r a tour           Snnthtasfl. th:il mild Iks''";' a formal .'oi* clemency. Ilernilon w:is soni.~   -il to     -e from IS 20 years on the cb:i!-.: after trial in January. W33, In Faltor superior court. TnsultlhEly  of tHo  as "this  of -^Kfnneti. JDL.JIiureIl.- of Atlanta PoBt. No. 1. Amorlcnn           members of the  Tvore "~oIne oil orer the country   to   jobs." Hirsch  the Leclonnn Ire to "produce proof of your Mtntonionf'." Governor Talmadjo Interceded to - the tone of the speakers. Hlrspb ? the          of Ills croup".-! visit tn Aflnnta.  nld  tho   hi" Tppivsi-    1  the "  Hemdon     too s^vore :     a*ed the rn pmw to either commute or modify It. He   the United States Stioreme court had really not passed on the constitutionality of the Ian- nmW which Ilerndon was -d  up a  on mere ti*-       grounds. A motion for a   the Hleb Court in Octolier was pending, he said.  flint  ,n,i not seek Immediate action. Hired, pleaded  the  to j;Ive the case a careful . Captain A. t,. Henson. also prominent In the local American Leclon. declared  Herndon     not merely passing  Wersrnre but bad plotted to net up 3 Nesro nation In the Southeastern gronn of . Senson claimed  he bad "definite evidence^ of that." Herndon was arrested after  ie had h.~ided a maun  In front of the Fnlton courthouse In ft demand for more relief funds. The  commissioners at the time had cut orf all finds. Ont of the crowd of more than 2000 which thronged the courthouse steps less than 300 were Xezroes.</t>
  </si>
  <si>
    <t>                                           Their visit to Governor Eugene Talmadge's office for an avowed purpose of seeking complete pardon of Angelo Herndon, marked by heated clashes with representatives of the local American Legion, spokesmen for the National Committee for the Defense of Political...</t>
  </si>
  <si>
    <t>                                           THEY  ASHBY                 ; Crosby and W. C. Field are seen in one of their musical moments in '"Mississippi", playing today through Tuesday at Baileys New Ashby theatre. The Cabin Kids, John Larkin and host or Negro players have roles in the film depicting the early South.</t>
  </si>
  <si>
    <t>                                           Chicago Police Break Up Ethiopian Parade; Jail "Over 300 Persons'                 ClItCAUO- (ANT I- ArairdliiR to  ri .  IwIIl'P nut H4U persons In Jail Sulurttsiy  ln forc tln-y were  Hint thv.v    mi  on Ilio imrt of co-operating  to  a  In  u gainst Italy's                 war on Ethiopia. Dr. Arthur 0. Fnlls, ono of the leaders In the group which sought u permit for n parade  that ho  been told that 1100 police wore on hand at 1. o clock In the afternoon  to break up  demonstration. The  of the si-called Negro district, from 47th nnd Vlncennus to 47th and Indiana, and 46th and 4StU streets were - . Most of those thrown Into Jnll, men and women, were white. Eyewitnesses asserted that the police, must ot whom seemed to be ''" nsrl their  freely on women and unresisting citizens. Among those placed In, patrol  were Thomas MelCcnnn,  of the Lvugiii! Against War nnd Imperialism Hurry , alleged CommunlHt        !cr; Jullin ,T. Admns.  -lni; editor of the Chicago IVfvmtct, and Mrs. Kutliryn Julumin.  fur tunny  with Uic Natlnnat AKnocbillon of ColumI Wonien'H Clul'ti 'ilic po lice chart eU that the   was Inspired by CocimunUU. A letter written to Mayor Edward J- Kelly by Dr. Arthur G.                 Kill* after u pantile permit bml been denied  seeking the mayor s Intercession, of  following . mimes: Joint Conference for the l)    'i'~p of Kthlrn'n American Youth Congress, .Com*  l nrty, CIiihiku district.; Soclulijt l .,Cook county; Itnsslim Mnlniil Aid Society InftrI  Ijil'or Defense American League, Against War and FnsclMn. Common Sense Leugue, Spanish Workers' Club, Italian Ilranch Intcruutlounl Workers' Order. Committee on Soittlnlde Llvlus Conditions, Inter-Club Council, mid tbc Polish Clumber of Lalior. In Ilie area  off by the police, ull n  persons were  and, unless they   that they worked In the district, were thrown into Jail. Or. Italia reported that white men and women were ( out of  and thrown Into patrol wagons. A- L. Foster, executive secretary of the Urban League, reported that lie taw unresisting whites, men mid women, being herded Into police cnr*. and struck without   policemen'~'Mx jind Newton .Ipiiklnv. .  candidate for mayor, inserted that the  of    rc  In police Rlntloiin   made to run thu  of  rows of police who 'l-ueli unit cursed them, A threat was  to trim ths hosa on           on     4f M, t) I                 Chicago Police (Continued from Page I)     "~n!ln5 women In the Wabnsli . Attorney Pilnflloy Cyms mis  bundled by the police when  caught him' ^ the  of officers using their clubs nn women anil children. One -old child Is reported to hnrc  Its skull cracked. Mr. Foster noted  tlic     to round up nil .lews. Dr. Fully   Itnllnn  with I be  purpose were  left  toy the police wlio nt- Intent on proving that the  il di  wns n C'oniniunlut I'lTnlr  to stir up   Xcgrocs and Italians.      of  arrested Sntunlny  were  over Smiilny," but  were preferred  40 to be hoard In tbo Women's4 'court* "TnoKlay :- A   of those  In  were women." Mr.' Foster reported one white' woman. U-ur ne n  In tier -, who      Into the patrol  of tUc  'took place nt 47th nnd Prnlrle Avenue Hurt   by the  of whites who expected n  to bo held. Three times the police . il dented .1 permit for the .</t>
  </si>
  <si>
    <t>                                           CHICAGO--(ANP)--According to authoritative reports, Chicago police put 340 persons in jail Saturday aftrenoon before they were ... that they had successfully checked an effort on the part of co-operating organizations to stage a parade in protest against Italy's...</t>
  </si>
  <si>
    <t>                                           SEEK TO Mi NEGRO OUT IS TEXAS                 Resolution Presented For Exclusion Of i Race Politicians j                 NEGROES SHRUG                 AUSTIN. Texas, Oct. 27- 'ANT1) j Both houses of         Slate legislature Tuesday j adopted resolution  by Sep. Vvnaver Mooro of Houston j proposing to exclude Negro mem- bers of Ihcir party from the 123ILnational convention. But the Negro j                 loaders of the state, however, are inclined to belittle this lily-white j altitude. Tin- resolution stated: "It is the" sense of white democrats of Texas that the Negro should not be recognized or seated as delegates in i the IMS national convention.. We appeal lo the national democratic I executive  to promulgate such rules, regulations and  liens as will prevent the seating or Negroes. The- resolutions also staled a j grave situation confronted  em democrats in that Negroes j have demanded equal political recognition and that it would be esj  unwise to hold the national convention in a southern city if Nocroes were seated. I "Gooseneck Bill" Speaks 1 Despite the sentiment of the Texus attitude, the effect of which might be to drive off the growing number ot Negro votes obtained in the 1932 Roosevelt election, observors are of the opinion that the  means little in actuality. i According to William M. I "'Gooseneck Bill"")' McDSnald. "of Fort. Worth, lone lime Lone Star I political leader, the resolution '~can have no binding effect on  districts where electors        :T to elect Negro delegates or             to do so." Barred by Hoover "So far as I know." McDonald  "there is only one district in the United States that has the political power to elect Ne'ro  to a national democratic convention. This district elected and sent to congress Mr.. Mitchell and it is the onlv congressional district in a northern state that ever gave credentials to Nesro delegates to a republican national convention However, a few from this or that northern state were sent as alternate . Under    - lead of Herbert Hoover. Negro delegates to national republican r- were tabooed from bmh no-thorp, and southern slates .-'m firm in the conviction that Mi- resolution in         :i    . offered., to - the-RnosevoPt administration in its drive for  io the democratic national convention. Bcrwren Rocrevelt and I-. Necro electors, resolution or no resolution, will in my T onin'~'~s( lhp i-       Tor Roosevelt I.t v.-Ul lake- more. than a resolution ;cl by a Te\-aF legislature  !~v a Ilonvorc-at. to chan-'e the political idea and ideals of N'c2ro electors." 'Sciitlincm.1' Says Lvans IV D.. Evans. Waco attorney who successfully carried the Nixon  case lo the United Mates Supreme court considers the resolution s  not a law but a legislature sending delegates to the stale democratic convention and to the state executive  which alone has the             pass upon the qualifications of voters m the primary election. Negroes have never attended a democratic convention in Texas  I can remember." Evans asserted. "The primary_.: is a thing apart from thn conventions rhe opposition to Neqroe^ ; in Texas is led by the dry forces ^f_the state, of which the present (Cocilinuftl on Pace 6; Col. I)                 Seek to Bar (Continued from Page 1) governor. James V. Allreel. is . "Until tilt.1 recent Svpienx- court decision in the Grovey case frum Houston is overturned, the Te:-:^ Negro will Jo little else beside look on. If we had funds, we could overturn the sentiment against us in the ..- party with a ft-.v thousand dollars during campaign time. But the NAACP with ;\11 ii^ accomplishments for the race, is still received lightly bv the race. Progress comes from the inside first. ;,::cl until the Ncjjro press and other  or^^utions con reform the heart of Africa in America, the jig is op."</t>
  </si>
  <si>
    <t>                                           AUSTIN, Texas, Oct. 27--(ANP)--Both houses of the democratic Texas State legislature Tuesday adopted a resolution presented by Sen. Weaver Moore of Houston proposing to exclude Negro members of their party from the 1936 national convention. But the Negro...</t>
  </si>
  <si>
    <t>                                           The Sliver Tone Lone Star Social Club will hold its regular business meeting on the Second Sunday evening of this month at 5 p.m. at the home of Mrs. Sallie Lumpkin, of 251 Chestnut Street. All members are urged to be present. Plans are ending for the picnic and...</t>
  </si>
  <si>
    <t>                                           In Memoriam                 In memory of a. loving wife and mother, Mrs. Bessie L- Wingfitld, who passed from this life one year ago today: "Thou art gone but we shall meet you. In the haven of eternal rest." Rev. C. A. Wingfield, husband Dr. C. E. Wingfield, son, Mrs. Ruby Wingfield Ponder, daughter.</t>
  </si>
  <si>
    <t>                                           Madam Mingy^ THE WOMAN WHO. KNOWS Tells put. present and  PERMANENTLY LOCATED Palmist and Life Reader       advice on all affair**? life.-Lfrre:        . ^U^H and Specalatiom *~t ^~XHj lands. Doa't fail ^K^33 to see this   Palmist. PoiaU :t*m lK,fl -~~~T to all trouble*,. iKt-^P and  yon now to  emin. Madam Mingy has helped  and ins -      yon. Ji TELLS LUCKY DAYS AND SPECIAL READING 50c Take Federal Prison ear to sad.  f line. Look for Name on Sign Not in Tent. Satisfaction Guaranteed 638 MeDonomra Road' Madam Miner Makes No Home Call, j. -~-tj Office Hours: S AM. to 9 PJW.'</t>
  </si>
  <si>
    <t>                                           Bethlehem AXE church. Rev. .1. D. .Hardeman. pastor. Sundt, preaching. 11 o'clock: League. 5:3U. and the evening. F...rvlets.7:30. Rev. H. Jaakyou preachod at both services. '\ir. A. Robinson. Sunday schoot.su Perintendent: 11r. E. Wesley</t>
  </si>
  <si>
    <t>                                           BIG LEAGUE STARS OF 1935                 Here's, a quai-."".. M'-. ;op; \V.\-t. c-r.ivr: N'-.-.v.-nm. riste. and! ?tlo!:lio. *!x-!~~\v, v/ tn:   .'s :t rt-al thr**al oui of T.no St. LouisBrov.i)-. Owrshaclowvil by    - a.ion'.p!i.-hn\fnt of  chain-]  St. Louis Carrii mis  f the Nr.! i-:i-.-u.-. lilt- . ;vrt ict tw go   year :n tho Amvriciifi circuit.'</t>
  </si>
  <si>
    <t>                                           'Charlie Chan in Paris Is I Capitol Film!                 HniW! :i.s I.I   - ntn1-; rnc.'n1 mrl ingenious to dati- n! tl- l:m.ous --Ciiarli.-  Illins. tin- 1;.- r-M of the .*:~~ric.s. "ClKirllp Ch:m m   :irLs,                  W:n'!M' Olii'iO. will :        :ii Ilir C: Thratrr .                 ITfVi."'* '-N !l:m' aliv:-'vii-  Chan in Par. Vth in iro!! ami Nrv: i:iti v.-it  :n  li.~ itc-cIm! :      ;v:m tary ni' a  l;i!;.-r v i-Troriml ill-  -:;i.  m . Arriving in pans, '- C'a i1. .i-:! m:o ihi- (.cr'-'.i '.-s ol      mrn Ijufflii:;: ir;- i'*ry !   li:c; t V~*r ~*[f:*i ti. 'II:'-1 i r- :ni ". an* Iru1 !r:i!- d i Nn *tw.* bin. Chrtrlif     - in j lur trail. l!i t.  - i-nuni- nl !i!~. in. I . a l.-:ini.    : danci r l.s  t-. r!~~:iil] mid aii-i i t.ii'-r  v.irl. an '-:.. 7;r-~l        s.ill  i.mii  ii-l\  ill - i-iiiI   j:-i.:i- I lu-r  r, i Oli     - :l.iir.'-. llw (unil i! v.ill i Cfli-r r-ii-.l:l. bit; :irt.  r v:iui!.-.ili- I.-.-.I linn;: t!i,.' imii. "Mai!- li:i't,;m    .r.f" A tjr; Ma::i-  j Is also oni' or ilf fi-:n    -  if Mr I we-):, ami ' ncl:: " ;.p T-ia:;.v -r.. mmi .', al;~l i :,s. Att'-!      :i- en the pni-i. ~:r -tl , i;. iitc.-r":i:.iji;._ ~.it-: ::~~~{. at. Hi- Capitol, v.huli' i i.-l- 1 i li-. tin. run       ur.-: an;! ;.t.:i;\.r. lur -ik Ii Ws : i lii .ii:. f!~.-r.-. h'.il-  :    co1.- 4    f-.-:. A".an'.-r a: ~-M r.   ,w i::.i-.a nr.                 CHARLEY CHAN AT CAPITOL                 \V:.riM.T Olancl is  hen- in :i  (rum "('          :"i in I'aris." I he m".v - - v. opi iis :i wi cK ~:ny;ii;i#nii-:il :it Hie !';~~        ^ l(ifl:iv. On tl:~- sl.-i^e 1  li:is w-lil hi;; :  -ls of \;     - ;     !f;      l(:)lers sl.-i^c l):.</t>
  </si>
  <si>
    <t>                                           Hailed as the most ... and ingenious to date of the ... "Charlie Chan" films, the ... of the series, "Charlie Chan in Paris, once more starring Warner Oland, will arrive at the ... Theatre today.</t>
  </si>
  <si>
    <t>                                           For more than 50 years. Paine College has sought to give instruction to Negro youth. Many of the leaders of the Negro race in America today received their early training in this institution. It has always sought and still seeks to do a very high grade type of work, quality rather than quantity having been the guiding principle.</t>
  </si>
  <si>
    <t>                                           World Scribe To Send Reports On Journey                 Mr- I. P. Reynold*, veteran Atlanta Dally WOULD  and local mall , originator of "What Sum of Auburn Avcnne Snys," "Dwirfln Jones" and "Joshua                 lane*." ami tUc  s n d .chronicler f                 mdi interesting I character* a I Kro- Bell anil  Klmlwl. left the. city early 1U!~ morning for nn extended trip \t the north. Darins       ho will rlx1 t Pittsburgh, Pn.. when be will be toe snort                 of- bis wlte B In-other, Mr. Otts Powell; Cincinnati, Ohio, when he will be  by an old friend, John Bnyd; Cleveland, Ohio, where he trill visit his sister; Mrs- lean Donald, wellknown to AHantans Dayton, Ohio, (    will b, feted by other Mends anil relatives; Wheeling, "W.Va.,  he has a host of         : nml Knorriae. Tcnn., ^ Krtttor TVebstsr Porter, of the East Tennessee Xews will be hid bo?tThe well-known scribe, who will be  by his wife snd Mln EloLte Keller,  economist and front desk clerk, will end back interesting views of Us  2J2Sftn *</t>
  </si>
  <si>
    <t>                                           Mr. I.P. Reynolds, veteran Atlanta Daily WORLD columnist and local mall carrier, originator a "What Sam of Auburn Avenue Says," "Deacon Jones" and "Joshua Jones," and the creator and chronicler of...</t>
  </si>
  <si>
    <t>                                           Ethiopians Will Defend Their Rights                 ADDIS AHAIl.v ISSS)              ; down cm lir part nf Kiiipinir 1 1 st I Solnssi.'   r  mil mine or        In ,  to Iiifoniiiilion Rleumml from           -.                 Thp ,  Is firm In his ~.~nntp nilon  ho Ih fully withIn lit*  in   CPSRlnnK to  mid   rorts nnd ho  In lie n"l -sl In tlio host  tl.o Itrlc'.xii nml American firms from  lr imrt n[ Hit* a- upon tdp  of              RovonimonlR. A Bi'Hiunvnf  mr wns noon In IiIh  to tlio front n (mill       .~ to. :  o,t Knjtlnnil ami the assertion hy QeiioMil HAImIn UJI-.nO. who hns -( tlip PiniMTor'n life for;    iv l!  (lie  , ~!~nt, -The Itdilnns  pitas only arer our (lend Iwllos." KciKirfs  from Gcm-ra  Sir Anthnnv   !    nt Grpnr. Brltn'n  Premier Ijxvnl of Frnirp H-T iT^i-m, OV(.r       of Hittrl-  nml Our the BrltWi'r.rp  l.-jt stv-~    hi      Metlllcrrenpnn. from Pnrlii ("ninon n mnro I   that        tiki t i Hip .Joint  . n       report at (lie Frondi enn tnl r  thm         Ilnly nnr Etlilnnln could be held  e for thp Hn'h (it IMiml. wh rli. Ill   n  "Pn " '"~     " Hip use of, ft     -~. Th1*  "~* fro1" vm1*"-     nr inr  Ai; *t               lip         Eltilopln. Hint ~'lifa- IiiIpi-Ix In Invii'lp l U.'^i.n nml w     Innd hr nerds for expansion.</t>
  </si>
  <si>
    <t>                                           ADDIS ABABA --(SNS)-- There's he no backing down on the part of Emperor Hatle Selassie regardless of the outcome of the peace parley In Geneva, according to Information gleamed front reliable sources.</t>
  </si>
  <si>
    <t>                                           STOMACH          . 4           ,~</t>
  </si>
  <si>
    <t>                                           The Negro church is the Negro's most important organisation, so the sooner the race becomes conscious of this fact, the better our conditions as a race will become. Why not attend some church Sunday? Serve the Lord now. Remember thy creator now.</t>
  </si>
  <si>
    <t>                                           Pint of Corn Is Downfall Of A. Abramsl                 A pint "f rum whiskey proved to bo I he downfall of Albert Abnini-i. In- .- l,,         .TiiiIsi- Iliiali M. Dorsvy Friday In i.li  guilty to  :m:. whu is    . was   t..i-        :  tin:    :.~:n TiiMi-r mill  C :   .'any"~ Imililluc im Manmini Strwt last Man*. A . whose  Abrams  in- i1Ul not know, escaped In-foro r"!iri! .  with him two /is. ?10 In -y and u  i.. Alirnms on  police said lit-   not li:~vi- timt.1 To c-.l Ml ~.-  in iln- loft '.r ihc ?. Wliil,- wan ins fur pm cv to h-avo. iio    'li ; Iliau  sl)~ m a rhiL buttle of O..orr'.-~'s .' '""       Hi? was still  -n -ii 1'-d the ? the ni-xl illumine, anil would not have lMi ii r.ir Hi.- "mwn." The top had fall.-n off      hoi tip, and the whiskey soaked  the i-.-i hm and  ;: ~.m one of the workmen'* bi-nd. Juilp* Pursi-y si- him tn surve from two t.,  j- on Hit $6          mm</t>
  </si>
  <si>
    <t>                                           Boys and girls of Atlanta and Georgia and everywhere else for that matter are invited to send in their names and address and thus become a member of Peggy's World. Your name and address will be published.</t>
  </si>
  <si>
    <t>                                           r- .Y NtSRO DAILY NIWSPAFCft. in TSS WOW.UD FOUNDED AUGUST 5. 1 M BY W. A. SCOTT Catered as  class matter at the post office at Atlanta. Gx, under the Act ot March 3, 1879 i Published Daily and Sunday at 210 Auburn Avenue. N. E. By SCOTT NEWSPAPER SYNDICATE Telephones: WAlnut 1459 and 1460 C. A. SCOTT General Manager J. K- PATTERSON Asst. General Manager E. N. DAVIS Managinc Editor SUBSCRIPTION RATES: VAILYz-i Yr. S9^5: 6 Mos. S4.73: 3Mos. S2J0: 1 Mo. $ .90 .SUNDAY ONLY- 1 Yr. S3.60; S Mos. SL90; S    . SL0O; Canada: 1 Yr HM; 6    . S2."5: Foreign 1 Yr. S5.50; E Mos. SJ-tS MEMBER OF THE ASSOCIATED NEGRO PRESS MEMBER AUDIT BUREAU OF CIRCULATIONS NATIONAL ADVERTISING REPRESENTATIVE W. B.  CO- Chicago, IU. New York. N. Y.</t>
  </si>
  <si>
    <t>                                           TODAY ONLY GINGER ROGERS "ROMANCE IN MANHATTAN" I         I /     I '1 jr.*</t>
  </si>
  <si>
    <t>                                           BEAUTY AND JHE BEAST                 Bruce_Cahot is shown before he becomes "Public Enemy No. 1." with Vlrcinia Bruce in this scene from "    'Em Have 4tv'- the stirring G-Mcn- film  through Thursday at Bailey's 8t theatre. It's after Cabot leaves Miss Hruce's employe that he starts on his criminal career which ends in death at the hands of quick-triggered G-men.</t>
  </si>
  <si>
    <t>                                           Twelve Months Term Given Digits Writer                 A sentence of twelve  In the ^np  the prl-  of paying a fine was metoc! out to John shl. alias Johnnie Shoiianey, after conviction before Judge Jess* M. Woods on lottery  Tuesday. Shehaney allegedly ^peTaled a sj-ndi fite with ' o^1 Decatur street, near the viaduct. $100 fines plus 12-month?; su5pended sentences n-~re Riven two. Bnict Davis Hnd Bhtlr Tuprue after they had  guilty dear. Qt!~- f crs who drew $so finer, or si;;  on the chaingang    -! Marie Bridges, James Jackson, Raymond Harris,</t>
  </si>
  <si>
    <t>                                           DelinquencyProblemsFonn Topic Of Discussion As Prison Body Meets                 By Rev. Taicliereau Arnold                 Increasing .".   .~iis  t n  in discussions "     - joint.  * Mnncl.'iv - nf tin- N":i(i in:tl  A^ inn anil i ho Amorienn I'jirolt?   =          :i.s i lif f.."iih Anniuil CDiiart-ss or the Vnujrioau Prison Associalion ,^nt       :iv :il. (lie Biltmorc                 Judsr W. S- Crlswull Ihe juvenile court, .. Flu., presided "The Individual DelimiiipnL: I'nterstandlne Him." was discussed !~y    . N'. sr. Owons'oy. . University of Georgia, AthMis. On "Mndfl  should ho used [n In- pl:iced - t)    nf nur l;iiid ns e!        ," (lie noted .' stated, '  of parents are handed down to the )           . Tho   mil Hint here :ire 2,ftO().nno Bttuntet listed in the   of tins country and that criminal   :v traced bock to the ^f mankind. He asserted tbat !!: tbe men  to Georsla by Osletiorpe 8SS V^^    wC     SrW                 Jooririnns of I'Wlny arc [Icscemlfiuts f Him. stock. 'Whou .1  Is      ." Dr. i\           . 'Mils ml ml    ' U   hv has no n     .'c-iat inn of civilization until tit! s   ' lines. N'o    tun  of others  tic !s trained to do so, henco (Cntitinnrtl on  2; col. 2)                 Delinquency (Continued from Page I) ill r- ii arc basically i-  il      .'-ss by ^ li:u wo in;iy ^.-  I' ruin  mill  :i .-il mil In- . int  in^ that ma' ciin vi-ii -.n.ikc llu- devil holler. FoMmvhic till-". I'l-nf. Ili-nry \V Unllz. ,lr..  tur    '  1:111 Wurk. CIli'M-" PniiiMliiiii . I'.s I'liildron's I In i-i-:nr ill l t      ,-:iu,,. ^,,,1;,. in '-~\i-i li-ilin;il i.iu in I'iTvrnliitii mil Ti'i'.' Hi-liii.~ l n.r.'s^i.r Wnhz asv- tli:il   ,-' In- I'- iii-y hi' I'liiliiri-n. in ivm I ~'ly      i-Mit'liii'iti. in- :      'ii nr:li .-~~-.Tili li:it Itiu i lii-    lie si l up will, Mm' ,, i,.s ,if In- i- rin- - l- p:msi il 1,1  i:iy ~,il, ll f I"  lrl..ni     :i^iii' f,,~- Hi, liu.'  Ili-.il ii \v:i* ,    -i :       i- il jii  ri  i- tin' cli -iii u's  ii- .\,-sn. i-.     l.i.- H:.~~i,.,.k. ,.],i,.f  i!'"l'.-ili"ii ,.iTI,'t..'. Juvniiili' ,,,iin. i Atlimui. ma.ii- :i it :l!~li'' . Slir I ;issi i-ti-il l!i:ii ui; ,i;- i!,,. -Eiilili      "li iil in L-i-t  V t.i imy  w:iy in;,, tin' -.'h,,w :nl ;i'l ^ m:iy Jin i ci-i-.-iti' :l iir,i!  ,.,ii in  '~ n't' tin. li.-h. i, ,1,,,.^ I c-n-.-ili- a l.;nl ~:iu:iti,,,i li Mlu S of Hie [iin.i-. '~("lial-arl.-r    :i ~;    -~.~!,~. s., f,.. :*li:nil .-i^ i-." Mis^ l;.-niis. 1 1 k sl:lli-.l ill i--. "J!i'i i '.'il Ki'Ialimiv" k-,'1-1' - .-HSM'.I l.y c;,..  'L'f T- S.-.  i:il.,. -Upi'lilih'lHlflll of       '~vi-jii:i nf ii.-ii-i.lii'!.. I'liira^... 111. Mr s.ully i I'nilltpil mil lh:il .v .if li,,/. .mil Kii'l      .-nun s I..- ll;i-y tail in ai!.iii-l tln-iiiM lv,-~ i,, i Illr :      .~i' i-- i ,   . Mr- liii hm-'l I'lialMn'll. .In,-: !'l'-'". aril  i;ir..!i' o:Vii-i'i-. I'.S. l.'i.--: (.':. Atlanta, h; ilit-.i-.-.- in:: " r.i  in. 1'i-n: a'i.ii. i anil l':in.~i'."  ' Ihal  I i,m j :mm! ' .--   .,   ,! in I -i wiih tin- i-i-iii-.inal ~-n that lln-y  lit .iai- wit h   .if tin- criminal. Tin- -IK'.-iki-r Msscrtvil flint l ho ~-,  il-;    spond  -y on j -111 in i-li ar: s :iud .TOtluil IU'n.ii'1'is  i- ili.'in (in . AllliiMK tl-.l' I'lilnl-oil l -~ in j   'inl:iiii i  :ii ^ ini i-iin^ whi.-ii    I .una. .li.I..-:~t.-s  :,lt p.' I III.- mrr ~-.-  ' ilin l{  . Wm l.vl. ,,.l,.,,, j.r,-.,,, Mi!-...", rt r.l1.:!'!:!:1.-^-:^'. "~!-p.~ r*. P.--r- ^!r. v.-hr ChJtt.Mioo::'! !-. J n; ;*frl uith t!)*1 N'"nsp ipor Syitd!i..itc.   : lvr-~, court vj Clutt.tn.v.,-;i for -- time.</t>
  </si>
  <si>
    <t>                                           Increasing discussions featured he discussions during the joint sessions Monday afternoon of the National Probation Association and the American Parole Assocation as the 65th Annual Congress of the American Prison Association got underway at the Biltmore Hotel...</t>
  </si>
  <si>
    <t>                                           The Pratern Magrum was ... on August 6. 1935 under the leadership of Mr. Leon Perkins. Acting Executive Secretary of the Butler St. Y. M. C. A. and Mr. J. D. Winsten, Physical Department Head. The following young men comprise the officers...</t>
  </si>
  <si>
    <t>                                           Market Data WEDNESDAY, OCT. 30. 1S35 Total New York Stock Exchange Transaction! 2,153,000 Shares Total New York Curb Exchange Bond Sales $5,300,000 Total New York Stock Exchange Bond Sale. $9,444,000.</t>
  </si>
  <si>
    <t>                                           jli1r1  ! Now PUyinar BILL ROBINSON, FATS WALLER in "HOORAY FOR LOVE" Now Playing GEORGE ARLISS in "CARDINAL RICHELIEU"</t>
  </si>
  <si>
    <t>                                           will assemble in their respective places Sunday after the devotion for class period. The lesson will be taught by Mr. Whitehead. We invite you at your earliest convenience. Miss Helen D. Whits our reporter is spending her vacation in the south. The class wishes...</t>
  </si>
  <si>
    <t>                                           ETHIOPIANS MASS AS PEACE MOVES                  ETHIOPIANS MASSING III THE SOUTH                 Defense Of Railroad Planned As Nation* Work For Peace                 WAR TO BE LONG                 ABABA (PNS) WMIS the  of the world,  Franco, Great Britain, and Ttaly, continued negotiations ?ri primarily to avert a     that would  oil of Europfi, EmpercT- Halle Stlas^le went about making  for a                 ' v.- 3t the Italian Invaders. I-urge numbers of troops, said    some 200.000 strong tinder the command oC Raa Desta. Damtu the emperor s eon-ln-law were r"        as advancing south by forced marches to meet the       ians. j The reports of concentration of Ethiopian troops In the mountain passes were brought to the ! by Dejazmatch Naslhu, tha  tha proving of H*rar. According to Information from! high officials, following the audience of Dejam.itch Naslbu  ihe emperor, (he Ethiopians will make their first determined stand .ist the Italian? in th0 south ern part of the empire In an effort 10 prevent th0 capture of tho lono railroad that lints Addis Ababa with Djibouti in French Somaliland and which provides tha sole outlet to the sea. Little attention is being paid to th0 peace moves being made in European capitols although some interest -was Indicated In reports from Paris that Premier Laval of France had asserted that he had advised Mussolini not to make hla invasion of Ethiopia. At th0 same time it wos learned that two French fleets had left for "" ostensibly but probably to assist the British ships In tha enforcement of sanctions against Great Britain. In the meantime, It Is also learned that Italy has agreed to withdraw 6Ome of ner troops from the Italian controlled colony ot Libya In tha exchange for a (Continued on Paj:e 6: col. 1)                 Black Fights Black as Italy Starts Drive Into Ethiopia                 This dramatic  was made  AAuva ~..n.~ia.iv a-i , . ox Italian Eritrea, ch:.i i:a:,ui,i;;'r: iii,\i.:r'.                 'I hi-si- .' warri,-,r-s ltd ir, ihf ie.-!~-: c.f attacks that i"or.:cd t!                     i^:;r .:o:llr:cl:r:~i :,i-my iron, cuy. Clieartl  .Viu'J                 As Ras Pledged Italian Fealty                 Picture by radio shows Haile St'Ll;-'*.*.' vi u, k:-:~-.-: vr -~~c-;n-!;iw Ethiopian Emperor,  before- Central U::;     Vxjjw und s:a:V in Adowa and pledging his loyally to hr.'.y. Knineru,- Huile Selassio denounced Gugaa and authorised any so!aic r to shoo: him on                  Ethiopians Massing i i (Continued from l agc ilar withdrawal or Eneltsh . j from the Sudan and possibly      British ships rrom the Medimrranean. The Italian diplomats, it Is predicted by experts, may be making this step In an effort 10 gain  with      J3. One reason that tho Ethiopian1;                 arc Ignoring the jockeying of the nations, especially Creat Britain, If a  because they believe that iho vast Entish . with its millions en' h'. and dark I skinned citizens, cannot afford to anvil, Ing that will be against :h(, cans0 of Ethiopia, observers point to the recent uprising in Kingston. Jhtnaica as .in - lion that Hie ;s of the British J2 u iU brood nothing that smacks of too much weakness on the part uf Great Britain and assert that England stands to lose  should she fail to stick by i Ethiopia. I</t>
  </si>
  <si>
    <t>                                           ADDIS ABABA (SNS)--While the nations of the world, principally France, Great Britain, and Italy, continued negotiations designed primarily to avert a war that would involve all of Europe Emperor Haile Selassie went about making preparations for a...</t>
  </si>
  <si>
    <t>                                           -S^ fl*"*" """TC^ ONLY NEGRO DAILY NEWSPAPER. IK THE WORLD LAUllJllftjlliiCJ volume 8, number 242 i^ -J. ATLANTA, GA., WEDNESDAY.  an 10^ J</t>
  </si>
  <si>
    <t>                                           TWO ACES AND A QUEEN                 I luce faces east-  jr Uu' same direction     no matter how you look at it. it s Claurtette Colbert and her two . men, Mclvyn Douglas and Michael Barlleil as they appc-m- in "Shu .Married Her Hoss." the  drama  playing at Uui!f,Vb .New u0Vilj</t>
  </si>
  <si>
    <t>                                           NUMEROLOGY SSS Cuides Your         $$$ YOU CAN WIN MONEY LOVE LUCK Ralli. "the all seeing", will send you his  winning CHART FREE Divined individually by ancient ami mystic science of Ejsypt, according to your name and birth Hcte. This chart has never before been offered and will cost, you nothing. Kalli will send it to you j il' you order his latest i COSMIC DREAM BOOK Interprets your dreams. Gel on the Road to Success. You can t I lose'. Write today! Sent only SI I with your full name and birth  for the Yotfami Cosmic j Dream Book or send C. 0. D. on arrival* Pay postman $1 plus pos- 1 laue. It comes to you guaranteed please or your money back. You can t lose- Write, today.  RALLI Room 907, 15C0 Broadway, N.Y.C Xew York Keep Your Chart Secret</t>
  </si>
  <si>
    <t>                                           BRIDAL PARTY- At the Powell-Davidson Nuptials recently solemnized in Charlotte, N. C. (1.     .) W. F. Holmes, F. Alexander, R. L. Jeans, L. Alexander. C. A. Grier Rev XL Powell (the bridegroom), Ruth M. Davidson', (the ), T. S. Davidson (the bride s father), Margeret Davidson. Gwendolyn Davidson, Missouri Jackson, Tbelma Jackson, Nellie Wright, Gwendolyn Smith, Leila Dockerv Jacqueline Butler. Photo by Carolina Studio</t>
  </si>
  <si>
    <t>                                           y*jP"      ^f    *-~ Algerian M*V ;Vi9 SSjf 'w'~i            Jmt irn4 10c caln or   SS@~ ump* to  whipping -      **^y I cmi*. No         . At* ^r2jrK^2  (          #nt*     - ^'^~~H^' 1*0       *4 Writ* N T CTwJv 6              C* W4BT , Memphis, Term, ^f</t>
  </si>
  <si>
    <t>                                           WGST Officials Laud Novelle Harmonaires                 Follov.inp; Wednesday's radio broadcast rrom station WGST, the N'ovene Harmanalres received muny compliments from the  and many while spectators. The announcer and the studio " that the quartet has an unusual stylo of changing chords which produces a kind ot harmony seldom heard In  singing group. They also expressed the opinion that tho quartette would blaze a trail In the art of sinking. This group will be a, regular feature over WGST every 'Wednesday evening at 8:05 P. M. In their programs they will render  number* and people who heard them In the WorlA Cooking School n/id at church programs will be Al6 to hear their favorite . All that tans need to do It to send their request on a post :~'l to tho "Singing Harmonalrea" WGST Ansley Hotel. As many r8 will be filled as possible. The Xovolle Harmonalres will sins  at the F* Baptist Chuctfh,   oC the  are  to coma out and hear thOm. i I                 JO8 JONK8 By I. P.  I don't know  marl* mo do, It i  t i l   looked at mn  tuat I Jun  t</t>
  </si>
  <si>
    <t>                                           By^/CTand be true. One of the KSXlniiMt jealously; guarded secrets can no  be it nJe*. you. Send- far free Inform* Uoo . DAGGETT PUB. CO. 3430 Rhodes Xve* Chicago, III. Al* (boat 10 Last Sooks of Moses an Success Candle Book. FREE COURSE IN v HAIR CULTURE v Indndlnc Diploma by Mall. 'Wrlit Cobaa CosmeUe Co, Box 5315 Chlc*fO, III.</t>
  </si>
  <si>
    <t>                                           ETHIOPIA WILL BALK AT ITALIAN OCCUPATION                 PEl MEET DEADLOCK SEEN                 Emperor Declares He Will Endeavor to Be Reasonable                 ITALY STUBBORN                 PARIS.- (SNSService)-^The Italbui-Etbloiilan 'situation  devoid of solution today as Emperor Haile Selanie let it be known that he was opposed to any form of military occupation of his country by Italy although lie offered that country certain                 economic concession*. At the same time. Premier.  declined, through bis representative, Baron ^AloUi-Wv, lit; toe French ana British delegates at the tri-powered peace^ conference, know  exactly what the -Italians wanted- Briefly, the Ethiopian ruler offered: (1) A guaranty r-. r" Somalljj_v      . of tne safety of Julians  In Ethiopia. (2) The  to Italy of. economic facilities for 'mining, road .building and railway  in Ethiopia -and- ~""(8) 'The Pomlbllltjr^^Jijt^,. more* 'extensive ""-  to Italians. "Tbe'Britldi and French want the Italians to state real: claims against Ethiopia'* Sir Anthony Eden head of the BritUb delegation stated "for to have always felt they hare legitimate claims arts- lnc from two , first, frontier 'troubles, and secondly, denial of the Tight to reasonable economic development. -We feel that if the Italians state their claims it will .bo  that a very large part of them will be met freely hy Ethiopia' In {act, Italy probably can attain _a very large part of what she wants while retaining the friendship of Ethiopia; avoiding a breach of peace with the French and English government* and the        of Kations and  embarking on a very !</t>
  </si>
  <si>
    <t>                                           PARIS--(SNS Service)--The Italian-Ethlopian situation remained devoid of solution today as Emperor Haile Selassie let it be known that he was opposed to any form of military occupation of his country by Italy although he offered that country certain...</t>
  </si>
  <si>
    <t>                                           Met Tuesday night at the home of Susie and Grace Reid. The next meeting will be held at the home of Mrs. Tyler, 456 Magnolia St., N. W. We are planning a pre-halloween dance at the home Of Mrs. Cummings. 451 Magnolia St. Watch for the date.</t>
  </si>
  <si>
    <t>                                           LAST TIMES TODAY BORIS KARLOFF in "THE BRIDE OF FRANKENSTEIN"</t>
  </si>
  <si>
    <t>                                           NATIONAL ADVERTISING REPRESENTATIVE: I W. B.  CO, Chlcac*. Ill, and New York. X. T.</t>
  </si>
  <si>
    <t>                                           Streams in The Desert "God is our refuge and strength, a very present help in trouble" (Psalms 46:1) God uses trouble to teach His children precious lessons. They are intended to educate us. When their good work is done, a glorious recompense will come to us through them. There is a sweet joy and a real value in them. He does not regard them as difficulties but as opportunities. IVEY BROS. MORTICIANS -The Institution With A Soul" AMBULANCE SERVICE Phone.: Main 2567   . 8S75 492 Larkln St., S. W. Atlanta, Ca,</t>
  </si>
  <si>
    <t>                                           Held their regular meeting ... the home of Mr Britt on ... St. Mr. Willie P. Thompson was ... a welcomed visitor ... this meeting. After the regular routine of ... the club adjourned to meet with Mr. Clarence Sims. ...</t>
  </si>
  <si>
    <t>                                           Their Last Doctor                 Medical .mission at Point Barrow, where      .~f Wiley Past.    - WO) Tr^iM mataa.      . Stanley Morgwwho;         !!i,,^B9</t>
  </si>
  <si>
    <t>                                           KNOXVILLE, Tenn.--()--A plucky and scrappy Fisk university team invaded the lair of the Knoxville Bulldogs and spoiled a perfect "Homecoming" celebration by downing the knowville warrior's 2-0 before a large throng of rabid spectators saturday. Many old grads...</t>
  </si>
  <si>
    <t>                                           This delicious cheese food is DIGESTIBLE AS MILK ITSELF! ^^0%v Hidden in Velverta's  mild Oicd-iar Chycsc flavor are   uf  foods. !t*~ wonderful f"r . Servo Kraft Velvt-t-tj- iu , 'ux         ?n!</t>
  </si>
  <si>
    <t>                                           BACKACHE Flash Kidneys  l Waste Matter, Poisons mad Acid and Stop GetUoc Up Nights When your kidneys are clogged and your bladder is irritated and passage scanty and often smarts and burns, you need Gold Medal Haarlem Oil Capsules, a fine harmless stimulant and diuretic that always works and costs but 35 cents at any modern drug store. It's one good, safe way to put  activity into kidneys and bladder- you ll sleep sound the whole night thru. But be sure and get GOLD  right from Haarlem in Holland you are assured of results. Other symptoms of weak kidneys and irritated bladder ai* bct-. puffy eyes. leg cramps, moist palms, burning or scanty passage. FREE ,B$ YOUR LUCKY NUMBER Individually Divined according" to  name in the ancient and  sciences of Kabslfcon and Nnmeroloo. ISHMAEL, the MIGHTY Master of the Mysteries of the Oeeall will     ^?C3fe3M you Pure"3** ^'"/^ 'I Dream Book. V/ V-' which gives an interpretation of all dreams in numbers of three figures. $$ BE A WINNER ~$ WRITE TODAY. Send only one dollar for the latest Fivc-in-One Dream Book together with your FULL name and address. Or if  ou prefer. ISHMAEL will send the Dream Book and your Number C.C.D. and on arrival you will pay the postman $1.00 plus postage. ISHMAEL does not want a nickel of your money  you have received the mysterious Master-Key Book and your own individually divined Number. ISHMAEL sends this great book with a genuine Money-Back Guarantee. WRITE ISHMAEL. DETT. IMP. GEN. P. DEPT. 557, N.Y.C. WARNINGS DONT TELL YOUR BANKER</t>
  </si>
  <si>
    <t>                                           Hampton President To Address Grads Friday Night                 I President Arthur Howe of Hamp- ton Institute. Hampton, va., will be the guest speaker at a special meeting of ex-students and almuni of Hampton at eight o"clock Friday night. October 25. It will be the first visit c.f Dr. Howe in Atlanta since becoming president of Hampton. The meet ng which will be staged at the residence of. W. H. Aiken, (Continued on Page 8, Col. 4)                 Hampton (Continued from Page 1) 66 Piedmont avenue, N. E-, will be sponsored by the six members and employes of the W. II. Alken and company who are  of the famous institution. All Hampton alumni and ex-students In this  of the country are invited to attend. Members and employes of the firm who will be hosts for the evening are W. H. "Chief Alken. former Clark football , Hayward A. Clay, Jr., Richard W. Adams. M. s. Thomas Rufus Orlgsby and Clay Boyd.</t>
  </si>
  <si>
    <t>                                           [NO SUNDAY If SINCE HEADACHES AIKA.-SELTZER [SPOIt OUqCMYjLCWE OUR  Don't -let HEADACHE. Add Indigestion,' Neuralgia, Muscular, RK.-*      _ Sciatic Pains, rob you of healthful recreation. Take Alka-Seltzer. Find out for yourself how   if  "eve your -day .ibn^a AJka-Seltter relive* pain ' it  an  .' Alla-SelSerf  jund mineral            Your   ADca-Seltar by. ^ and ovu hi.</t>
  </si>
  <si>
    <t>                                           With the opening at school but a few short weeks away, a new departure in the registration of new elementary pupils has been announced by M. E. Coleman, director of attendance and census and assistant in charge of the elementary grades.</t>
  </si>
  <si>
    <t>                                           DUAL HONOR WINNHIMProf. Lnwrcnce D- Reddick, who focused national attention on the Hiatory Department at Kentucky State Collcf* with his direction ot the FERA project to collect bis. torical testimony of ez- of the country, has been granted a General Educational Board fellowship at the University of Chicago. He waa recently appointed to the chair of history at new Dilliard University which opens this fall.</t>
  </si>
  <si>
    <t>                                           Injured Men Resume Fight At Hospital                 So bitter wan thc hatred  between two   to Ciradj- Ho.~pit;i]  Thumlay. the pair,   ' wounded.  their bloody  In the emergency  of Grady Hospital while - doctors and                  stood     astonished. Willie Jackson, of 76 Houston Strrot, a deep stab wound in the back, preceded his adversity, Hownrrt Hntchlnson. of a Houston Street address to the clinic by j only a  . ITutchlnson had a Ion?  * his left 1- I Atmnxt-  from the lots of Wood, Jacteon was seated on the bench In    clinic ante-room  to be treated when HutchInson limped In I Jackson  to his feet and j the two weakened men, both armed with -blade knives, went Into n clinch. Blood spattered  the room as the two fell in mortal co.. Hrspltfll. Pfltrnlmfln W. I..        wns called. Imt the two men had  carried away by   before he arrived. Fifteen  later. Jackson, found       unconscious in side street, was  hack to the hospital by police. Hardlv had he been  to the operating room when ITntchinson's prostrate body iris logged in by tiro men who drove up in a taxi, dropped their cargo and disappeared. Placed In separate wards in Orady Hospital, the two men wern n*poT7cd to be In an extremely critical coalition last lost night.,</t>
  </si>
  <si>
    <t>                                           So bitter was she hatred existing between two combatants brought to Grady Hospital early Thursday, the pair, though already critically wounded, resumed their bloody battle in the emergency clinic of Grady Hospital while waiting doctors and nurses...</t>
  </si>
  <si>
    <t>                                           ^-^       DAILY .NIWIWtK IN Wa^WOlJEe?^ FOUNDED AUGUST S, 1928 BY IV. A. SCOTT Published Dally and Sunday at uo Anhnrn Avcjtue, N. K. By SCOTT NEWSPAPER ~~'Mi I ~^TK Telephones: WAInot 1459 and 1160 C A. SCOTT General Manager J. B. PATTERSON Asst. General Manager K. K. DAVIS Managing Editor SUBSCRIPTION RATES: DAILY:- I Tr. 1925; 6 Mos. $4 .75; SMos. J2  ; 1 Mo. $ .90  ONLY- 1 7r. $3.60; 6 Mas. $1.30; 3 Mos. $1.00; Caiwda: 1 If MJ0; S Mos. J2.:5; Foreign Yr. $5.9u; 6 Mos. $3.75 MEMBER OF THE ASSOCIATED NEGRO PRESS NATIONAL ADVERTISING REPRESENTATIVE W. B. ZIFF CO, Chicago, HI, New York, N. Y.</t>
  </si>
  <si>
    <t>                                           FAIRBANKS, Alaska (S. N. S. Service) Although he was nearly exhausted from the dangerous 500 mile flight from the "edge of civilization" at Point Barrow, Alaska. Joe Crosson: veteran air pilot of the far north, announced that he would continue his trip...</t>
  </si>
  <si>
    <t>                                           Why is Christianity a Missionary religion? It is because Christianity has a living Saviour to present and a sense of freedom. Once there was a beautiful Garden of Eden, wherein dwelled a couple of God's dear friends. He was very interested in them so...</t>
  </si>
  <si>
    <t>                                           Meeting an apparently better all-round team but refusing to be "written" out of the ball game by sectional and local sports writers. Clark University put up a "Sunday defense" against A and I State College last Saturday in South Atlanta and earned a 6-6 tie. Tennessee State, given the edge by the newspapers, was first to be scored upon when 'Snook' Wellmaker, Clark's All/Southern fullback, went on a one-man rampage with the...</t>
  </si>
  <si>
    <t>                                           Fifty fine prints, representing a variety of methods of print-making and including work of artists from the fifteenth century to the present time, will be placed on display at Ole Atlanta University Library exhibition room on October 20 and will continue on view for two weeks.</t>
  </si>
  <si>
    <t>                                           : Qt'lCK ItKHCUTS in Kitting        vn(i . ll^      *,              tn  Itmnrw. Kfnwvf f%H  . MirrmUtlfilnir*,  ?l*~    . Julm, Siu*  -~~   l*^**.              tn hrl^ vtm or .         . ThwiiniiiiN n r^ HmiiXfNl  vrr  r^~ulN-. S*O(t new mily $l.M for thr C'Hit boob ..f Vwvrr. lh. 1'ub. HflM. n4 l ICiittilfNi Are., Oilcnc**. HU STOMACH Patns, CMIc Atteclw, Pain In RlffM LJvw.C*l1,            .       ^~ )i^5     .w).w^  ..  box! DONT                    for  . TiMrv'a so         . Writ* . IM. 00. ^t x           .~     FREE BUSINESS COLLEGE COURSE Prepare (or Poult Ions as Stenographers, Secretaries. Accountants and other Business Places. Instructions Riven ky mall also. For .T. write: Rnhincnn school of IVOOinSOn commerce Crau- L. Robinson. Director 504 East Court street Dycrsborp, Tenn.</t>
  </si>
  <si>
    <t>                                           -NOW OPEN- Community Dry Cleaning Service ^lO. HUNTER ST.. at ASHBY Fir Uttfiderinc-. pi^ and HMi^Fh)~~^iB( j^ Scmmer Sail*- ^Paini"      -           ;r-^C9     - -An Ec^*! Price that          to Men who Demand thr  Mt. For Only 49c</t>
  </si>
  <si>
    <t>                                           Like putting two and two to gether nlor% (111111.9 my ex-secretary recently voiced her wilincness to return nr: desk. I think If was swell becausu the Harding lass Who has gradu ated Into the columnist ranks will Wit, a baud to yours truly. Artcha</t>
  </si>
  <si>
    <t>                                           SWELLING REDUCED And Short           relieved when caused by unnatural collection of water in the abdomen, feet and legs, and when pressure above ankles leaves a dent. Trial package FREE.  MEDICINE COMPANY DeDt 580, Atlanta,   . ^^a^^t' }      Todaj Tour Luckf IMj. Juit    1 your nan*  addr*Ba ao4 gtt   Luckjr Low sad       "KoldVa^hara^*            . and blc     *  Writ* Krvatoaa Lab^ Dcpt 5-R-8, Memphis Tenn. FREE BE A  YOUR LUCKY NUMBER Individually Divined  to your nine in the ancient and   of Kabaliun and NameroloK.v. 1, thf MIGHTY Master of the Myslerln of the Ocrolt will B^J^fe^B you purchase ^Kjto it (~y Dreum Book. ^-jr* ~:"-\S" Key Book which Rives an interpretation of all dreams in numberi of three figures. $$ BE A WINNER ~$ WRITE TODAY. Send only one dollar for the latest Five-in-One Dream Book together with- your FULL name and address. Or if vou prefer. ISHMAEL will send the Dream Book and your Number C.C.D. and on arrival you will pay the postman $100 plus postage. ISHMAEL does not want a nickel of your money until you have received the mysterious Master-Key Book and your own individually divined Number. ISHMAEL sends this gre.it book with a genuine Money-Back Guarantee. WRITE ISHMAEL. DEPT. 120P. GEN. P. DEPT. S57. N.Y.C. WARNING!! DONT TELL YOUR BANKER</t>
  </si>
  <si>
    <t>                                           In Memoriam                 In Memory of Rer. and    . B. J. Bridie,                 October with her balmy sunshine Swiftly passing away; Leaves both joy and sadness. As we think of those memorable days. It was October twenty and three in year twenty-nino That you, mother, took leave to a far-off clime; It wan in the same month on . -two That pana took his flight to join brother and you. I Five children left they with  twenty-three, Who love from no less though .face they cannot see. Cherish wo your memory, follow we your command Till wo all meet in heaven at J our Savior's right hand. N'oill A. Bridges Mrs. Jennio A. Bridges-Liburd Mrs. Kache! L. Bridees-Hall I Mrs. Julia Bridges-Brothers Mrs. Mary F. Bridsres-Merriweathe.-. children.</t>
  </si>
  <si>
    <t>                                           New Hope Association Will Hold annual Meeting Next Week in Reynoldstown                 By K.v. A. Bell                 l*    .r.l  i':iu- uvr U'in" lu.-nl r t'.w  -ill s- - (if 1 1n* Xriv lupi- I!       A.   '-i: which II r. mi in' ni-xt week at lln Kirsi Ji. i , Kcynolilxmvii.   ,,.  j,.v. A. I.. .ns,  Kislur.                 Tlir si'~Mnn.s \vU] open Wednesday . O'tolu'r second, lit :   ~.~itM-k Hi,, iti.-v \V. .lorann, *. Iti'v. .lor.dun is one af.the mit:*.t!tn( ministers of this section. '"UK u member of tbc group Him wit   -.the World- Baptist Alllmiw In , Cerinnw, lust jc-flr IU% li:   lm!!t runny churches   hd hns taken a leading part    '.11 .il aoi!;, iiL-ine       highly "as 11 render. The Si'w Hope   is considered one of the  groups in Georgia, Ims  u very Interesting history. Lenders of the New Hope .\    ' point nut Hint   and 1 le?cs aro stressed In their inert Inp" nml tli:it the reason thru it     :i:   Its.  ;    '~ci-:i:     ' :.   :ii "i!ir tm-h-                 l{:'ll 1 Ml ftl I tli.'ll Hill- I!" r n I' I" -r tn ki i ii      it* n-i  .'in' I'li--  un   Is        tn Ilin iiu-in Iht  s tn li:ive -Ili'i' ili li-^.i in nr(     Hun nil of tin- people   nu ;u-      p:irt in the   mj ili libiT: of  . [~r. Jnnlnn nnd       point to nnn of thn  ntti- aud n-.ost suci/ sessions la tl:   hlf tnr.T of the . An int!~   ;Ini?  hus Iitoii prepared that will lie of. interest to nV  people, whether  or not. The- ~"'  will open .i.ii'. wi-. will come to i;n fuel i'"r! nigh. Special sermons   will he fen. . Momliers of th,, First BtrpfTSr  of He.,         by  I'hnrrrlu's of tin; , ~:iv .'nc Imrd to  this one f thi' -' mei  'n  's'-t.      \    Hope Assot</t>
  </si>
  <si>
    <t>                                           ... plans are being made for the annual session of the New Hope Baptist Association which will convene next week at the First Baptist church, Reynoldstown, the Rev. A. L. Collins, pastor.</t>
  </si>
  <si>
    <t>                                           Murdock Reported As Being Hurt Quite Badly                 Lato.it reports from Cr.idy Iiosj pital Indicate that the condition of Ezra Murdoch, popular Mor- i rls Brown basketball suir, who I was severely Injured In an auto- mobile accident early Thursday morning ts "not so good." j "Big Jim" Reid. Morris Brown's I all Amor-lean football star and fh*. other members of the party injured In the crash which took Place a short distance from Jonc.s- i boro. are  to bo showing j t.     of Improvement. All wore permitted to return to tho i campus with the exception of j Murdoch who was admitted tc Grady in a serious condition. j</t>
  </si>
  <si>
    <t>                                           Homicides Rise With Slaying Of Gresham                 Cringing the week s homicide toll to five, aud raising the year s record to 9-1, Curtis Ureshnui, 2S. of 17-43 Stewart Avenue, Uieil two  after his arrival In ibe  clinic of Grady Hospilal, Friday !;.                 Examining Mirnouns  Him. 1 hi' had  Klnlilu-il . times,  In the jugular     . n second lime in the left chest, the blade oC j Die    U'rciiiK his lu-nrt. mill third time In his                 Tin.' wound in (he  is  to - caused lils  1'   Jamca Wingo, of 5)U                  Street, -in- of the  man. for (;;  his  Lu , tbc slaying occurred In an Kdgewoocl Avenue  lot, opposite the Hurt Ijull'litig, wl,     Gresharu was I'uilili'j'cd VJyr  ' police (lie.v   nv W'digo [ nl Ills -in-. but . Hie two wore just  as i;o   tlic stubbing. A few .ds  and Grcshani -^- n     firt-t am) fell.       ill.- il down an alley              tlic  lot'  for tlie killing  a -y. Mv.s. l.      Mnv Oresliatu, wife 01' Hie slain man, and sister to the      :cUmI killer, told newspapermen  the two had never quarrelled and that she  of no previous disagreement, Sho termed the slaying nu "-nt."                 Gresliam's body was transferred to the Seller Brother Funeral Home en w,;st Huutcr Street Losing a  Qva-da.v battle lor life, J. P. Palmer, 2S, of 30 High Street. College Park, died at Gradj- Hospital early Friday Irom the effects of a .  n-  had ripped off the knee ~.-;\p mul . the bone or his li-ti li-K. 1' u-ns admitted to the lios(Continued on Page 6; Col. 4)                 94                 Homicides Rise (Continued from Pafi 1)I'iinl lain Saturday  in ,vi)ai   to be a dying condition. Ho staged a game  to !;ve in the %v,"(;f surgeons' pre(Ik-tio-.iE that liV- (lid not li.ive :i -c ro pull through. His death resulted from , it v.-as sai'. Park police shortly  the shootin; Saturday arrested Jliss Obie Illues, also of a High i St:-~e: address, a3. 1' s asI - Tho , according police, followed n  ar; over  cents in a -,'anie</t>
  </si>
  <si>
    <t>                                           Bringing the week's homicide toll to five, and raising the year's record to 94, Curtis Gresham, 28, of 1748 Stewart Avenue, died two minutes after his arrival in the emergency clinic of Grady Hospital, Friday morning.</t>
  </si>
  <si>
    <t>                                           FOR SALE        Cot. tafe, 567 Joiimor.    ., N. E. Furnace Heat. Garage and excellent lot SOxl SO fe^t. A No. 1 location. Pries   900.. 00 $500.00 Cash Bala-iee  rent.      ?.E!D, 219 Randolph J N. E.. WALNUT 0765.</t>
  </si>
  <si>
    <t>                                           BANK ENDORSES NEGRO TRADE WEEK The Atlanta Public has steadfastly shown its confidence in the character and integrity of the officials of Citizen? Trust Company. This splendid cooperation has brought about the continued growth of this institution during the past three years. Atlanta takes great pride in its Negro bank. It takes particular pride in the fact that it is truly an Atlanta institution. Its depositors and stockholders are for the most part citizens of this community. Atlanta is also" happy that its Negro bank, like all other banks of the city, is insured by the Federal Deposit Insurance Corporation, a U. S. Government facility, to the extent that $5,000 of each depositor s funds is fully guaranteed. Officers and employees of Citizens Trust Company congratulate Allen Temple A. M. E. Church for its outstanding example in business-religious leadership. The Bank believes that other Churches and organizations will follow this lead. CITIZENS TRUST CO. THE BANK ON AUBURN</t>
  </si>
  <si>
    <t>                                           There will to special, services Saturday at ll a. m. the Rev. J. T. Singleton will deliver a special sermol. At 8 p. m. a literary program will he given under the direction of Mrs. Lottie Reid, secretary of the church. On the first Sunday, an address will be delivered...</t>
  </si>
  <si>
    <t>                                           The city-Wide Prayer Band will meet this afternoon at Mt. Olive Baptist Church. The public is cordially invited.</t>
  </si>
  <si>
    <t>                                           i Soft Cushion-dot Priscni* and TaUzred Boston Ne* 'I V-^t I t AM 2 ft Yards ;l^"\~.'~ 1 Lori? ?3 I. :\x .  : ,.-y a J "s s; k i] r H -;)^s ;t iu!l 36 i::c::.' l I I;:: 1 :1j: :i Sm: t v.-ijo! fc -  - v;!.,,!:.i, .r I j q { :j.~~ :'-H ff;: I.O8O P,s. Taiiorcd 3  ~'"_.''"s"^ I !1!: H:;:   i    ?^t Curtains i f I!;;-.);]! i J, i!: ~!-~my V^ Ready-to-Hang Finch-Pleated Rich        Draperies! "vj Broadcloth- Dr.? of rich Sicilian } g a Damask- red, rose, green. -, blue. 2J 5 yds. I B I I Pf. 1,800  "RegaS" Sheets Closely v.-oven tor Ioh ~;vr Six1;1.1, 72\9'~. t).   mW ~% j^ 99. FL-gal Cases :. -IJx36 rt for l.jo. jf ^y^ Large part -*//cs! p?2?d S^?^kets Double full l-r*; Mi:.1. 5'~" ~-iv.-.i: i'^.v-n WnJm-- *$ ^~5"^S' I in r.-.:^. :.-~d. . O-.-.S*  n:\u-*. U.l\~-\. u    Jl</t>
  </si>
  <si>
    <t>                                           LOOK WHO IS HERE may be he will guaran- B?ffl*~*~^ k'\   da ugh Funeral Direc- ,bV/^    ^^te i Sec America's finest v;\~BEt:^B^wgS Trailer free!</t>
  </si>
  <si>
    <t>                                           THERE are many young Joe Louises in the making in this town. You have no idea how Joe Louisy the nation and the race has become. All the youngsters are rearin to knock somebody's block off. You hear talk of left hooks and straight rights and jabs. They tell me that Negroes were ring conscious about 25 years ago when Jack Johnson destroyed Jim Jeffries out west. I heard talk of a "Jack Johnson uppercut"...</t>
  </si>
  <si>
    <t>                                           Beaten Man Says Three Persons Entered Home                 Thro* persons,     a woman, wer? named by Tom Jones, of 31) Pine street, northeast, as his assailants. In reporting to police how the trio entered his horn and  heat him. The woman, he said,   hj men had beat him. leveled a  and fired, the bullet Infllctlnf i    \~;h wound In his left leg. Policp Wednesday were .~~        r.i.Minrd Clnrk of a Bradley street -s his wife Mrs Idn Clark; and  Swift of a Highland  address. .TonM offered no possible mo. ii\~ for the attack. .\tr.~. Lottie Hawkins. 30, of rc.ir J01 Fr.-wor street, wns ^d nt  .il ^VpdneBd^ly f.-ir a  push  her -.  ^h."1 said ivn?  by Finy Clnrlce of a Franor street        5.  of .Inhnnlf Croon, ^f I To Oihnor . who was     . to f*  *ady ] Tu^fl* .in v with        wound? In the  side Of      and -n. **'l critical .'it Qrndy hospit.il lale bst . Pollco were ; . 27. on MiiMploion. ponding tho outcome of Orecn'.i . Witness claim that tho shoot     justifiable. j                 ~^^^M IIP JOSHUA JONES rV*~ix: By I. P. R*    . .,;:~$ nro. Boll      that he     n*8  i Jockuy but that     bud  ; a ,</t>
  </si>
  <si>
    <t>                                           SPECIAL FOR Today And 4th of July    Fried Chicken With 3 vegetables or salads -25c- ECONOMY DELICATESSEN 239 Auburn</t>
  </si>
  <si>
    <t>                                           Gay Deceivers                 ^.-i (hf-1' ri-      l/NJcrrr ;ind     (.-ly I'raiMtrs    'r lo^' In :t (U-]ii:ht ful r- il v         T ~\    ~.     ; ulm Ift.ik fc.ir thrills  I'itnj a ^' ,. ,n</t>
  </si>
  <si>
    <t>                                           . SO-GOOD HAIR GROWER l9fl^ A QUININE POMADE ftr^^^B Gnn ;, .cft, silky hair from Ibl 'F ^"^^^B Imskm fwr . RtcomBuuU by doctor* It- S^^B     Tatter. Ecaaaia, Falling  .ad Itduaa; If jB^^H Scaly. ^^^^~H SO-GOOD HAIR STRA1 Strai(  *aa say baa** of bank  bair H^VM  Hot Fallen, or Hot Caariu aad ^^^^^^L/ J-H laa*   it soft aad . W ~~^E-^B                   or         Jala^~oV So-Good Hair Crow*r SOc So-Good'      Straigbtaaer 50c 8aM by MaU (My     **t.-~ SOc  Imat. Wilrtr* So-Cood Coco      Ifc Writ, for Ten. j^^ T-tat ^  ^ W SO-GOOD CHEMICAL CO^ 75 Fair St. S. E^ Atlanta. Ga. ^^J ^t .%    'Vv*-'. ^IWatate    ,^^^^H  Safe,.      ^\l' siw-'^^BB rz ^B  are  agonizing Simply, quickly and at borne hours at home ! No more you, too, can color  bmh 10 a anxious moments at the telephone, lovely, even shade of jet black. waiting for  that never dark, medium or light brown, or come. No longer does she ask: blonde, with Godefroy's Larieuse. ""What's wrong with me and men?" No waiting. No disappointments. For now that she has restored to Soft, gleaming hair hair that her hair its youthful lustre and keeps you looking younger thin loveliness, Lois has found love, your years in just a few minutes. happiness, and romance with a This famous preparation has been capital K UJed Md ,^ ~,v Mage What is Lois' beauty secret? Just screen stars, celebrities and people this an occasional application of wealth, position and prestige, of Godefroy's Larieuse Hair Color- for more than 42 years. Satisfacing. That's how she regained her  ion guaranteed or your money glamorous charm beauty that back. turns men s thoughts to romance. Don'triskuohappiness- don twait That's why her hair is so soft. get a full sire  Godefroy's . and  sparkles. Larieusefrom your dealer TODAY.     GODEFROY S ^5S"~ french HAIR coloring tAR IMPROVED 0O0 MAMUfACnWIWO COMPANY 3506 1       , ST. , MO.</t>
  </si>
  <si>
    <t>                                           T,lr:~]E 3^^Q J^I^ D C3F "WC3_^/   -EJ'-^s!</t>
  </si>
  <si>
    <t>                                           Georgia AME'sWHI Open State Tri-Convention Here Todav                 ANNUAL TRI -CONVENTION WILL BRING HUNDREDS TO IE GATE CITY                 ^Cosmopolitan A- M. Church Will Be Scene Of Initial Session of Great State Meeting I At Ten O'clock This Morning                 W. A. FOUNTAIN IS SPEAKER                 REV. C A.                     At last, .the   a.:-.-*long looked for come at InNf'brtnm'-lii ! fact that the Iouk  Tri-Convention of     A-iT.E.  has come nt last when tHe mammoth crowd of ; headed by  ciders, , .  .                 Sunday school teacher* and representative* 1 nail walks of lite arc {gen on the Morris Brown College , sitting under  trying to ''cool on."' an they await the o;ion!c5 boor today of perhaps the greater  of tbo Trl-Conventton In lu history In Georglu33 e. pastors,  the a*-Urtajice-of   " everything la readiness fend sU Atlanta,   I* vicing with one another to make-all -visitors and * welcome during their sojourn' In the city.. Much time ha* been spent lu preparation for thin meeting which annual]; brings many of the leading  and laymen of the A.M.r. church . -Botdxtratlon of  arid " of bomes will start at o clock in the lobby ot the administration building of Morris Brown College. At 9^50. special devotional ,  an organ prelude, call to  nud none  BUiler the direction of Oie "Rev. "W. J. Johnson win precede the start of the opening  at the Cosmopolltnn A-M.E. Church, Vlue and Foundry Streets! the BeV. S. H. Bninc. pastor. Dr. VC. r. Sherman, SaranDab,' Ga.:  of the A-C-E. League of the Ceorgla conference. Jfjll preside. "Tollowlns Cbriut in Building a     .World" will be the theme for toe day with Mrs. Sustc M. TTOch'er. Decarnr, Ga.. leading the  hour between 10 and 11. The  address will be delivered" ..by the Sev. S- R. DlnMns,  of the First A.JIE. Church, Brunswick, Ga.; while Prof. W. H. Usrtmore, state , will present a program of .'Orgtn Variations." -Srompay at 11 o clock, the .will formally start with Drs. W' 0. P. Sherman, I. Glass. W,. C. Kelley, T. J. Davis. W. Boyd Lawrence and Dean Charles I.- HIU.  part,  by the Comnopolltnn choir. Presldin: RTdor J. A. Hndtey, nf the Some . win line the hymn preceding the keynote                 mon "We Follow Chrint" hy BUhop W. A. Fountain. Holy communion Kerviciii will followed by a special communion offertory for the poor  the offertory solo Th* I/~nl ta My Shepherd." by Mr*. N'ellie Davfa. of AtlantaF.'om 1 until 2:3ft. a W     nna  per'-' will In(Continuod on 6; col. S)                 Annual Tri CCdUtiaMd from      1) staged at the college dining room with dinner feeing served by Bis Bethel. St. Phillip*.. Turner Monnmeutal. AaUocb, St. Peter, St. Luke. Amanda Flipper. Turner CU.np.1, St. Juwc*. AUcu Chapel ami Sow BTIiM  ot the Atlimta district. ThJl af.' at 3-UWl. with tbc K*r. H. 1. BtwKU.ii.  of the A.C-E.L. ot the Xorth Georgia  . the animal banner .r wilt be         at toe ~-~ chapel. Prizes will be  for best original , songs,  or Eumes with a special presentation for the best . A  elders' council trill bo hi-ld In the lower auditorium ot the administration building. Obter  of the afternoon s program are annual addresses by .Mrs. J. A. Fountain,    and  treasurer, W.H. and F.M. S.Klpfy: Dr. C. A. Winjfleld. state Sundiiy         the Rev. C H. . state  A.C.E. Lenj.-ne: Mrs. Q. H. n.inn. state  W.H. .JJ. Soeiety: nml Mrs. A. I.. Matthews. Krn'te      - Y.P. . A solo will      by Mrs. Mary Shaw Ilardeinnn while Prof. W*. T. Uowe.    :iy loader, lias planned -ial  features i"or                 the 3 o clock period. This evening, at 7:30, the  session will  at the Flipper Tcmnle A.ST.E. Church.        at Fair, the Bev. S. JI- Pat^-r. , with a" ' under     direction of the Bev. XT. J. Johnsou, i ^State ACE. Loader C H^ HarroM will preside TjiWus  Kirt in the devotional* will    the Rent. J. E. Brown, H. J^Cnrry, G. TV. Scott and J. Coleruan Lawrence while Miss Bertli:i Xi'lson, of Decatur, Ga., will I tell the hymn story. Iu Hdilitloa. to the- sermon by the Rer. J. H. Edge, of Colnmbas. Ga., a program: of welcome will be presented featuring;  by the Morris Brown Trio and addresses by the Rev. W. R. WiUcc*. president of the Atlanta A. M.R. MtnlMters" Union and the Her. J. S. Bryan,          ,Ga-' Other ' programs: have been -d for Thnradas and JFVulny with the climax; Friday  when the annual; statewide choir ami solo .contest will he  at the BIj: Bctliel UlvM-EChurch.</t>
  </si>
  <si>
    <t>                                           At last, the old saying ... "long looked for come at last" is true in the fact that the long awaited Tri-Convention of the A. M. E. church has come at last when the mammoth crowd of delegates, headed by presiding elders, pastors, superintendents, league presidents...</t>
  </si>
  <si>
    <t>                                           DURHAM, N.C.--(ANP)--The decision of the Council on Medical Education of the American Medical Association that the medical schools at the University of North Carolina at Chapel Hill near here and at Wake Forest college must be closed by 1938 has aroused...</t>
  </si>
  <si>
    <t>                                           ]W  ^  vo1""1I JOM-.il I v,,iiin  I Will. MarM llc^~^~~l     *~ G E 0 R G IT" HURLEY TEMPLE</t>
  </si>
  <si>
    <t>                                           WM^BHWIf. 'only  negro daily  in the world v IliiUiUUMAIaJij^  8, NUMBER 166 ATLANTA, GA., TUESDAY, T^UST 13, 1935 price FIVE CENTg./ 1</t>
  </si>
  <si>
    <t>                                           The Life of Joe Louis I Begins Next WeekKeep up With It.</t>
  </si>
  <si>
    <t>                                           With the eyes of the golf world turned to the tenth annual national open golf tournament, which is to be played over the Lake Mobansic Golf Course, Yorklown Heights, N. Y., August 27, 28, and 29, Fred, A. Toomer, president of the Lincoln Country Club has issued the...</t>
  </si>
  <si>
    <t>                                           M.E. Groups Continue     \ District Sessions Out In College Park Church                 By RBV. X. A. ItRIDGES                 The         .r *r**\.m of the Atlanta District Confrit-nce, Church s Wnw) and Ejnmnb 1.0147*.  rf tlw MMbodht KpiMnpal Chared  liw WDim Xkundu * ar 10 o  forfeit        JI.E. Ctareb, Colter Ilark. conducted by      . j. A.                 Green, who. In hit   tho  Out ploy *~*  find tfw Joy to  which   manifest  la  We. At t!    point, the district P'Tlnt.Mi.]-nr  iro a ; I  of tin; spiritual mid fii/in- I ~-i:il i- of fho district  '. that      -*  bw nn de.   'd  in m^. in . Sunday  and 1  :              anil^that  .?2,(   h:id   'on r:iisi.(l for   pau.~i"i of tbo church and for education. Dr. X. K. Dims, of Columbus. Uliio.  a.   on World SitvUv ;io! in tlio * :m.~ f'.r"i;ri .  a clon-ins           to Miss: Anna EHall fnr Iht work nt more Uian 25       In T.. Afrim. :ui.~ to STss Mae .\lli-n        Mit.-h-ll. Ciirlstlan missionary   I who arc now  in South M- I    -:i i Pr. n. TT. Slantf.n. .il  of      Amorlran Ttlhlo Sociotr spol,-.. In ti-rmi oC a ili^  *r Tollslinis          -'n .15 derived from iho  of tho Bthlc. Tho n^.-v. N". .7. Trolloy. pastor of rho ~=i.uth Atlanta M.E.' Chtirch.             a  tronc  from' John I :-)~M2 on "Perspnal      . ice"  on l  ro reports from At thp af:~~ .       *  and Epworth  . FollowIns tho . a  "n-hool demonstration was  ;  Prof. ,T. A.  !ftn\ ns   rnd Miss Wol.Irid; as . Tho teachers Inrliided Mrs. M". Carmiaehel. tho Misses Velma King, Mary Swton,                 Anwliii. T:  nil Emma Arnold: j tu..' isi-v*. .1. h. HiElitowor and 3- A. l;iix(iT. I'r..f. K. F.       : Mr. Cliirk. TliN was a very instructive   persons i\vre introduced    visitors: Dean J. TBrawley, of Clark Vnlwrsiiy MrH. ,V. Arnold.      Emma Am.,t,l the Rovs. .T. VT. Quron. J. w. Sn-ain. P. B. Cnri'S. Ii.! Cray J- I-. Garrison. V. M- .. l ror. R. F. Dorsi.y. of Clark; R. B. Lastc-r. Prof, and Mrs- II. W. Warner ai:U the Rev. C. II. BrldscsDr. an.! Mrs. J. H. Lovoll mid Dr. E. G. Newton and Miss La-  r.      _CTT(~  addresses to tho   - of the conference- i As a token of tlie   In which  ynnn; people of       dfs- tri-T hM l their district ?       - I ten.. br. J. F. Demer.r. tln-y         .d him with a fln.~ lo. l"~und copy ot' tho New T.- and rs:     - Miss Citrnitisliam. pp-sidi nt of     '~nv.-. murto the    "s*' spi-i ch. ]"~r. Dem* (Conlinunl on page 2; C"!. S)                 M. E. Groups (Continued from      1) cry. vi-ry feelingly, responded. The devotional services at the i  were  by tlie Rev Muurkf Wi.~~d ami    *   *v.     .--wur:li Then     , ied ir .'~n Inspiring sone service. \t t Us ^''''t, the Rev. H. E. Burri of Gri., pre:~     a "~ry li;~vtol ~'nd instructive icr-                 mon from Pbil. 3:i:t. Music w:n I I'viiturvO by  Ariel Brown choir while the evangelistic appeal     mude by the Rev. p. J,. Inmun. j This -.', following the Ui-  services ju Ik; conducted    1'ror. J. A- Grwn. the coul ; will  to  from local .  ,    -n-         -. di^ s'-^-ard:!. clu.-s ^ders, secretaries of Good Literature, presidents of        *    ! f-. ;inrt Brotherhoods. At ]ii . Miss Hull wilt      of some of her experiences in Africa. The morning worship will _w!t!! the Rev. E- 31- Hurler.Tjrencntor. This . t1   W'-M.JI- and the W.F.jr. Soderl*.~.        their   lent*. 'Miss TJvlnin Kussell anil Mrs. Lou 'Hill will render  in* i</t>
  </si>
  <si>
    <t>                                           The several day session of the Atlanta District Conference, Church Sebool and Epworth League of the Methodist Episcopal Church opened in a hoe manner Thursday morning at 10 O'clock at Laster's Chapel M.E. Church, College Park, conducted by .. J. A....</t>
  </si>
  <si>
    <t>                                           Old Ship A. M. E. Zion Church located at Fort Street and Auburn Avenue, N. E., having been without a pastor for the thirty days is jubilant over the appointment of Reverend G. W. Maize Junior Th. B. by Dr. L. A. Rutledge, Presiding Elder of the...</t>
  </si>
  <si>
    <t>                                           NEWS FREE! All Church News Free! ^81"11             new members, births, (WRITE PLAINLY) AHpastorsan. requested to write axi editorial for the front paw of the Church Edition. "A Church Edition in Every Christian Home;^</t>
  </si>
  <si>
    <t>                                           DELEGATES III GIANT CONFAB                 11 States and South Africa Represented At AME Gathering                 GEORGIANS BUSY                 TULSA. Okla.-                 With -s from 11        i and South Africa tn attendance. I Uie \Vom*?n*M Homo and Foreign Missionary Society of the A. SI. E. church started lu sessions Tuesday  *t the Vernon A. M. E. church, SOT Ko. OreenI wood street. Rev. R. A. Kins,                 or. It Is the first time In the  of the convention that Oklaloma has been honored with this . Tulsans. therefor*, threw open Iheir doors Tuesday when the Vernon A M. E. church, under the leadership of Rev. It. A. Kins, became host to the eighth  session of the Women** Home and Foreign Missionary -ty. Delegates began    ^e as  as Monday rr. when ' trains, busses and private cars made        arrival. The In- t .lux ot visitors continued through nore than -tS hours as representa:ives from 11 southern states and south Africa, together v.-lth visitors from every section of the :ountry. poured In by the thousands, literally flooding the city. Even* ounce of energy has been  pent In preparation for this great host of Christian women and high church men. Full co-oper:-.t!/.m was  from Tulsar.s of  religious denomination and all races in every section of Tuesday. June SZ, Quadrennial the town and the manner in which the eighth    ?       of this society was entertained docs a great credit to Tulsa and is a signal honor for th-- pastor ami members Of the Vernon A. M. E. church. sermon. Rev. George B. Youn^. Texas; Welcome from the churches of the city. Rev. C. K. Brown; (Continued on pace 2. Col.                 Delegates (Continued from   ww one)  of the  '. :   . Btnlle L. Dttlylw,  Vrdiw dor: Qiiadrtnnlal  4. draa. Urn. L. XI. Huche*. Cameron. Tew, * by  -JChrtko -and Pnrrl Xtalku. ml^Jooarj. student* from Africa? along  by the    ! Quint   featuring tbe SMadoarf:e{ tfcU      meeting. Tie  day'* Hnmloir     under tbf  of Dr. n. A. MaKt.          ( of ClllUplM'll  P*. WjKMI. Ti-. ' n  uf "Tinllouir iis :in A^'Micy for Missionary Kiluvntion" '~l .-ii I i^cUl.-^:. li whs IUo  lin  for tho day. Mrs. Julia A. Kuimtniii. uif(- ..f  W. A. I-Vmitaln, lii-ml ~.f I he sis llt   pl.~~.  ]~:il .-r     itu' A. M. !C. , is      ^  il to ri  her     .:is - tri  for the third  term. The Giwsiii ^. which is   Mrs B. V. Thoruti^u. of Atliinln, is ^ sonu1  work. .\(           ^  fnr  plsi.'  at 19.".(! Qiiadrionnliil In New Vork in :      1:    .h' arc Dr. .1. I.. Tiullcr,         ..I" St. 1' Mnnn mill. Suv:imi:ili. Oa.. anil u former  . ~.f Bis Kctli.-l  r Atlanfn. Dr. r,. r.. Itirry. .,iul Dr. .1. U. .           T.- UiK-k. Ark.,  irf the- southern Chrislinn . As' we ko to prow). th,~   show-. thP  I'vouls that                          anil  to     as follows: Thni'sday rvt?nlus.       T*    !v\s        '        . l.y Mrs. K. M. Miller    \\]nwr,i hy n Kpnorul OIsi:          on "Solution for World Problems." A  session will be heU Saliirilny . after which tl ini-inl  will lm KtaKed. A   : ..iM  by R.-v. Wilsnii     Arkansiis nnd .t. li'~n si l vli:**** Slindny fi Tuo iii. will i-luse what, ^ill provo to     *   f thf im M ImprrsKlvc, ..      't*~*:in*r larp-'St' a -.l * tif I ho \    **n*s    *     and l-'-'r. Missionary Societies of tin; A. M. K. church.</t>
  </si>
  <si>
    <t>                                           With delegates from 11 states and South Africa in attendance the Women's Home and Foreign Missionary Society of the A. M. E. church started its sessions Tuesday morning at the Vernon A. M. E. church. 307 No. Greenwood Street, Rev. R. A. King...</t>
  </si>
  <si>
    <t>                                           Vt\t today with   near 65 nud 85 . .Georgo MlucUlus, V Pnlted Slutcs Metoorplosls^</t>
  </si>
  <si>
    <t>                                           The 51st annual session of the Hopewell Baptist Association camp, to a splendid close at the Zion Baptist Church. Chamblee, Ga. the Rev. D. A. Dixon, pastor, Friday.</t>
  </si>
  <si>
    <t>                                           Voting Power is Stressed At Meeting                 B.gr Crowd Attends Registration Rally At Wheat Street; Organization of Voters of State, Is Started                 INSPIRATIONAL TALKS ARE MADE                 The- need for the use of young Power nud thp duties of citizenship were stressed at a big statewide mass meeting held Friday  nt ihp Wheat Street Buplist Church under Hie sponsorship of the Colored Voters' Losiguc of Atlanln'niid Fulton Connly. A larce                 of lenders from out-oftown were present while messages expressing cooperation and host wishes wore received  oilier cities. An Invocation by tlie Rev. .7. Raymond Henderson, progressive pastor of the Wheat Street Baptist f , preceded the first address which was delivered by Attorney T. W. Holmes chief grand mentor rf the Knights and Daughters of Tabor jurisdiction of Georgia and noted as a close student of the law. "One of our greatest difficulties to get the people together" Attorney Holmes assorted "when we. want fo make use of our  or do something useful and i ." j The speaker pointed ont that In I order to become qualified voters j I hat one must he. 21 years of age and pay poll tax. "Hcgister anil vole."     Inslntni. "these nre the legal              .                 Don't let embarrassment keep you away from the register. Be . This is one thing which is worth- while and we will always suffer Ilicc-e inconveniences. If you uro not n registered voter, you an- not n citizen." After rapping tlie general  toward worthwhile programs even tlie free onos, as con trusted  the reception given Cub C: .-md his "Hi cle TTo" nt "top prices" o  beyond' the means of the people he  "Prenchors, educators nnd loaders should constantly stress I he . Without it you have no voice at police. headquarters, no remedy, no vote. When ;,- comes up we hear 'What Alt' You OoIiir to Do Aboul li?'  ii i in- only thine that we are goin.u to do about it is to complain nud when the other man      fool on our neck. I  if we nrc ready to throw c*t :ism. nre we ready to pay our one dollar poll tax and register and vote?" The next ^;rr. Mnooo Bluckshear, well- loc.n] Insurance man. one of ihc two Atlnntnns who made a  hut losing  for   . the first  (.(Tort  in *hp history (CondnnMl on Pace s. CoT. 7)                 AT BIG MEETING                 REV. C. N. EU.IS pastor of the Reed Si. Baptist church of this city delivered one of /lie principal addresses at the opening sessions of tht National Sunday School and Baptist Young; Peoples Union at Dayton, Ohio this week. j                 Voting Power j l(.Vii(;t.iiL ii Iit.m      )   f Ai1;jih;i.  ii si'~l In.- i;uv for  mw- a 1.4. .Mr.  sln-s-ii il Ilii (ili-l i]i:ii  .-.mill liaw Ih-i-ii a.-r.   :ni llu-vi-   ., ii   'iv      'rid L'ul"li\l . Hi- nisi.Mud  man   in t,j, j*;r m.l.v. in ins , :iii,i hi In- L.x.  ii-   -_ul' In.-. 1 1. il i I i . Thr .-~~:iUi-r HisiSinl i ]i:i :,il h:ivi- :i  ll"~-~l_ilL-  ll. Illl,:, I      ;,   Ii- v:isl iln]    -~:ilio.. :miiI In laki.hi :ii-iivi- p;il u.v /.iim   'I'ln-          :iI     :i]    - \v.-i.s -ii. 'i I  .1. I'.. K. I'railiiT.  j l"ii! uf  ili^    -. KniL' Mllill- I  - :   Wni-y l.'-ui- in   :  ..  li:ill. 'ri-    . In :i  i-ll  iii'~,:ii-i'i  -.-ss. 1 ii-. (       .1. K ma.  in-~iil,.~,i ,,r i;:,n,. I  T1     1iiu.i.-:iI   .~ini,;ny. ~,..ni,. ~'iil I  In- n-i;! j,IM I,,  lt. r.iiiii--    ;i  inn. ;i, M, j -ni-til :ili l.i Minly in,, i 1  lls i"i-y. i in- I l;li run! #l.-,  ,  iii;:ivi us il,,- n-1,1 n, ,,,i,.. I, .ill  lii  i-~ iis Win Ti- Ml- ;u-i\ Tin' wink  ;irn-.s ai-,. ill,, .imm,  li:il ;   lift pi;,- us ,,ui. tli       ]i.il..mi-.,l i-.as. T:   ,. :,n , in 11,,.  i.Vi-i-~iiiii-i,~ ami IIKllil- ,Villll.-t'i\'l-S IIM-I'lll" I II       '-r  '  illu-~- Itlln-^s. l!i v. IIiii,;,is,.~, ~-i-Ii--   ili,'    . j i!"- i' ami .-il in In- i-'ival pan ilia i I In- mii.bi,.,-, ~~" I'lay  tin- iiii/.n.a li. Ini'iiM,,. /ins in . .Mrs .Mam,' i.. Wall;,.,-. ~.-nl .~I' Ilii- r,,~,n,,~ \\:.m, .\ii.x,   r .v lii.-~i.lal. ai.i! pr.uni,.. i,l -I'll, , :,iY.,,i all. -i- 1: u  sin- a .-in/. ,i,'i\ln.                 la-~ii Ijit i ax,.s  up, a.isi rci d li:" "f 'in- principal .il m-ns m,.,!wl i,,   ,, ..Mniii -ir rk- iv:   I.,  ui;'      v.H'. Sin- also  mil thai I III'            iln -li  .' and  anil I'liiTrninrsin; 'Dirvi in iH-'   iis.II r. r. Siviiiv. local . c.-il      in tin- prn. ;fi:ini .if ii-2isli-: for all. .' Mi-. .T. .  t:ilT n-nrp^-ii.  of thp Sarnnnali TrIIuinc,        .r  ran- (iap,T. tnl.l ,,f 'Jji' ."..     ri t'i.- i-  ill his           ~,,,u- ,\u, Savamwli  lis lls,.,l [In- ~,~,,,-u     ..iu of ~.~iiiv.- in urdi.i i,, u.,.~ n H'iiri'Si'iitsiiivc .</t>
  </si>
  <si>
    <t>                                           The need for the use of young power and the duties of citizenship were stressed at a big statewide mass meeting held Friday night at the Wheat Street Baptist Church under the sponsorship of the Colored Voters' League of Atlanta and Fulton County. A large...</t>
  </si>
  <si>
    <t>                                           From every side we bear the question asked "What is becoming of our younger generation" We know that the very ability of youth is being threatened. But, when a young person coines to the front with an idea of forwardness, beast met with coldness and...</t>
  </si>
  <si>
    <t>                                           According to J. W. Smith chairman of the tournament committee at Lincoln Country Club letters and telegrams have been coming in for the past three days front golfers in many points in would be on hand in Georgia, Florida, Alabama and Tennessee indicating that they would be on hand to complete in the Fourth Annual Southern Open and Amateur Tournament to be staged over the Lincoln course Tuesday, Wednesday and Thursday of next week.</t>
  </si>
  <si>
    <t>                                           ORIGINAL C-H-A CLUB NO. 2 held its last meeting with Mrs. Dora Drakes, R-360 Foundry street. Devotions wore led by the president. Business was discussed briefly. The next meeting will be tonight with Mr. and Mrs. Banks, 360 Foundry street. All members...</t>
  </si>
  <si>
    <t>                                           Dr. James Corry, Ex-Army Doctor 1C Years Experience in America and Abroad I served with both the American and British Armies during the World War I find so many people who are unable to pay, these I serve free at office, charge only for Medicine. Come after working hours. My offices are open daily until 8 o clock at night. 75 Ivy St., N. E., Between HOUSTON and AUBURN Office Phone: (Cut Ad Out) Res. Phone: MAin 6873 MAin 3087 TWO WEEKS PYORRHEA TREATMENT, $1</t>
  </si>
  <si>
    <t>                                           L_l^te^^  ^^^^^        BPn z Mfcaa^ mm Biaa ^R=ss^ BIB "M flB ^T^ftu. B^L^^ *~^^M m B^ ^BJk.B II</t>
  </si>
  <si>
    <t>                                           Traffic Arrest Ends In Woman Claiming Police Beat Her                 A  stained dross was exhibited in police court Tuesday to support charges made by \tls* Lottie Wyatt or a Marietta street a.      . tUat.sbe had been Subject.^ to an unmerciful beating at the hands oJ Mice officers.                 w. was charged with  conduct, * driving an,~ speeding. She wus fined $17 In  ease or a total of $51 or ninety day* by Recorder a. W. Cailoway. Charges against the woman were made by Police Lieutenant j. T. Tlppen and Patrolmen A. J. Stull. ings. The car  Miss Wyatt was driving lmu figured In an accident at Ashty and Marietta streets. Two white witnesses in front of whose place the accident occurred testified to overbearing considerable cursing but were unable to identity Misi Wvatt as one of those creating thp disturbance. Prlice  Mist Wyatt had attacked them with a Coca Cola bottle when they attempted to remove her from her automobile after a long  that ended on Howell                 Mill road. Lieutenant Tippen claims that during the chase. Mi^s Wyatt attempted to drive her automobile into the aide of the police car. The wounded woman, still con.  weakened from her hectic experience at the , of police,  that she had resisted of. f..rt, of the officers to make her set out of her car. She charged that Officer Stalllngs approached her c:ir with his blackjack -n. ana began beating her about the head. After  her door, tile officer took his  ;,ncl  her in the side, she .say. }    a deafened ear to      pleas to c. her to a hospital for treatment, she testified. The case slated for trial several days ago, was postponed when It vras learned that Miss Wyatt was too S'ci- to make her 'appearance in court. Attorney Battle,     repre-.ented the woman at the police  hearing, a- trat he would appeal Judge Callaways decision to a higher court.</t>
  </si>
  <si>
    <t>                                           A blood stained dress was exhibited in police court Tuesday to support charges made by Miss Lottie Wyatt of a Marietta street address, that she had been subjected to an unmerciful beating at the hands of police officers.</t>
  </si>
  <si>
    <t>                                           women, hand*     A*By5th    .   til over f^fl^Bafc I th* world, have con* crazy W^b  SO about tb* oew        Hair- ^TLTlB I  1r*MlfiR        It in a trm-      ' pi*- oil, ;. h grower ^F^^K I unit             *r all In  or. ^T-  M H J H '4 JJeiid n*  - mid nd*Jr**i Ji TL ,i^ it, - ih^ world s     *-fX   ;~     ). Mini   -  Ilnrrrt*. m  iunu-  of I IjiJar Fkcv PomiIit. l.m.ky Mo1  Nutnl^rv^l .  -4 pasr Beamy       KryI stone Lab.. Dept. 8-R-10, Memphis, i Tennessee. A Three Days' Cough Is Your Danger Signal No matter how many medicines yon have tried for your cough, chest cold or bronchial irritation, you can get relief  Creo. . Serious trouble may be brewing and you cannot afford to take a chance with anything less than Creomulsion, -which goes light to the scat of the trouble to aid nature to soothe and heal the inflamed membranes as the germ-laden phlegm is loosened and expelled. Even if other remedies haw failed, don't be discouraged, your druggist is authorized to guarantee Creomnlsion and to refund your money if you are not sati. with results from the very first bottle. Get Creomulsion right now. (Adv.) FREE LUCKY 7 HERBS FROM 7 LMDS Believe in LUCK? If so, try famous 7 Herbs from 7 lands, be I lieved most powerful ever found 1 for 7 YEARS' GOOD LUCK. I Send Sc stamp for FREE OFFER. SEVEN HERBS CO, 5916 W..Iport Stm^ Kmu City, Mo. n*~tor# your I.,.*! Kii.    itn.Vlcnr. I^xtr^il   *     will be M*.l by R-K.~. Tablrtx. Srn.l in, I,.,   ~,,-ni.lr. ;,i,,l ..~  .r !~vni  l InfonnHll.... Kull  rp,,~. itl*nt II. SO wnl I'.O.D Wnt^ li. NVw- l*b-~         . :1)1; iN- M. SI.. .Mm^hls, T,nn.</t>
  </si>
  <si>
    <t>                                           Record Breaker                 California's r e a t          . Guornc Andcrsuii.  Ih'j 100  eJ;ish at the InlercolU'p.ito AAAA muel at CainKrul^v. M.*   .. in   .^r 10.5. Ben .. Culumbiu \J. Kcwro *tiv. -d Aiitici.snn i u ii ,i  .</t>
  </si>
  <si>
    <t>                                           Dear Kiddies: I have read all of your answers very carefully, and am sorry that more of your names cannot be placed upon the honor roll. I am also sorry that it is impossible for me to write individual letters to you. For instance, one young lady wrote that she had all of her answers to No. 53 (Tuesday) correct. ... would like to write her a nice letter explaining her error, but it would not be fair for one if it could not be done for all. Therefore, keep a copy of your answers just as you send them in; when...</t>
  </si>
  <si>
    <t>                                           ~=~. By Cy Hungerford</t>
  </si>
  <si>
    <t>                                           Plantations Become Armed Camps As WorKers ReSei\</t>
  </si>
  <si>
    <t>                                           ^^^vw^flS#^^^^B^3^^^^^^^^^H^^^^^^^^^B ^E^^^f^j^^s^^jl^H^^^^^~   . ^^^^p^ ^^^^^^^^^3H^^H^^^^^SB^^^MH r* ^^?^^^c^^y^^^9W^^99^E49D^f I^2QbIB^H^1~^kV^^^E0^IR ^^'^^"'^^V^BBiH^viv^^^^MHBMi^^Hi fl^i^^^^^MB^^^^^^^^^^^^^^^^^^^^^M^^^</t>
  </si>
  <si>
    <t>                                           -^^^^*^T l -~^ONLY NEGRO DAILY NEWSPAPER IN THE WORLD ll^^^L^^^UXJUl VOLUME 8, NUMBER 113 A_T x. ATLANTA, GA., FRIDAY, JUNE 21, 1935 PRICE FIVE CENTS!</t>
  </si>
  <si>
    <t>                                           S ACTIONS MIT BRING ON                  Rumblings Of Major Conflict Heard In America.                 RIOTING IN N. J.                 JERSEY" CITY, N. J. (8N3 Service)- -Coralnc    with statements by Emperor Halle Selassie, of Ethlo. pi* and General Jan Christian Smuts, minister of Finance of the Union of South Africa that the world U  on a powder keg                 and that the world is  on and that a great racial conflict might result, smouldering resentment U still being noticed hero    th    \ilt of clashes between residents of the adjoining It all* n and Negro districts here. Five persons were reported as badly Injured and 11 arrested as th0 results of riots early Sunday which threatened, tor some time, to cause trouble of. major proportions. The trouble started, It was learned, when , corner arguments over tho  victory of Joe Louis, the dark hope from Detroit over Primo Camera, the huge Italian and the possibilities of an Italian African war, became 0 heated. The. "jibes" grew more pointed and pointed as the talk test went on, finally reaching a climax as more than 100 per. sons of both racial groups Joined in a tree for all right. In addition to th-~      badly hurt, a number     nursing minor bruises. Down In Durban, the Union of South Africa, General Smtts. at one time premier, .'asserted. 'There is no doubt In my mind that thc Invasion of Ethiopia by Italy would  anxious feeling all over' Africa, between  and whites." At the Ethiopian , Emperor Halla Selassie In addressing the Imperial council, made a direct  to the  World (Continued on pape 2; col. 3)                 Italy's Actions (Continued from Page 1) Wnr   mil thut " hi  Itxelf ns he        )il tf tin*  of another World Wir of    r.1y E^oat  in a" the     .</t>
  </si>
  <si>
    <t>                                           JERSEY CITY, N. J.--(SNS Service)--Coming almost simultaneously with statements by Emperor Haile Selassie of Ethiopia and General Jan Christian Smuts, minister of Finance of the Union of South Africa that the world is sitting on a powder keg...</t>
  </si>
  <si>
    <t>                                           WAVE 75c When put on by one of our experts, the Croquignolc wave will add wonders In beauty and charm to, your persona)  This department is under the efficient management of Mrs. Eloisc Jackson GERRY S Corxldio*       , Prop. ~" 1 JA- 8?80</t>
  </si>
  <si>
    <t>                                           FLASH ... A scientist has succeeded in freezing a live monkey and then bringing that monkey back a life.</t>
  </si>
  <si>
    <t>                                           Joe Louis' Life. It j Begins next Week.</t>
  </si>
  <si>
    <t>                                           WINNER. Britton Smith III, son of Mr. and Mrs. Britton Smith of Memphis, Tenn., won ine baby popularity contest conducted recently at Golden Leaf Baptist ~:hurch. Young Britton is fifteen months old.</t>
  </si>
  <si>
    <t>                                           TIM TYLER S LUCK By Lym Young j</t>
  </si>
  <si>
    <t>                                           Ethiopian Natives Evacuate Their Capital                 Carrying many ,of their possessions balanced on 1 their head?, these natives of Ethiopia are - ing Addis Ababa, the capital, in anticipation of the"'!                 Italian invasion. It is part of Ethiopia's war plan to  the crowded areas in order to detract from the effect of possible air raids.</t>
  </si>
  <si>
    <t>                                           GETS HIGH POST                 ARTHUR MILLER  RoiriiiR enthusiast and former Prrsldrnl of the Lincoln Country Club In Atlanta, hits been elevated to the vire-. or the Golf Association of the U. S. A. He is a very capable golfer also.</t>
  </si>
  <si>
    <t>                                           lean and Heartache WHEN Amy looked in the mirror, she Imagine her delight just 1$ minutes later couldn't hold back the tears. What good when her hair became soft, silky, lustrous, was a beautiful skin, a stunning figure or a and ebony black. It didn't look dyed; it wasn't clever  when her hair made her smelly or sticky. The years seemed to have look old and faded. disappeared like magic and she looked her No wonder men passed her by. No wonder adorable self again. She literally made hershe sat at home, alone, night after night, self over in a day. while others, even older than she, were in- You,can make hair            too_as v.,ed out to dances and gay pan.es. anJ djd      app,y She knew why- knew that her dull, iron- Godefroys . It will not rub off or burnt, off color, gray streaked hair made her wash Out and will last indefinitely. In jet look 15 years older, too old to join in the fun                medium brown, light of the younger set. brown, and blonde. Every bottle is  she confided in a friend, who advised teed to satisfy or your money will be  Godefroy's  French Hair jy . Get a bottle -TODAY. Coloring. She lost no time. She tried it that very night. 1/ your dealer doesn't have ^^^S5~^^^^^ m send $1.25 direct to...  MFC CO. S5O6  ST., ST. LOUIS, IHO.</t>
  </si>
  <si>
    <t>                                           THE ATLANTA DAILY W(MUJ), ATLANTA. GA ""j,A(;E } V K</t>
  </si>
  <si>
    <t>                                           City and County Teacher^ Given Special Work                 For the  of Atlanta and Fulton county teachers who wish to take part in the curriculum study program,  by the state department of education. Atlanta university will o(Tcr this  a course in tlic fundamentals of the curriculum on Saturday                 mornings from nine to cloven o clock. The course will be conducted by Mrs- Asnes Jones, supervisor of Negro school* In At(Ceatinned on      g, Col. 6)                 City and County (Continued from Pace 1) . Three semester hours of college credit will be given upon successful completion of the  desiring to register for the course are asked to meet in the assembly room of Giles Hall on Speliuan college campus Saturday, October 26,' ut 9 o clock. If there are . high school -' ers who are Intcrcstcr, a separate group may be -organized. Those desiring further Information nmy telephone John P- Whlttakor, registrar of Atlanta university, MAin 5435. Persons registering for college credit will be required to pay live dollars for the course at the time of registering- Teachers who do not wish to take the course /or credit will be eligible to participate without cost- All will be Treated  In the conduct of the course- This arrangement Is not Intended to set a precedent as to  credit or fees and it will apply only to this course. The study of the curriculum hns been inaugurated by tho Tlnlvcrsit.v of Georgia- During the summer of ]03"~ courses In curriculum were offered at several  Institutions  at Atlanta university where the study was directed by Dr. Xolen M. Irby, supervisor of colored schools In the  of</t>
  </si>
  <si>
    <t>                                           For the benefit of Atlanta and Fulton county teachers who wish to take part in the curriculum study program, sponsored by the state department of education. Atlanta university will offer this year a course in the fundamentals of the curriculum on Saturday...</t>
  </si>
  <si>
    <t>                                           JEWS SHOWN PREJUDICE III EUROPE                 Compare Problems of American Negroes To Hebrews'                 SEGREGATION                 NEW YORK, Sent. 22- (AK#) .-? from Germany  the lust week Indicated that lews urn being subjected to  Himllnr to those   Nori-oCh !n tho Southern Sttttoa of the United States.                 A  Just Issued by Bernhard nust, Nazi minister of culture, orders Hint after 1936 "complete racial segregation of German pupils In all schools must lie enforced." But, whereas any person' with a drop of Negro blood is considered a Xegro In      Southern States. Germans who have one-quarter of Jewish blood will not be barred from the Nazi schools. Tho -rule will be-- -strictly' enforce!! against        Jows and half JEWS. Restrictions arc also set up by  against .TowlHh doctors serving Germans. Posters in Munich warn women not to let Jewish doctors treat them,  lawyers who defend Jews will bo barred from practice. In direct contrast to tlio Clermnn regulations Is one from Russia, whore nil prejudice based on raca has boon outlawed, Hereafter, in , 0 is to be no discrimination In the schools whatever. Tor a time, thP children1 of the enemy classes of the   were restricted. T\\~ bars hav0 now been lifted. In Moscow alone, 74 new large schools wore built last year.</t>
  </si>
  <si>
    <t>                                           NEW YORK, Sept. 22--(ANP) --Dispatches from Germany during the last week indicated that Jews are being subjected to discriminations similar to those practiced against Negroes in the Southern States of the United States.</t>
  </si>
  <si>
    <t>                                           PEP MEETING TO OPEN CONGREGATIONALISTS DRIVE Tonight at 7 o  p. m. in the Lecture Room of  church, th- whistle will blow for the kick-off in tlio big Foot ball Game-Drive for the Firtt Congregational church. This drive which is being sponsored by  under the direction of the   of the church Is the  a' its kind to bo attempted here, and hat aroused .quite a bit of interest not only /among the  of the church, hut .among Interested friends as well* Each head coach with     entire staff will bo present, and :~Ycry captain is asked to have his full team present at this ''meeting. In add tlrn, any friends of either Harvard or Yale are asked to come to help cheer the home team on to . V.,</t>
  </si>
  <si>
    <t>                                           The Grand Lodge of Knights of Pythias and the Grand Court of Calanthe will convene in Annual Session here today. The opening session will be held on the sixth floor of the pythian Temple at 310 N. 18th St., and the meeting according to schedule will convene...</t>
  </si>
  <si>
    <t>                                           V Heated Argument Ends In Fatal Sunday Siahbing                 ME KILLED 10 MAKE 88 FOB HI                 Argument Results Ini Fatal Stabbing Of Will Sanders                 HOLD WOMAN                 PiMioo. Pnnrt:iy  were hold !ns 2 5 yea r old M Iss M-irv T^onp. Inca 1 hotel employe, in connection with the  nt.? of Will Sanders, 2$, ol 18 Davis Ptroet, S. VS., at that residence following a heated argument KrowlniT out oC the dead man s extreme                 jealousy and anger about her whereabouts. The slaying occurred late Sunday  anl sent the local homicide figure    to S8 for the year. According to police A$\ records, they question- 9Tm ^J ed Elizabeth Clarke SC M who Is alleged to have HJ W.M  them that she ^tW ^W hoard a  in the Davle Street house, with Mry Long  j shortly  tlie excitement. Taking Mrs. Clarke with them, j (Continued on Page 5; Col# 2)                 One Killed (Continued rrom Fage 1) the .s  to Henry Grndy 71.il :iml ; d tlie . Hlnyor. who rave hi;r jiro n.i                  I rive and in a. signed statement. I said: "I went over to Magf;le Davis' house at 4S0 Mitchell Street. S. W\.  while I was there Sanders came after me and told mjo that It wrs time for me to go to work. While we were on our way home hf         ! at me. saying that I didn't set his peri^^oj eo any place. When we re ached honie he struck me in the face. 1 picked up a \, which was laying on the dresser and. during the scuffle, slabbed him in the neck." Sanders who was taken to tho Grady clinic In an Ivey Broiers' ambulance, was prounced dead upi on arrival, the Ihrust having taken effect In his Jtiglar vein.</t>
  </si>
  <si>
    <t>                                           Police, Sunday evening were holding 25-year old Miss Mary Long, local hotel employe, in connection with the fatal stabbing of Will Sanders, 28, of 18 Davis Street, S. W., at that residence following a heated argument growing out of the dead man's extreme...</t>
  </si>
  <si>
    <t>                                           When husband and wife hare those fatally arguments, when she begins to tell him and is about to with be argument, he always winds up by telling her to read the Bible sand histories and see if she can, find anything about women running things That's a good...</t>
  </si>
  <si>
    <t>                                           This "Auburn Avenue" drive for Rev. D. T. Babcock, pastor of Big Bethel, has reached such proportions and the pledges to him have reached such numbers until instead of an "Auburn Avenue" drive, it looks as if it is going to be an "All Atlanta Drive" to help...</t>
  </si>
  <si>
    <t>                                           MARKET DATA FR1DAV. .TUNE 21, 1935 To'al    ' York Stock Exchange Transactions t.517,240 Shares Total Now York Curb Exchange Ronil Sates .,$5,600.1)110       NW Vork Stork Erxehatiire Bond Sales iMPli.UM</t>
  </si>
  <si>
    <t>                                           Ethiopians to Put 600,000 Men in Field                 ADDIS ABABA (S. N. S. Scr. vice) That Ethiopia Is rapidly  Into th0 same belief ;ia other countries, notably among them Itnly, that the efforts of the Ilalo-Ethloplan Conciliation Commission which la slated [0 mei-t this  will go for n.-. Is                 Indicated in the preparations beins mudo for war. Accoi-: to information from  sources, Ethiopia will bo ib!0 to put an  of 600,000 men on the field In the event of war. Of this number, 250,000 u.ro already completely equipped and ready to "phi whlle the remainder are  BOinK a period of .  lvo training an(~ will lie  to lie classed ns . if not betti r. lli.'iii thn br^t  that Mok part In tlio lmt. World War. (Continued on Plgt 8, Col, 4)                 Ethiopians (Continued from Page I) Odds for    ; outbreak of hostilities are being  here as nt 5 to 1. At thp same time,  Is a hitch In the peace proposals, tt     out that there is stll] difficulty In  the fifth member of this  commission, only four men  been chosen, two Italians ana two Ethiopians The body Is evidently deadlocked over the selection or the la.it member  a numher. of. possibilities have      mentioned.     . than ever, ton, the ' Orent  Is Loing Inked with that nf Jnpan as  of 'he, Ethiopian   n tho event or war. Enijlaml. It  l nut. Is not so r. Infrested In the -of Japan ns much pf  hp Is In her future In Ethlopls  the source of her  sup.  for FR.-nt. It' is  hat     Intends tn l^t Jnpnn have      In the Far Kast, especially In ChlnRa.  no attention in thA  of Japnit in  I -eel inn. Such a combine. It Is ox- . and  nr such  reos"nir.   much to boost tho        of Ethiopia and       i the odds more. In her favor. Tn the meantime.  press I campaign Is         out against Great Britain by the i Italian press.</t>
  </si>
  <si>
    <t>                                           ADDIS ABABA (S. N. S. Service)--That Ethiopia is rapidly falling into the same belief as other countries, notably among them Italy, that the efforts of the Italo-Ethiopian Conciliation Commission which is slated to meet this week will go for naught, is...</t>
  </si>
  <si>
    <t>                                           SCHOLARLY- Professor D. C. For. rest principal of Dunbar Hiuh School in Ft. Myers, Fla., is one of the standout educational leaders in the state. A graduate of Bishop College. he is pursuing higher, study at the U. of Sou. California.</t>
  </si>
  <si>
    <t>                                           Dr. James Corry, Ex-Army Doctor 16 Years Experience in America and Abroad I served with both the American and British Armies during the World War I find so many people who are unable to pay, these I serve free at office, charge only for Medicine. Gome after working hours. My offices are open daily until 8 o clock at night. 75 -Ivy St., N. E,, JBetween HOUSTON and AUBURN Office Phone: (Cut Ad Out) Res. Phon,e: MAin 6873 MAin 3087 TWO WEEKS PYORRHEA TREATMENT, $1</t>
  </si>
  <si>
    <t>                                           Man Seriously Injured When Hit By Auto                 Merl. Injun ~~\v1t*tt KlriH-k urn!   by mi , Lawrence Juchson of 1IIU Bdgcuoud  v.ii* admit iim' to Grurty  Thursday with A'vernl :~             Intestine* nnd a dislocated right ankle Ilospitnl  A- I,. Orwn  llo,.     WllliuitiH, n , of Punnnm City. Kin., us the driver of I he ear. after he liml brought the  mini to tlm . JnvkKdii  ho whs  I'riiflilrcu  l. when ! cur WilllmuK wns   on   -rl,   , an. ot  M I Illlluril .  minor  K mid InconitloiiH  the IkkIv  tin- hlc. 1   wim.  Iiir  nt C.i I n n lid Itllllnrd  with ii truck  by K. \V. I.. white, of KIS .Morgim . Hi- whs  In tin- i nn-ri;cini;,v i IIiiIi- of (  mid tier* mil Iril In  *. No  wiis ' n-.- tin1 while driver. RevTwTF. Paschal In Final Sermon At Big Revival    Si. Jnliii Itupllst i-him-h nl Adimisvllle. tin., of which (he Iti-v A. Bt'U Ix-. Ik in the_ midst of n (Trent revival, -^ lilt' I hr Ilev. W. V. .Piistliril.  of the -+h-nnp Hstlc Bminl iif the Stnto of Uporelu. I'Nti'iillve of the        nf   Convert, nnd  of 1 Mt. Slnnl Raptlat church. Pr. 1'  the     nt 8 o clock nt St. JohnTlr. Pnwhnl In nt hid       In  Just such  ns hi' Ik  before Ills  thin  ThesR sermons,  testify, prove of Inestltnithle  to . lie Is, . one of tho  ministers of thin section. All members nnd -ml* of Ibc church nro ur.^cd to !~ear</t>
  </si>
  <si>
    <t>                                           'FAIR and WARMER: highest temperature near 88 . .Georfre W. Mindlinjj, United Stutcs Meteorologist</t>
  </si>
  <si>
    <t>                                           BUSINESSMAN. Mr. J. H. Franklin. Jr.. on* of the young ) barium     in KnaxTiUe, TenBL,  mad ownin* a             -on S.  then.</t>
  </si>
  <si>
    <t>                                           Inside Story is Given on Virgin Island Probe; Has New Angles                 ST. THOMAS. V. 1. (SpccUt' Correspondence to ANP) Imini*.  upon Son:itor Rt- nr. rival here it became  nt  the opposition to the Admlnistr.-i. j tlon anticipated on  j In which It   any and all kinds of charges without glv.                 insr     other side the - I of refutation or of Kirtiror fact from . It also became evident that the atmosphere In the Islands was such that any accus , no matter how false or un. founded, would be believed by I  portion of the native popu- J   because the statement was made at a public hoar. Injr. no matter whether It was supported by  or    . In other words. the situation was en-'   from that sur. ? an Investigation In the United States, where an intelligent body of public opinion can lie relied upon to sift tlio truth or the Importance of tho   In a public . whether there    cross examination or not. Out In the Vlrctn IslandM the      grossly ;.  or wholly untrue, rumor Is Riven wide credence. Thus   itll   jn^nted to tho Virgin Islands oy the Public "Works Aduiinlstratlon. many of                 ey \v;is sent in cash to be   : .in*! there were even ens-M where servants asked per mission to go down to meet the ship with suitcases In order tr   *t  share of the money, i This  or tension,  mad- it  to hold a fa!: j . Senator K'.' found to be e:     by two . The b:    : :mU most '.' factor Is the mentality of th.. -. which Is not mueh :hi r than that of a ten.-old child. The second -factor    the political -  against the AdmlnLstratlon,whipped up by a. small group of  malcontents which, in Senator Reynolds" opinion, did not represent the  ot tho Virgin WandH. i Tho heart nt tho political    . position Is a very small number ot whites who   either ousted from public . or t*cck to sain ollice. Probably there arc not more than ten In this group. Awoelnted with them is Morris Davis colored, president ol the no-railed Roosevelt-Garner Ctub, which Senator Reynolds found did not at all represent the best citizenry of the Islands. Davis has i court record of ten convictions for various , from assault to -. Another  on I  52 Jj , 4).                 Inside Story (Continued from PaRe 1) I cor in      clu'.i recently was  I a. lir.'   .-      for murder. * h:i9 advocated open vlo- ", -tv.il -while Si-nator Reynold*     In St. Tho'm.is he urso.l tho  to flaunt the police. t-.-llIns i them. tha).       would not nrr..-~t vi.j l.-itors of tlio law. For a        i  a police str Ue thr.-      il. I'n.vls In  to " ^    ; Inimnnlty  ot hi*    1th the district' O"~rt. nai.l (^ Iiia ^ has Wiv.r.i t)i:u. if li.. or any other .M.~r ..f tli^ l:  - In h:    into . tti-y  v!Tt 1"-    ".1. Son:n;~*r t:-~"ii'~M-- p"t suh?             r this ^ atler his arrival. aIi. 11 .In. Wllsun ri 1 fro pi tho Vnlt.-.l Stnt'S :md wna wi-     r.    ;iy .in  (rK"nd     Davis    ) 5 y a Puerto Klcnn       op.'nly (     crowd, to  bombs to Oovernineni 'nous.*. CtTiaialy ther*~ w:ia not ^he HliLlit.^st attempt on the part of tho  to ONcoura*;* this, t. or those friendships. Tn . lie showed  to                with Pavla 'A/ sil Hie IMi.-rto . Semntor  also JearneO  ih*.  backer tho  ul      4      la a Harlem Noyrtii  Camper I-{ol3. who 'was listo.l during the recent probo of the numbers racket In Now Yorlc ax tho chief numbers man. in Hnrlem. Holsteln recently Tl*Itod th.* Island.*, was .-ly ii.- hy the Judgo, una - :cn :   . from the bench. Tho .x ft the situation, which caused Senator Reynold*      the Investigation, ami alter two things. One was     .e that both sides be heard, rind have th,,  to cross-exi :     - . The two BaltlI  lawyers, 3Sm to the ISltnds                 by S.- Ty.lin*.**. i.~..i     :.ii.i ~~"-ni many ~:iI.1~-m to ^naf f 'I'-wthi!^ in \V:i.-hini;t"!i. In an     ft,r( to *- nwr fM*l*~ds. YUf filter .-v.^nt was a ~. t-y M'-rrl.*: * In     marker* fvl;n*c. in     'li       Iononnci*~l not  inly            P^ Utit Sen* * TtoynoMK. Tho rof^r^nco ho       to Senator R^  s: 1 ".~~*naj*r. many visitors hn\"~  . to tho Islands ^     \        . Sr.in*~ call th^tn \vi\^~t  ~-:ill ih*~m .**    *rs. stum-  t.h*~m  i:t uk liters, but wo    .v wlmt tlw\v mv." senator   *yn.      (    with him   1h ^d (i:   ])tfr. Not  h.^nr.1 Dnvls* s P hut w. S"n:ttor H^yn-M.!~*    hf-nr t)io :il(noU \vhi.~li O:i\is :ilS-~ inn tie :  : Oovt- Po:ir.son.    ^ two T^;~     "~ro attorney?* ^d Senator U*-* a   of tli*~ spo^cli. Thon. Mi'1   *nly, thoy wore  that I     !s hnd also     * t ator, :              *d to y:~~t it .     *.     ;r. hail     .;   - p n.l the si).*"ch. 1  wns furious. ? ;.     s''**n that a fair  n-ns             -~.    1  boon             with tho  nsit.-Hors, he ann.~niu"~*d theI n^Nt    ^ thai ilie ^H                -d. Tito Nns^iu Daily Trilmiif</t>
  </si>
  <si>
    <t>                                           ST. THOMAS. V. L. (Special) Correspondence to (ANP)-- ... upon Senator Reynold rival here it become evident that the opposition to the Administration Lion anticipated an investigation in which it could make any and all kinds of charged without...</t>
  </si>
  <si>
    <t>http://search.proquest.com/docview/490470867/</t>
  </si>
  <si>
    <t>                                           Several families of tenant farmers and sharecroppers have been seen in Chattanooga, Enroute North. A recent interview with some of these northbound Negroes revealed the fact that conditions are becoming unbearable for many Negroes and poor Whites...</t>
  </si>
  <si>
    <t>                                           Whenever a Negro wins a great heavyweight boxing match, all the white preachers and hypocritical moralists get dead set against the whole business of boxing, and get loud and furious in their attacks on the sport. The writer of this article has contempt for the whole...</t>
  </si>
  <si>
    <t>                                           Atlanta Ethiopia Committee Organized To Raise Funds To Send To Ethiopia Foil Relief Of Haile Selassie's Wounded                 By IX CIIS JONES                 Prof- Rayford \V. .Logan    Allan t:i University, in a  communio.' from tlio * st Crcl. nf tho A mi: ri can Ethiopia i.'. with : in Now York City, was in formed about the work of that  rion in r- with the                  Itnlo-Rthiopi:ui ('onl licl :md  sus-ostion  n local commit too      in Atltiutn r or (he s.'Uiu- . .UniirriiiK  ho  , by  of his   in^ con ta cis .losso Thoinns, n:Hion:illy known l.-rban league                 official, would be most effective in bringing together a strong pet'- sonnel fnr the proposed  of such ,n committee. Professor Loenn urged him to call n meeting for tho ?.ation of nil Atlanln Ethiopia CommitteeAble Direction At the mooting called .it the Butler Si rod V. C A. Tuesday, : at S o clock, the Atlanta Ethiopia Committee, composed of influential white and colored citizens interested in the proposed movement named     -O. Thomas irs executive chairman and the Her Or Samuel F- Lowe, pastor of ihc Jiimau Park Baptist Church,   tl executive vice chairman, wild the  going .0 a Toomer, prominent                 lun t. 'i Life Insurance Company of*  Help Listed for active service and I'oiindins out the committee arc Bishop D. A. . Dr. \V. E. Li. 1)u l'.nis, ;in:ikl A. .Tolins"~. r. Ul.ivion, Dr. IX \Vltlicrspooa Hodco.    - lv. A. Seller* I ; 1'rnf. \V- A. Robinson, Dr. J. C.\ Wright, E M. liar. i tin, 0- L. Ilnrpor, Atty. A. T. \V:(.n, II. r.. Allf-n, Profs. B TMsirvo.v. W P. Xiiihiin \V K Cliivcrs . Wliitin:-, Ira Do A. Reid. K- X Brooks. C- L. E. Monroe, (Continued on Pace 2: Col. T)                 Atlanta Ethiopia^ (Continued from      1) C. A. Baco'te; unit John Hope, lr-. President W. A Fountain, C A. Seotf, T. J-. Ferguson; W. A. Bell, pis. K., Q. Bowden nnd C. H. ..Inliiison, t)r..i(3. A. Dwelle, nhd Mrs^ tub Iii Wee'ddp. Contact local Util Crons' Wednesday afternoon,; n Jipeplnl  OR of ,T B.  ton, 0- Tliomns, n .TCOill^D reporter,  Professor IvO^fln,  could hoi l)o In ',  Mrs- Annn. Byrd Vnushn,           -scbi  of. I ho Inciil  nf the -American Red Cross, to  Its assigned duly of        a special. fund or supplies ~*.    forwarded to the Kthlopian lied Cross This  Mrs. Vnuglin explained  nna courteously )C that. Hie fund  hy the   would he turned over to the  Hed Cross  ns ii matter of record arid, then, would he transferred to the  Hed Cross   would send it. directly to the Kthioplnn Ited Cross ; the  of tbe Atlnntn Elhiopjin ConimUtce- Bishop Mikell Iiiteresied An  letter was received by tbe A. E. C. from Bishop II. J. Mikell, well known white prolate, who expressed regret lli.it other Imsiness prevented Ills at. tending the meeting, hut promised n substantial donation to the                 . k' i-p In The next fpw /.tbc  of tlio AtliinWi, Ktlirppla.Cqmmlttco will hn .well underway  all forces will, lie In' operation. In an effort to *-._ ;a .stronger ;7. n" " then   drawn  thc .y lit tlip committee, the  " 'committee" lms   to Incrpnse tlm size of the . group. With             nt work, thn combined efforts of  and Inflnentinl white (ind colored citizens is expiated to  In the cron lion of n highly  fund.</t>
  </si>
  <si>
    <t>                                           Prof. Rayford W. Logan of Atlanta University, in a recent communication from the executive secretary of the American Ethiopia Committee, with headquarters in New York City, was informed about the work of that organization in connection with the present...</t>
  </si>
  <si>
    <t>                                           He's a murderer, What's he got in his hands, a hammer? He hits harder than anybody I know and I've had 32 rounds with Max Baer. Baer had better get his jaw toughened instead of his hands........King Levinsky.</t>
  </si>
  <si>
    <t>                                           Washington High School Campaign Is Creating Much Interest As Three Parties Seek Election Victory                 Br S. GRACE BRADLEY                 The interest and enthU3lasm of the new students combined with the spirit of the old students of Washington high school will be great factors In making the an- j nual political campaign, which was launched at the school Uat i Friday afternoon, when conven.                 tions of the parties were held, one of the greatest events in the history of the school. Tho three parties. Independent. New      and Progressive are            methods used In the national government, in that various kinds of propaganda ire .circulated while members of th0 " are Identified by unique badges for the parly of their choice. With_ Luther Wallace and Carrlo Washington nominees- for president and vice president respectively, the Independent Party with W. L. Ca.llow.iy as sponsor, feels hopeful that victory will bo the outcome of their fervent appeal for support, with the slogan that they will work for the greatest good for all students of tlio United States of Booker T. Washington high school, they have " the following platform: 1. Membership in Uie National Honor Society by encouraging high scholarship, tho Independent party, through the Junior high school and Senior high school honor "trips, hopes to secure a chapter of the national high school honor society. II Complete junior high school                 extra  activities estab- I'.shed such as athletics, public speaking, music and dramatics., j II Complete senior high school extra curricular programs, Program: I. Better equipped football, baseball, track and basket ball team3. More interesting schedules. Urge long trips for oi:r iam- I oua glee , quartets, band and orchestra. 3. Support of public speaking,                 debating, music ir.d the Washingtor.   . 4. An active student govern- I ment that will work in the inter- j  st of all , IV Building completion program 1. Urge citizens to work on this program to complete the track, school .es and athletic sta- j   courts and practice j  on the campus. V Create fine school spirit. VI Draw up a constitution. VII Eliminate double sessions. VIII Better monitorial service IX Cleaner campus and more sanitary lavatories. X Will urse  of a. shelter from main building to the portables. XI Dance or Theatre party every month for students. The Xow Deal party, which was created last year and swept over thfi student body like a storm, achieving victory with Addloon Campbell being chosen president, again submits the name of Campbell as candidate for president. He has served na the following officers: President of W. II. S. Last Tsar. Treasurer" of the HI T Club, Superior Officer of the Patrol Board  year (Business manager of his clns3 this year, last year s     .iRO       SO, member of the Ailelphl Sunday School claus. For Vice President: Thomn.1 Butts: Member of th0 Fiealdontlal cabinet last year, a  of last year s patrol board, mode (Continued on pa;;e. a; coj. U                 Washington High j (Continued from page t) honor roll iast year, business man.iser or ius class last year,        of uct year s track team. Tlie Platform lor Tho N'fw Peal 1'arty Is t To have :u\A to maintain a better understanding between students and faculty. 2 To improve tlie present .nl  and Improve hull ts-:i  between bells. 'I'o 0 a. better system of Ii.'i : lunches. i I To secure at once and have -.  the year Spcial Street Cars from  AtlrrnTa/Summerhlll nnd Pitts- burgh 'e"very : so  I will not  to transfer and be overcrowded. To" provide outdoor Amplification for outside assemblies. t) To , walks from the  to tlie main . 7 To  5 to see that the lavatories axe supplied with paper i towels. I S To sell pink street car -s 1 every day. i 9 To_support a better and b:g- gtr library. j 10 To 0 one good school  or party at least once every two m . j II To support Athletics for                 Girls as well as Boys and Increase tlie amount of material available) for both. 12 To seek to ha\-e a special day set aside each year to honor school clubs and organizations such ns the Red Cross. Tri HI-T, HUV, Campfirc Girl. Girls Re- i . Boy Scouts, etc. 13 To  to sell theater tickets each week at a reduced price, and to have tickets each \ve5k for nil neighborhood thca- I tors. 1-t To support separate honor i  for the Junior and Senior IIlKh Schpol students. 15 To begin work Irnmedlatoly - Inauguration. Mr. Reuben Taylor Is sponsor. With Mr. J. W. Smith as spon- sor,  assisted by several oth- j or teachers. The Prosressive Party submits their presidential nominees: For t .i .Tnmes Eoltaniinu. Via.- l-'~'~lont of 12L-C: lion-  v Student, ':U-"firi Made Honor j Trip to Now York, 'as 1' j of Clfc Club. "io-'3C; Member of I School quartet. j For Vice President Hutu ^[or- ris.  of Honw Room i class; l resident of David T. Kow-  Seliool. 'So;  made 'a  I scholastic  ';it Wasliimon I Ilijjh Seliool. The 1!~33 Platform of l!ie Progressive Pnrty I Administrative: Will draw up an j adequate Constitution for the United State; of Boolcer T. Wash-  ns a basis for a strong ami L'fieetive ?t\: government.  b) Wi\\  a student: .'il system (student court   sanction ~;iil        - I ) to hear cases of minor of- lenses with a jury trial, (c) Tin.1  of a new monitorial system to see  the laws of the United S'.atcs of li. T. WiishiiiEion are carried out, 'in-. i-llM 1IL' :i ln- li:! Ir: cif tr.nl'.                 . Scholarship Will  high scholarship nnd will support 100 per cent the Educatioual Tours tor honor students. (b) Favors inking the  hich honor students ami senior 1 hi;rh  students: on the ?:ime honor nip, so :is in give i In.- Junior students I he benefit of :i Imi^ trip. (f) Will support it 11 movements to secure scholarships for  graduates of  'I'  ^li School. Extrn-Coiriculiir: WilJ support lift pi.'i- cent nil activities of the following: (1) Glee Club- (lie .Music: Festival, Oporn, other concerts. Hand and GVehestra Annuai concert, efforts to raise money for  or instruments. 3) Sports- the , basketball and track teams in nil games and crips, sine! in special efforts to raise money. (b) Will nrr.-inje special street car facilities for football (.-ames, nii-1 will have u plenty stn/et car tickets    hand at nil times. (c) Will seek to have showers  for the  during track season. (d)' Will devise n plan to purchase ami pay for u school bus, to be used for honor       ,  trips, elc.r and picnics. .Miscellaneous Will sponsor a project to increase tUc Library facilities. (b) wni put forth nn honest effort to improve the  facili- ties. (c) Will seek to have the ud- ministration construct n boardwalk from tiie portable to the building so thai the children going to the j portable will not have to get their feet wet on rainy days. (d) To provide a rest room j     parents, who come out to visit, see the principal or , so thai they will not have to  . nud wait. (e) Will cooperate with the fi ri-s Uesefvo. The Tri-Hi-Y Girls.!                 The Boy Scouts, The Jli-Y I'.oys, and nil oilier such organizations. ({) Will support 100 per cent tin- Washingtouinti in ull its i . Slogan: "Not To Make 1' We Cnn't Carry Our." The principal and faculty of Wfifiiinui.ir. Iligli ! solicit Hie .lid of I ho pn irons ami friends in I'liciiil!"!1-' ir.^ t!  -  l ':)!.^ to t;i!-:o [:ut iii ilu: ^"iH';;t nf tlu: } l*n;u-tl Simicv iti" r. T \V;ish- j i:u 'in hiu I1. ~;i!:r^pl :u;d iii::l:r tins! in iu l!u- ^ri-:i;i'-i .vis I:: '-iii-Jl Oil. vv-'dlin1: ill lnt;-v c l i/iMi^ " '.ur Jii- i^. I hi ui! ^ ;!ic liu:* vi-vso. I</t>
  </si>
  <si>
    <t>                                           The interest and enthusiasm of the new students combined with the spirit of the old students of Washington high school will be great factors in making the annual political campaign, which was launched at the school last Friday afternoon, when...</t>
  </si>
  <si>
    <t>                                           (Right) HOT TRUMPETER-John M. Pool. Jr., swings the brass section for Claude Shannon's Pioneer Club Orrhestrn of Montgomery. Ala. He is a Bnma State student.</t>
  </si>
  <si>
    <t>                                           My good friend, Mr. J. E. Butler contribution again to ... column. He writes of the virtues of that ... and grand old man, Dr. ... Carter pastor of Friendship Baptist church.</t>
  </si>
  <si>
    <t>                                           The Novelle Harmonaires, ladies quartet of the Atlanta Music School enters the seventh consecutive week of their Annual Pall Revitals. This year's selection of program numbers has received many praises from its audiences. Much credit has to be given to...</t>
  </si>
  <si>
    <t>                                           WELDED- Miss Lacy Lacelia Bryant, R. N., of Fort Worth, Texts and Mr. Marshall V. Moore cf Houston, were married Jane 29 at the home of the bride, 1408 Mission Ave. The happy pair now reside in Houston, Tex.</t>
  </si>
  <si>
    <t>                                           Mrs. Lily Mae Davis is still on the sick list. Miss Maggie Day has returned home alter spending a while in St. Louis, Mo.</t>
  </si>
  <si>
    <t>                                           A Eaby For You? I: m. ar.; denied      of a "  li  ""-va and yearn for a baby s arm* a.~U a l-.bj s  do not  np hops. Just  confidence to Mr*. SUIdred Owens. Kansas City, Mo. ma she will     . you  a simple     :    ":sr   denied 15 years. Many other* say  Jrns helped bless their lives. Writ* now and try for this won--) happiness. Dept K 512 Baiuui Bldf.</t>
  </si>
  <si>
    <t>                                           Don't Read This Ad! UNLESS YOU NEED SOME READY CASH j No Wonder People Are Talking About How Unusual ST3*^ Hl-JA GROWS HAIR m  Ijiyl'l ''1 ~-~1 XrS/K/KSSHKKKf Faster Longer Straighter IfHN    5 TX SI Soft and Lustrous lJB-.-~. 31 m-JA Is GUARANTEED q ^KHCTraaffife^BB Try it and s?Dlli S5SA?"1'- SI mirror     ^^^a - Do You Play Them? HKSaiUMfc^ Tba Great Mmdam Baltere will tend 5        9K you absolutely tree, your horoscope         3!2ii*Mr? and lucky numbers with  V"Y                 ' I you  born.         . HZ-JA B^               r skin.      send' 25c *xtm for B^Hi^SSliSB)~fiH8^9 j  box of the  UI-JA Skin Uehtener Creme. to:      Office Box 698,' Atlanta. Qa.  '</t>
  </si>
  <si>
    <t>                                           ^^tL\n ^UKni  Womn Mm y ^~Bagai  uro.n Hilr             . BlcMb      ! Sr fmn  urn - Sanvt     wm.        Mb. 0". =~~     .       Mum.    d.ila t35^-?vC7 Br.wo Aliwtu MMi Nr,~~- ^y Hill Dr.     ,OtnUMal ^CuSJ^^     I'vwtftr .\*tii i            ill .~Jg VaiL/-. iMt t#n4 lOe caIm  r ^^9^  5v M*    to   'j^^SSsSpX tMU. tic .     'S^j^BEPt^ Inctlva   *    of far II  Im *4 Wrltt N P  MUh^  M4  Bmv rkM. C. WMM I NP63. Memphis. Tenn.  B^        to *]    (ft           ti  h. IJo cue      4 Stop won* ~.WILLIAMS, ftl Btmt   % StJWEY CITY7N. X Uop-_ SS</t>
  </si>
  <si>
    <t>                                           IKE T H* E ^'B  D I;5     RE A: LSI'</t>
  </si>
  <si>
    <t>                                           Offering its millions of patrons the ... and best program to its ... anuals, the mighty ... Bros, and ... and ... Combined Circus, is scheduled to exhibit in Atlanta, Thursday, ... date the ... largest big top will be...</t>
  </si>
  <si>
    <t>                                           There is a strong possibility that all three Atlanta colleges may turn out impressive elevens this fall. Morehouse needs passing and kicking. Morris Brown needs line material. Clark needs general replacements for a veteran team. All three have a...</t>
  </si>
  <si>
    <t>                                           The Memphis World this week celebrates as fifth anniversary.</t>
  </si>
  <si>
    <t>                                           HAMPTON INSTITUTE, Va.-- ()--Dr. Frederick D. Patreson, president elect of Tuskegee Institute, spoke to the graduating classes today whose combined number, not counting those who will receive their diplomas in the summer totaled 171.</t>
  </si>
  <si>
    <t>                                           MSB^u brake$* \ accessories ^E^F VESTA BATTERIES HOME AND AUTO RADIOS Don't Cdss Phone Us-WA 9876</t>
  </si>
  <si>
    <t>                                           Enthusiasm is running high for the "Auburn Avenue" drive to raise dollar money for the Rev. D. T. Babcock. pastor of Big Bethel A. M. E. Church.</t>
  </si>
  <si>
    <t>                                           A. O. S.--I have had a hard time this year--so boy friends. I met one that said he cares for me and wants me to go away with him and be will marry me what should I do?</t>
  </si>
  <si>
    <t>                                           The issue of academic freedom is now raging throughout the academic and political world. Sundry universities and colleges are now under investigation for teachings and propaganda alleged to be subversive of democratic institutions. Freedom of conscience and speech is guaranteed to each individual by the fundamental law of the land. This right is denied only in cases of national danger and necessity. A few tough, stubborn spirits like the late Eugene Debbs...</t>
  </si>
  <si>
    <t>                                           1 GET MONEY-LOVE] I guarantee to help you set new start ia life. No case  nope. Stop  f Write me . JofoirnBtion FREE! M WILLIAMS, 961 Bet-gen Are, JERSEY CITY, N. J.,     . R BACKACHE Flash Kidney* of Watte Matter, f Poisons and Acid and Stop Getting Dp Nights When your kidneys are clogged and your bladder is irritated and passage scanty and often smarts and burns, you need Gold Medal Haarlem- Oil Capsules, a fine harmless stimulant and diuretic that always works and costs bul /f^^^. 35 cents at any modern drug store. ff/^(l It's one good,   *e     to- put ll^2^])  activity into kidneys and //si^^\, bladder- you ll sleep sound the ff /f^"\i \l whole night thru. But be sure and II II H j] get GOLD MEDAL- right from fl Haarlem in Holland- you are as- /S^^^fl  ured of results. U\!C3/]) Other symptoms of weak kid- \v^^ neys and irritated bladder are ^^Trr^ backache, puffy eyes, leg cramps, moist palms, burning or scanty passage. ^v^      3 Gl ssW^TVNSsrH^sW^^W 4^1 H * jj           vour koal EnrrKV Hnd \HKOr.  results  be Mei-urt?tl by R-K-V. Tableu.       10* r,,r u c- trial Mniplr. and other ! Information. F*ull   SI. SO wnt C.O.   Write to i New- I -. 20K N.      St.. Mymphl*. Tenn.</t>
  </si>
  <si>
    <t>                                           Grady Hospital Notes Dorothy Mae Cleveland. 13, 470 Dalvegney Street.  on her left thigh by a doff, reported to Grady Hospital Wednesday lor medical treatment. Birdie Wanner, 30. 1060 Coleman Street, received treatment ai tho hospital Wednesday  at 3:35 o clock. He said a. fl"h bone had been lodged In his throat more than four .</t>
  </si>
  <si>
    <t>                                           LJBBffiBP- editorial - i</t>
  </si>
  <si>
    <t>                                           TWO DROWN AT CLAYTON Two drownings occurred Son* day afternoon at Clayton. Ga.. where si huge ; of Sabbath pleasure- seekers were rampant. The unfortunate victims were Jimmy Greene, of Athens. Georgia, who was a member of the motor party  f the prominent Harris family of that city, and twelve-year-old Tennard Morrison, grandson of Mrs.  Bleckluy. general  ol the Clayton center.</t>
  </si>
  <si>
    <t>                                           TORCH                 BAPTISTS TO OPEN ME TODAY                 Atlanta Association Starts 31st Annual Sessions Here                 MANY TO ATTEND                 By Rev. Tasclicrau Arnold                 The 31st annual session of the Atlanta Missiouiir.v Bnptlst Association, Inc., will get  Today at Providence Baptist  South Allftnt.i, ilie Rev. P R. Ceor. pastor. HnmlredR are expected lo .                 The Itev. M. I,. Kins,        of the BlKMiozer I'. church, president of t lie Atlanta Haptist Ministers Union and moderator of the Atlanta Association will preside over tile, sessions of Lhe  Iwl.v while Mrs- I.. T,. Criilg president of the Woman's' Auxillry unil a prominent member of the Whcitt Street  church will preside over the women s division. Mrs. Cralc 14 nationally known as a religions worker. Moderator Kin; stated late Monday Him i. in five o clock tuls afternoon, there will lie a Joint  of i he executive board of the association ami the trustee hoard  f the Sylvia  baptist Insiitiuc. At 7:30 tonight, there will he a Joint program of welcome addresses with Mrs. Minnie Aifcens of Coving! nn, (.in., delivering Uic response. Following this, lhe . J. J. j Clow will lend the  ser- vices  the ' ser- I moil will ho preached by the Uev. I W. \V. Thomas. Uov. S. M- Lee, pastor or the Slone Mountain  will       as . i M.nsic will be  by the Antioch Kaptist choir. At nine o : this probing, Dr. D. 1 J Crawford, veteran  secretary of the General Alls- i sionary Kaptlst convention of Georgia, will he featured in n spo- j Plnl conventional   the welcome exercises of Iho I'rovl- li   church will follow. The response will Ik; Riven by the Kev. .y Kills, pastor of the need Street Bnptiat church. Sessions will be held all day Wi'rtiwsday nnd Thiirwlay. i I-' plans for this , which will draw  from more than M churches, will be made at the regular meeting of .the Atlanta Baptist Ministers Union today al the Wheat Street I Baptist church. This Association !e rated ns the strongest In the I state and many out of town - tors .ire Roncrally In . j The public Is Invited to attend the I sessions-</t>
  </si>
  <si>
    <t>                                           The 31st annual session of the Atlanta Missionary Baptist Association, Inc., will get underway today at Providence Baptist church South Atlanta, the Rev. P. R. Geer, pastor, Hundreds are expected to attend.</t>
  </si>
  <si>
    <t>                                           _PAGE SIX the ATJ^TA^D^^. MONDAY, AUGUST 5 l^f</t>
  </si>
  <si>
    <t>                                           EX-SWEETIE OF THE "BOMBER"                 MISS ELSIE ROXIiOROUGH -A student of the University of Michigan and authoress of "Wanting", an ultra-modern contemporary drama in three nets which will be presented by the Theatre Guild of Detroit this Saturday. Miss Roxboroujjh, who is the charming and talented daughter of former Senator and Mrs. Charles Roxborough, of Detroit, and niece of Atty. John A. Roxborough, manager of Joe Louis, In a former sweetheart of the "Brown Itomber" and, at one time, it was rumored thai she would be Joe's bride.</t>
  </si>
  <si>
    <t>                                           Market Data THURSDAY. AUGUST 1933' Tot.l rfc-w York Stock Exehun*. Tr.n.Kctianii 1,433.160 Sharei ToSnl New York Curb Exck*    Bond       $4,100,000 Total New York Stock ExcK*nKc I Bond      Si 1.424,000'</t>
  </si>
  <si>
    <t>                                           Green Pythians Will Meet At Hall Today                 Sflhda? afternoon, August II at 27T% Auburn Avenue, N.E., at 3:30 a Joint Pythian and Caliintbonn Conference will be held. All present and former Pythlanx and Ca.Untbeanc are  to .attend- thin meeting, a*  ot . Importune* to tte.                 trill be . Amonc the  to come up for  will be the recent Grand Lodge and Grand Court Sessions held In Atlanta, also propositions to. enlist all those Interrstod In tlie future welfare of tlie ord?r to lineup for the Imnu'dliitfexpansion and ri- of all branches ot Pythlanism. Tlioso nnt. now affiliated or  in the affairs of tin-  are invited to enter into the  and to JIneup In order to help put orer an active . Hlglilij;hts and  of the recent tt-s"ions ot the Pylhlans anil Oiliinilirims of N.A.. S.A., E., A.. A. fi .TurlsiIji^U/n of Gvorsin will lie discussed "  ,v Sir W. MParks,  muster of exchequer. Mrs. A. Washluim. CTnnd worthy counsellor will discuss the Cntantbean session, while an historical ski tcl' oC the o.-c!~*.\, act'..-    -.~ am! !  . future :.ms ."ml    ^:~  will lie tl..~ t-'it-i-ct of Sir .1. W. Reecc, grund kipper of records and seals and also the soo rotary-treasurer ot the  of endowment. Sir C- C McFarlnn the  lli!-/ : of  Allen I.iH'.^-e Ik          In :    .~ar ftn     -        .~ Continued on pace 8, col. 4) j                 Green Pythians (Continued from Page 1) I'ipooted to ! j.art Include: Dr. K. E. Nash. a trustee oi the Gran 1 Court of Calanthe: Dr. J.. M. 11:11. G-MJt.: Dr. 1~. It. Crctu, M-E-U-: tli.- liev. Juhu i Harmon, S.U.; Mrs. E. I.. Spmtliii. D-  .G.W.C., Mrs. II. E. Harris, G.L.; Mrs.  IIol!  .     -tary of tbt" ISraiul i?  :t :    ! Sir J. E. Harris. I'n.:. \V. L. Hushes, uf      - I . i;a.. the ^rand  hold a m-'irt us "f the   hur.' i:i Atlanta on the 2t}th ol July and left a  of siH-  to all who have planned t.) tak"       In the l  aud L':il:i: efforts and struggles to        forward the fundamental  of Pythian fraternalism.</t>
  </si>
  <si>
    <t>                                           Sunday afternoon, August 11 at 277 1/2 Auburn Avenue, N-E., at 3:30 a joint Pythian and Calanthean Conference will be held. All present and former Pythians and Calantheans are urged to attend this meeting, as subjects of vital, importance to the fraternity...</t>
  </si>
  <si>
    <t>                                           HOMER S. CUMMINGS, Attorney General of the United States, digressing from his regular speech of welcome to the order of the Mystic Shrine assembled in Washington on Tuesday stated that he had suggested the setting up of a Bureau of Crime Prevention at Washington in addition to the Bureau of Investigation. Mr. Cummings was referring to the recent capture of two participants in the George Weyerhaueser kidnaping.</t>
  </si>
  <si>
    <t>                                           The 1935 edition of the Clark Panthers will start their gridiron activities tomorrow on the Clark Athletic field with Coaches Robinson and Johnson in charge. The workouts which will officially start the din of the pigskin to echoing, will consist mainely in conditioning...</t>
  </si>
  <si>
    <t>                                           Widespread attention accompanies the colorful nuptusis and reception this Saturday evening, August 10, of Miss Galdy's Dufferin Blejno, winsome and Mr. and Mrs. Writer William Blaino, 89 Hogue Street, N. E. and Mr. Winfred Alonzo...</t>
  </si>
  <si>
    <t>                                           IM'? :'T O/;E^B^^Ipet REA ILM</t>
  </si>
  <si>
    <t>                                           Second Appearance' Before Judge Is j Poison To Man                 His second  before Judge Wood, on -lottery charges George Denhnm was sentenced to serve six months In the  without the  of n line when  In Pulton criminal court Tuesday. Dcnhom. ? to IncnliPrs of Solicitor Boykin's famed " squad" detailed to Investigation c'. lottery , is a pickup man. Three  tried on lottery counts were given. $50 fines or six months In the  by . Wood Tuesday. They were John Cannoix Charlie 'Dodys and Ik? Sliced. The lottery case against Mrs. Odessa Head was placed on Ihr dead  on the grounds of insufficient evidence.</t>
  </si>
  <si>
    <t>                                           HONOR MONROE TROTTER                 BOSTON,      _(ANF)_Membcrs of the National Eq,,al Right. League and William Monroe Trottcr As; gathered at his grave In Falrview Cemetery. Hyde Park, Boston, Memorial Day In exercises in honor 0I the late editor Among  who took part In the program rendered st the grave were: Lout E. Fasco. rct. W. D. Battle, Br. W Taylor Mrs. Lillian L Feurtado, Hev. W. D. McCtane. Rev. D. J Mlt chell, rcv. E, E. Thompson AlIred c; Lewis and Boy Scouts and Or. and Mrs. Charles G. Steward. Mrs. Steward in a  or Mr XrOtH-r.</t>
  </si>
  <si>
    <t>                                           CHICAGO, (ANP)--Not the doing of new work, but the finishing of old, is the immediate aim of the National Association of Colored Women, according to Dr. Mary F. Waring who returned here from Cleveland this week after being re-elected to the...</t>
  </si>
  <si>
    <t>                                           _-r (V^ -i.^r --T^ _j tf }  Vvj</t>
  </si>
  <si>
    <t>                                           4'-v W-.-Wf i] I I al E tnj g^Bii-  w j ^S fe%8 jagg ^k hhj Ira ^V^L HI Bi 9J I ^B    ^iH I PACE FOUR " THE ATLANTA DAILY WORLD, ATLANTA,  5A. "SUNDAY AUGUST 4 1935</t>
  </si>
  <si>
    <t>                                           t tfl ^3 Pill E^^V J L I  IBBm[ ^r^^^^ I I I ^^5Ss^~/^^^^S*^^\\.^i^~/'^r ^r I IhV mdF I 1 1 1 1 I    I J^ll [^ULiiMLUkBbMlJi [HSSSMil 'only  daily newspaper., in the world (~~~~~~MpWMiwil VOLUME 8. NUMBER 220 ATLANTA, GA., MONDAY. OCTOItElt 7, l J35  CENTS</t>
  </si>
  <si>
    <t>                                           STATE WITNESSES PAID                 (By Staff Correspondent)                 GRIFFIN, Ga.- Stale's witnesses from Atlanta who were  to testify         ,Dr. J. II. Moore, were paid for their services at the rate of $3.26 for the first day and *3 for each day thereafter. The money, listed as per diem expenses, is paid all out-of-town witnesses. Defense witnesses, though from out of the city, are not Riven any monetary consideration.</t>
  </si>
  <si>
    <t>                                           Bishop Grace Holds Parade In Carolina;                 I COLUMBIA, S. C. CANP1- 'Bishop" Grace swept ^h Coi;m!ii:t Sunday afternoon. ' .in- of the largest parados which ; has .seen Suirtm- at     Headquarters here, "The House 01 raver," the "bishop- who leaders :i other denominations denounce .'or using the title, led a parade two j rmes in length. The paraders were j leaded by a motorcyle escort and nad .several bands in line. Thou.s- i mds of people, white and colored j gathered ; the line of march lo watch, the . One or the attractive units was :i female drum corps. "Tile Grace j Drum and BDgle Corps of Charlotte." Delegrations had come from various pari.s of South Carolina, j North Carolina and Georgia and many of ihem had brought deco- j rate floats -which added to the  and color of the parade. Prior to the procession a baptising had l.cou held in Gill's Creek near here I School of Methods j To Open Monday i Tlie School of Methods which la an. annual affair under the au.        of the Atlanta Sunday j School Association conducted by I the Georgia. Sundu.v school AsI sor;Iatlon, located In Atlanta Title j and Trust Co.. BMc-, Mrs. J. J. I Siinpson president. Is to pet underway Monday nis it October 2Sih ana continue  30th ;a tlie ConKresatlon^il , corner of Courtland anil Houston SL1, Dr. J. C. Wright, p:'3lor.</t>
  </si>
  <si>
    <t>                                           WARRENS Fryers, lb 20c Ducks, lb 15c Roosters, lb. 15c Eggs, doz. 29c ASHBY STREET STORE ONLY</t>
  </si>
  <si>
    <t>                                           The lawn of Mr. and Mrs. R. B. Cochrell, 748 Williams Avenue was beautifully arranged Sunday afternoon, from 5 until 7 where the graduating class of ... Beauty Shop was entertained with a garden party.</t>
  </si>
  <si>
    <t>                                           3RD. REGIMENT DRUM AND BUGLE CORPS KOP will hold their memorial anniverary at the Butler St. Baptist church Sunday, October 20, All members of the uniform department are expected to be present The sermon will be preached by...</t>
  </si>
  <si>
    <t>                                           Lincoln Theatre Now PUvin? ".MII.I.ION DOLLAR HANSOM" Phillip. Holme. Mary Carlutc, Edward Arnold Harlem Theatre 531 McOanicI St. Tndity, Tomorrow "SITTING " J:ick Oakie. Ginger Uojjcrs</t>
  </si>
  <si>
    <t>                                           Interdenominational Alliance Is Active                 Uy BKV. J. W. UATOitVB                 rta  AUUne* SL** u- B-. yM tU   TUaMkr. JJtohg 17  t      A. H. at OentnU H. K. church,    . mm A. BuUr. .                 After an inspirational devotional service conducted by Rev. J. T. Singleton, the chaplain, the president. Rev. E. M. Hurley pastor ot Warren M. E. church and Die secretary. Rev. J. A. Orcen began the regular routine of business. The minister* of the alliance were penetratingly In appreciation to Qod for having blessed them in their various fields of endeavors, ministerially, morally, and . The following ministers reported having had great revivals  the summer and received several persons by conversion and accession to the church. Rev. a. W. Hntcher. of Sterling Chnpcl church; Rev. N J. Croliy or South Atlanta and Rev. E. M. Hurley .of Warren Memorial Rev. W. j. Rogers, evangelist of     C. M. E.  of Florida wan introduced. He spoke  of his career as a minister of Jesus Christ. Rev. a. W. Hatcher       ruled. President Willis J. King of Onmmen Theological Seminary announced the fact that Gammon Theological Seminary will open October                 1st fur all old and new students The first chapel exercise will be held on Wednesday October 3ra There will be several new feature* added this year among which will be courses for women workers,  and  service guidance. It Is Imperative that young men of prominence should seek the but .10 as to prepare themselves for their  or vocation in life. Dr.! Further will be guest teacher during the year and will offer the 1st course In religious training. Dr. Rafther Is one of the  M..E. leaders and educators. Dr. Willis J. King who hn* travel. (CobUqhwI on Paga Cat. 6)                 Interdenominational; i (Continued from pare 1) ed extensively in' the states of Texas, Mississippi and  Curing the summer, was asked to give a lecture an Tuesday, Sept. 24 en the past, present and future plans of unification as '.it .will 'relate to our church; He kindly consented to do this. i             talented singer and promoter will render several '80.Mll of the ministers of. this,., .alliance' arc; urgently . to. -be. ^and hoar PreslKing .; Dr.' Wright of the. Congregational church spoke very-~             on Ihe BondSIssue'tthdiiwhat it will mean '-Hlgh  and city. He urged 'the 'Ministers to register and vote In favor of t re same. and to pse then7 Influence'' IS-  others to do the same'. The alliance  oh record endorsing' tnc proposal. The IntcrdcnomTAtlonnl Allinncc is composed of             men of college and professional degree. The- public is   to our meetings ench Tuesdny at central M. V.. church.</t>
  </si>
  <si>
    <t>                                           The Interdenominational Alliance of the M. E., C. M. E., A. M. E., Zion and Preshyterian churches held its regular session Tuesday, September 17 at 11:30 A. M. at Central M. E. church, Rev. James A. Baxter, pastor.</t>
  </si>
  <si>
    <t>                                           All eyes are focused upon the ever popular "Fleur de Lis Dramatic Club" who again steps into the social light by offering a gay prom taking the form of a "Sweethearts Ball." Monday nite, October 14 at the Swanky Club Harlem.</t>
  </si>
  <si>
    <t>                                           Railroad Goal of Italian Armv                 li.v PAVfi  Jnicrnaiimi.il Illustrated Writer                 ADDIS ABABA Italy's invading forces have as one or their principal objectives In Ethiopia Hie single track .id which extends for 500 miles between the capital.                 Addis Ababa, and the French soaD lft of Diihnuri.                 This  is the only                  link between Ethiopia      t)ie sea *nri 13 oC v!t:ii  in conveying supplies and  on Page 2; Col. 7)                 Route of .id.l                 At'di* Ababa terminal.                 Ha wash bridge.                 Railroad Goal (Continued from page 1) mont to Kniporur Selassie's forces. Construction of the ro-'w] wns started in LS07^ By. 1902 the IHwj had boon built from Djibouti as far as Dlrre-Dn.iua, Ethiopian village approximately half way    the city oiv Addis Ababa, in the interior. Political and financial OlfTiculties thun UaltoO construction until l JUS. It was 1917 before the  w* ie laid to Addis Ababa. Washouts Frequent The rocky nature oC th-e country, the hilly and uneven terrain. the wild tribes which roam tho section all these contributed to live delay and  experienced     engineers. Tribesmen repeatedly tore up the track or cm     wires to obtain material for weapons. Not infrequently 0 see- lions of track were removed,   - I   and - ina;  delay. I A)i(jth(~r obstacle confronted by  in ch i i^e of construction came from the rainy season which extends through the summer months. The rainfall is so  that  on the line are -nt :! river boils which '-~rC  dry ;il * seasons 1(6001110 filled with   which .-Unifs rise io a ho if; hi (jf SO    -t. AllliouKh     - railroad Is a mOn , it hasn't proved .1 particularly  table enterprise. The lint- traverses barren  territory for nearly half uf Its length an. I normal  is tar from . Unc 'i'i"H verses* '.Mouimilns Uibou the   tt- ami  municipality of Kivnch Soti'iii Uland. is u n ordinary !-;:ist African town, distinguished by 11  modern  built by the French colonials. It is  hot  nf thf. time and is on the border of a barren rocky wrist C -D:i;uiu:t is tht.  st: nf tht! tine and former terminal before ih(, railroad w.'ts **-d to Addis Ababa. It is an attr. town, 4.U0u fot-t  sea level, surrounded by  -iin  :md '-; a cmn  u hie hotel and a number of  building. The journey from Dirre-Daaun to Addis Adaba is       section of the trip, taking the traveler  the brink of -      Kur^es, through       :   which .s wiih multi-colored vegetation.</t>
  </si>
  <si>
    <t>                                           ADDIS ABABA--Italy's invading forces have as one of their principal objectives in Ethiopia the single track railroad which extends for 500 miles between the capital, Addis Ababa, and the French seaport of Djibouti.</t>
  </si>
  <si>
    <t>                                           Fair weather with warmer temperatures,  extremes near 60 and 82 degrees. George W. Mlndllnjr, N United -State* Meteorologist</t>
  </si>
  <si>
    <t>                                           TRADE  WILL OPEN                 Parade Today Marks Start Of Series Of Fine Events                 PROGRAM TONITE                 Given the wholehearted ' ~"e         Negro ChamxZ ComR'crcc- "Negro Trade Tpm I'' T0"*T1 W the Alien Temple AME church, will gEi ofl to iw start this afternoon when a biC parade us staged through the principal colored sections nf     .                 la today. The procession, which will include a large number of automobiles and floats representing various  in Atlanta will leave the Morris Brown college campus at 1:30 this afternoon, a number ol concerns have entered floats and all taking pan in the parade are asked to assemble at one o clock to .be assigned places in the line of march. Tonight at eight o clock, the first of a  of "Better, Bu..Programs will fee held at Allen Temple This evening s speaker Is the Rev. H. C. Johnson, well known official of the Pilgrim Life and Health Insurance company. Musical selections by some of the best talent in i the city under the direction of Prof. C. L. Gideons ns well as shon talks by  business men, wll! (Continued on Page S; Col. 6) I                 Trade Week (Continued from Far* 1) add    the program. Another such program with a special guest speaker will be presented Friday night, while the celebration will end Sunday afternoon when ja. mammoth "Boost Business' program is staged ai Allen Temple. The  event will feature Hie awarding of prizes In the essay contest that is being held in connection with "Negro Trade Week." Special awards wHi he given to the high school and college students writing the best essays upon previouly announced subjects while a third set of prizes is available to oil citizens In open competition on the Lest 23 word 'New Business Creed-1' In- conjunction with the programs, a special exhibit will be on display In the lecture room at Allen Temple. Admission to all of these events is free and the public is Invited, to attend. "I regard the program of Allen Temple to     of high importance" J B4 Blaytan. president ot- the Atlanta Negro Chnmhcr of Commerce stated In a special interview." I have steadfastly believed that the church can do more than anyone else to build a friendly, -and tolerant attitude on the parts of Neirc. business, the Negro consumer,      the educational institutions. Among the firms taking part in the "Negro Trade Week Celebration" are: Atlanta Life Insurance                 Co.; Yntes and Milton, puller Smoke Shop. Pilgrim Ufe and Health Insurance Co.; Ivey Brothers Funeral Home. Dcrmls Kura Manufacturing Co.. and Dreamland Cafe. Atlanta I,!fe Insurance Co.. Planagim und  Service station. Dob.son OU Company of Georgia Kelly's Studio, poro Beauty Pnrlor; A Price Coal Co..;AlCxander Insurance Co., Murdaugh Brouiers Funeral Home.... North Carolina Mutual, Guaranty Hie Insuance Co.; Citizens' Trust Co., J. L. Holloway, the Jeweler, and Henderson</t>
  </si>
  <si>
    <t>                                           Given the wholehearted endorsement of the Atlanta Negro Chamber of Commerce. "Negro Trade Weekly sponsored by the Allen Temple AME church, will get oft to its start this afternoon when a big parade is staged through the Principal colored sections of...</t>
  </si>
  <si>
    <t>                                           "Preacher Bill" Lyles 44, former Negro Pickpocket and ocoe master of the "dip" in Chicago's "darktown," will speak here Sunday 11:00 a.m. o'clock at Ravd St. Baptist church, corner Frakier and Crumiey stress on his "about race" to become a deeply...</t>
  </si>
  <si>
    <t>                                           G. M. T.--Which of the boys would make me the best husband? I am undecided which to choose.</t>
  </si>
  <si>
    <t>                                           What should be one of the most outstanding football games of the year and certainly one of the most hard fought games, is the forthcoming imbroglio between Clark university and the famous Tennessee State College "Wonder Team" on the Clark Athletic...</t>
  </si>
  <si>
    <t>                                           Rev. Gates Will Preach Monday At Old Ship                 The Ror. J. 5t. Gates, the nationally famous - and record producer of Georgia   n special  , Anpmt fifth, at the Old       AME Zlon church. Tlie noted divine, according to Rev. J. P. . pallor of the . will preach from Us famous  "The Rlrfrteonn TVin No" lie Fonwken." The  Is Invited to hear this special sermon at the Old Ship AME Zlon church, Uoncjoj.</t>
  </si>
  <si>
    <t>                                           BACK HOME AGAIN- Marion J. Sertey, daughter or Mr. and Mrs. Luther Serley of Memphis. Tenn.. recently accompanied Miss Blance Johnson to Jackson. Tenn, to attend a Sunday School Convention there.</t>
  </si>
  <si>
    <t>                                           A.  W. P. RR. Announce* Lowed One-Way        Farei Ever Offered. Tickets on Sale Dnlly. Allnnta To Newnun 5(1 Morolinirl (i8 Grnntvilie .77 ' 8S LnGrange 1 07 West Point 1.31 Opelikn l.fii Auburn il"5 Chehav.' 5.03 Monteomiivy 2.8S A!;o Bargain Rour.d-Tri? Week     Fwca To AU Loii! P6fr.t:    *        only $3.00 Spselni Conche!" For Wopk-          P. J. A. HigBln. General Passenger Aicent</t>
  </si>
  <si>
    <t>                                           Was entertained on September 12 at the home of Mrs Annie Bell, Huff by Julia Gilbert. The club will hold its next meeting at the home of Mrs. Mary Grant, Sept. 19 Mrs. Ada Williams reported a pleasant motor trip to Tuskegee, where she and her daughters...</t>
  </si>
  <si>
    <t>                                           ^^^^u^H^ f^^m I ^~wc^^\l j ^^mP^^BT^^W't I Lv Wr Ililllllllkta la mill HBBBHWmWBWI ^a^ows-y NEGma paii^* new^s paper, in the wo.pll-d ^j^i^ip VOLUME 8, NUMBER 198 ATLANTA, GA.t SUNDAY, SEPTEMBER 15, 1985</t>
  </si>
  <si>
    <t>                                           [I HOWARD UNIVERSITY WASHINGTON District of Columbia Chartered by Act of Congress, March 2? 1867 I Students from 40 states and j 11 foreign countries 9205 graduates from all departments sj i p" Fin* Sixii**icr Registration, September 21, 1WS I S*^~y -Semester P.e^, Febrnarv r:, 1S3  For Further Information Write I TfflE  ^HMrBnl Universfty Washington, D. a j  Mjte^T^~- Ij</t>
  </si>
  <si>
    <t>                                           THE years are slipping gently past and I am on my way to becoming what is known as a veteran football follower. I've been player, official and fan. I've lost games and cried and won games and shouted but there's one thing I never have been and never will be--a coach. Oh, no...that is one position in this existence which the Abbotts and Nickers and Forbes may keep without fear of molestation from me.</t>
  </si>
  <si>
    <t>                                           This is the first instalment of my ANNUAL IMAGINARY TRIP TO HELL ... SO HERE WE GO...</t>
  </si>
  <si>
    <t>                                           Cleveland Probation Official Visiting j In-Gftte--Gity                 In this .~-a:iion on his vacation, Lawrence Powell. pr,,  of the Juvenile Court of Cleveland. Oliio. w!:o is in the Gate City for several days, accompanied. l'.v Atty. William B. Sanders and Clmrics Apples, also ~,r Cleveland made a special Inspection visit to the Atlanta Doily WORLD office. Thursday afternoon. Mr. Powell was greatly impressed by the fine plant and set-up of the world s only colored daily paper. He lauded the present manager, c. A. Scott, and told him that he has been a reader of the paper at various periods. Accompanying the prominent voting Juvenile official on his review of the local business were T. hte Curry and Llewellyn K. Shivery like Mr- Powell graduates of Morehouse College and members of the Kappa Alpha Psi fraternity. Mr. Curry and Mr. Powell were  during their co',!ege!ato days.</t>
  </si>
  <si>
    <t>                                           NEW YORK-- Maxie Baer and Bomber Joe Louis meet Sept. 24 in what promises to be the greatest battle since Tuaney beat Dempsey eight year ago in Chicago.</t>
  </si>
  <si>
    <t>                                           ;'*O?AY TOMORROW GENE RAYMOND The Scarlet Timpernel TODAY TOMORROW     'i Moit outstanding Aet. LEM HAWKINS' CONFESSION</t>
  </si>
  <si>
    <t>                                           For the fourth time in five years Morehouse College will engage this winter in an international debate when its representatives will meet a team representing the Oxford Union Society on Thursday, December 12, at Atlanta. The following subject has...</t>
  </si>
  <si>
    <t>                                           AT THE GEORGIA                 RrlC^R.00 COR.TE1 and. RjOT HV PAG-E.' ..."MA.NHfa'fAN MOON''</t>
  </si>
  <si>
    <t>                                           Prompt Help For Itching Eczema It'rxonderful the way   Zerao brings, prompt relief to itching, burning skin; even in severs eases. Itching soon stops  Zemo touches tender and irritated akin be-' cause of its rare ingredients. To relieve Bashes, Ringworm,  ort the irritation of Eczema and Pimples, always use clean, soothing Zemo.  on genuine Zemo. Approved by Good Housekeeping Bureau, Now" 4874. 36c, 60c, $1. All druggists*.</t>
  </si>
  <si>
    <t>                                           Miss Merze Tate, P. Litt., Oxford, a member of the Society of Oxford Rome Students (one of the twenty-two colleges comprising the university), has taken the chair of history, and in addition, the duties of Dean of Women at Barber-Scotia Junior College. The...</t>
  </si>
  <si>
    <t>                                           Bond Issue1 Drive Cains Big Headway                 With but a, few days  In which to register for tho important school and sower bond Issue  of September 18, workers In all parts of th0 city'  hither and thither            In  ol the fact that rain came down during tho                 greater part of  day. The voters of Atlanta mint do- I  this matter was' the thought' uppermost In the minds of all as mors leaders among them Superintendent of Schools 'Willis A. Button, added their support to the movement In  of the bonds. According to Mrs. H. R. Butler.; general chairman of thn colored bond campaign commute? encouraging reports are Btilf  In. bearing assurance!  large numbers of  an' registering for the election and continued good work Is  done by Mrs. J. I* Wheeler In thv fourth ward and J. T. Cartetoa president of the Colored Voters League of Atlanta and Fulton County and officials of  local branch of the NAACP. A number of meetings will ho (Contlnuad on Page 8, Cot. 5)                 Bond Issue (Continued from      1) held and An appeal Is  mods alt Att. I'tpcuially Iho , lo rci,- In-Core ll is too Inn-. 1' released by Tlioma* C. CUP.  business  V, Inillracod   5:. IIS *ould oc         on ihc David T. Howard wi-lin.il. H-hll,.    .' Mirni of  Sl.S7l.5i v. I..-  mi the * T. r.'j^h)nc;l..~~  nr.hool. other  Hi'li'.uls will bo bum--J In Hi,, con. nil Kra.: un.l 1.:r..lv.- .'is as      as the      win fur Ktneml repairs to all *.</t>
  </si>
  <si>
    <t>                                           With but a few days remaining In which to register for the important school and sower bond issue election of September 18, workers in all parts of the city scurried hither and thither Wednesday in spite of the fact that rain came down during the...</t>
  </si>
  <si>
    <t>                                           PAGE TWO THE ATLANTA DAILY WORLD, ATLANTA, GA. MONDAY, AUGUST 5;  35</t>
  </si>
  <si>
    <t>                                           Famous Oriental Herbs.Nature's Remedies, Herbs, Roots, Barks And Blood Tonic MESSAGE TO THE SUFFERERS l^  '^ ^'ou     ' no' De discouraged about your   ^f^3g^k U h*- Cheer up. There is help for you. f W-    'i      U tho Old re! Chinese Horb l^'aP^R. Bj --;~i Specialist with bis famous and harmless N^^'S^  alld root8  t^* which have ~^3^^gfi"v4 buen used tor centuries, and are highly ^^PUB.'^         !'"'    Mr any trouble of the ^O^ifc^       M the       Stomach, Heart, i^^B^Lro^^Hj Liver, Kidneys, Blood Poison,               -^al , CoUrrah, Weaknoss, Nervous. DOCTOR       BIad(ler Trouble, Constipation, ApT. Y. YOUNG, Jr.    !ciM8' Skin Diseases, Female TrOubh FAMOUS HERB and aU trouble* IB YrsTta To tho"8 whom H concer"~: Can at Atl.nta             ^    p hope U others fail. Tb# remit Is pleasing to all who try it MALE OR FEMALE-CALL OR WRITE    m r DR. T. Y. YOUNG, Jr. WITH ORIENTAL HERB CO. CHINESE HERBS- ONLY NATURE REMEDY FOR EVERY DISEASE OF THE HUMAN BODY 132 Edsjawood At*. Phone WAIaat 2189 Atlanta, Ca. Daily Hobm. 9 A. M. to 9 P. M.</t>
  </si>
  <si>
    <t>                                           COLUMBIA, S. C. (ANP)--Contions have improved but there is yet need for more work, the Rev. Alphonso S. Powe, pastor of the Ladson Presbyterian church, told President Franklin D. Roosevelt in reply to the President's letter to the clergy of the country. The letter...</t>
  </si>
  <si>
    <t>                                           GOLD MEDAL Haarlem Oil Capsules Fine for      Kidneys and BlfuluKi- Irritation JTOf  UP NIGHTS One 85-eent box of these famous  will put ? activity .into your  and bladder- flush out harmful waste .poisons and acid and prove to you that at last you have a grand diuretic and stimulant that will swiftly cause'  trouble* to cease. But be sure and gel GOLD MEDAL Jlnarlcm Oil Capsulai ante and harmless-r-thc' original and genuine-  from  in Holland.  Millions 'have kidney and bladder trouble and "never  It some symptoms**  visits to- bathroom at night ore .  palmy, puffy eyes and scanty  that of*       *    * burns.</t>
  </si>
  <si>
    <t>                                           Snoorii es                 By Cy Hungerfordt</t>
  </si>
  <si>
    <t>                                           Patronize Our Advertisers i</t>
  </si>
  <si>
    <t>                                           THE HYPOCRITE S HOPE SHALL PERISH .....JOB 8:13</t>
  </si>
  <si>
    <t>                                           Madam Varder PALMIST and " ADVISOR Consult tha woman who knows. Special Thursday Num.     wUl* ad. Three questions       free. Will HI I M Ull yoor pait a* you II f J alone know it, your n^^f present just as it U.   roar future just at L* will be, and calU ^t^^Mjoo. by name. Will      tbe real ami ol your ,  or Uck of , If you want , aad not ,  Ibis woman; if you ara down.,  trouble ia lovo ,                . THIS MES3ACE IS FOR YOU. CIVES NAMES. All reading ( or no . NOT IN TENT.     Mine, Varder, Cat off Car at Paacktroa A*a Poacbtno Road 2 Blocks this side of Buckhead. 1171 PEACHTREE ROAD Except No Substitute</t>
  </si>
  <si>
    <t>                                           GERRY S 232 A'aham JA. SUfo. SPECIAL       .To,-~diy.          s' Shampoo. Press and ~-'Waye:Sf.00*"r- Sharmnoo with Steamed. Hot Oil and Electrical' Treatment to Start the; "Hair Growing. Ends '~"-Curled $1.00</t>
  </si>
  <si>
    <t>                                           Tillotson Faculty Faces Departure of 2 Teachers                 AUSTIN. Tex- President Mary E. Branch of Tllloison college -s that two members of Ihe faculty have been  ul leave ot absence to study  133.1.1936. Prcf. J. p. Lewis, A. M.  ol                 nf Ecluca'iun has Ijeirim wot k at Columbj.-.                 si y. I'a. to ihe Doctcroie in Eclti. ation. Prnf. Timothy C. Meyers, A. M. Registrar and head f the Deportment of Eiiplioh, le.-.vc.s tit the close of the s -T session to study for the Ph. D. in relish, at the University of Toronto. When President RranGh came to Tillofon five years n?o she smed her intention to surround herself v.i'.h a corp nf well trained snd efficient workers, since then     Or three Tillotson tc: have  released for study every year Dun Willjnm Ji.      com- i Pitied tlie rc.sid-ncc requirement;; for the Ph. D. nnd is r^~w work"B on hi.s dissertation. Pror. J. C. Carpenter returns in the fr.ll. h..v- I inK earned    , M. i.i ~.hir.-.^try, rn.1 completed quarter toward th- Ph. D. ac the University of Ccli;r:i(io. Miss C. Ruth Upihaw, head of    ! Masjc Department has return, cd -Uvo  of study under Prof. T., DcBOm'.-. :.t Talla.icga. wh.-re      earned u,c Mus B. degree. The new  of the faculty are outstanding in their fields, i Mr. Arthur L. Roygter. secretary. treasurer and t.^sOciate professor of Economics, bos superb  of several  as bursar at Samuel Huston College, where he ha? i made a  as a leader ln thc  of school -* i Mr. Thcodorx S. IiCdbetter. B. D. I Oberljn ;g the new Advisor or Men artl Professor of PSjlosop'iy aad Psychology. He will di.ect the (Continued on Page 6, Col. 7)                 Tillotson Faculty j j ^ from Page 1) I r'.i!sious program cf the coll^s=- Mrs. Annie I. Smith Bumcn. AM. university of Sou" hern Cali. b-2tKs wol s A.-'   -     -l"t-;?.-; is     -~-.i;"tc  cf      ^s;ion- Mis5 Coracrrcr.e .Trhn. si in. A.. M.  iy f MiO.^ph rnr and      .*sor of Ei'^li. li.</t>
  </si>
  <si>
    <t>                                           AUSTIN, Tex.--President Mary E. Branch of ... college announces that two members of the faculty have been granted leave of absence to study during 1935-1936. Prof. J. F. Lewis, A. M. ... of the Department of Education has begun work at Columbin...</t>
  </si>
  <si>
    <t>                                           I I m bJH BS^^m^^^^ 22B2 ^m ^^^Sj ^^^^^^^T^^^ "^^ ^*^^^  ^fl^ ^kbh I^^^P^^^P^^^V^^V^^B^^B^^B^^^P^^B^i^^^^^^^b</t>
  </si>
  <si>
    <t>                                           Hi YOUR QUESTION ANSWERED IN THIS PAPERwONLYgw ^B tt HE\ A CLIPPING OF THIS COLUMN IS ENCLOSED IN 13 US YOUR LETTER FOB PRIVATE REPLY- SEND A QUARTErBH [71 (2Sc) AND A SELF-ADDRESSED, STAMPED ENVELOPEf/fl M3POR MY NEW .OGY RE.A n!NT.--AND RECEIVE      .V MAII^-PREP. ADVICE ON THREE U) QUES-(9  SION  FULL NAMI- BlliTHDATE. AM) COR-WS  ADDRESS. SEND ALL LETTERS TO AWIE" WAU(~ , rare of SC^Tr NEWSPArRR  210 AU-BH .N AVENUE. ATLANTA. .</t>
  </si>
  <si>
    <t>                                           "MAESTRO" has been given as a title tor the leader of Jim's Hotel Band in Fort Worth. Texas. His experience is rich in the field of music. Willie Ford is his name.</t>
  </si>
  <si>
    <t>                                           THIS BOY, Jimmie Lunceford (and he does spell it Jimmie" instead of Jimmy), got in town around 5:30 yesterday afternoon...Tonight, 9 till 1:30 Lunceford and his nationally known Cotton Club orchestra and National Broadcasting Company artists will be heard at the city auditorium before an estimated crowd of 5,000 jazz...</t>
  </si>
  <si>
    <t>                                           Giant Soviet Plane (Jroomcd-ior Second Try to Reacn /                 - first attempt by a faulty oit line. Slgiamund   . ioob will try       to fly from J                 Moscow to San Francisco via the North     ..       Soviet i plant,  "UR$S ftp. 25"           .~ ^J j,'</t>
  </si>
  <si>
    <t>                                           j^E PREVENT JON "ll1 -:t-aJ fr:.-e Association Do You Have a Fuse Box in Your Home? 1n.   . d.Ea,tn. REPLACING FUSES WITH Wien a  13 aired,     XA LS, WIRES OK COI.VS. electrician U3ss   *re  to tarry a  Prevent the fuses from blow. amount of electricity and no -nor-.      soule I*00!"16    In stronger       are Iasla!    at fae head of fU8es'       tn3es 0Ter 15          branch circuit. Fuses are  n 1:? '' Is dangerous of such size and ampe-a- that and otton  costly . tier t.-IU "blow out"  more 5'0u k:ive trouble ~-lth fuses current than intended Is used ' is because the circuit Sometimes inferior appliances arc '3 OTertoilcled- Reduce the load, or , an overbid of    - haVe thc '*'lri"S corrected by suit:,, the wire will      a*d it'. QUIlIlfled electrician.</t>
  </si>
  <si>
    <t>                                           The present plans of Coach L. C. Baker are printing toward an opening game with the national prep champion green wave of Spencer High Friday in Columbus. It will be an acid test for the Balldogs and should they come through with a win or a tie, the chances are they will sweep through the rest of their schedule like wild fire through prairie grass. So far only two men are out of action and they will probably be ready by Wednesday...</t>
  </si>
  <si>
    <t>                                           OLD FASHIONED BARGAIN SALE BARGAIN BASEMENT Brand-new j gg^ 595*795 1 1, DRESSES 1* ,s ~{ For Every Winter Qcaaaiont ^.%^i  ^^^^W^^W 1'"r  Kl'"l ls'- I1'"1" ! For ^    ''   \ noons! ^'cw , preen, wine, %  brown, black. ^~    *^ Last-  Swagger Sports ijm Wssfi and fur-trimmed K^^^a w W SPORTSWEAR Regularly 1.98! Avoori  m MM' WOOb 3 Jl Jl .sh.kim. I Uav'ea.' 1N13 .5TS I I</t>
  </si>
  <si>
    <t>                                           Don't miss these mi i:^    Shirley Temple M DRESSES I Just received the Egj  Sliirtcy Temple HO styles in prints and solid ffi colors dark ami pastel H . Sizes 1 to 10 years. 19 $ 1 .95 I 2'9s I I "4 r c I      I'm ^9S i Girls' Winter COATS I Fur- and plain M tailored styles. All-wool fil birk and tweeds. Sizes S to 1(1 years. SPECIAL. -.~~.5*~. Gir/s Ojftcr Fine PO/irS, ^9.95 to $16.50 new ^X^^ arrivals in fifa^ifc Wash _^ ~^P, ,        ) J V'^l Bi and p I I d t. 1// V AV  M   ^ u I f nil; ;v;. 1 K.V\ Bl  n*de. SImi 2 { Viol H U      . V feW 1 H 1 Girls' Suede H JACKETS I la reefer  nd    . B         "~. '"^tn 9 u4 Inn. sties to u     . $~ .95</t>
  </si>
  <si>
    <t>                                           Big Revival Going On At West Hunter                 The revival :it the We?t Hunter Street Kaptist Clmrcli is making fine progress, with Kev. \V. E. Mack from Mempliis. Teiin.,  the pa-;. The mee '  d MonUny, already twenty two persons have been added to Ihe . twenty of these are                 UUhucs for baptism. The meeting wll go on this week anil jill next week. Ou Sunday there will lie two mass meetings. .?!SLffer.H'~ meu of the city of Atlanta, lit 3 o clock P. M.. this ; is Tor nothing tint men, '  eighteen will be . aiRl a i 4 1~. M..  will In.1 a ; for nothing hut women, no girls under  will bo admitted. To these, -  men   ii arc- invited,   ami sinners. Hev. .Mack will address both HieutiiiKs, mul lie has a renl  for tin- men and women of (Continued on Page 5: Col. 7)                 1 Big Revival (Continued from Page 1) Atlanta. These lm.-i tin^'s wilt     i^in (in Liiiif. Mirci; : l cmr o\:lui:U L' M Tin1 revival -s hi.'- ^ins  ^ :ll 7:15 (j (:k. I mhI ]iro:n ^ :ll T:l."i. Ki:v- JliiuU is inn! iif our fim; [t;     ]-s. lia^ nut- ui' llu-  J chin '.-he* ill Mi'liipliis. Hi' is all -L In :my pa^lnr lu haw-  in ymir pulpit, lie is a (Jutl , sell! anil filli il pn-, Inn  spii'-L' is li l c in "iir I'hurch ii jw fur piT*n:   Mial i:~j;iiu cai-li j cvi iiiii^; to  him- i       I'llhiir is  I'y Hrv. Saiiiilfi i'i:lt:iul".H'. -li i* I" lii-ar . I'm- lie "ill prem-li Imlli Shiiii:iy iii,._' anil  at ihf West Ili'in:-!- Lu v.-li.</t>
  </si>
  <si>
    <t>                                           The revival at the West Hunter Street Baptist Church is making fine progress, with Rev. W. E. Mack from Memphis, Tenn., doing the preaching. The meeting opened Monday, already twenty two persons have been added to the church, twenty of these are...</t>
  </si>
  <si>
    <t>                                           Beware Coughs from common colds That Hang On No matter how many medicines you have tried lor your cough, chest cold or bronchial Irritation, you can get relief now with Creomulsion. Serious trouble may be brewing and you cannot afford to take a chance with anything less than CreomulEion, which goes right to the seat of the trouble to aid nature to soothe and heal the inflamed membranes as the germ-laden phlegm is loosened and expelled. Even if other remedies have failed, don't be discouraged, your druggist is authorized to guarantee Creomulsion and to refund your money if you are not satisfied with, results from the very first bottle. Get Creomulsion right now. (Adv.) GEORGIA Railroad Announce* Lowest One Way Coach Farei Erer Offered. Tickets on Sale Daily, Atlanta To Litlionla 37 Conyers .47 Covington G2 Social Circle 78 Madison 1.02 Greensboro 1.33 Union Point 1.43 Crawfordvillo 1.61 v Thomson 2.01 Augusta 2.57 Also Bargain Round-Trip Wcok-End Fares To AH Loca! Points Augutta, only $3.00 Special Coaches for Week- End Club Parties J-.-A^-Hiitjnt General Passenger, Agent</t>
  </si>
  <si>
    <t>                                           Are Otero ally causes in the world today that are deserving of Our complete loyalty?</t>
  </si>
  <si>
    <t>                                           Market Data /. AUGUST 7, 1 J3S  New Yelk Stock Exchange Tmniaction. 1,393, 720 Sh*    Ota) New York Curb Exchange bund Silo J4.00O.C00          York Stock ~* Bond      SS.6Sa.000</t>
  </si>
  <si>
    <t>                                           Prompt Relief From Itching Eczema It's  the way  !~g,  Zerao Mugs prompt nlW te ^^^    ,  Jn  VIM*. -tth* MonxntZmno       the        sad   W*  t     *. To g*t****,      ,     *. Rinjwonn nd       BOnuil,        um dean, *     .  on genuine Zcmo; 25      . 36c, Wctnd JjVAII rtr-</t>
  </si>
  <si>
    <t>                                           Dr. Hubert to be Guest Teacher At Mt. Olive j                 According to Information cominS ins from Mrs. E. B. Maddox,  member in  Mt. Olivo               , Dr. J. M. Nabrit, minister, the Rev C. D. Hubert, dean of the School of Religion, Morchouse college, will be guest teacher of the Berean Sunday School class at Mt. Olive Sunday morning. The BerCBns arc sponsoring an attendance drive at the Sunduy School hour. 9:30 through 1100. A. special effort is being made to  imc hundred adults present. The  is requesting the church s cooperation. Those attending will be enter* tained by Rev. Hubert. He is re good teacher. Don't forget thO time.                 JOSHUA )OKE1 By I. P.          Ai'.' I , ito {o'l-  nifT'</t>
  </si>
  <si>
    <t>                                           Scene flf                         Tho Louisiana SUto Capitol at Baton Roflfte. built by Senktor Hucy Lobs when he' was governor,' nd!       he was shot' down.                 (Inttrnativnal UliuUatsdNtyit)',</t>
  </si>
  <si>
    <t>                                           Students continue to register at Crogman School under the efficient principalship of Mrs. C. Pitman, who feels that this will be one of the most progressive years in the history of public school education.</t>
  </si>
  <si>
    <t>                                           Famous Oriental Herbs -Nature's Remedies, Herbs, Roots, Barks And Blood Tonic MESSAGE TO THE SUFFERERS ^MMMKhk You need not be discouraged about your  P^^^Sk health. Cheer up. There is help for you. By'.-'*; This is the old  Chinese Herb 7?^''~Sr JHKtf Specialist with his famous and harmless i"*'**     3i herbs mid roots, treatments which      r ~* been used tor centuries, and are highly I^NSHfT recommended for any trouble of the. *ys^Hfc^k. tcm, such as the Lungs, Stomach, Heart, ^aSf^""' alHi        K'dneys, Blood Poison, RhenmaBfflliT' .ttSI , Catairah, Weakness, .Nervous. DOCTOR nes3' '3'a('ller 'trouble. Constipation, ApT Y YOUNG Jr Pendlcil'3' skin Diseases, Female Troubhi FAMOUS HERB aml a]1 troubles. S25^r^'I^T To  whom 8: Ca" at Atlanta once. Don't give Up hope if others fail.     result is pleasing to all who try it. MALE OR FEMALE- CALL OR WRITE DR. T. Y. YOUNG, Jr. WITH ORIENTAL HERB CO.  H!NESE HERBS- ONLY NATURE REMEDY I-'OR EVERY DISEASE OF THE HUMAN BODY 132 Edrawood Ave. Phono: WAlaut 2189 AtUnU, Ga. Daily Houn: 9 A, M. to 9 P. M.</t>
  </si>
  <si>
    <t>                                           Georgia AME's Begin Final Conference                 By REV. C. A. WINGFIELD                 SAVANNAH, Ga.- (SNS)- Tho Georgia conference of the A. M. E. church, the oldest conference of the denomination -In Georjla, opened here Tuesday night at the St. Jnmes A. M. E. church o.n Arnold street the Rev, J. Frank Rogers, pastor. Rev. W. P. Sherman presiding                 elder. The initial session featured n wholehearted welcome from the civic religious, educational and fraternal leaders of the city Tuesday night. Beyond all" doubts, the largest group of visitors from other conferences is present In spite of the fact that l his is the eighth and last of the Georgia conferences over which Bishop W. A. Fountain, fir presides. It is being regarded as .1 four point meeting in that before it comes to. a close the Presiding Elders Council, the Executive Board of Morris Brown College, the regular routine business, and the council meeting of delegates elected to me General Conference In New York In 1936. will transpire between now and the closing of the conference Sunday. Speculation is rife as to who will be the standard bearer episcopal honors representing Georgia at the General conference. The friends ol Drs. J. L. Butler W. Boyd Lawrence and P. M. Johnson claim victories for their favorite aspirant for the bishopric while Drs. W. F. Boddie of Forsyth, W. P. Sherman. Savannah, C. A. Wing(Contnued 00 ?~ge 6, Col. 4)                 Georgia AME's (CoMtuniril from Pujip I) field Atlanta. David Norris. Macon I and others,      *nric -                 promotion, fire expected to have many votes cast in  favor. The permanency or Morris Brown college will claim the attention of the executive board  the  elders will complete the pastoral budgets for 1936. The Kinking pastors ci this, the "mother" conference nie Drs. W. W. Stephens. J. L. Butler. J. F. Rogers. C. P. Hobks. L. A. TownsIcy, J. W. Maxwell. .1. .1. Johnson. G. H. Stokes, L. W. Lane, S. P. Andrews, M. L. Welch, N C. Welch ami S. R. Dinkl'is.</t>
  </si>
  <si>
    <t>                                           SAVANNAH, Ga.--(SNS)--The Georgia conference of the A. M. E. church, the oldest conference of the denomination in Georgia, opened here Tuesday night at the St. James A. M. E. church on Arnold street the Rev. J. Frank Rogers, pastor, Rev. W. O. P. Sherman presiding...</t>
  </si>
  <si>
    <t>                                           BIRMINGHAM YOUTH PAYS WITH LIFE FOR MURDER                 RALEIGH, N. C. (SPECIAL TO SNS)- Caesar Miller, 18 year old youth of Birmingham paid with his life in the electric chair,    Friday for'. the murder last month of J. D.i.Gwaitncy.  crippled storekeeper,  he clubbed and robbed of $10. 'Miller lived in the vicinity of Sixth Avenue and Thirlecnth Street.                 Baptist Union Will Meet Today At Noon Totlny, ill noon, I lie Atlniitn Baptist  Union will 1    ut the G renter WlieiiL Street Bnptist . Uic Ituv. Luwls lister, Jr. ? minister. This  promises lo lie one (he must  of Ihv your i us I In- ((,ii(   In the Nnlionnl BniXliil. Cnnvciitloii, Inc.. tile si- of  1'  in New York, will '  report on the tile ,'. Visitors arc welcomed to  ii ml hmr or the  ss thill Ix i Ix'lnc  hy Mi.'  of i Anurlcu.                 East Point Church Commences Revival Revival services began last night nt the Mallalleu Cliapel jr. E. church. Bam Point. Oa. The , Ue\: K. A. BWiIbos. will be  by tlio nov. I. c. Ruckor of Joncstioro, C!tt. I'niyer and praise         will  nt 7:30 nich .  by ln- ut  u . Uw. ):  :kc-r In a Brcat preacher :uiO iff- public mid friends ar,. ...i,!l:,    ,] to  jc in. Hlnjjs       run  tlie \   .</t>
  </si>
  <si>
    <t>                                           WILL THESE BOYS BE ABLE TO GET PAST CLARK TODAY?                 Several            anxious local fans will be wonder in:.; tin: same  stated above this afternoon when tile Mori-house M. Tigers, shown above, who arc- the only undefeated and                 -cl win in ihe SIAA, lake on ;i traditional rival in Clark l.'-.-ily. The Pimthcts arc keyed np 10 the hill and will give M.'..u-e rmc ni her -ft games n( the yt-ar. 1</t>
  </si>
  <si>
    <t>                                           TIM TYLER S                  By Lym Young                 FELIX, THE CAT                 -By Sullivan                 By Gy Hungerford                 E_EJSHk By Nick Nichols                 It's A Great Life If You Don't Weaken By Charles Stafford                 DAD AND I                 By Jack Rabbit</t>
  </si>
  <si>
    <t>                                           PItOltAIil.lC STAIMIXf; UN KITS CLARK POS.  RAY LE   LT DAWSON  LG JOHNSON JAMES C MARSHALL LANCrORD RC McFALL (C)  RT DIXON CURRY RE YOUNG BROWN.- QB MYERS LITTLEJOHN LH McCURINE  RH HARDING WELLMAKER FC BOSWELL  De.m .Mohr ('KorceJ UMI IRK 0. 1.. (Jiinn (Hampton): ) I,.A.\ .Julian If.            (.Morris     \vn).  OK GA.MK- 2 I'. M. ADMISSION 75 cents (including tax).</t>
  </si>
  <si>
    <t>                                           BEFORE YOU GET INTO YOUinHITOMOBItr -M:- A CONSIDER  and speed, death seems to actually ride the hood of every passing motorist Ready to strike dead any minute, any or every member of the party. Last year it struck more than thirty five thousand times, leaving in its wake many thousands of homeless and helpless women and children. Most accidents arc due to carelessness and lack of courtesy, .vet many arc unavoidable. There is no guarantee that you will not meet with an accident on your next trip which may not prove fatal But the future of your family can be made secure by taking out adequate Life Insurance. SEE ONE OF YOUR AGENTS TODAY! HE HAS A POLICY HIGHLY SUITED FOR YOUR PARTICULAR NEED ATLANTA LIFE INSURANCE CO. A. F. HERNDON, Founder 148 Auburn Avc, N. E. Atlanta, Go. i .</t>
  </si>
  <si>
    <t>                                           Block, ton $7.00 Egg, toh 6.75 Furnace, ton 6.50 Coke 8.50 JA. 8637 A.PriceCoalCo.</t>
  </si>
  <si>
    <t>                                           n  j i ...mellow whh humor... j LOT THE OLD MISSISSIPPI Georgia Theatre</t>
  </si>
  <si>
    <t>                                           Famous Oriental Herbs_Nature'  Remedies, Herbs, Roots, Bark* Arid Blood Tonic MESSAGE TO THE SUFFERERS ^HflMHwIil You neec' not bc discouraged about your S'^B^ health. Clieer up. There U help for you. t'*':W^3^^K-'l ThIs the ~'d  Chinese Herb k- '^^f^Bfe^i Specialist with his famous and hamlets ??Wm!~mM herbs  nd roOts' trC  which h*   nr^SJretUJgyli been used for centuries, and     h^Wy S/S^HtSmJ^"1 ^       tor any .of the ayt^HHpApBlsi]      such *he Lnn*8' StoitiacH, Ratkt,l^^l^^i^B Uvcr, Kidneys, Blood; Pdisoa; RMuroa^^^     ^m , Catarrah, Weakneas, v NeivoO*. DOCTOR Blndder T"~     Conitipattoo, Ap. T Y YOUNG Jr Penilkitla. Skin Diseases, Panule Troubhi FSPEClll! trouble* 26       To ^hont ft concerns: Call; it Atlanta once. Don.'t jive up hope it others  Tha result is pleasing to all who try it. MALE OR FEMALE- CALL OR WRITS Iff iJfV .~^lv HOk DR. T.    YOimO, jr. WiPTH ORIENTAL HERfrCO1. CHtMESE HERBS- ONLY NATURE  FOR EVERY DISEASE OP THE HUMAft  132 E4      Am. PUmi WAIaak AtWata, Oa. DaBy H.ar.1 T A; M- 10 P. M. We also have in stock, Imported from      ,  wry. tea and  f or      - Wvlta or. for ,</t>
  </si>
  <si>
    <t>                                           THE outstanding tennis situation of all time is now here.</t>
  </si>
  <si>
    <t>                                           Train Smashes Car, Youth Is Alive i                 The , ha was driving demolished hy on . train. James Reid, 19. of 980 McDonough boulevard narrowly escaped death early ThurFlay. Reid waj- driving south on     - demolished by an  r: tracks at Ridge avenue when the train operated by En* Kinotr TV. n. Oraham, white of '-'24 HendricUs avenue, . ci.hit;    =t, struck the - . I Held escaped uninjured, police hooked reckless ; canes .it both participants. I Struck by an  driven west on Hunter  hy E. D. i , white, of Whlteford avenue, -t. Jim McLcndon. of ;~3 Tr.' -Irert was admitted in Oruly hospital with a deep laceration on the  fide of               and a fractured left Jaw hone. McLcndnn was crossing Hunter  at Washington when the accident occurred. Xo case wa.~ made against the driver ot the car.</t>
  </si>
  <si>
    <t>                                           CORPULENT, bright-eyed, smiling and "clowning" Fats Waller, the celebrated jazz pianist of the Columbia Broadcasting System, is billed for action tonight at nine o'clock at the City Auditorium ...... .Like Duke Ellington, Don Redman, Claude Hopkins, Noble Sissle, Fletcher Henderson and a number of the other leading sepia jazz maetros, Fats Waller is a "high class" musician, in fact, being one of our most natively blessed sons of jazz.....For many...</t>
  </si>
  <si>
    <t>                                           I A. W. P. RR. Announces Lowest One-Way Coach Fares Ever Offered. Tickets on Sale Daily. Atlanta To NK'wnan Mnrelam) 118 Ci- 77  RR LaCIran.trc 1.07 Wos! Point 1.31 Opi-lika l.'M  2 f, :1 Also Bargain Round-Trip Week End Faros To All Local Point? Montgomery only S3. 00 Special Coaches For Week-End Club Parties J. A. Higgins General Passenger Aeent Chest Colds Rub on Mustcrole. Used by millions for 25 years. NOT just a saive, but a "counter-irritant." AH druggists.Three strengths.</t>
  </si>
  <si>
    <t>                                           Who I am. Why I am here and What I hope to be: My name, Annie Laura Bolton. I was born July 24, 1922. I am now 14 years old and was born in this city at 4 ... street, Living at this address for four years, at the age of five years, I attended the...</t>
  </si>
  <si>
    <t>                                           Wk I III II     I I III II I I III I Mill l W   A CLIPP1XC OF THIS COLUMN IS ENCLOSED I.\LJ LM YOUR LETTER FOR PRIVATE REPLY- SEND A QUARTKRpB IjI(2  ) AND A SELK-ADDRESSED. STAMPED RXVELOPElfl  NEW .OCY READING- AND RECEIVE   MAIL- FREE ADV1CK OX THREE (J) QUES-f3 .NS. SIGN YOUK FULL NAME. . AND COR-MB fS?2?! ADDRESS. SEND ALL LETTERS TO ABBE' WAL-f] UJLACi; :~r* of SCOTT  APEK SYNDICATE. 110 AU-lfl   ^BUR.S AVENUE. ATLANTA. GEORGIA.</t>
  </si>
  <si>
    <t>                                           Madam Mingy THE WOMAN WHO KNOWS Tells past, present and future PERMANENTLY LOCATED Palmist and Life Reader Civet advice on all affairs P^,^^^- Kfe, Love. Marriage, ^     "  * Speculation! or  Kjjjjj a" kind*. Don't fail PJ^j^U to see this gifted  Palmist. Points the 9L^-nl way to all troubles, 5^0^^^ and shows yon how to overcome enemies. Madam' Mingy has helped thousands and she can help you. TELLS LUCKY DAYS AND SPECIAL READING SOc Talcs Federal Prison car to end of line. Look for Name on Sign i Not in TenL Satisfaction Guaranteed 638 McDonongU Road Madam Mingy Makes No Home Calls Office Hour*: 9 A.M. to 9- P.M. I</t>
  </si>
  <si>
    <t>                                           l^^^"^*CT''~J ONllV NEGRO DAILY NEWSPAPER iN THE WORLD [~j44MJUBil VOLUME S, NUMBER_164 ^ ~^ANTA," GA.T  Y^UGuiTTT TiisT PTIirF ElFHT CENT9</t>
  </si>
  <si>
    <t>                                           Indict Dr. Moore And Early Garsweii For Torch Slaying                 TORCH CASES SET FOB DEL 15                 Physician and Helper Must Face Court In Woman's Murder                 BOTH INDICTED                 BY CLIFF MACKAtf (SN S Staff Correspondent)                 GRIFFIN", Ga. A joint indict- ment charging murder to Dr. J. i H. Moore and Early B. CarswCll of Atlanta in the gruesome "torch" slaying of" the suspected doctor s pretty sweetheart, Lu!a Bowden, was returned into open j court by the Snaldin,T  jury                 at noon Tuesday. Simultaneously -witti the announcement of fhe grand jury s action  a. statement from solicitor GsnCral W. H. Connor that one of the two 'defendants would be placed on trial next Tuesday" morning. October 16. i Decision not to place both on trial at lhe same time, came after a  motion by Defense Counsel Byars to sever the cases.  Which '...pi the pair would^-be, [placed on trial first had not been j decided late Tuesay, though this I decision Is to be made by th0  6I  general. It Is believed that Dr. Moore will be the first to be forced to  a desperate fight for his life. The result of the grand Jury investigation, did not surprise m:tny Griffin . who as er.rly as Mond.iy expressed confidence that a tru0 Ijifl would be voted on the joint Indictment. Solicitor-General Connor, though refusing to go into detail about the evidence thc state would produce at the trl.il, declared that ~'all the loop holes "had  stopped up." He will Se assisted In the prosecution of the suspected pair by Judge D. K. Cumminss,  of a local bank, and an outstanding lawyer here.</t>
  </si>
  <si>
    <t>                                           GRIFFIN, Ga.---A joint Indictment charging murder to Dr. J. H. Moore and Early E. Carswell of Atlanta in the gruesome "torch" slaying of the suspected doctor's pretty sweetheart, Lula Bowden, was returned into open court by the Spalding grand jury...</t>
  </si>
  <si>
    <t>                                           THEY BATTLE FOR LOVE*                 Norman Ki.-slur and Sheila .Matinors have loading roles in the  romantic mystery. "Behind Ihu Evidence".  il:; today only at 1 '..v's Itnyiil Theatre. Donald Cook has a .ii idle. In addition    the feature the       is  another chapter  f "Kcd Killer"  Uiick Jones.</t>
  </si>
  <si>
    <t>                                           AT SKtGEE CEREMONY                 Notables To Attend Inauguration Of Dr. F. D. Patterson                 COMPLETE PLANS                 T03 .,-Among tha prominent educators and lenders who have accepted an Invitation to speak during the  In connection with  inauguration of Dr. P. D. Patterson as- third president of Tuskegoe' Institute, are Dr. Albert RusselU Mann, ,                 Cornell university/' . New York; Mary McLeofl BrtWine, president, Bcthune  Oftllege, Daytona, Florida; .lesse Thomas, presidents the Tuskegee General Alumni Association and Southern Field Secretary ol' the Urbau League, Atlanta. Georgia; and Dr- Aiuon phelps" Stokes, president, l -Stokes Fund, Nnw York City. "The work of  and stamping tlie five thousand Invltuttons to the Inauguration, is already complete We have all plans, complete and tlio formal Invitations Jn tho mall by Octoborl The Inaugural committee, is leaving no stone :       "the;.-'-*  of Tuskegce's third president a notable event.1' said Capt. Alvln j. Neely, Chairman, of the Inaugural committee. The Inau gural committee comprises, Capt. Alvln J. Ncely, Dean of Men and Registrar, Chairman; Monroe N. Work, Director, Department of Records and Research; Albon L. Holscy, Campaign Director; Nathaniel Cuiloway, head of tho Depnrt- ment of Chemistry, ana B. B. Walcotl. Associate Editor, the Tuskegee Messenger, . Dr. Nathaniel calloway is chairman of the committee arranging the special industrial conference to be held in connection with Inauguration. Working with Dr. Calloway arc: Monroe N. Work. T. M. Campbell, Field AkciiI, United Slates (Corlinued on Pafa 6, Col, 8)                 Expect Many (Conttnutd from      1) 3tate Agricultural Extension Service; 1. It. Oils, Ulrti'tur School of Agriculture, Tuskegee Instltue and   ?rao.L. ...Washington. Director 9*~P.l*9r'     "~W4     , I*u3      ;'-" .(3  8.'         of northern iind ^' and many 5Bouth;s',        ') /bavc::-       * to  this -.wia                     ((Uij;.'~  2S The. formal Induction of Dr. F. D. Pottqrson will  Mon'dny afternoon^ ''V</t>
  </si>
  <si>
    <t>                                           TOSKECIEE INST-Among the prominent educators and headers who have accepted an invitation to speak during the exercises In connection with ,the inaugUratton of Dr. F. D. Patterson 'as' third president of Tuskegee'Indltute, are Dr. Albert RussoIII Mann,provest,</t>
  </si>
  <si>
    <t>                                           Ir J. r. Htfii*                 They a#~ bt  Mi' Bawtwii (Mr,   4p  or           '~?PM22Mt in       : o^'rn ;ft)~'</t>
  </si>
  <si>
    <t>                                           Market Data Tol.il New York Stock Exchange Transaction* 1,207.510 Share! Tola! New York Curb Exchnnge Bond Sales $3,000,000 Tolal New York Stock Exchange Bond Sales $10,934,000</t>
  </si>
  <si>
    <t>                                           Speaking with the same brilliance that marked his Sunday morning message at Warren Memorial M. E. church, Dr. Willis J. King, president of Gammon Theological seminary, gave a masterful address of "Modern Ethiopia in the Light of its Ancient Glory"...</t>
  </si>
  <si>
    <t>                                           EMPEROR TO LEAD BIG FORCE                 Regulars Ready For Fight With Duce's Troops, Natives                 HOT TIME AHEAD j                 ADDIS ABARA (SXS)- In  note to Hie Ijiicuo of       , the Ethiopian government lot 'Is position In  Italian war  clearly       ;~!.                 At the ; time, . were' 1110(10 Hint Emperor Ilalle Selassie, aided by Tlas Miiguetn. his minister of wnr, would personally lend n  of 120,i 0(10      Into the field against bis Itnllnn enemy. The Emperor asserts that lit* Itnllnns have not. us yet, met bli regular troops, a statement that reports from tlie Itnllan -rs are forced to agree with (is, nil of the men  by the  to (lute are members of the wild border tribes and Irregular troop*. The Itnllan , It Is pointed out, fearful  the capture of AUuw,, is but n trick, is working desperately to dig In safely before the  start n counter attack. (Emperor Hallo Selassie hns already stated that the fnl^ot Adnwa was .In lino with  - preconceived ''^strategy'  and thut the town was evacuated as the place of really no military Importance.) Present  call -for the- making of a  on the edge of the Dcssyc. This spot Is nt the mid  of a triangle formed by Mount Mum All, Aduma and this city. It Is about 40 miles south of Adunra. Tlie site of the impending taUle Is considered by tho Cthtoplanu to     impregnable. In the meantime, the          and , following orders from Vhii*  will be split tip Into small,  Hint will continually  tlie enemy, .to break down tlie morale of the Italians nnd to kill and capture as many as possible, along with needed military supplies. "Italian troops escorted by 20  yesterday entered Adawa  fter taking Adlgrat" the latest '~ the. league ^stated. "Troops situated  Aduwn are still there. All  so far  daken place where our frontier guards nre small, Isolated . Our troops  not yet entered into action," "Tho Italian aggression  for several months against i Ethlopjan, to , urms for her ih  have  systematically refused. Is thus plainly effected in a  u- I lie front lo- Is clearly Mcfiiiiiil mill is</t>
  </si>
  <si>
    <t>                                           ADDIS ABABA (SNS)--In another note to the League of Nations, the Ethiopian government let Its position in the Italian war become clearly defined.</t>
  </si>
  <si>
    <t>                                           T^LIE* t rni vim ~-w r *~~l'</t>
  </si>
  <si>
    <t>                                           Brunswick Priest To Speak Sunday At St. Paul's                 The nor,,''ather J. Clyde Porrr, lector of the St. AthanasHis lih urch. Brunswick, On., will be the -nest -preacher at the St Punf*  church Sunday, October !3. at 11 o clock. Father Perry s the retiring president of tli c Conference of Church 'Workers ArauiiE Colorod People in the I'rovlice of Scn'iince and -.l of Ifio Xiuionni Conference of Church Workers Among Colored People. Sunday October 1:1 ls charter day for -s nf the B;        club, an  of churchmen who ore building the new parish house rectory. All  are expected to contribute mid nil members joining the club Sundny will be listed ns charter members nnd will hn%-e their (Continued on page 4; coi. 2)                 Brunswick Priest i (Continued from Page 1) j n: S ]."l in I In- I'lillc-liii. i 'I'Im- vi-~~,-il -  i- till' ill- j ri i- Mr.-. Km-  S j Cli: -. mill Mr.-. Mar. I i ^jiri-l I"i-d Flinl-f, .if. will .-upj.l.l .-  fur tin: '.u I pvn-jr;! iii Stimi:i\* will   lt- :hi i-.  i lcl r; vl' J     ..;~ C.mii lu Ulii'.ii ;ii m-i-,-Ii u i-1...-!; ill 111" ]:i !U' i- -I'llMni ;ll.    :   , an i rf.milin" scl'\ lies ;il M l':KlllT }-(Ii-ll :ihv;iys \vt.k-i   ~-"I..V- Si lV.'l's.                 Razor Slashes Send j Matron To Grady J Brought 10 Grady hospital, her body a mass of razor cuts, Mrs. Mary Harris, 25 of 966 Dimmock . told attending  that she was attacked by 22-year old Cornell Trulit, who also lived at the Dimmock street address. Moiivc for the attack was not disclosed to police. The Triiitt woman had escaped before Radio Patrolmen Hardcmnn and Henshffw . they reported. Mrs. Harris was permitted to return homo after receiving treatment.</t>
  </si>
  <si>
    <t>                                           ADDED impetus was given the Morris Brown march yesterday when Arthur L. Miller, former instructor in tailoring on the Morris Brown faculty and a stalwart Purple fan, insured a real turkey dinner for the Nicksmen. Mr. Miller, a sportsman and lover of competitive arts, being president of the National Golf Association of America, went into his role without solicitation and gave the team that represents Morris Brown at Poncey Park this afternoon, forty pounds of turkey meat in order that it...</t>
  </si>
  <si>
    <t>                                           Vacationists Return; Find RelativeDead                 Kounrt  in bed by relatives 3ii their return alter several day* , the body of Elijah Smith. of 180 Bnllcy street,  was removed to the Ircy brothers  home Sunday night. The widow, Mrs. Maude BrrtlUi, told police that, the ad tho rent ol the family had been IfTOdiner, an., attending a family reunion, leaving Smith at home alone since Friday. He did not appear to bo 111 when they left, tho, widow . So badly    ''              set, police believes; the man to have been  at  days ngo. No apparent marks ot  about his body. Homicide DAtecUvt* Englcbert and Denny,, detailed to,  ot the enst, .believe Smith's death was duo from natural causes. Funeral  have not yet been announced, pending a coroner s Inquest.                 JOSHUA  By I. P. .Ut A  and hU money *Ma pwi. but how about a foal Who AM  bad  ny money, ^l</t>
  </si>
  <si>
    <t>                                           Hopewell Baptists End Big Meet In Chamblee Today                 By Rev. A- Cell                 The Hopewcll Missionary BapliH Association opened its 51st Eession Thursday at the Zion Baptist church. Chamblcc. Ga.. the Rev. D. A- Dixon, pastor The Rev. W. A. Bell pastor of tile Icc. Baptist :. Atlanta, Is moderator.                 The Initial session was opened will) devotions by Rev. A. 7j. Lowe, vice moderator. Features of the first session included the appointment c.f committees, enrollment, applications for admission, and the reading of communications. At ii o", the Rev. H. H. WotidsoM.  of the First Bap;ist church. ClurUslcn, Gil preached the Introductory sermon from Kevclatiini. 1:!) using as. a theme "I Am Here Tor the Word of God." Rev- U. J. Williams gave the invocation.                 During tin:  recess. Rev. j Dlxcn and his members royally en-  U'c delegates with a line j . The afternoon session was opened with devotion by ZiOn of Chambicc. Ml. Cnrmcl. Atlanta, Ziun Kill and shady Grove delegates. Among ihe visitors introduced were Dr. .1. M. Nabrit, Miss E. B. Ilornsby. . C. M. cla.vt.on. Mrs. Curlic Roberts, Mrs. Betty Brown Rev. J. 51. Moore. Rev. Alphal.ett. Rev. .1. D. Sims. J. A. Usher, Deacon .lackson. Rev. J. A. Jackson. Miss Lillian Smith and Rev. A Bell Rrv. .1 tv. Tiite. pastor of Uie Thankful Baptist church of Dccator Introduced' a motion for a rising vote of thanks to Dr. Na'crii and his  remarks. This motion, (Continued on Page Z; Col. 6)                 Hopewell Baptists (Continued from Page which was one of the  points of tile service and a tribute In Inc state- lender, was .seconded Ijy Rev. R. H. Mimev. pastor of 1 lit: Ml.. Pleasant Baptist . South At- . Dr. Nabrii. in  . spoke op. the personal clement in lead- . i The afternoon fcnr.on was do- j  by Rev. w. H. Randolph, j ^ which, at rive o clock, Deacon D. G. lobster.  orr. presented a special  lesson In the evening, devotional ser- j                 vices were led by the .il choir with the welcome address bein;; Mivcn  Prof. C. M. Clayton of Decatiir. The Dccatur educator s .s was very Inspiring. Al eight o clock, the Rev. H. J. Jackson, pastor of the Central Baplist church. Norcross, Ga., preached the doctrinal . Today's program will be opened iit nine o clock with  by Thankful. Hcpewcll (Norcrnss) Friendship. Mason Chapel, Mt. Zion and Morniiijrside. Other events of the morning Include a "National Sunday School Lesson" by Deacon c. Muckles, a business period. Moderator W. A. Bell's annual address, a "alic.n period, and address by Dr. E. R. Carter, veteran pastor ol Friendship Baptist church on "The Christian's Chifferoiip, and the Associational Sermon" \~y Dr. W. B. Ecll. Thir . at three o clock. the Woman's Missionary Period, will te presided ever by Mrs. Emma Muckles, president of the women s j group. Devotinnttfs will be opened by Mt. Olive, pleasant Hill, Lawrcnccvilc and Appalochec messengers- Tcnisht. at eight o clock. Rev. B. J. Dotson. pastor of the Seccnci Bapti.st church. East Point, Ga. will preach the missionary sermon, brin.^in^ the mooting tn a close. Prior to ihe sermon. ;i number of events - been scheduled.  them the deve-tional  under the direction of the delegates from j Traveler's Rest, Unicn and Popular I Hill churches.                 IS PRESIDING                 REV. W. B. BELL ~~;istm- of the lamium l'.  (Atlanta') Shadv (: (irl. Mcl'lu'isnu ami 1' Uiilfjc Kiinvond      - oi the ' AssociaiMni.</t>
  </si>
  <si>
    <t>                                           The Hopewell Missionary Baptist Association opened its 51st session Thursday at the Zion Baptist church, Chamblee, Ga., the Rev. D. A. Dixon, pastor The Rev. W. A. Bell pastor of the Iconium Baptist church, Atlanta, is moderator.</t>
  </si>
  <si>
    <t>                                           *  nothing tfe     20 years that cam  (he piu* Or. MO*    -P1m Sufierets from Headieh*. Meunlgim, Toothache,         . Scfaitica, Rhetnnatlsm. Lumbuo. Neuritis, MussulM PalatTPtri.  Be Paint,  that  h*   oted Dr. MIIm Aati-          with better  than  barf ren hoped te. CouatlaH AznadcaB</t>
  </si>
  <si>
    <t>                                           RTNIMCaTE only negro daily newspaper, in the world ll..Ml .VOLUME 8, Nt'MBElt l-.il , "cX.~rm;.  8, 1 j35 PIUCe'fIVE CENTS</t>
  </si>
  <si>
    <t>                                           Noted Speakers Aid In Debut Of WATL                 The speakers on this all-colored ProirrBm will include John Wesley Dobhn, grand master of ihc Mfisons of the State of Georgia.. Prince Hall affiliation, who will discuss "Citizenship"; Dr. Forrester B. Washington, director of     Atlanta School of Social Work, who will sp-^ak on "Educition"; Cyrus Cnmpnelri, assistant  director of the Atlanta Lire Insurance Company, "Business"; and Pcan C. L. Hill of Turner Theolojical Seminary, "Religion." Music wil be furnished by four of the most outstanding- choirs of the city, namely Z'S Bethel, Central M. E., Thankful Baptist, Decatur, Georgia, and Butler Street Baptist church. This program -ill begin at 10 o clock and will come over station V/ATL during its  opening program Trhic'n Tuesday r., November 26. Graduate Omegas Elect Officers This Evening Eta Omega Chapter of the Omega Psi Phi Fraternity will meet tonight  at eight o clock at the Butler Street T. 11. C. A. Officers for the year 1S36 will be elected at this meeting. The follo-. officers have served the chapter for the past three years: J. B. Blayton, Basileus! C. U E. Monroe, Vice Babileus; jr. R. Aiijtelle, Keener of Records ami Peak and Chapter Editor; W. A. Hamilton, Keeper of Finance; A. C. Randall, Chaplain. C. P. Coles has served during the year 103 5 as assistant Keeper of Records. Dr. Willis .1. King, president of Oammon Theological Seminary, will speak during the meeting on tli^ Ethiopian situation. The Conclave Committed will make a report relative to pinna and program for the Twenty-third Annual Grand Conclave which convenes here December 27-30, inclusive Hnsts for the : aro J. DeKnven KUMnpsu-nrth, chairman; Walter Brown, Joseph Dennis, J. A. Gveen. Booker T. .,         McLilly, Thomas Peek, B. G.  and B. Ortfliths.</t>
  </si>
  <si>
    <t>                                           EL. Q     "~    Jmlouilv    *  .~l KuanUil iKram. No  KmI^t'^J ..l y,.u.  no InrnnnnHon. Itatirrtt Tub. Co.. S4 0 . Chicago. AImo about 10       Bookt Murrh    ] suci-  hook. This delicious cheese food b DIGESTIBLE AS MILK  ^^(~v HMdon io TelrceU'i  mild Cheddar Cfaccte  are   of many  It'a ] for . Sarra Kraft VclvccU- in , la cooked</t>
  </si>
  <si>
    <t>                                           A Thanksgiving Thought</t>
  </si>
  <si>
    <t>                                           Nearly every literary device has been utilized to do homage to the far-famed Joe Louis Critics extol his many strengths: poets sing of him: and columnists report his rise. Only the ancient civilizations of Greece and Rome have done more for then heroes. If they did a better job by their heroes than the quill drivers are doing for this black warrior. Joe Louis, it is because they were more gifted writers.</t>
  </si>
  <si>
    <t>                                           Turn It Loose! SHOUTS JOLLY FATS Waller So You Better Hurry! Tickets Are (Joinn Very Fast At All Four Bailey Theatres  THURS. NITE Admission 65c</t>
  </si>
  <si>
    <t>                                           The familiar old saying "They always ... back for more" might well be applied to Boyd W. Convers and his ... (Ga.) Blue ...two-time winners of the Dixie Semi-Prof ...Championship and traditional rivals of the championship pullman...</t>
  </si>
  <si>
    <t>                                           Comedy and Song Cram 'Music Is Magic' Film                 I A ^:iy, -F- romance-, 'Mu-  ' I.-, M:iL i~-," n    :  fca- I ; t U'- i;   '! ."infl t toll-like j                 Incliiil'/u in nit' cast an! Uu: i romantic y : jn ". 'Kay i U\.ll:-Si. -^ri *.:il. mil s 'jOi iK Sl" i ".*. Mihlicll n.'i'l Bnrant, I :iml Beh'.1 P:mii.-ls.     '.' urc gay  in "Music Is Mage," suny by Miss rave and Miss Daniels, and rib-tickling coin- v.'.y of tlie 'nuttiest" variety, and l:ivi?ji sin . The [lsr-,-;.  p:n-Ulinj: story  tiie  of two yi.uns lover.,, Miss i"; ami Walk- it, v.'lio go to Hollywood  i fa:!:-1 ;i:h l I'ortuny. .'i CnilnTorjllOt   !lC*TUs if.-'Olf I u itii  \i-    of Miss D. ls* I ii:ui^inor, Husina I., tor I'iiuiiiM-; I:ci.'k. I Mis.-   :.r,ii-;~. plays an i.lil-timi- I ai tr--* w':n i-; bo^i;niin^     lose I j 1 f;nnr. Mi.-~ Fr.ye, WnlUor i I : Miicli.-ll an.l  t nro - l.fis nf a v::vi!!~' ' - j -hit Mss Daniels. I'll.' a.r "ll"~~s"     Ut II future l'M l;lm; is . Tlio  four  ili ci lf^ fu iry  !  :l: in !ln:h .v.. They meet series of r  i:!i.~ ; Miss Kuyu i^  j i  :i job in :i l.', :uul \\':il:; -s .1  car m.-  ..nn:m. Finally Miss Vayo  to i ol-l-iin a chorus part in a musical pii-, v.-)iiU:VMit''holl sn l Pursuit j aiv  In play tho  of "- wiis" ill ill"   ir,. Miss i  ls i- I lio  .l.,nna. I I'.ui i.pr ini- Inn;:,  ha ^ii dial  Mivi DaniiMs nu( of ljr-r j .\r;~!- IV.yp mis if. -nf"Iin--. I  tin'  aU arc  ro- i  .'! :   \ ~:ii.-.',--  ,--, at l:i^r. I i Gi'.1 Mar- diri'^lpd tli*~ I t.^-i ii'.v-. .'li \    hy i -l.-. SU.U.</t>
  </si>
  <si>
    <t>                                           A gay, music-studded romance, "Music Is Magic," a Fox film featuring the talented and doll-like Alice Paye, beings today at the Georgian Theatre.</t>
  </si>
  <si>
    <t>                                           The birthday supper given Sunday, September 9, honoring Jessie S. Rome was a delightful affair. His wife Proved a charming hostess to his many friends that were gathered there.</t>
  </si>
  <si>
    <t>                                           "WKats H a -of- Interest ah Atlanta's                 Tomorrow Go To Church                 Bjr He*,   Arnold                 'Wull       ! We ura now Juat Olio day from our  go-. day. Will tomorrow find you In   ,u Loi.iV iw, or wilt  uvi-iu l ot li.-n? fid you lined up wILh      Uevir.' n  Moreover,   i.-.t no.) uny    -hy                  G.i Is , but  i forget  It pnj.i to nerve tli"        . We   i tin i it piny       , ,  Down ni . Oil, whore Jlev. J. W.  Ih r"   "r, Hit)  i.' will -l Hi'Htlay at Crumi JMulua Baptlut Clitircli. Ki'V. Uunltip *H a  duy. lie IlluiiH lu Imvo four Huryltice, Uiuiduy at hln * Out Rt 7.lon DIM           where Dr. J. T. Juhiinon Is  a content will bu hold  Dcttcon J. T.  un*l S. E. Oore, Jr., mhor will  Sundiiy night. Who will win?  e thure   NutT Sol. Ml. .nl LmpllHt Church  u Hplciidld  for the current   Monday night. Visit the church during the week. Rev. J. H. Daniel Is pastor. Down at Hnpevlll^ Rev. J. T. Singleton, pastor ot Sterling        M. E. Church will deliver                 a   Xclul sermon at 11 a. m. On that  elm church will bo tho  of v,       literary . Under the  of Mr*. Q. ,  undertaker, the ully-wldo  KCt-lo-         will be held Huuduy at :l p. m. ut tho Mt. Picaiani Bnptlkt church, South Atlunta, Rev. It. If. Mllner, . Tho Minion Hlrnor CMR  will HiiiiiiHor u       . Sun* (luy ut 4 p. m. Itev. U. u        .  Invlitii you. Out in Si. I'm ul AMG ClinroM ,r,, lu-v.  1. U'. .il l/i       .;r, the nw. Wllllni'il         had .-~ a  mit;          . The   will   in.'~,  night,  y0 IiIimI At Bin lict hoi AMIS Church 1'lire0 Sunday School  will combine Sunday.       Hill of Morrln Drown CollCKo will opon a  on "John (the MlnlaICr urn) HIh People.)" Following  a  program will Im        . Rov. D T. Bubcock, . Mr. J. E. Butler of Frlendslilp Baptlft Church writes a splendid  In Mr. Ike Reynold's column today. WHATEVER YOU DO, QO TO SOME CHURCH TOMORROW!</t>
  </si>
  <si>
    <t>                                           Well folks! We are now just one day from our regular go-to- church, day. Will tomorrow find you in the Lord's House, or will that period of time fed you lined up with the Devil's ferees? More over, you might not see any definite good obtained by giving...</t>
  </si>
  <si>
    <t>                                           BWgfjBWHrt        [      HERtlH         by Mar* Sindnc*. ttD C G E 0 R G I A 02 Decattir Street 1'1'RE C/VLtFORNtA WINKS 50c Bottle Pints 33c Hot Sandwiches Cold Drinks</t>
  </si>
  <si>
    <t>                                           Famous Oriental Herbs_Nature's Remedies, Herbs, Roots, Barks And Blood Tonic MESSAGE TO THE SUFFERERS ^JfljMfek ^'ou necc' not be discouraged about: your ^~'~p^^' . Clicor up. There is holp for you. ^Wl Th'S thc O'd           Herb :'"iP^iVS-':'' Specialist with his famous and harmless ::''%OB;:"   rools'  f  have ';-~B^^S?1'       uscc' Ior Mnturlea, and arc highly J^ recommended for sny trouble of the  ya'-^: -^Bl^^       UC'1 M lhc "' Stomach, Heart, ^H^^-'Y^H Liver, Kiilneyn, Blood Poison, Rheuma^B , Cntarrah, Weakness, Nervous. DOCTOR ne89      * Troublc, Constipation, ApT Y YOUNG Jr           'i Skin Diseases, Female. Troublo Vs'pECU iuS^B and n"        2S Yr. In To tho c whom ll        : Call at Atlanta once- Don't k ive up hope if others fail.     result Is pleasing to all who try it MALE OR FEMALE- CALL OR WRITE n mm m i DR. T. Y. YOUNG, Jr. WITH ORIENTAL HERB CO. CHINESE HERBS- ONLY NATURE REMEDY FOR EVERY DISEASE OF THE HUMAN BODY 132 Edtowood    . Phone: WAlnut 21   Allanla, Ca. j D.ily Hour.: 9 A. M. to 9 P. M.</t>
  </si>
  <si>
    <t>                                           Jerome Crain, young ship-builder, and a lovely society girl, named Linda, escape in a skiff from a yacht held in quarantine off San Cristobal. Jerome and Linda dislike each other; but, nevertheless, are willing to risk being mutually bored rather than endure an indefinite...</t>
  </si>
  <si>
    <t>                                           RALEIGH, N. C.--()-- Speaking on the first public program of the Shaw University Alpha ... Honor Society in the University Chapel on Friday, November ... Miss Elizabeth Schmokie Shaw University senior and vice president of the Shaw Honor Society.</t>
  </si>
  <si>
    <t>                                           Juries Bear Down In Effort To Halt Homicides Here                 LEAGUE ML BALLOT Oil SANCTIONS                 Only Two Nations In Opposition To Act To Halt Italians                 I EXPECT VICTORY                 C.F.N CVA. (SN31 Ar.-.-.r.- in            , wlum ihw Lon^ne of X.'i ion s me^ts , an nrr-  will he in  the invocation of full  upon Italy for her unwarranted invasion of Ethiopia                 However, two nf Italy's despot neighbors. 'Austria    1 Hunpary, have expressed a. friendly .-5 toward Italy, and, as the Wednes. day session npa.red.it3 , representatives of the two -i let it ho known that they weio ready to defend Italy. Baron Pompeo Aloisi, leader of tbo Italian delegation, is slated to be the first speaker against      imposition of the sanctions upon Italy for her aggression in Italy. Others who are opposed to the branding of Italy as an aggressor. iji_ this. _,caseI__as .well ..as.. :hose delegates wishing to ei^ press reservations for their governments, will be given a chance to spc-al:. It was Baron Merd Pflugl of         ?D(. i. the icu when he stated: "Austria cannot forget That in a fateful moment of bar history Italy contributed to safe.T. her integrity. The links Ui.it bind the Austrian people to i ho people of Italy are strong. Austria will not fall in a friendship that is destined to last through t;mo to come.' The Austrian leader was ; t.-~ the fi=.-.-~.m of Cban.".~li.iv P. in July nf ITO-l at a "' when the Italian army wa.s .'inr. us re:uly to move into Austria in the event, that the      :'u1 Nazi  of-  ^ make an  to seize tho A11si.rl.t11 L'nvernment. A similar Ftan.{ v.  ; taken b?  on paj:e 2: col. 7)                 Racliophoio Italian Advance in Ethiopia.                 Fire          e.       \f                 Italian  -fighters are shown in ihi; r.-..li.[.    . as they penetrated the Ethiopian interior, carrying flame throwers especially designed to rout the                 ftM-ifd Kthi.'~'i:. Tiiir:  ua. i! to Ronir  ta I., ami UiuiLimtt'".! lo Unito, Slate^ by .                 League Will (Continued from page 1) r.iis7.1o Dovi-lii-s. lender of Ilic .i:;]ri:lli ili . A poll of till' (Icle.^llc? rovi- Hint, i Ik- -ity of    ! (ri-.-s :ir(! in f: of ilic- imposition of -Hons upon . As :m  vole is not -cl. the; ~.-o-npt i: ill'  countries will imi - much, :ilt  il inny 1110:11)  iho ) of! i hn  will nol. Iw :is ofl  five :ts if l ho  nl  I'rnin nil . It is  tli.il nil of  mil inns,  lli.-iu tin- i\   , "ill  for 1 lu?  ; ion of llif? (-i-^iic :nnl fin;inei:il prelim; up-iii lt:ily wilh :i few i..-: possil ly m.- ri-.-fi-viu.'f.ns. All  rios e:is! in^ Ihfir li:tll.jls ::i;. ;i-si-rv:it ions :ti-iv      ',':ili-(l lo .v f"!- full s:nir_</t>
  </si>
  <si>
    <t>                                           GENEVA (SNS)--According to observers, when the League of Nation's meets today, an over-whelming majority will he in favor of the invocation of full sanctions upon Italy for her unwarranted invasion of Ethiopia.</t>
  </si>
  <si>
    <t>                                           TIM TYLER S :                 By Ufm Young                 ;felix, the cat                 -By Sullivan                 By Cy Hungerford                 PETER PEN                 By Nick Nichols                 It's A Great Life If You Don't Weaken                 By Jack Rabbit                 DAD AND I                 By Charles Stafford</t>
  </si>
  <si>
    <t>                                           Lift, all this to the ninth powerlight it up to God and we have worship; the inner shrine of it, not the cur-side of it. It may be set in a church: the heart stirred by great music or a prayer that carries us or while putting mittens and shoes on restless little hands and feet...</t>
  </si>
  <si>
    <t>                                           Atlanta Tennis Club To Meet I Tonight                 Til.- Alliilil:i TrlinU Hull will mud  il right n l    In I hi' office  C Dr. K- li. Uowilon. 1'pS 1-- Aiilmrii nvi-mio, N K., : lo (.i.' 1'v Hr. A I".- ll:    -r, iw\    (Continued. on Pngc G, Col. 7)                 Atlanta Tennis ICuntimicil from I'nge 1) I rli i  pn--nl ill' I In'        . I Ti. : Mill bv u ~"T,V      ...~-~,,,,t ~~~,,~H will I   - iM-rr.'.-l.-.l r-r Hi.' lull -  f 111.' .lull wlil.'h will ink,,  1'rl. . lA lub.T II, in ~)iu I Sllll-.'l I'llnlllu. j IIITi.rrs II Hi I IIH'llll'iT.- l.f III.' I'lllll in-.. ,'\~.- ii r.'.'..ril    -:      *T v.'nr I'm' li-mil- In AHiiiiIii ' T!i:~: ili-v pin n it. si,   .     , tin' i-      :iII ,f ill,,  nK\n.     i.r^.nis  f Hi,' (iiH. I Sllllr Asynclilllull, III 1,'   In Allniiln '                 :1m coining year. 'JTic major -i  event will 1   the Oorglu' Sliilc tour . Tilt; coming IpiiiiI* dunce no  will be thir  i-wii' ror *  of this fcv.-'      IDIk'i His nil of Hit-          'j  von by Allnntu  ); Ihu (mil ) trill     .v proI  .Jo,.Uib..~'1. ul  ji r- . l lnnx ii ri" living - in mi lie (- ovi ii more            In Mlunin  tin' mill i I ton  r new Miirts in ^ Ilirk, -h  In Slipl. II. L. Bfinwll. 1   In       cluss  next .</t>
  </si>
  <si>
    <t>                                           Stabbing of Soldier Is Investigated                 Tn-o were boinK held on  charges of  detectives, Wcdncidoy.,.. Wvestlzu ted  stabbing of a Fort McPhcrson  late Tuesday . Tliosc          save their names          Wltcox. M. of 11W Hood drive; 'and Mlu.Huttlc Corer. 24, 'of the      . Tho wounded  , H             for a stab wound of         cIMm ed y?   A  EHKiebcrt nnA            the wound, bur fulled to ~.      motive or the attack. HoinlclUc Wprohing the       .                 JOSHUA JONK* "*l By I. I*. I  nw in the poi*r     # Jtl Uml- mill, "    \ BB-' Hi.- - 81    ." 1 MotiUtr )*B^ Ito Ufiuil) __^-^^--  4'</t>
  </si>
  <si>
    <t>                                           JAckson 8180 262 Auburn, N. E. Cerry's Beauty Studio MONDAY, TUESDAY.  SPECIAL: We recondition your hair with oil treatment given free with each shampoo, press and curl- $1.00, Also shampoo, press and wave $1.00. GERALDINE MORRIS</t>
  </si>
  <si>
    <t>                                           Lynching Stains Georgia's Fair Record As Inquest Giuses                 NO ONE HELD IN GEORGIA LYNCHING                 Mob Seized Prisoner From Officer; On Way to Safety                 17TH FOR YEAR!                 VIEN-N'A, Ga. (SNS)- Georgia  th0 Hal of   f 1'i.U Friday night when Lewis Storks.. r,o years old, waa  '~y :i       -h overpowered ^ \"      of Pooly county he u-ua carrying (he elderly man to Fitzgerald for safety.                 j According to available record?, i It was Iho 17th lynching of the your and th0 first In tile, stale ,~f 'IcorKiii for nome time. As .-i        of th0 illegal , everybody Is  happy. for. when the coroner s In- i '       held before JustlCn of 1 I'faco W. V. Harris, the  returned was "death nt thn  I of ~(ai*Lle.~i unknown." I Evidence was introduced at the hearing tolling of tho finding of th0 mun t body dangling from n.  ree near the Vienna. Piixgemld . riddled by Marly  0-     lets. According to   nt' the Inquest Hnrrin hui been an  on i  of ti.! Keeling In Dooly county, how* over, was reported as running quite high, following- the  of IJinii. v.-hu ~'u u.i'1-  Suuday , The trouble that brought about tho elderly man s arrest      ~'hon  started to InvcstlI cute th0 disorder at a church I meeting. Harris. It Is reported. went to the rescue of, hla son who Is said to hove been one of thu persons charged with disturbing th0 meeting. Tho young man. who was then in the custody of the sheriff, managed to break for safety, tho father also making bis BCt away. Later, the  man was tracked  by a  with tho aid of bloodhounds and lodged in the Dooly county Jail. Hearing- threats of lynching, Sheriff Vlnson got In touch with i Judgo A. j. McDonald at Fitzgerald nnd informed him of the situation: Th0 Judge authorized tho officer to bring him to Fitzgerald for safekeeping. As tho  bearing Iho sheriff  his prisoner neared the city UmlU of Cordcia four automobiles loaded with men slopped the sheriffs car. grabbed th0 prisoner and took him back to Dooly couty, where, on a tree on the Sandy Mount road about (Continued on Page 6, Col. 4)                 No One Held (Continued from Paga 1) four miles from this city, be m lynched'. ai the Inquest. .Sheriff Vinson staled that he wai not able to Identify nny of tha members of the mob. The lynching of the aged man, the tint for tho year In Georgia. was the 2 7tii of tho year, according to available .' Heading the lynch list for 1935,' the. in a number of years and one that win apparently be greatly- Increased due:to tha failure of Congrew to- paas federal anti- ^Ltnit: would force the  Spro teec th0. lives of all citizens, is^ mIs-~. f'- (f-^USi.            ha* eight ;: ao far thin year,  i": ': Inclmled In the Hit' ot^         (1) \Ab Young, Slaj-don^Muia4''ii1  har0 crop orBan lief,';, ^"oti:  a s :i( 2)"''.k:"j: ';Tyiotii'r   ' .,'    ., ,;a  -Vj!?T:~."-.             - wu  lynch"-' ed;to    hls/property; ;  being; recorded' -oa a . (3) the ;    ";:'~- A.] Xllen'ihaW   uf Marka. Mien. R. D.;,  of ^to^.-latta ".. old  ;-.' lynched hear Wlg".     , Mlas.;;;; June 22. Bert' Moore, charged  Bltneltlng];a;, woman. taken tW?^ thev**:deputy sheriff-^ of ^?.d^     ;i?and:"        .    ..;'J';on -Ju'ly.:iB.; re)'"    10^-at the'..amev        ^ ea4 Moore?!fM;C,7 A v B'odle- i       ;: at PittifioroV Mtas-"!1       *6,; rafter.^taken .from^l }all,by^^HlSt:^m^rvS^ though? to;be; but '- gator, .have #only - v ;; .(8^        :$H,^^: ?~^e.  '?.'? I1!l\.are- cropper..^. union1-1, leader,! .who; was "*'*on Sep-" WmlHSr ?17,~   ;a;?Jury  i ,Miaai-,            (iting hla 'fnto" l-Alabamails. ;Sext In' line In tha' lynching  having three ^heri i 1UL Th0 first victim    * 'Johnson, v  *                , who.     removed  Jnll at Solma, j Ala.,; and lynched near / QtherV; wore Jim Press J</t>
  </si>
  <si>
    <t>                                           VIENNA, Ga. (SNS)--Georgia joined the list of lynching states of 1935 Friday night when Lewis Starks, 50 years old, was lynched by a mob which overpowered Sheriff Vinson of Dooly county as he was carrying the elderly man to Fitzgerald for safety.</t>
  </si>
  <si>
    <t>                                           New Hope Group Will Open Meet Tomorrow                 By REV. A. BELL                 The New Hope Association will jpen Wednesday morning Oct. 2 at an o clock at the First Baptist :hurch, Reynoldstown, Rev. A. L. :, pastor. The meeting will jo presided over by Rev. W. lordon. D. D. We urge all church- i !s to be present nnd to take part.                 From nil indications, It will be a great meeting, the greatest in the history of the Association. Rev. L. A. Plnkston of Augusta, On.,  the Wnlker Tabernacle Baptist church,  head of the  Minister's Union, and former pastor of the 3eulah                 church, Atlanta will be a guest speaker. Rev. s. P. Pellugrew, pastor of the West Hunter Buptlst , will take a lending pan In Che Association. Oilier- churches arc also expecting to take leading parts. The Rev. J. W. Tote, pastor of the Tlinnkful Baptist church, Dccatur, Gn.. the president or the Sunday School ai:d B. Y. P. U. convention ol the Hopewell Association, on his return from the Nattonnl convention, N. Y. City Jtopped In PltlsburB. Pn., where he tmd a successful revival. lie  (Contlnuod an Puf(e 2. Col. 2)                 New Hope Group I j (Continued from Page 1) ed a revival at Greenville. S. C. where he had the greatest revival In the history of the first Baptist, church, lie Is new engaged m the Anniversary ni hh . Dr. J. T. Dorscy conducting the services Tntf is one or the outstanding mini.' I ers of this country. !Rre;;t lender  church builder The Rev. B. J.         Jr. nae:ttr n the Ml. Calvary Baptist 'chilli h  city Is now engaged In a revival at thr Eiphth St. Bnn1 Us; . Oritfln, Oa., nev. M K. Johnsun. pastor. The Hcv. II J. Johnson, is nationally  as an .. he has   pri-ut  in thi.s stale, and him-  a ]).irt in all denominational work.</t>
  </si>
  <si>
    <t>                                           The New Hope Association will open Wednesday morning Oct. 2 at ten o'clock at the First Baptist church, Reynoldstown, Rev. A. L. Collins, pastor. The meeting will be presided over by Rev. G. W. Jordon, D. D. We urge all churches to be present and to take part.</t>
  </si>
  <si>
    <t>                                           ALONG A/HUSE/KENT ALLE                    Duke Ellington, who necklines vith his Famous Orchestra all thir, veek (tc^-. Oct. 25) at Loew's State , is ready to offer Ills newes; pus, "Reminiscing" to critical and  opinion, it is a full length  occupying lour 10 inch records :ides in recording. The Paramount                 Theatre, Los Angeles, informs us that the reception planned for Cab ?a.llc\v:iy s coast lour was one of .lie most pretentious and successful n history. All radio stations and '. cooperated and Cab and :is boys were met at Ihe train \\y leading political lights and by a :ommittee of California's : colored citizens. Cab            ant) his Cotton Club Orchestra  their Fanchor. and Marco our at the Los Angeles  October 24. The tour is -;   of the  of a nr. feature film featuring his -highness of ho-de-ho in a sing g. dan'. ii-.-. z^z-zuh- role                 Lucky Millinder. dynamic leader at the Mills Blue Rhythm Band, now on dance tour, is hard at work n^ I a new invention. He spends tht I we^ sraa'  .;; tn ben,! I less-- :or ," enthusiastic-leaders Lucky's new tune "Ride Red Ride" written 5oi Hertry '-Red" Allen, ace trumpeter with the Mills Blue Rhyth.-n ::and is proving to te an outstanding -raph record seller.. ..Duke Ellington's prize winning selection, "Solitude." has passed tlie 130,000 I mark in sheet music sales Moon r;lo\v Clulj hist  I'^ KvrmK. nifty hoofer und a cousin of Sonny Montjromory  "Three LiglMninsr Klafhcs" f^ino. also put !r a \vco\- .it t) before  tr. the i.  ^. Lon Reotl. limping from  - f".U      -tcd</t>
  </si>
  <si>
    <t>                                           Duke Ellington, who headlines with his Famous Orchestra all this week (beg. Oct. 25) at Loew's State Theatre, is ready to offer his newest pus, "Reminiscing" to critical and public opinion. It is a full length ... occupying four 10 inch records ... in recording. The Paramount...</t>
  </si>
  <si>
    <t>                                           Crackers Box Score t^iAy ( GAME)  ROCK-  b. r. h. po, a. e. Dlckshot, If ..--....4 0 0 0 0 0 Sanford. 2b ....4 0 0-230 Nonnenkamp. cf .A 0 0 8 0 0 Browne lb 3 1 1 13 0 0 Audms, 3b 4 I 1 0 1 0 Crawford, rf 4 1 1 1 0 0 Kane, ss 3 2 2 2. 8 0 Dickey, c 4 13 6 0 0 Sharpe, p 301010 Totats 33 6 0 27 13 0 ATLANTA    . r. h. po, a, e. Hamcl. cf 4 0 0 2 0 0 Hill. 3b 4 0-2100 Lipscomb. 2   4 0 12 4 0 Hooks, lb 4 0 1 10 1 0 Harris, lb 4 0 0 4 0 1 Barbe. It 4 1 2 0 0 Palmisino. c 4 0 0 2 2 0 Chatham, ss 3 0 2 3 11 Kellcy, p 3 0 0 1 5 0 Totals 34 1 7 27 13 3 !-! Rod; 00 040 00^ Atlanta 000 0U0 100- I Runs  in. Crawford. Kane Z Dickey. Chatham. Sliarpe 2, :ve hits. Craw-ford, Kane. Dickey 2 Sliarpe. Barbce: stolen base. Hill: sacrifice. Sharpe; double play. Palmisann to Chatham: left on basra. Li'tle Rock 3 Atlnnta.. C:  on bills, off. Sharpe.. 1, Kvllny.. 3; . by Sharpc 3. K^licy 2. Umpires. Ainsmith and CarupbtlL Time of Rime, 2:00.</t>
  </si>
  <si>
    <t>                                           70th ANNIVERSARY YEAR BORN TO SERVE Atlanta was just rising I above the ashes of Sherman's devastation. I National banking services were needed. i Although business conditions were far from encouraging, courageous, publicspirited General Alfred Austell and his asi sociates established the Atlanta National. Bank, from which The First National sprung. One of the foundation stones of the new Atlanta, it was an institution literally bom to serve. That objective has stood through the three score years and ten. Presentday officers arid employees of this onehundred-million-dollar institution ire ever mindful of the obligation of this bank for sound public service. First Rational Bank ATLANTA FOUNDED 1865 CAPITAL, SURPLUS and PROFITS $9,000,000 Mita Ofn M FIVE     *o: PSAOITra ST. it NORTH AVE. UE ind GORDON STS. EAST COURT SQUARE, DECATUR</t>
  </si>
  <si>
    <t>                                           A lovely informal affair on this evening will be the cocktail tea at which the club will entertain at the home of Mrs. Mary Williams in Tellaferro street. Cards have been sent to the various friends and other clubs as guests. The hour will be 6 o'clock and the affair...</t>
  </si>
  <si>
    <t>                                           SOMETHING NEW, SOMETHING DIFFERENT, SOMETHING BETTER With the New Valtcx I'rocess that has just been installed in our already modern equipped plant we are able to give the finest dry cleaning- service of any concern in the city. ONE DAY SERVICE. Suits i n Pressed O'Coats *VC While U Wait THE NEW Independent Cleaners Corner MITCHELL and DAVIS STS.</t>
  </si>
  <si>
    <t>                                           ItM'tor*     Lmt Kmiy  VUor. Owlrart  *~      Mnml by B.R.V. T.bl.11 Hnd itr     c^Mtvl^ trial *. and     *t(cUI . mn (   . ln*mt tl.io p*nt C.O/U WriU to \~~r.~    UibomtorlM. K. Main iu         .     .</t>
  </si>
  <si>
    <t>                                           TODAY ONLY Helen Mack In "CAPTAIN ' A N K" Cominn Sunday Bojnnglci Robinion e     Walbr In "HOORAY FOR LOVE"</t>
  </si>
  <si>
    <t>                                           Irvin C, Miller's Fast-Moving "Harlem Express "to Open Week'sStand on 81 Stage with Ramble at 12:01 Tonite!                 FILMFARE HAS , MUSIC, MELODRAMA                 Action Film Augments 81 Stage Revue                 r.,;,,,li.M I.,  I,  i-~i up i Hill, ll.- ll:i ,l.iii-.. li-iu:in-.l ' ih. i li:    'siim. lie- I Ml:ii'!. H..M..1H. III.- Sii:lki-     . i III.- l.i^.l.v II..  l :.nil .-vi-ii IliMi III!" ti-ii.-:.                 ll-i' i: j j:i i n.-rl i- .Ul.inhi lo Hi"  ll.uli- Sri.'1-.vii. s:i,     ." Llii' I1'""-:     -;.-]..in- ii:iiiii i  :-r :i ii..;,i:i\ ii..u l'; i  i-nip"   . Tin- Hi W   ;.  --  l"~i is  "IIP  I Mi. ni. :ilir:i('^ in "'~~~if. KMin--"' i!i" -inci.'i] Iri ia i'. MilliT slum-  iu: I i'~ ::il :     -:  -:tril-i- oil - ~-l I  l:lLi- M.:: :il 11* :l J 1 .1. ril. Tin- -':r.-i- sh.iw lii]:i* :i t-:\~t "t" 1 1;1.    : s wil! pi: i y 0 u-i-i-];'- sl:ii!il :ii h,. .-i r Do j  si him tlic:iHf. .IikI  i In- Ihijli- Scl. I si.iu!~. is i-xi-t-iiii-il .- :i il.-irl; : ili-i-i)  ry, Inn il is widely i -i-il lh:M till' lll iv .T SU!) .-iii-s tlic  of f In- :':i,pi Pil-'s s ul).ii-~'li hi-l uri-  y u O i Hi. Imirli- M^-'iiim ill" ; lli-..                 Ilc-Hlnl I ..I  l;,i i:,in:it:     - ; :~ml  l:    -~- . ;~~.,     I'.. i I In- ni*i "f Illf ln-w .Willi-   s 1 1 i unfed ,-    VI ;i in'-iv :is 'i oil; ('' I';. Ilii' Tiira: Il"f I Flushes, I'.Hly %,     :ivi t i I      . S.' Vngf. Hilly Vniiiis. I r.lilin:! Slllilh :nicl Slicl-i! Wrhli's I  il TInllvvvnnM Imnrt. j A      f , -'; I       ].r .-  i ..          (ho o.v- .irh-;  :     ''n.-n- Kxpross" po?    *'s. Hr:lV  V0I1 (Olt\ if ?   il :u your :ip:in in   iskin^' In sci! ''(lie .v," I'lillnu-ii!~ Iht n- nf :i li l  i:nn :- lli.-il yun lt.-irl Iiivii  it  l Iw.lln-r AIImtI. !~;)Ol(l ill       lo.iSt. SilK'C if HlO  wciv Known )m Jim! sent I he  . He  lo see l hi' Kill :]       ~-:is Hit' j 1 1 1 viiii- l.y  In. 1' insure lift- - til lii.s :   : iil.                 ~'  *r, he  :'li:i w JVh finite ( :i1     tin* matter if he li.-ifl    :i]i/     th.ii      would ;iclu;illy In- ^nMj tin*       day. Tlu'so  occur c;i rly in I liu-  nT *Iiui;i town      ;nl," I hi' Univi'fs;il my si fry ili;iin:i iiu\v I .; uli ill-- ~'-i"im-ii nL" Itiiilt'y's Si Hh'.-H:-.-, willi f.yh- T:      , :uu! V:- Ilii*i-c.ii in ft-Mtui-eil n-lcs. Tin* :.m is l:ii:l . t-ni    'ly ill San Knir.riM-o's  i Uiu? "]iiii::t c\vu M-i-iu- of son m- "I" i In liu si  crimes in (ho history. of Tin1 l'.- ry, principally Ilirn rhc   cf-rc(  ss of t he ('ItiiH .-I-.</t>
  </si>
  <si>
    <t>                                           Familiar to all who keep up with the Harlem-originated dance crazes are the Charleston, the Black Bottom, the Snake Hips, the Lindy Hop and even that late Truckin.</t>
  </si>
  <si>
    <t>                                           Madam Varder PALMIST and BUS1NEP1" ADVISOR Consult tbe wwu wbo . Special Thursday Num. bar with ad, Three question*     answered free. Will 1 1 M tall you-      at you II f J alone know il, your H^~ Mv*-at  aa it U, IV* Broar  Just a* flit will be, .Ja  ~^^~ram by *. Will ^^^~tall yen the real  of year *.  or lack et . If you "~I fact*, aad  ot , consult tali woman; If you ar. down-.      lore ,  . THIS MESSAGE IS FOR YOU. GIVES NAMES. All reading  or bo ... HOT IN TENT. 8m    , Vardar. Get off Car .at PoMhtare* Ava Paachtrt* Road 2 Blocks tbit lida of Bnckbaad. 1*71 PRArHTREF  Accept No</t>
  </si>
  <si>
    <t>                                           1 SOUGHT IK GRIFFIN                 Only Four-Testify In Grand 3 iry Hearing In 'Torch" Murder*                 AWAIT RETURNS                 By CUFF  (8NS Staff Cwrnwrinl)                 , Ga,- Though  confirmation ,wai lacking tats taft night, report* of tht Joint Indictment of' Dr. j. H. Moor* and       Cwnwall on murder  at the hand* of the. Spalding grand jury   before'  Monday, want undented.                 '-"v-rrf-mT.rr'-i w\  In open court until alter the newly formed grand Jury has completed all of iu business, which will probably,, be sometime today. E. A. Little, clerk ot the superior court, declared. Leading court attaches to "believe Hint the, grand Jury had returned n  on the' Joint Indictment against the Atlanta man. formally  them with the "torch" flaying lost August of pretty Lula Bowden, was the fact that only four of the seven witnesses  were called to . Three of  M witnesses were *. Cecelia Lyons,  baby sister: Hufus Fish, a brother-in-law; and. Mrs. Rufur-Fbh,. another sister. The fourth witness, "a white man. whoso  wns not obtained, was reported to have testified about hearing the screams of the .burning woman after noticing the ML Pleasant school building  in flames. The witness, it is said, it em?     a'  ie Highland MUls,      ^ ;IfJT,"e from the lonely spot on McCllntock road, where i C.^rned scho61  was After th0 grand Jury had herd testimony of the quartet of  General W. H. ConIte tal?i ?,!ed thc before  ,iate-, wlt)1CMes that they            ,,, a. co^ 4)                 Indictments (Continued from      were excused. Action of ihc solicitor in  the remainder of the witnesses indicated to Griffinites, familiar with local court procedure, hat a true bill had been voted. Solicitor Conners would neither leny nor confirm the reported indictment. Further leading to the .. belief prevailing her.e that true jills had been voted by tUe, grand jury, was the  that stole s "Witnesses .present were given, sub-;  to appear -for  dale ot the,  -next \Tjiesday.j Definite knowledge on' the grand jury s action -Monday^, w.-! bly  , afternoon; after all criminal business has been completed.5 it. \yas..said. The. indict-i men ts-:arof brought.1           \''. before Super, lor, .Judge. , before , are officially recorded.., -Neither .Dr.  ;jor: Eariy.,.jB.! .Carswell. 10-year old f former '.Griffin youth, were Jbrought.. the grand jury Monday. Dr. Moore occupies a solitary cell -.in. the-  Spalding county jail, while Carswell; --who" Is reported to_ made several  ts about tlie crime since his incarceration, is In I the city jail. Judge W. E. H. Searcy, Jr., of the Spalding Superior court. In charging the newly sworn iii October term grand jury, delivered a scathing denunciation oC a wave ot homicides in the county. 'and urged the grand jurors to do all within their power to hall it. Judge Searcy scored Commun-, ism. drunk driving, and the  of muny citizens to' serve on juries. W. Slbley was .elected foreman of the new grand jury, and L.; L. Evans, bailiff. The scheduled action of the grand Jury in the horrible slaying caused little excitement in  I peaceful country , whose re- sidents went quietly about their work as if nothing had happened. But there was an under current of tenseness and expectancy that could be felt among citizens of  races, though many were reluctant to. express 1L Cnc grizzly white-haired farmer, who stood leaning against the -2nd                 flour rotunda bannister In .the Spaiding courthouse, was .approached by this .writer. A conversation .developed and finally got around .to, the Moore ense. The grand jury ,ayas  in session in an adjoining room. He said that he was serving' on the traverse or trial jury this Icrm arid added, a grim -firmness in his voice, "I hope ;by God they pick me for that jury." He  on the floor in disgust Others were not so free In expressing their feelings about the slaying that .by .its very brutality and gruesomeness has shocked all Spalding county, They stood In small groups that suddenly became silent when strangers .approached. Biit -their 'faces registered .</t>
  </si>
  <si>
    <t>                                           GRIFFIN, Ga.,--Though official confirmation was lacking late last night, reports of the joint Indictment of. Dr. J. H. Moore and Early Carswell on murder charges at the hands of the, Spalding grand jury shortly before noon Monday, went undenied.</t>
  </si>
  <si>
    <t>                                           Prompt Help For Itching Eczema It'swonderfulthewaysoothing coolIn* Zemo brings prompt relief to itching, burning skin, even In severe cases. Itching soon stops  Zemo touches tender and irritated skin because of its rare ingredients. To relieve Rashes, Ringworm, and comfort the irritation of Eczema and Pim Jos always use dean, soothing Zcmo. lu1st on genuine Zemo. Approved by 9   5?  ]?      * Bureau, No. 4874. SCc, 60c, %l. All druggists'.</t>
  </si>
  <si>
    <t>                                           HE S SATISFIED                 Charlie Hodges, '77 year-  slay In prison Urn rest or Ills life! Jn Ion king over the records. Chairman E. L. Ralncy of the  ], found (hat the aged man, who was 54 years old when he was sent up from .Icnkln county In 1012 for murder, might be justly due u pardon. '-I've got no folks and no where to go, ao If the Governor turned mo  I'd still  here." Chairman Ralncy quotes the old man as saying. And It Is certain that the 77 year-old man will remain In the  stale* prison farm the  M of his lire and be perfectly happy.</t>
  </si>
  <si>
    <t>                                           I am staying in town today to see the football game between Morris Brown and Florida. Here's hoping that Coach Nicks can start some fireworks that will materialize.</t>
  </si>
  <si>
    <t>                                           TENSE MOMENT IN FILM                 Lovely Elissa Landi, featured with Paid CaviUiOKh.l Frances Drake and Kent Taylor in Paramonoto i: during:] drama, /'.Without KcRrcl", at    * Georpia        ', l!doe\~ii t1 seem pleased with (he contents of the letter she has just re-~ ceived, alt h our h Cavai:af;n  over her shoulder with approval. Harold YounR directed.</t>
  </si>
  <si>
    <t>                                           Dr. James Corry, Ex-Army Doctor 16 Years Experience in America and Abroad I served with both the American and British Armies during the World War J find  many people who are unable to pay, these 1 serve free at office, charge only for Medicine. Come after working hours. My offices are open daily until 8 o clock at night. 7'.     St.. N. R.. TVtwuro HOUSTON   IW  Plume: (CuJ Ad Out)    . PHone: MAin 6873 MAln 9087 TWO WEEK3 PYORRHEA TREATMENT, II</t>
  </si>
  <si>
    <t>                                           Pickens Says North Denies Negro Equal Educational Chances; Cites Facts                 By WILLIAM PICKENS                 I am writing in Denison, Texas. Last night in Ardmore, Oklahoma, very near to the Texas border, I spoke on the fight which colored people must make for equality of opportunity and equality before the law in America. Among other things I mentioned the                  being  by the NAACP now for higher  opportunity in the south and border- states. But I was not fair to the south for I should have mentioned tha fact that in Michigan right now theh Negro is  forced to fight for his equal right to higher education. We called attention last spring to the effort of certain narrow personalities in Michigan State college. Lansing, to prevent the Negro students from .':; their practice in teaching in      East Lansing High school, where ill the students of the educational department of the college are KiippoW to do practice teaching. When I was there I  the active opposition to Negro students coming from two southerners who were heading up the  ducational department, in spite of the fact that the pupils, parents and all others connected with the East Lansing school were overwhelmingly in favor of having the colored students teachers Rloncr with the white student teachers. Oscar W. Bnker.  tine lawyer of Bay City, took up the challenge and  from the State Board of Agriculture an admission that discrimination  colored students in any particular vns . and that they  hou d have their full rights in future at the C'. liege. Nevertheless one white man takes it into his two hands to  the laws all over, or to interpret them to suit himself, ard to attempt to send the colored students all the way to Detroit to practice their teaching, because the schools at Lansinp aro ''predominantly white". He  that it ii necessary to send the Negro students to teach in schools that are predominate col ore i on Urtrely colored in their student body, This one-man legislature ii                 none other, according to the Associated Press, than 'President Robert S. Shaw, President of Michigan State College. Evidently Maryland and Virginia are not the only states that try to deny the Negro equal educational opportunity: Michigan educators are trying the same thing, with far less reason, or excuse, for trying it But. Oscar W. Baker is still on the- job. and the rest of us should back him to the limit. Again he has taken up the challenge and written the State Board of Agriculture a statement and a demand. We quote one paragraph from his very clear statement.: 'There is no question but what under the law 1-resident Shaw would have no right to send colored students, taking this course, to Detroit for their "practice leaching", or treat them in any (Continued on page 5; Col. 5)                 Pickcns Says j (C'oiitiniK'il from I'urc 1 j other  than the other          . .1 waul, to to "11 word  ns "- . if any when ool'~r- j ril .Undents . this  Bi- in 1 he i future'. Mill I'rosidcnt Sliiiw nf III'1  of tilt1 Sclionl of .'Education of Mi'liiuan .SLalf CulK;(rc. attempts to 'send' thq. cnl . - donts to Dotroh.. or.'.. IHoin from taking /'  intr" at  East: l.  in exactly thei'.~~   ..:!Vinnneiv n^ I the oilier students, 1 ." l.o make fi ll'?f of -this in rhe 'Clrruii. Court of the. County of Inirham, mill -ly1 in tlu: Ku^ r.ourt," Roorl: Let. tho .vc.l Of ur:. liai l: K:iV,r,.</t>
  </si>
  <si>
    <t>                                           I am writing in Denison, Texas. Last night in Ardmore, Oklahoma, very near to the Texas border, I spoke on the fight which colored people must make for equality of opportunity and equality before the law--in America. Among other things I mentioned the fight...</t>
  </si>
  <si>
    <t>                                           Mrs. Lilla Little, of 386 Oartrell Street, S.E., was the center of attraction at a birthday party during which her special friends honored her at the Presklenrs' club rooms, 328 1-2 Auburn Avenue, N. E., at 10 o'clock Friday night, the twentieth.</t>
  </si>
  <si>
    <t>                                           FELIX BANKS KILLED III                  'Promising Insurance I Man's Career Is Ended Abruptly                 AN EX-ATLANTAN                 1LLE, Tenn. (SNS)- Many Knoxville colored people were stirred Wednesday morning at the announcement oC the shooting of Felix J. Banks, well known Atlanta Life Insurance manager, by Otto Gilbert, prominent citizen.                 According to the Public Guide, local weekly race publication, reports state that Banks was at the Gilbert home conversing about the payment of a claim to Mrs. Gilbert. "Mr. Gilbert," the Guide further stated, -has been in failing health for sometime and was at home when Mr. Banks called* During the conversation it is said that Mr. Gilbert walked into an ad. join ing. room and. returning witrH his shotgun in his hand fired the shot into Bank's body that resulted j in his death at 7:30 p. m. Tuesday. "Both men were well known to local people. Mr. Gilbert was for many years a trusted employe of the E. B. Mann Co.. undertakers, while Mr. Banks was well known and popular in Knoxville's young social set. The concensus of opinion is that this tragedy is not only very unfortunate, but that it was I very unnecessary and uncalled for." I Atlanlans, Wednesday, were con. siderably shocked to hear of the slaying of Mr. Batiks, better known to fellow Atlantans as -'Felix" in Knoxvillc Tenn., late Tuesday. Young Banks, a graduate of Morehouse college with the Class of 1931, was regarded as one of the most promising young college graduates of the last few years. He is survived by his father,' stepmother i and three sisters, the Misses Minnie. Ruth, mid Marie Banks, all of Atlanta. j While a student at Morehouse 1 college, young Banks was rated as an outstanding basketball star and many of his friends compare his consistent and persistent playing with the fine record he has made j as an insurance man. Local Atlanta Life Insurance ofI ficials were unable to give any details surrounding the shooting of Mr. Banks. Mr. L. M. Haywood, director of agencies here. who was the first to receive word of the tragedy, being informed of  occurrence via a long distance telephone conversation. Mrs. Banks, the stepmother of the tragedy victim, left early Wednesday for Knoxville, Tenn.. and it is expected that the remains will be returned to Atlanta sometime today. Young Banks has been with the Atlanta Life Insurance company practically all of the time since he received his degree from Morehouse. His rise in the insurance world has been regarded as  rapid, but well merited. A member of one of the special teams sent out by the Atlanta Life company to give college graduates a chance to make good, young Banks made good to the extent that he was later put in charge of a team. His continued fine work resulted in his promotion to the auditing department. This field work proved so satisfactorily that he was placed in charge of the Atlanta Life branch at Knoxville Tenn, one of the larger branches pan "1' the  High officiate of the company expressed deep regret at his passing, asserting that his death ab.  ended the career of a most promising young executive</t>
  </si>
  <si>
    <t>                                           KNOXVILLE, Tenn. --(SNS)-- Many Knoxville colored people were stirred Wednesday morning at the announcement of the shooting of Felix J. Banks. well known Atlanta Life Insurance manager, by Otto Gilbert, prominent citizen.</t>
  </si>
  <si>
    <t>                                           I VV C are now in our new low- Ij I lion, 53-55.S7        Ave.' (Car.- Ivy 8tJ, li where we are better prepared  ever to li serve you in every'1    . If Tou'll  oar  new  stocked with New, Moderately It TViced Mereh.,  of a eo*n- H plete line. of Furpitur* nd Honutwmbh- ings. To ol,d friend* Md1 sew we  K cordial             to visit tbh     . K Watch Papers for Formal I I Opening Value*! I I KING FURNITURE CO. jj ^1^ Auburn at Ivy ft /w y""^::2</t>
  </si>
  <si>
    <t>http://search.proquest.com/docview/490473860/</t>
  </si>
  <si>
    <t>                                           HE WONT CHANGE" COLOR                 A leop.ird won t change his spots and neither will Cab CaJloway consent to change his. color, though the decision may cost him a lucrative film contract in Hollywood. The -ho man was approached by a film studio for roles in which they were- to appear in  ace, while Al Jolsnn.f -tur of the picture would lie in blackface. Cab refused.</t>
  </si>
  <si>
    <t>                                           NextChampOf The World                 Mrs. BralriiT I1', living, uf Chii-iy. li.-; Joe Li-iii* ;i contract for an annuity insurance policy. Mrs.  i- :i  nr.- of tin: Mutual Life Insurance      ).-iny uf \Vw \~~rk. :-lic is a  of I'isU University ami has. been with Mutual ;.ifo fur five years, l rior to that slit was with Supreme Liberty Life for 10 years. Mrs.       is the only  woman in America licensed to sell '-'S.</t>
  </si>
  <si>
    <t>                                           It you want a thrill and to near some of the old time Ragtime ... the kind that used make you reel and rock; the kind that carries you back youder to those good old days when ... was aged in a still and wooden barrels and not aged in...</t>
  </si>
  <si>
    <t>                                           What does this country need must Let us see...is it education, wealth power, etc.? Maybe so and may he not! Well. I see where some say that we should give Ethiopia to Italy. They ... that would save the world from another world's War...</t>
  </si>
  <si>
    <t>                                           KJ9P^ Dr. MBsa ^  i^Hp tbt irr After    ^tl*n thn*  of suffering 6-619 nervous ailment, Mim Qiinriutd Pr. Nervine which '8    her roch    hat she wrote us an  letter. If you silver  "Nirot*.*tf t/ou- Ut  um!   , start ai     *n *,-Urt .ta*ily,,bl*~'kiti Algety, your  ort  out of order. ,~4 and relax them' with lit*  medicine .'thai "did     work" for this Colorado   Whethef*your;MNerves".     troubled you for hours bt. fot yean, you ll find "this; time. tested remedy, effective. At DrygJStort* ZSc .</t>
  </si>
  <si>
    <t>                                           STUDENTS PAT THintJTE TO WILL                  , Ala.- (ANP) As a special tribute In thn memory of tho lat0 Will       .  an one of th*~ warmest  of TunUogee Inxtltiile, mid tn  of Hie Into Wlloy Post, TimUegCo Insltutu  under the direction of Cap tain Prank L- Dryo,  -n tho rendition nf tho ro^i:lnr Sunday  program   tho pause       HilldentB  on While Hall Ijiwn  tood In    1 arad.</t>
  </si>
  <si>
    <t>                                           Big Fines Are Given Lottery Offenders                 T\   lottery offenders drew heavy  in Pulton criminal couri Wednesday. Jumes Smith, a station 'lli 1 was fined $125 or twelve months, suspended on payment of the fine: while W. G. Johnson drew u S150 fine with u m-months suspended sentence. Both Ones were assessed by Judge Jesse M. Wcod,                 CL0T1IKS MISSING Vance . 317  street, reported to police Wcdnesduy the theft of clothes valued at. close to $100. The victim said he left a woman and Leonard Willlnms nt his house when h. went to work. During tlic day. the  left ihc house and upon returning found Williams gone and the clothes                  Special Sermons to Continue at Turner Tin- M'rii's nf   iiH ia1 ^* in:: pi  il "l tin; Tiirmrr .Mumiiiiitintal A. M. K.  this wwU by "Itov, Vt, T. Tliurntou,  or of lilt* Pliu'.v Grow I tap 1 1st . KhiKbtou. ~"Iii., will (.' toil i^ lit win.- 1) -r I nt crusting ^t? is (Joli'-'i rod. The ]nsi. \n\\ Is sin tod for  . Uev. A. T.. -r,  of the  L'htirclt, is ^ *so   us nn unique wny of               Ills return to Turner for</t>
  </si>
  <si>
    <t>                                           i I L i m *taci ZASf 1-ITTS Cm^,,0* Ktlen   ,        I s,,,, s,,rv_v0 j "shi''"~;kts n i ma.vj^ Sga J</t>
  </si>
  <si>
    <t>                                           NEW COMEDY                 Allan Mowbray and Alice Brady arc offered together in *"L.ady Tubbs*' hilarious comedy feature now playing at the Capllol theatre. On the stage is eight acts of vaudeville and a   band.</t>
  </si>
  <si>
    <t>                                           BASEMENT Thrift Thursday 1-Day Specials! Featured Thrift Thursday fl^SEsL {he lulu types you want in 480"**?^^* U i 1 k w w Im V V 1 colorful dressy crepes ^^ H 2- woolen  ^^^^^S^affa H 2 for         CREPES: A.- and male- ^^^^^^J lasses   cereal!         ?rP^P^5 code, rust, wine WOCtt. K NIT ^^^^?^!^H 1 and 2.. Mew rich ~:o!nrs m^^^^~^^w rose, red, rust, block, . ra^^^^~MHfi green and combinations KS^a'^^^^31 Warm Bur Light Weight """"^^^^^SB SPORT gM COATS I^Bm S.00 ^r BOYS' BROADCLOTH SKIRTS 39c ^^^i special Fnsi-i.'olor print,    '~"}) ' Wool Pants r-^V^T VShorts- 6-12, Kniclrers- //i W }~%-$$Xy 8-16. Navv Cheviots. nf'/Ji Brushed Knit Sweaters vi-~^ j^P 1.29  Pull-over .     .'    ,r ..~~. /^Sj^^MS0C Also . -Si::r S-l I. // Dress Lengths, Sample Pieces SILKS ACETATES 7 c TO 1. 00 VALUES Thrift Thursday Only M.'.-isse tin: wry iii-\wsi ; Tor 'Ircssi's!   I'lm    -;   i"i:ii iiic:il '"in ii I .'il civ]   ! ~);n-k sh.-tdr"; ;  lil. All W-in.-li. Window Shades, 2 for 1.00 x 'ill. Oil-       . l)i:~.~r\ rr- i i ;      Quality Wofkmanship in SHOE REPAIRING to Keep Your Shoes Like New! Women's Half Soles 50c Heel Taps, 15c to Iffl Men's Half Soles 50c Rubber Heels, 25c-35c tO 1.00 Shoes Dyed Any Color!</t>
  </si>
  <si>
    <t>                                           THE YAMS what am. The proud prowler of these prize Georgia sweet potatoes is Rev. J. S. Creen of Atlnnta. Miss Eloise Keller. SNS switchboard operator, is                 shown admiring them. Staff photo by Mackny.                 LOVELY MISS- Evelyn J. Williams, daughter of Mr. and Mrs. W. J. William!! of Tampa, who graduated from G. S. Middleton                 high school Photo by Aroy R. Evans.                 BOYD BAPTISTS meet in Atlanta. Dr. H. A. Boyd, president uf the National Baptists, unincorporated, greets his old friend. Rev. E. R. Carter, .veteran pastor of the Friendship Baptist church, Atlanta, during a recent meeting of the New Hope Association                 Staff photo by Maekay.                 TUSKEGEE BOOSTER- Confrrensman Mitchell sat with Coach Cleve Abbott to cheer the Tigers tn a hard-earned victory over Morris Brown during: the recent football clash in Atlanta. Jnat behind can be seen E- N. Davit,                 WORLD managing editor. Staff photo by Mackay.                 (Right) THE CUBS lost and bo did John Parks, veteran Atlanta baseball follower, shown ii)s:de the hearse. Lucian Jones, SNS writer, who picked the Tigers preached Parka' 'funeral'! It's all in the fun promoted by I.. P. 'Deacon Jones' Reynolds. Atlanta World                 iit- Staff photo by Mackiy.</t>
  </si>
  <si>
    <t>                                           First Uncle Tom' Actor Passes Awav                 LOS ANGELES (A N P)- A veteran of 70-yrs. c.ti stage  screen. Willlfmi Robyns, white actor whs played in the original' cast of Uncle Tom's Cabin at the age of 11, died at.his home here last, week. He was well acquainted with Josiah       , ihe  Uncle Tom In -the Harriet Beoiher Stowe drama which helped' put an end to slavery. The play was orginally billed as "Life Among the Lowly." Robyns toured all English speaking countries. In recent years lie played old mnn  jn tlie films among , "Hell Fire Austin."</t>
  </si>
  <si>
    <t>                                           IN HOME TOWN                 Wg.      \~^ noted educational leader, who is  in his home town attending a meeting of Ihc board of trustees' of Knoxville college, or which he is member. The noted educator also  d Ihc students a I his Alma   with an inspirational address.</t>
  </si>
  <si>
    <t>                                           Miss Vessie Butler of 797 Simpson street, a popular student at Washington High school, will spend Thanksgiving and the week end with her parents in Macon, Ga. While there she will enjoy some of the social proclivities of the younger set.</t>
  </si>
  <si>
    <t>                                           The Sunday school lesson was interestingly discussed, Sunday, Mr. H. W. Russell, efficient representative of the Atlanta Life insurance company was a distinguished guest. During the morning worship period, prayer services were led by...</t>
  </si>
  <si>
    <t>                                           InsfantRelief ^OjL C6u$~Colds jf^l.;~ BroacfcunNttMesI      C Supplied By S YATES MILTON PHARMACIES $ 228 Auburn    . 767 Fair St. -A, AMOS DRUG STORE 3 Aihby        gj \?^~EF.F I C I r. NT ^""^1 :k Uic enly              - II :W  to a cup n\  II K Hour (or      icc:pci. *^.f* IIJ5 POWDER J! Same       today H i H as 45 years a^o u ill 'r1*1'**'111 w)**  kut</t>
  </si>
  <si>
    <t>                                           In the life of the christian the proper combination of thought and activity of prayer and work, is ever a problem. Certainly neither one of these sides of the normal christian's experiences can be safely neatened. The man who is always busy but takes little time for...</t>
  </si>
  <si>
    <t>                                           Rev. B.R. Holmes Gives Masterful Sunday Sermon                 Rev. B. n. '.i, . and founder of the Holmes Institute was the  speaker or  nuptial   morning, nev. Juckseu Minor,                 Rev. Holmes  In the prelude oi Ills sermon, that "Christianity Is losing Its Influence upon the people, nnd the time is approaching for a more conscientious group ot Christian leadership, in my opinion too many ministers are entering tlio ministry as u business and to  money. The ministry is a  ana. not a profession, a "true cuii minister of Ood, will not teir lies, , live a double lire, drink whiskey, piny milliners, lall to pity ills  debts, nnd mistreat ms Idmlly'. Any minister guilty of the above vices is not culled of God. la  cases this class of ministers is displacing the real called minister, because they   trained to preach und not culled. "Tlio churches will continue ta lose their grip upon tne member-; as well us the non-members, unless there Is a radical change in the leadership," declared the . What Is true among a   of ministers Is true among the laymen. Too many Join, the churches to  their business*, get In good society, and get a good rating when they want, a position . church can sponsor 'their fitness and character, such n class of members, with no Christ In Ills life, will not regard the principles and teachings of . Christ.  s loin; as this unfortunate condition, continues to exist In the . It will never regain its Influence with til 2 people, but will continue to decrease. At the close of the sermon, . Minor heartily endorsed tlie .sermon of Rev. Holmes, and said we men more ministers which  the courage to preach the gospel withou*. fear of not pleasing the neon!*! Rev. Minor paid a high tribute to the work of the Holmes Institute.</t>
  </si>
  <si>
    <t>                                           Rev. B. R. Holmes, president and founder of the Holmes Institute was the guest speaker or the Tabernacle Baptist church Sunday morning, Rev. Jackson Minor, pastor.</t>
  </si>
  <si>
    <t>                                           I PAINT!  j I IaVOY House Paint House Paint A lead and zinc paint made For inside or outside jobs. As to sell for 53.00. Our price good as any $2.00 paint. _GAL. $100_ GAL. $1.25 REP- QUICK 4-Hour Dry Enamel will not crack, peel, chip or how brush marks: Guaranteed to be as good as any CJJ AA on the market. Qt       j SHINGLE CREOSOTE PORCH and FLOOR , STAIN, gallon g()c. for interior and exterior floors. . :i high-grade, wash- Resists the most seven- weather able flat wall paint. exposure. Rcsular $3.75 $2.50 value. $1.(i5 value $2 40  in 20 beautiful LEAKPROOF ASBESTOS colors for hot or cold water LIQUID ROOF COATING, regular 10c. per lb. 7 C Kuaranteed to solve your leaky  PASTE PAINT. roof problems, Sjk-cIhI In 8 Kt.M value, sal. .$2.1)5 gallon  $3.00 All Kinds Of Roll Roofing At Bnrfcuin Prices Brushes and all other item* in the store too numerous to mention at similarly reduced prices. Oitt-Of-Town Orders Given Prompt Attention Economy I" A INT SALES CO. 97 BROAD ST., S. W. WA. 5104...</t>
  </si>
  <si>
    <t>                                           President William Alfred Fountain, executive of Morris Brown College and son of the eminent Bishop W. A. Fountain of the African Methodist episcopal church, begins another promising year at the regime of the widely known "self-help" institution with many...</t>
  </si>
  <si>
    <t>                                           MONTGOMERY, Ala.--Bearing down With gruelling practice session that ordinarily characterize mid-senses football preparation, Alabama State's coach, R. L. Lewis, sent his gridiron aspirants through one hour of spirited and furious scrimmage yesterday al College...</t>
  </si>
  <si>
    <t>                                           World Carrier Appeals to Subscribers to Help Him                 Subscribers to the Atlanta Dailv  are requested to make p:, for their paper only 10 thei: immediate carriers. In other word' pay ,hc carrier who delivers your  paper to  door. Complaints were received this week- from several boys who claim other boys, not                 Associated with the WcndVcirculallon department. are  from their customers. The Atlanta World's ure-Crnistmas contest for its fine group hustling and   reached a high mark Monday ni^lu when circulation Manager Charles. Bronncr posted lists ol nearly gc new subscribers secured Monday by qualified carriers. The lire-Christina*  contest will conic to a elca,. Dec ember is. The rivalry among tlic carriers is very keen and is growing move enthusiastic ewry day. Many awards In cash and  will be given .F. news carriers. Ttv World today prints a . in-' ^ letter, written by Ca'rriei' R. M. Shambcrger. who is in charge of the route covering Ashliy. MnnonTurner. Michigan and Simpsor. . Shambcrger is senior a!                 Morehouse Coiiegu. The letter reads in this wise: i "Di-ar Customer: j Since uie 7th of October. I have  to servo you as best I possibly i could. Jly efforts have been rewarded by you who have responded In a financial way. i For this, I wish to express my sincere thanks and  to yoi; io.r helping me. thus enabling rr.e  to qualify for one of the prizes of-  by the Atlanta Daily World, i Sl'. you desire to see your car- rier win a prize, there must be no fluctuation In your response for the l'.i'.vi lour weeks. This means that: not only will you greet  every Sunday morning with the very small amount you are supposed to pay him but that you will  convinced! your neighbor that he or she must . the. paper and will  your carrier to that neighbor. Further, there are two expression:* that some of us  eliminate. These expressions arc. "come back Wednesday, etc." si ml "I'll sec you next Sunday." How vile those  arc. They ruck  tc. lhv morale of your carrier. Now deep down In I your heart, you don't want to sn.v (Continued on Page 5, Col. 3)                 World Carrier (Continued from I'iipc 1) Uium- worn.'.. ; yr.ii can do ally- tiling if you want to hard . Hnvc you  thought or what j n carrier must    tln-t:tii;li In ,.nl,.~ I thai you -cL your paper on time? Exposure  0 all types ol  narly in Hie morning. Rain, , . Irc.sl anil nil  -r.s KYvCl him in Hit: wee hours ol Hie morn. Can't you pay a       - like Mini  cents every Sundayv I.- i il. worth It?  "nol. and if lhat iicr.son must.      !j dire nt  i.'. . Thai is i lit.- only .s.iU,. answer i Gifts at.  time        ^  ill Clulslmiis time. Ihrrc a u greater amount ol happiness ex-  d from ii i;ifl. "   : up to you to make your carrier l:a)Ji).\ i.y. li1! us ;,uy, pi ^'  lo win a cash prize. "J'15 the same - i lion  !  oT-il !:ill must  in -r lo reach ^    line, that wo must have. We ran make li with  fnm weeks 10 . For   have done and lur what you are ^uhr: lo do. . may 1 cs]m;ss my .1111Cei-n thanks. Yours lur service, R. M.  r. Carrier, Astu.y. Muion-Turner. Michigan and Simpson streets.</t>
  </si>
  <si>
    <t>                                           Subscribers to the Atlanta Daily World are requested to make payments for their paper only to their immediate carriers. In other words pay the carrier who delivers your paper to your door. Complaints were received this week from several boys who claim other boys, not...</t>
  </si>
  <si>
    <t>                                           Today t Tomorrow Helen Mack in CAPTAIN HURRICANE"</t>
  </si>
  <si>
    <t>                                           HOLLYWOOD--Samuel Goldwyn received a letter this week which baffled him. Written by a youthful colored boy, it asked:</t>
  </si>
  <si>
    <t>                                           SWELLING REDUCED And Short Breathing relieved when caused by unnatural collection of water in the abdomen, feet and legs, and when pressure above ankles leaves a dent. Trial package FREE. COLLUM MEDICINE COMPANY Dent 580, Atlanta, Ga. K*vM2_^B^^D til A Baby For You! If roo are deoM the Mmtac b*by all  tun     rMn far m baby s arm mad a baby s mila, do mat tfn  p hop*. Jut write to ** to Mn. MIMr-ed Owtmm, Kmmmm City. M*., ud he will MlrMftbMt a  JWmm   helped ker  tter  *~ld IS . Vbmy then amr thb hM helped Uketr    *. Witte         trj for Ihts           . N-518 Bute BvfUliur. Braullful  ,  y^ cdm. hair  all ov*r )^~HA Ih* world,      soar  W^  ^B Abuut the            Hnir- p JiT^J         It U a t*m- M0   Y pt#- ofl, . a        ^V^H And               all la     aVl. J J B^nd      and  ii M. fcl.iTJ to         ttw world'~    *t '       ), and alar*  4tr*  Ror*~n, a purse * ef L4Jav            , Lucky Mojo          Jm-, and 24 po^c 6*~uty Book. Kctone 1Mb:, Dvpt. 8-K-Il, ,         -.</t>
  </si>
  <si>
    <t>                                           Dr. James Cony, Ex-Army Doctor 16 Years Experience in America and Abroad I served  both the American and British Armies during the World War I find so many people who are unable to pay, these I serve free at office, charge only for Medicine. Come after working hours.: My office* are open daily until 8 o clock at night. seas e* ^^^sm^^; TWO WEEKS pYO^R^ TjffiSg^^ijt</t>
  </si>
  <si>
    <t>                                           CHICAGO --(ANP)-- The amateur hours, etherized by the major chains and given outlet by scores of local radio stations throughout the country, are giving sepia singers and musicians one of the best "breaks" in radio broadcasting. Take Major Bowes' program for...</t>
  </si>
  <si>
    <t>                                           TIM TYLER S LUCK                 By Lyns Youns*</t>
  </si>
  <si>
    <t>                                           Junior High Promotional Eyent ^ood                 Interesting promotional cxcr_     !l..thc^*-~School- division' of the Hooker T. Washington Jurilor-Scrilor High School, C- L. Harper, principal, were held Thursday night nt the Bethlehem Church of God, Bishop K. II. Burrusi .                 Honor students, were: Willie Amos, 'Hnrrisnn Arnold, Evelyn Belcher, Frnnklin Brltton, Annie Clements, Annie Edwards Ida Harris, Mnry Heard, Robert Invln. Sidney Johnsoii. Christine KimhroiiKh nml          . Isabel McMiillcn. Maude Meredith, Thoinim Payne, the . Mamie Hold. Ruth Saffo.E. C. Smith, Lois Smith, Xorenzo Smith the" . Glorln Taylor and Mnry Ware. Tho  Included: Oirli1 Willie Amos, Evelyn Belcher, Lucille Beldier, Alice Bolton, EllMbctH Bonds. Soaie Brooks. Hester Brown, Lnlir Bryant, Ellzn Buchnnan, Inez Bnrston, Geneva Carr. Msrinn Carter; Jessie Cash, Ids 'Mne Clnrkc, Annie Clements, Albea Cofor, Ruth (Continued on Page S, Col. 3)                 Junior High (Continued from page 1) K- D^. ^ Edwards, Pearline Ellison, nuth Gaines., Mnrtrnvot Glaus,  Goldsmith, ('race Oiis'-oni, Jrtsi IT.-irri.?: Tiielm.i Harris,   :. (tend .Miiry llc:inl, Cornelia Iliii;  Hill. Ethel . Kiln llou-. Klla Mao .Tjiclsson. Mnbcl .. Mattic J., Kmuiie Lev       :n. Mui'f Johnson: Dorothy Kefiney. Clnistlno KiinI'roiiBh, Uictmrtlinu Leslie, Johnnier,omax, Annie Kuril Imvc, .T:mie ll.. MiiihIc Mcreditli, Snra .Meredith, Xinn Killer.- tl?.zio Mitclniiu, Jiillu McBridc. Eva l.' 1s:i!ilM McMiiIIct, Alhcrta .Veal. Minnie Peck, Leila Perry, Terrv I'otcrs, Eunice Knmlolph, Connie Klchnrrls. Julia . Minnie I Reid, Thelmit . Kcturnli Kohorts, Rnlh Saffo;  SI =. Mnrjoriv' Simp- son. Dorothy Smith. Lois Sraitli, I.ula Smith.' Vivian Springer, 'llori.n Tsiylor .Tniia Thiiriiiiiiul. Idithle Tolhen, Jlsir.r Wnru. M.-.i-v Wwiiis. Ireiip \V(~ll.s, Thelin.i Whatley. AftJlio \Villumis. Annie j                 Kn niters nml .Thnuuic ToIIk-Vi.. Boys j IJornrc Anderson, Iliirrison Am-!' old, Abrnlwin l'.arks.l:i]r. ::i . Eilward I:, M:in.sir Ohpsrimr. Ii'vin P.tuM, [~-a:ic Pon'. Itoljrrr l-'r\vin, P. Ilintou. Siilm\v .^nn Wlllio Jolnrcnii, Jticlinnl .Inm*. j  II. C.' Junes. Ilonry                 r.. Ernest,. .Mnsscy. Uieli.'inl MuiMnx. .Evans' Marsl::ill, RiHull Mntliis. 1.0011 Jlinor, Morton Morvell. .Inmos Morris: Tlinnms Tayno, -s l(it-liii\ Srcrlim Ross, E. C- Siniili, l. Smith. Ilcrman Terrell, . Williams. Oscar Williams. f: Wi-st, l.          :n,,~ Thi-1b.n Brown</t>
  </si>
  <si>
    <t>                                           Interesting propotional exerciess of the Junior High School division of the Booker T. Washington Junior-Senior High School, C. L. Harper, principal, were held Thursday night at the Bethlehem Church of God, Bishop K. H. Burrus, pastor.</t>
  </si>
  <si>
    <t>                                           TONIGHT, starting at eight o'clock, the World Champion Renaissance basketball team from New York will engage the interest of an expected gathering of 1,500 at Sunset Casino...Atlanta Society, like local basketball enthusiasts, will turn out en masse for the occasion...Several features have been included in the night's festivities to support general interest already manifest in the game itself...For instance, J. Neal Montgomery and his orchestra are...</t>
  </si>
  <si>
    <t>                                           Georgia r  i I 11 W!H?JL I "VQMUk Bt I I AIM V*iW I - I   _tt4     . j I tn Wru WiinUH LMO* j</t>
  </si>
  <si>
    <t>                                           EP TOFi AIL 1 Tgl -i =: ATLANTA DAILY WORLD ATT.AWri n a 5_ 7 7 i</t>
  </si>
  <si>
    <t>                                           Moved To 139 Ellis St., N. E. Dr. James Corry, Ex-Army Doctor 10 Years Experience in America and Abroad I SERVED WITH  THIi AMERICAN ANJ) BRITISH ARMIES Dl'RINU THE WORLD WAR. 1 FIND SO MANY PEOPLE WHO ARE UNABLE TO PAY. THESIS I SERVE FREE AT . CHARGE ONLY TOR MEDICINE. Come after working hours. My offices are open daily untl 8 o clock at night. Office Phone: MAin H873 Res. Phone: Main 3087 (CUT AD OUT) 139 ELLIS ST., N. E. TWO WEEKS PYORRHEA TREATMENT SI</t>
  </si>
  <si>
    <t>                                           GREENSBORO, N. C.--(SNS)-- Bennett College has just been given a grant of $8,000 by the General Education Board for the purpose of increasing equipment and facilities $2,500 of this amount is to be used to purchase books and will add approximately...</t>
  </si>
  <si>
    <t>                                           HARLEM TIMES Today Willlim     .r POWELL, ROGERS "Star Of Midnight" LAST TIMES TODAY LINCOLN i UsBSSDm.1  m            (            . WM*k Oriwjft.4 t.r run thun%  nd -..  t *!~}*' MM(s w,  Mt Av. r*^</t>
  </si>
  <si>
    <t>                                           Mid-term graduating aid promotional exercises of the elemetary, junior and senior high schools hold keen interest as thousands will receive certificates of promotion and graduation.</t>
  </si>
  <si>
    <t>                                           What's Happening of Interest Among Atlanta's Churches!</t>
  </si>
  <si>
    <t>                                           ANOTHER BIG IE MEET CLOSES                 Morris Brown's Fine Record Is Related By Fountains                 GOOD ADDRESSES                 T*y REV. C. A.                  -VACON. Ga.- especial)- At an early hour Sunday people   into the Central city or the state from all sections of Georgia to witness the closing scenes of the Macon Georgia Conference the seventh of ser^s of , i.- Bishop w. A. Foun-                 tain has   !n different section? of the state. The Sunday school was very  conducted by the conference superintendents, featuring a review of the lesson by Dean Charles L. Hill, and n, short address on the accomplishments of Morris Brown co!lege by President Fountain. The ordination sermon by the1 bishop was a spiritual feast and caused an outbreak of the Holy Spirit Perhaps the bishop never preached to gre$ter advantage  upon this occasion. Again he  the meetins ofthe elected delegates to the General Conference which convenes in N*~w York next May, to meet Friday, November 29, at 10 a. m. in St. James A. M. E. church savannah. The delegates elected in this conference  Drs. M. A. fountain, J. M. Miller. David Norris, p.. J. Jefferson. E. Grieg?, P.. H. Sorter and F. Moore, who headed the resolution requesting the return of the bishop for another . which was unanimously adopted. Bishop Fountain hns grown steadily into the minds and hearts or (lie ministers and laity of Georgia, who seemingly stand ready to follow his leadership wiLlingly. All occurrence ot unusual moment was that of a cow bein^ given for the cause of Christian education on educational night by Mr. James Dupree of Jones county. This Js the Second cow that Mr. Dupree has raised and donated for the snored cause of education. The  visitors were Drs. S. Morris, secretary- treasurer of the A. C. E. League Department; A. P. Spears of Columbia. S. c., a candidate for the office of secretary treasurer of the A. C. E. League Department: Clias. II. Fountain of Wcstclicster, pa., a brother to the bishop, and Presiding Elders J. I. stringer, I. a. mass. J. W. Dennis, A. A. Duni-ans. w. C. Kelley, .1. A. Hadley, J. H. Bryan. C. A. Winsfield, W. P. Shermon, H. Dunn arid G. 11. l.itu , W. Boyd Lawrence, i IT. 13. Davis, C. C. Crouch, B. V. j Thornton and others,  the I following pastors associating: Revs. ,T. H. Edge. J. S. Brynn, D. S. Saunders, A. M. Roberts, w. B. I AVood, II. I, Bcsrden, Horace Williams, E. T. Ridley, and many others from all parts of the state. The highlights of the conference during the Institute period were the addresses of President W. A. Fountain. Dean Charles L. Hill, Prof. J. H. Lee of the agricultural department of the state and Mrs. .T. A. Fountain, connectional treasurer and r, superintendent of Ihr \V. H. and F. M.; Jlrs. G. H. Dunn, state president ot V". H. and F. M.. and Mrs. E. S. Kiles, conference president whose enlightening remarks will  long in the hearts of the vast audience. Drs. K. j. Jefferson and R. H. Porter delivered the annual and missionary sermons, respectively. The conference tendered Its heart-felt thanks to Dr. M. A. Fountain and his hospitality for Fountain and his hospitable people for the splendid manner in which tho conference was entertained, Bishop Fountain again advised the ministers to live upright lives among the people they are to serve and read the appointments. rhey will appear in Tuesday's World,.</t>
  </si>
  <si>
    <t>                                           MACON, Ga.--()--At an early hour Sunday people began pouring into the Central City of the state from all sections of Georgia to witness the closing scenes of the Macon Georgia Conference the seventh of a series of eight, which Bishop...</t>
  </si>
  <si>
    <t>                                           3-STAR CAPITOL FILM                 Kdnmiul Lowe. Karen Morlev and I'.uil O..1, -,ll ir.UTJhr \7!IT "1C Mw :1^ S^- ii im      ,~.   ,lch  weel. .) it n,.. K; ;- f irlr (~     ;  :~r tf^-Ftorit  Cnn" G;il)  ;s Td -hT</t>
  </si>
  <si>
    <t>                                           Two white men riding in a black sedan automobile stopped Henry Green, drugstore delivery boy at Polo and 19th Streets, Saturday to rob him of $2 in cash, Green reported to police.</t>
  </si>
  <si>
    <t>                                           THE GIRL WITH THE LOVELY VOICE                 ]\~L... r. I.M'.\NT" ill .\~/~.i.i:\ll-"K'E.\"r )1'..-~i:..~.-- iw.\ mw ; ii ilv t.'-liOR'.ilA Momhy, Jammry 20.</t>
  </si>
  <si>
    <t>                                           Dr. James Corry, Ex-Army Doctor Ifr Years Experience in America and Abroad I served with both the American and British Armies during the World Wai* I find so many people who are unable to pay, these I serve free at office, charge only for Medicine. Come after working hours. My offices i are open daily until 8 o clock at night. 75 Ivy St, N. E., Between HOUSTON and AUBURN Offie* Pftpne: (Cut Ad Out) Bes. Phone: MAT* 687S MAto 3087 13^6 WEEKS  A TREATMENT, -4ET:-^</t>
  </si>
  <si>
    <t>                                           RmIhUUI^Um l^^^B 'ONLY NEGRO DAILY NEWSPAPER IN ._T.HE WORLD              VOLUME 8. NUMBER 324 ATLANTA, GA., SUNDAY, JANUARY 1!), I93G PRICE EIGHT CENT</t>
  </si>
  <si>
    <t>                                           104th Homicide Recorded as Woman Dies                 Another homicide was recorded Friday Kivlnq Atlanta Its 10-Uh for the your. Miss r.nlh Glass, 'JO, rear lit! Pryor street, lilt on the held with a ; on November 7, died Thursday morning nt Orady . Death occurred at 2:23 . IjM. Cox Brothers. HI Mm '00''' ""''Crtalt"S, arc In  IIHl of the horty. ^0 m Police .arc seeking p n u I Moon,  Tictl". who.  to witnesses, attacked the  woman while she was   a man on Orange street. Woman Shot Mrs. Ora Bell Moore, m, .(81! Lamhert street, was treated at Grndy  late Friday night for a  wound. The slug entered her  side and passed out through      back. Neither Mrs. Moore nor mem bors of lu r family would Give reasons for i.ho shooting. OlllrCr;i Manard and Mosley Invcsiigntcd Ihn rase. The wounded woman is the  of Darnell Moore and la the ( oC Mrs. Ara, ^, who according to police operates a grocery store at  0 I^.</t>
  </si>
  <si>
    <t>                                           DAILY NtWtp^^K IN TKl WOULD FOUNDED AUGUST S, 1928 BY W. A. SCOTT Entered in the Post Office at Atlanta, Ga., as second-class mail under act of Congress, March 3, 187!). Published Daily and Sunday at 210 Auburn Avenue, N. E., By SCOTT NEWSPAPER SYNDICATE Telephone.; WAInut 1459  nd 1460 C. A. SCOTT General Mnnngor J. R. PATTERSON"""""'.""""""..""".""".'     . General Manager E. N. DAVIS Managing Editor SUBSCRIPTION RATES: DAILY:- 1 Yr. $9.25; 6 Months $4.75: 3 Month. $2.50: 1 Month 90c SATURDAY ONLY 1 Yr. S3.00; 6 Month* $2.00; 3 Monih. $1.25; Canada: 1 Yr. $4.50; 6 Month. $2.75: Foreign; 1 Yr. S5.50; .6 Monlh. $3.75. 1 MEMBER OF THE ASSOCIATED NEGRO PRESS j NATIONAL ADVERTISING REPRESENTATIVE W. B. Z1FF CO., Chicajo, III., and New York, N. Y.</t>
  </si>
  <si>
    <t>                                           A S P STORE PICKETS YET HEW BUSY                 Patient Watchers At Store Hopeful of Early Victory                 QUIET REPORTED                 "All Wii.s ,,i,jut 0~, [I,,. W(.stt.,.n 'rent" us the --- ^n  by a  of Wcs! Siders  the Wnst Hiuitcr and AsJiby streets A and p store enter. I'd its  daw Wertnesdav.                 Police Mood guard  the More with drawn -d-off riot  un.tt hiii. radio cars cruised the nei^         . though] no  of -ee lias marked the economic siege against I he store Lodged in Ftiiton Tower after lie was unable, to post S200 bond. 40year Dennis Redwinc. over       alleged beating last Saturday night, tile West, side residents became enraged, will probably lace Irial on "simple larceny" charges before Judge Wood in Vtuion Criminal court Friday morning1. Members of the nil- -j " in the store. .-ion^lH ro justify their  attack un Rcdwine. tli.unemployed  of three children, by claiming - he was ! to steal si pound sack ol Migsir. Kcdu'inc.  isis ~)  !  in police court denied that ho was stealing tin; j-n-.-ar. declining that he ~'a.s  10 pay tnc          when he wus . Attaches of City Solicitor McCielIsuid's !      !      ./jn  that no accusation had iici!,, sworn o("t  Siiiii.~i Kedwinc. ^li he is  held under a S200 bond. if tin; accusation is nut taken out this week. Hcdivincs ca*c will be  docketed and he will be given i hi.s . it was explained. But the sell-appointed group of j West Siricrs who have maintained j the picket line  Ihe store, in the Istce of police i*llori.i tu break it. openly  that they we.nlf' (Continued on Page 6, Col. 5)                 A 8 P Store (Continued from page U ;icc-pl no .i;. Tint -ei* ul ihc  ;tro ^ lh:il l Ik- .-~.     l.llu -.nl  t III.1 WV.-.L Sicli:                 residential secton. employ colored clerks. Two , one composed of the local branch, NAACl1 und Hit Urban League, and tlic other u.1 West Side representatives, cornered with B. p. Vinion, vie president 01 the grocery  at the Atlnntn office Tuesday. Though nut promising   he would employ Ncgru help, the store executive, hinted Hut lie was  that a  .solution to (he problem could be worked out. Mint that some .sort nf HOlulluu In the problem would come . whs dropped by one. ol the .-, stationed on guard at  slon: Wedr.Csdny "You boys won t lime to huu:: around here tomorrow." ihc pc.liii man was quoted as .sayin^. Whether the  c.f the  would be met hy tlie  store, or the place closed, wus noi known. Ouu customer who dolled the  to enter the store Wednesday, shouted t:iel: lu the ^roup  her "meat ami " was  hum the A and I'. She was  as Sirs.                 sic Butler, ol 951 Palmcllo avenue. sc..sl. who said Hun her . Gabriel Butler Imcl been employed in the warehouse of     chain slorc lor more Ihiin twenty years. Morc   official"  was  Hie  Wcdnc.-day.  'I'. M. Alexander, secretary of the Allitnlii Negro Chamber U' Comment, in a communication to the WOULD revealed that his  w;*s '~in absolute accord with ihc ui   are handling thc A and p. stoic situation." His  in lull re. ids Thc Atlanta Negro Chamiicr ol Commerce wishes 10 advise irs members and tile ;  :i in   . "(~. with ihc .-, which aiu              A  I" store .. "We have not  public: our altitude  this   because we fell it w;il anil Hi bo very   r.y  organization* of our group. "We wish to ask ihe i.; pi;    : lo  in    these organizations thai th-ir aim i might be achieved. j -Wc wish to commend those win. have In such an orderly way             . an effective jub "I pli:;. Only when we  . in such a manner .shall wi: i.k able lo procure for . Jlisticc fair-play and proper respect." II was sailed by '1'. M. Alcxanili"." ks secretary. Thc head ol thc local branch the NAACP. who Is working on a committee composed of B. A. .[. head of thc Atlanta branch "1 thc Urban League, and T. .1 FcrKU.son. prominent business man  liu Is  the citizens at lar^c expressed much  ever lh_ fact that tlic picketing has   out           =ily a nil orderly and has been marked lly no display of violence. Thc joint committee. in compliance with the -st ol A and officials, laic yesterday, dispatched an outline of thc. . procedure that mi^ht  the boycott lo a satisfactory close for all concerned.</t>
  </si>
  <si>
    <t>                                           "All was quiet, on the western trent" as the "buy-nothing" campaign instituted by a group of West Siders against the West Hunter and Ashby streets A and P store entered its fourth day Wednesday.</t>
  </si>
  <si>
    <t>                                           Jerome Crain, young naval architect, and a wealthy society girl, named Linda, are guests aboard the yacht owned by the millionaire, Thomas Tucker, anchored at San Cristobal. Jerome and Linda are bored with one another and when the other guests go ashore the...</t>
  </si>
  <si>
    <t>                                           The football season, locally, has been a distinct charge from the over-stereotyped sessions of other, autumns, Morehouse again ripped to the front after four years or indifferent success Frank Forbes and 'Ink' Williams managed to build a strong offensive combination which scored on every team it met. It is the only team to which Atlanta may point with pride because it stayed in the race from the start until a few days ago...</t>
  </si>
  <si>
    <t>                                           "HSHlMfflyffl NO SUCK ^  War Todtq filling As' 44        ,jk 35         3</t>
  </si>
  <si>
    <t>                                           /.THE.. MOVIE REPORTER                 NEW ROYAL- "China     " with CUrlc Cable,      Hurlow, Wallace Beery, Lewi* Slonc  nd Dudley         AUo ChAr!ir: Cliitre comedy.                 BAILEY S -ONi: "O'ShauRhnciiy'i Boy" with    - j      'Macliinc-Cun Butch' Bee- i ry, Jackie Cooper, Clarence Muie. and Spanlcy McFarland) Chapter two. "Cb.II of the SavaRc" with Ncah Beer)', Jr., and Charlie Chase comedy. i BAILEY S NEW ASHBY "Ann. Karenma" with Frederic March, Creti. Carbo. May Roblon and Freddie Bartholomew. BAILEY S STRAND- "Brand of Hule" with Bob Steele: Laurel and Hnrdv . Doon open at 12 o clock. :- -The scone in "0 Shnue- s Boy", current ill the SI "'hero :i Hirer rides on :n\ elephant s   :n:k  a  of fire........Bec!.v  tlio  n-o-ncr in    ; picture-,       .~ Cooper appears us his son Clarence      is Ru'eh Brew's cl^s^ii friend in the film showing last time? today Anna may  "ro in the same picture at the SI .... s thn elephant arc! actually likes to masticate the v.     Drcfera cigarettes :md takes a whole pack at the time....  sweeping nn boar.-l I he shin in "China Seas the maritime Hrpnia in     "h Jenn ITarlow, Clark Gnhle an l Wallace Reerv aro co- at the Roval .....the terrific hurricane which wracks the ship as it plows its way clown the wild southeast coast of Asia  scents in "Anna K^*"  il.     Ashh;' n regal officer s banquet ....u gal* Mofcow  scene in which Garbo danr" -the -takin!?  leci'0'o..... Garbo (?     up her . home and husband to follow Fraloric March, so passionate is her love for the  Ri's'inn officer. THANKSr. DAY  es will not be complete       vou have seen at least one of the swelegant film of.  in store at Bailey'  .           Snencer Tr.icv in "The Murder Man."</t>
  </si>
  <si>
    <t>                                           BAILEY'S NEW ROYAL--"China Seas" with Clark Gable, Jean Harlow, Wallace Beery, Lewis Stone and Dudley Digges; Also Charlie Chase comedy.</t>
  </si>
  <si>
    <t>                                           Winn Gets 12 Months On Shooting Charges                 Nabbed on a three--ohl charge or  with  to murder Rrowinp out of the shooting oC three men in Oakland City. Joe Winn was sentenced to servo 12 months on tile      JudKC Moore Monday. Three men, George Williams. Frank Williams anil .1. IT. Love, all related, testified that winn had wounded them with a shot gun during a  dispute In November, 1932. winn eluded pollen capture     three years, nnd was Ihiiilly 1'! by Detective A. A. Hamilton, whe: ho showed up In th0 police  last month on ilt- und dl^.-ly ,</t>
  </si>
  <si>
    <t>                                           LaGrange, Ga.                 Mr-, t:. W .\~.Mill;iii i- li"      'li-r v -M in. ivl:irh'~   ;iml t ri~-    in Si'iii h ':        :i Mi.-;----- Sc.. l.uii^r :nnl l\i          .-i-i iii t In* \\ir!,-i inl in Atl:ml:i An A  ire 1 i;j  iru^i':mi. upI.*:- I In- .Iin-cl("ii Al' Mis- (i ill h d^f. \v:   i-  1 hi-             i.r n-ii -s. .Mvniiiuy. \n\-. n Tli.- l-::is(      "i        :    i.'  d in 1;~~iiii- I'riil.ty. Nov ~*i  fli fi  fl KniiU* rlt VtMl, -ItV-liTin' K:t.-i l'~-~nii  :::~i-is  pi-IlL:i mi tin- i:;isl I ~'     Im-I.I 1 r 1 il:ty. \tti- 1.". itt t lit- ir Uimiffhrniua mi</t>
  </si>
  <si>
    <t>                                           BAILEY'S NEW ROYAL--"The Glass Key" with George Raft, Edward Arnold, Claire Dodd, Rosalind Keith; also Chapter six, "Red Rider" with Buck Jones.</t>
  </si>
  <si>
    <t>                                           CHICAGO ()--"The Negro white relations in the South are petrified and if the South is to recover economically, improvement in these relations is necessary" said Dr. Bertrem Schieke former sercetary of education for the Dutch Indies, in a statement here...</t>
  </si>
  <si>
    <t>                                           Clark U. Adds, 3 Master's! To Its Faculty;                 Cl.uk linds its faculty for Ihc ~,n-. m yi.nr  iii il l,y ll.i  I'lilioci if thru- -i-'s d.- SI ll HriinK  hu w:   -.l :i  i-:ivi' i,( .-il,-,-,,,,- l'i.r I tic i f l'.~.':i-::."i, has returned iil liT ^~~~; his master s decree  XiM'ilnviMi-rii I'lilviCiiiy. Mr. H'-imi- i- ("~iiir nf"  .ii \!i lii  w. Briiwli..*.  :i \-..l  Ivllirued with ltd 1 1- iUi:i';.  t!.r I.'-ii.v i.r    \v:i. in limn Ciij. In Kuyli-li liii--. Mrs. -y Is -iur in KiikIUIi :.n.l . IS- T. (, ii masier of sol1'in-c         oC Tiltsliuruli, Joins tin-  UN .iui In .v. Mr. ( ,-,  from Now Orlcnnn I'liivrrMly,  lie vax uii      'iii;iiir in the si  '. oi.t :'i;r si- yi iirs. Tin1 siu-f- to Vh';;i! W. IIhiIki's. Iii'ikI uf tlio ili- of MH-i.il N--RN, will bi! -Gil :it :i liii.-r . In lln ili'~           . n[ - - Mrs. A. B. Itoblnwin will In-         -tnr In : nrl. Mr- ItiilWnsou  from Pivl; Iliinic-. :it New  nns L'nvcrsliy- I Tin- MiMltinn of  ni iv   id the university , Kl'Vi-s il miii- .if In- n,,,       ,~up,~       Rrnnps  r  iro.*ntil:iy ("Ili'p-s. Reed Street Baptist Church Lannches Annual Drive Tito Itcwl St.  Cbnrcli  lll  its ftr.tli   iis  full.. KITcctlru  wnn  on Itist Wwlwsday ,              18. when  50 people mot to ;lvp   and               to Its support. All   phil the work . The rally will  on tlie form if :i  one. Eiioh  -s ri prosi- with a  i-:        , nil  the Siimo  to win. Tin1  month In  to  not less  STiO. Tin- s.v.il set Is ?"IK). This : the 11 o clock service       !ns will  lln.il        '       . A chart, will     on /INplay -h will  (li--iiis of  (~. Jlmlnos  vill I*' Issuiii in di,. .s. 'j-,~ flu-  ini -r : $.50 they vill n-x-ivo u red ,  rill-Inn Sl.    ri-if.-Ive  with .in- si;ir. S2  s ribbon wl.th 1! .---, S."~ worki-rs m-eiw u  with .'t stars. Sllinirs ; 2fi rents will reiN-ive n  also. GO   .     Mar with  ami $1 and * 2  with . I'ep talks were given by S. W. Walker, chairman ot drive, W. M. AikIitroi), C. Durliaiii. \V. II. HIi.kI,~s and I hi' Itcv. C. X. Ellis. Wjiti-h    j;o over the top aud u-rnw.</t>
  </si>
  <si>
    <t>                                           NEW ORLEANS, La. -- (By Horace Mann Bond)--She whom they had heard and seen, whose voice had echoed from the shadowy frames of a thousand silver screens, and from a million radio gets--She stood upon the platform, and their young hearts were...</t>
  </si>
  <si>
    <t>                                           ROLLY--(ANP)--Eddie cantor new picture now under production at M-G-M studios. Shoot the ... is giving Negro actors in this section a much appreaciated brenk. Forty girls and boys started rehearsal last week in a special "High to Low" dance number there...</t>
  </si>
  <si>
    <t>                                           IH-I2.    QUESTION ANSWERED IN THIS PAPBRWONLrM   '^5Fo ,'~~LIPPING OF TH1S COLUMN IS 8BD IKUb    YOUR LETTER. FOR PRIVATE - SEND A QUARTSrW Gfl^~w-iNS A SELF-ADDItESSED. STAMPED BNVELOPBrB UflFOR MY NEW .OCY READING-AND  BYlH fa RETURN MAIL-  ADVICE ON THREE (J) -IH WP^tt3- 8^SS Y0UR FUtL, NAME.. . AND    -~1 JgRKT ADDRESS. SEND ALL .LETTERS TO ABBE1 WAL-ffl Bffi     .- nn 8f SCOTT NEWSPAPER 8. Z!~ AU-kB BggURN AVENUE. ATLANTA. OEORGfA. JH</t>
  </si>
  <si>
    <t>                                           FOUNDED AUGUST 5. 19M RY W. A. SCOTT I Entered u second class matter at the post office at Atlanta, Ca^ under the Act or March 3. 1819 Published Daily and Sunday at 210 Auburn Avenue, N. E. J By SCOTT NEWSPAPER SYNDICATE Telephones: WAInut 1459 and   0 C. A. SCOTT General Manager t. R. PATTERSON Asst. General Manager' B. N. DAVIS Managing Editor I SUBSCRIPTION RATES: r DAILY:- I Yr. $9.25; 6 Mos. $4.75; 3Mos. $2^0; 1 Bio. 5 90 SUNDAY ONLY- 1 Yr. S3.C0; C Mos. $1.90; 3 Mos. $1.09; Canada: 1 Yr S4.S0; 6 Mos. $2.75; Foreign Yr. $S.iu; C Mos. $3.75 MEMBER OF THE ASSOCIATED NEGRO PRESS i NATIONAL ADVERTISING REPRESENTATIVE W. B. ZIFF CO, Chlcano, HI, it New York, N. Y. I</t>
  </si>
  <si>
    <t>                                           For originality in copy or makeup to invitations, folders, booklets, minutes, letterheads or anything see MURPHY,        '~ best equipped printer, at 275 Auburn, Atlanta, or call Jackson 8118.</t>
  </si>
  <si>
    <t>                                           Sunday morning thru cold and threatening weather an appreciative audience came out and attended the splendid services with the pastor preaching an uplifting sermon. The entire church received with deep regret the news of the passing of Brother Jacob, Allen. A...</t>
  </si>
  <si>
    <t>                                           A phantom shadow that hovers near the pitfalls of ghostly things immortal, where one has lived and enjoyed the triumphs of victory and bowed in sorrow at the downfalls of watching their buildings crumble to earth long with their dreams that carry great hopes of empire and earthly conquest. Conquest, the dream of every ambitious individual, the dream of a king, the dream of every football coach and aluminus of the nation, Conquest! The word that is in every Morris Brown football players...</t>
  </si>
  <si>
    <t>                                           BAILEY'S NEW ROYAL--"Lem Hawkins' Confession" with Laura Bowman, Alex Lovejoy, Clarence Brooks and all-colored east, Paramount Newsreel, and comedy.</t>
  </si>
  <si>
    <t>                                           Well, next week's the big fight, Maxie Baer will try to stop Joe Louis. The Livermore flash who was dethroned by James J. Braddock has a crowd of boosters. Though there isn't much Baer money about there's alotta talk about the former heavyweight champ doing the unexpected. Talk is cheap! ... So if you want the straight story ... it's 'Brown Bomber' Joe Louis in 9 rounds. In fewer words Baer won't answer the bell for the 10th stanza.</t>
  </si>
  <si>
    <t>                                           Nature's Herbs Produce Health t(: A RUNDOWN CONDITION OF "VOUR EP^SSEjpHi! BODY CAN BE RECTIFIED. Why 'ift ^v^i .suffer or be discouraged? Herb rem^'-^   ^il$ Nf'  are a natural  of treatment. 3                  ".iThe  Chineas. Herbs and Roots k^fS^~       used by Dr. T. Y. Young, Jr., have heen lli3*i??8  6M!sIsi ;known,  and proven successful for ^      ^      centuries. Tbay have been used far 2G nf I^^^^S^^  right Jiere in Atlanta. These ^^I^UJhIHK^^ herbs and. roots arc recommended and Hp^B-^SPBRgEgj .used in treatment of trouble* of Lung, SSHBtSv^l^Bfc Stomach, Heart, Liver,' Kidneys, Blood ^^^H^^H Poison, Rheunvatiim, Catarrh, WeakH^HBaKffi^aV^^^al n.ess, Neryomtness,/ Blmdder Trouble, Conatipation, Appendicitis, Skin DiD0C1UK , Female Trouble, Colds, Coughs, 'T.Y. YOUNG, Jr. Etc. FAMOUS HERB Special attention given mail .orders. SPECIALIST All inquiries promptly answered. Why 25 Yrs. in suffer When you can' gat relief MALE OR FEMALE- CALL OR WRITE DR. T. Y. YOUNG, JR. WITH ORIENTAL HERB CO. CHINESE HERBS- ONLY NATURE REMEDY. FOR EVERY. DISEASE OF THE HUMAN BODY 132 Edgmood Ave. Phone:        2189 Atlanta, Ga. Daily Hours: 9 A. M. to 9 P. M.</t>
  </si>
  <si>
    <t>                                           The Al Calmar Club met with Mrs. Mathis on Cain Strait Thursday evening. A large number of members was present and they worked idustriously on exhibit articles. As with all clubs, they are bending every effort to make the exhibit the best.</t>
  </si>
  <si>
    <t>                                           SlSg^'^l "^ONLY NEGRO DAILY % NEWS . IN THE WORLD ILllllJ" VOLUME 8, NUMBER 202 ATLANTA, GA., THURSDAY, SEPTEMBER 19, 1935   Rirp</t>
  </si>
  <si>
    <t>                                           TO LEAVE CITY                 PROF. GEORGE ANTHONY who K*~ been attracting   at   al 174 Auburn avenue,    expecting to'  the, city Ihc  part of thU week.</t>
  </si>
  <si>
    <t>                                           This delicious cheese food H DIGESTIBLE AS MILK ITSELF! HMtoln Vdrcau't   Chtiiat Checne Oivor are LcmltbpotcctiTe   IxjoAk. It'i  ft* children. 9em Kraft VdrnU- in Miuiwichea, hi \..o/nn/ FREE BUSINESS COLLEGE COURSE Prepare for    1    aa BUnftaakan, 8.             and otber^Bjulaesi PUca.*   by. Bait alao. 1    .InfortnalIoa,;     :. *.1 COMMERCE VF^IwlUFJB      , f^l^  T- M-        8     .- =*.~' 3.'* *         .WBB.</t>
  </si>
  <si>
    <t>                                           CALL MURPHY for printing at Jaclc.on 8118. BAKING POWDER^ for finest  11 Same price today II as 45 years ago,- 25 ounces for 25$ II MiiiulKturtdkybtfiinfpawifcr II   IiomU  H but biking   H  of        Ml of iut! . H</t>
  </si>
  <si>
    <t>                                           MONTOGOMERY, ALBAMA-- playing their second game within one week after having been held in a 0-0 tic ty Morris Brown University at Columbus. Georgia on Monday, a second string Hornet lip -up here tonight at Charmton Bowl before a small crowd of...</t>
  </si>
  <si>
    <t>                                           HAY* D. SMITH, EVERETT All OTHERS TO FINISH</t>
  </si>
  <si>
    <t>                                           TIM TYLERS LUCK ^Bjr^m Y^~g                 FELIX, THE GAT -^~van                 By Cy Hungeford                 It's A Great Life If You Don't Weaken! -By -Jack Rabbit                 THE BIMBO                 By Nick NicboU PETER PEN</t>
  </si>
  <si>
    <t>                                           Ohio Church Leaders Pay City A Visit                 Four .-HliriK churchmen Cleveland. Ohio, three ministers and one l.-i., are in the O:ite City today an. I will muke special .     :ir.'ini cs .it three or the lead Mm .'lics of Ailama this .                 Rev. j. Otis l- pastor of I 'lie St. John AME , Cleveland. Oliio. will be the guest minister at Bit- Bethel AMP: 1 church, nev. Iliilthcnx will  .1  Ko of Interest to both  1 mid young. He is noted for his interest in  people, a fad attested lo by his enrollment ot J.L OO  School pupils. The St. John Sunday School Is con-  the largest Sunday school In the country, surpassing even  made famous by Rev. UK. Williams at Olivet Baptist church Sunday school in C'icago. 111. The Hev. IVm. Hodges, pastor of A very AMB  oC the northern city will be guest speaker at the Flipper Temple AME j church this morning. Rev. Hodges Is president of the Methodist Ministers Conference of Cleveland and vicinity mul rated as nn outstanding pulpiteer. The third speaker Rev. A. J. Allen, will preach at the A'llcn Teinplc AMK church. Dr. Allen who is well known In this city. Is divisional secretary of the Cleveland division of the American Ttible Society. Ills territory embraces Ohio, Pcuu., Now. York, Now jersey Delaware. Indiana. Illinois. Michigan. Kentucky and Misslourl. A brother of John S. Allen, local business man, ho Is regarded as one of the leading candidates for the bishopric,   a number of largo churches before assuming his present duties some years ago. The fourth member of the party is James Sands, prominent leader in religious and civic activities pf Cleveland. Mr. Sa'-ds ns well as his ministerial , will attend tile General Conference in New York In May, 1536 as a delegate. The Ohio visitors plan to remain in Atlanta until Monday after which time they will go to i Birmingham, Alabama, and Nashville Tcnn. to attend Important AME meetings, while here', they are guests of Mr. Allen at Ma residence on Highland Ave,                 NOTED VISITORS                 REV. J. OTIS HA1                 KEV. J.A. ALLEN j are two or the distinguished Ohio AJIE clergymen visiting: the  ily who will foe guest ministers at local churches today. I</t>
  </si>
  <si>
    <t>                                           Four outstanding churchmen Cleveland, Ohio, three ministers and one layman, are in the Cate City today and will make special appearances at three or the leading churches of Atlanta this morning.</t>
  </si>
  <si>
    <t>                                           Rev. Babcock Will Reveal Important Happening Today                 This morning, at It o clock, the I5ov. D. T. Hnhcoek. pastor of I lie Bi^ Belliel A. M. K. . who lias  rapid pro^  taking over I ho  oC lie his" toric Auburn  church slightly more than n year , ""111  nu  which will be of considerable, importance  iu- . to the  nml  or the church. i Uuv. Ra I'cDck, whose actions; ami expressions lead World reporters to  thai the ?'' was one Ihul.  lie of         . to all Atlanta, wore  to (il)tain any  from the minister ? the nature oC the . to be made  than it. was "for the further progress of I lie church mid one which would be  hy nil   friends of the church." World  were invited to lie present at services this ; if they wished to  out the ex;tct nature of the .</t>
  </si>
  <si>
    <t>                                           WELL, I am in New York. I have come here with the thronging thousands to sec Joe Louis and Max Baer in their much publicized "showdown". Pity me. Here I am in Harlem today glancing at old faces and engaging in the usual rounds of argument concerning the lethal effect of a Louis hook over against the numbing aspects of a Max Baer right cross. In my ten years of jetting...</t>
  </si>
  <si>
    <t>                                           There is a large number of people in Atlanta who represent different professions and vocations, who are connected with different types of organizations and institutions, who have occasion to organize different types of programs from time to time. Speakers...</t>
  </si>
  <si>
    <t>                                           ..THE.. MOVIE REPORTER!                 BAILEY S NEW ROYAL "Bright Lights*' with Joe E. Brown and Ann Dvorak: Chap-, ler Sfvi.ii, "Red Rider" with j Buck Jones; Graham W. Jack- son'* Amateur Frolics on the i staar ul 8:3C p. m. I                 BAILEY S -ONE "Man j From Cuntown" witli fim MeCoy; Chapter Two, "Mystery Mountain" with Ken Maynard and comedy. i BAILEY S NEW ASHBY- "In Spile of Dansor" with Wallace Fo:d And Marian      ; and three selected short subjects, j BAILEY S STRAND "Toll of the Desert" with Fred Kohler, Jr.; and Chapter Four, "Red; Rider" with Buck Jones. SUNDAY MOVIE MENU: *J What a di?h Manager Harold I  has cooked up for Sunday movie poors at three Bailey thea- tres tomorrow? AH first run I pictures anil four-star ones at that Fnuli'iic March and Grout Garbn arc  rod in that most '.; of  , "Anna j Kui'cnina" ;it the Ashby i o- i   ii  far two  i :u the  Lowe's Grand j in tin' same picture Freddie j (David Cuppcrfiold Bartholomew* j 'mis nn inU      (^ and at  lie . 1159 . but  of;  r   'st combine to  van iho adventure drama. "China Seas" Clnrk C!al:lc. Jean Hat'-: low ami Wallace Hcery are the - trio and what a pic- 'tiro! not. , of course. Miat Wallace Beery and Jackie r'~ are  again at the ^.1 in ''O'Shaushnessy's Eoy" Clarence Muse has a supporting "le and snig?. in the same picture.  JACKSON S  cci ond edition of Amateur Ftolic-* are  for the New Royal's  tai;e ^t 8:30 tonight. Jui'kton ib offering many new faces in the -p of talent, and promise* some swift competition for the prize money.</t>
  </si>
  <si>
    <t>                                           BAILEY'S NEW ROYAL -- "Bright Lights" with Joe E. Brown and Ann Dvorak; Chapter Seven, "Red Rider" with Buck Jones; Graham W. Jackson's Amateur Frolics on the stage at 8:30 p. m.</t>
  </si>
  <si>
    <t>                                           Madam Varder PALMIST and *" ADVISOR Contult lbs woman who kun, Special Thundajr      K- win. ,j_ Thraa *  IB 1 . Will I EM   H  put at yaa 1 1 1 *lona Inaw ll. y^r [1 M  Jail u II U, it will b.. ..4 mU* ^~th kr   *. WiH ^^^"Ull     ih*     of your *.    ^     or  of If y*~  nl f.oU, ~.d not malm,  Hiii  U     p. .*J. ba*         uU in tor. .ruin, Mtkiaf 4     . THIS  W FOR YOO. CIVES NAMU. All   *dlt:            4 *r *. NOT IN TINT. Im; Mm*. VaHar. Cat aff Car at Paaaklra* A*a PiHblnt       2 Blotlu tfcU  lda af *   7I</t>
  </si>
  <si>
    <t>                                           i 1 (-have an]     -         FATIGUE Arf you tired? No time to rest? Then try refreshing,  drink of Alka-Scll/.cr. Tftke Alkfl-Scltr.cr for Colds, Acid , Headache, Neiirnlgia, Slnmach Ga.t, Musc., Rheumatic and Scinlie Pain.t T.'lcw!ai\l, effective, eco-.   , nor-,  forming does not * the       At  dn$' ^or^ In 30c and        /      ^. By Uk drink Hi Un      I inan otn. Be Wise Alkalize!</t>
  </si>
  <si>
    <t>                                           Sigma Gamma Rho To Honor Founders At Program Today                 T!w fourteenth  uf the  of the Sluiiin c.anima Itho S. will lie  mi HiIm  lit four o clock nt the . or Mis. II. M.   PIUS. 1221 Hunter Rond. N. W. Representatives from tlic local ' f the  s sororities nml clubs of the city will  to   to the  mid work of the -M of this sorority, through the  of pj- that promises to be  Indeed. In addition to  .s by talented Individuals In this city Micro will be an  by well-known Atlniitan, Prof. Mur. Ion . of Spolman ColIeEo. Jlrs. SturllllK Iiuh chosen an her subject, "Divining Rods." an IntrlKlnK title which bids fair fur rU "ho will hear this fine Spcukor. A tea will follow the   tho  Rnil  of the  opportunity to discuss th e mutters  which will Inevitably  from thb Insiilrutlon of the Hildress and tlio program In RCnoral.</t>
  </si>
  <si>
    <t>                                           World Carriers To Have Pep Meeting                 A t,ti; ~,ep mii tin^: itt  u    :it ihc IjiilIcr Street V.M":.\ will murk  final i ust i*irk.-   ..Miil MK-^ r u'* i':     !iv th.. Alliiiu:i  i;     Wurld I-Cl"~.ic Uil- I 're l.Miri.-.  ..                 Charles i::     'i". World . Uon in:iii:(^4-i'. i.*~ announcing thai j t lie - for     .'~ ; fur tin-  prize us well aw;nd.S ..I valuable merchandise "ill i,c six   "(;k.cU Friday . Ilium:  :n tcr six o clock, ill,. ,-,.ii ti-M will I,,.      '-   :iy ; .ill.-" I.ClCl'C OhrUl mas. .\. I'unsiclcr.ti ic   ; rivalry liu^        "I- in ? CM t. Hih! tn d:tlC. I.MIM Inn i-\-:   \ :i l** VV'^rd cai-- ~-lii.  U'cdnesd.iy. is lend-' lim i lie pai:k In iho llsi ur i-;       win, me   of p..    lu be nu-: In  .~.vii:;:  nf t H' i:.\St.      :u i ears lias i-         I*.' n.:~-  thereby s : him :i nice butch of quints Vuward.s ' Ijig  ish  lo In:   ';    'd :lt ihc  of  . Olllvl's  U'udliC-i,lK' were Miss Wamue Owuns and Asa Yunccy and K. Vaiiccy, of Uiv      Slile; I', c;. U'ltsm-y u( South Ailunia. ami ihc   Theodore  of Kdicwuuil. Asa VBiiuey. It will be . has  ii u .Hicnt M-* hi  World *ls. I Jo Is u  funking  a! MurC.         college,  number twu  on tile  - roll. Biicli  Is asking thL. Mil.sci  un  i- to help him  ln uuc of the prizes ami lu  tor the other awards of  tu be  in the highest  carriers.</t>
  </si>
  <si>
    <t>                                           A big pep meeting at four o'clock this afternoon at the Butler Street YMCA will mark the final instructional meeting for carriers of the Atlanta Daily World before the "Pre Christmas" contest gets underway.</t>
  </si>
  <si>
    <t>                                           p      t  e wic*c "Whispering Smith lli with V- I !l I j, 1RENE.WARE-: .On The Stage!.._ THE GLORIFIED REVUE1 jjl It 8--Big.ActsYodvil--8 J? RADIO RASCALS BAND! ''^ty'.,/ STARTS TODAYS Capitol theatre</t>
  </si>
  <si>
    <t>                                           PROBABLE STARTING LINEUPS                 ALABAMA POS. MOREHOUSE Crcnihaw L E Hayncs Martin LT Dawion Ligon L C Baston Johnson C Alexander Wl. RG Me Fall (C) Talley RT Dixon Carlos Pnrker R E Young Morris (C) Q B Myers Scrivena L H McCurine Broomc RH Hnrdini; James F B Boswell  John H. Brown (Va. Union) UMPIRE- A. J. Lockhart (Morris Brown) HEAD LINESMAN- Hie Roberts (Clark) COACHING STAFFS Alabama: (Ruflns Lewis, G. H. Lockhart. Elisha Campbell. Garrick Hardy); Mcirchoiise (Frank Forbes, Jay Mayo Williams, Howard Archer) TIME OF GAME t I\ M. ADMISSION- 75 Cents, including tax.</t>
  </si>
  <si>
    <t>                                           Manchukuo Fails Japan's Hopes                 *~Ire** ct(   in . U                 I Map of  siat* K" Zdf". -"~'J                 Jfiindttf hi* problem.].                 Japan's threatened move to annex additional territory from Ch!   calls attention to results of Nippon's creation of the va=;al   il Manchukuo. Apparently Japan's hoped-for benefits from     northern province are not being realized. Trade ha$ not been stimulated to the extent anticipated and Manchukuo has proved a dismal failure in the role of commissary for the Island empire s millions. Th*      vest this year virtually was a failure and the problems     *d by roving bandits has made government of Manchukuo a most difficult problem. This failure of Manchukuo to live up to expectations oi Japan is interpreted in some quarters as the  for Tokio'a. apparent determination to acquire a more fertile and productive I section of China. I                 i</t>
  </si>
  <si>
    <t>                                           FORD CAR FOR SALE Rev Iliiell .1. Jackson, pastor McDanlcl Street Baptist Church. I saw a Ford Car Tor Sale in Athens. Georgia while attending the General Missionary Baptist convention of Georgia. One Ford ear With  rings. Two rear wheels. One front spring: Has no fenders Seat or plank. Burns lots of gas. Hard to crank. Carburetor busted Half way through: Engine missing. Hits on two. Three years old. Four in the spring. Has shock absorbers And everything. Radiator busted. Sure does leak: Differential dry. You can hear it squeak.. Ten spokes missing. Front all bent. Tires  oul Ain't worth a cent. Got lots of speed. Will-run like the duece Burns  gas Or tobacco juice. Tires all off. Been run on Jhc rim, A  P..-..V! Ff.r.-i i or the .e He in.</t>
  </si>
  <si>
    <t>                                           YOWSAH THE STUFF S ON ITS WAY THE ORIGINAL m BAMA STATE COLLEGIANS ~-Will   here for the       lime in two yean, coming directly from the Ubangi Cluh, New York Cily, featur. inf Ersklne        . world i hottest trumpet player. V. Tuesday Night, November 19 .9 'til 1:30 SUNSET CASINO</t>
  </si>
  <si>
    <t>                                           Famous Oriental Herbs_Nature's Remedies, Herbs, Roots, Barks And Blood Tonic .i,,^va,.w,,.,._.3^ MESSAGE TO THE SUFFERERS* JtdtKt^k ^on nced not     discouraged about your ^ - ^heo1" op' There is help for yon. ^^W H This is the old reliable Chinese Herb *S^    ^'SpeClllllSt W'lh 1*'3 famous and harmless f W^yi^y^ herbs alld roots, treatments which have f* '^^^gP-vj been used ior , and are highly ^^^^Vh              for sny trouble of the  ys'*^Wr' iS%tt' Um' BUCh M the Lvlngs' . Heart, (^ll^H       Kidnoys' B^od. Poison, Rheumv , Catarrah, Weakness, NerVoug.; DOCTOR "es8  BIaddor Trouble, Constipation,     T. Y. , Jr.' skin       8~. Female Trouble FAMOUS HERB "*nd aIt double*. 1 SPECIALIST 2S Yn. in To those  It concerns: Call at AtUnU once. Don't five up hope if others "fail.1     result is pleasing to all who try it MALE OR FEMALES-CALL OR WRITE s w ji (rw ~*~w **QEv DR. T. Y. YOUNG, Jip. WITTH ORIENTAL HERB CO; \r CHINESE HERBS- ONLY NATURE REMEDY FOR. EVERY DISEASE OF THE HUMAN BODY 132 Ediwrood At.. Pb.De: WAW 2169 AtUmtB, Ci,'       Hoan: 9 A, M.    9 P. M,</t>
  </si>
  <si>
    <t>                                           POISONED KIDNEYS Stop Getting Up Nights To harmlessly flush poisons and acid from kidneys and correct  of bladder so that you can stop "getting up nights" get a 35 cent package of Gold Medal Haarlem Oil Capsules and take as directed. Other symptoms of kidney and bladder weaknesses are scant, burning or smarting passage- backache leg cramps puffy eyes. GET MONEY--LOVE 1 guarantee 10 help you get a new start in bfe. No case beyond hope. Stop worrying 'Write mr today Information FREE! V           . 901 Bergen Are,  CITY, N. J., Dept. R A, Baby For You! If yon are denied the  of a   U rw m ud ream far  a ar*u aad a  i MUIe, 4o n*t      irp . Jut write la          to Mr.. MOeVed .  Citr. Me., aad ak*  rtn  a  home  that         Tean. Maar  tkm                Una. Wilt* aow  try  er tkk  . M-81S Haaaa       - a^  ^r^v9^^^^^^a^a^aV ]^]l</t>
  </si>
  <si>
    <t>                                           Three Sworn In for Jury Servicc Here                 Tho far- effect of tht United Stiites Supreme court s momentous decision iti tlio Scottshuriw        wns  nnt U:od in Kul tun Kupcrinr court this wool; wtu ii  i.' .  sworn in jis  it) t lie (wo .'il divisions. T.' Mio  as      Supt- . Hugh M. Dor*  vy '^sd.'iy were: WiiIum- lk-, of Itouto Xn. (Conlinucd on Page 2. Col.                 Three Sworn i Continued from      1) 4, Centiir Hill. 'Arthur Winston, pioneer Atlan Mm, uf OT'lirii  southwest. ~'W. M. Patmnu. uf 17a Fort street,  Obt. Si'verul Negroes have bt on summoned for'        service      ' Soottsturo (Icflsiuii  It         to bar   jury H-'  of I heir color. For Uir  time In Fulton i-ount.v history, C. A. Fiilson,  nl ,Vt lit ul ;i ii. wns  as u  of tin- .SvlMciliKT-OctolnT  jury.                 WOMAN 1 IX BIjAST i  . n. j.  sns) Mrs. rcc.-slc Wllllard. 82.     cut   Bkiss Tuesday a  cif mi  t., nci:       !!tl by n lire,  ;i twn- . I</t>
  </si>
  <si>
    <t>                                           S5         Partly cloudy and slightly warn cr with temperature extremes nea 40 and CO degrees. George W. Mlndling. UaileJ States Meteorologist.</t>
  </si>
  <si>
    <t>                                           Miss .Laura A. Willis has returned here after spending the week-end in Macon as guest of Mrs. ... Jackson, Mrs. Henderella White and Miss Lillie Daniel, formerly, of this city, and now attending Ballard Normal in Macon.</t>
  </si>
  <si>
    <t>                                           SI S CLOSE north en. MEETING                 Conference Proves to Be Another Triumph For Methodists                 MAJOR CHANGES:                 i'.y . c. \viNi;rii;i.                   ATM i:\.S, n:i.- (Sjuwial I- The r.lil lii.-.;.il North        :i con- I'-i.-ivv, I lie second oldest,  r.~ Afrii.'Mii Mc- in tin1  if ~'n-fii-~;i:i. ,'     to a .=ful ' ln  Sunday.                 T)if  hogan ;tr, : I.VM \Vr.:ij- wih I'. \V. A. Poimt.iiii - th* ~:nvl i,m1 I I'-. .I. A. ll:-.v, W. T. Kflloy. .Inljn Illinium ami A. Wiu^lli-lil im-' , . Uislinp I. i*. Flipiior, c\'-prc.; h  uf Ocnr^.n ::ii.'.l with Rfshnp IViiiiii:iii, in  the ;. l!~Hi  : l:i. il were  l'' rt in sci- [!m swi ot   f i-i-ir.]i,.r:,i  .- I'i'lwvcn I:i.=       ]'   .piT .mil l',ini)l:iin. Tin'   : %     \  U,~~ prc-M'iim  if !lr?. .1. II. n.'i.-n. l. ij.ici; Arl;;     ,  nl' l In- .SniiDicrn C'lirisii:in IJ^: Dr. It. It. Smith, \nz p'. nf      Shri'vppnrl. l.:i, .i; lip,-. Williniii I!.       1r , pastor- of -i lip W:ihl Chapel A. M. E. church, ]:i(lr-!phi.-i, Iv-nn., and . .T. II. Walker, Ni-~v Vorl: Cil.v,   of ilm Vnice Of .     ,ns. nil of  . ^'ro;ii .'-; nml .-'il i-. : - in Hip Cfuiforoii'1!*. Pis. Smith  Stinsoii a iv   fr.r  honors :il Ihi'  rnl Confprpnpo in Now Vnrk  Mar. n-      pr. Cliylioi'n u   tion to his (Conlinued on Pugc 3, Col. 6)                 A. M. E.'s rO. from  I)  hy :ircl.ntti;tl inn.    - t  st-minn hy I.Vv. i SIppliiMlsini, III,. IlllssililKII'y lilt'-:- I "Jiai- I'.v Dc.'iii films. I,. Hill .mil j i In- : Kcriunii  iy Urv. I:. Miwlcy were  ,1f r Ik- n '. Tin-  nf Mrs. .1. A. l'~       .'l!M ill I III' WlHUl'll's Mls.-:irv muss  i IImk whs full nf Insplr.-it inti anil Infnriniitiiin. Pr. .1. S.  whs I'l'iMlilnl for ^ IHTlllipS I 111- K'sl SITil'S  s (: flip   Illls vi'.'il-. Tin' -l Slinil:iy  whs I'lmiliirli'il liv lli-v. C A. Whi^. sl:ili'             "'"III. l-*~!i the Siiii'iTiiv , r.. T. Sli.is,,,, ,l,.~iv'.T.-il I -M.lii,:i t l..i, s.-rn . l!ir li X l I "Ami I will cive unto  llic Kovs  4 the ;"                  "The ICi-ys of the Kitipluiii   In l.isir "riii iu." I'rimi   1  u- cn-iii prr:ir]i,-r .Ti*tl       ls 'ii cr onm-ili-it  iK*') "f Mm- IiosI M'rliKins "f Mils  Iu-;imI in  yours. Or. Slili-iHi is nil v m Hull ralli ll -r Mml is ili Slini d In lill his I'Im.'- in - i ;ils iif tin. I'hnn.'h. IuiIi-imI In-  H'i-:ii lii il 1 ilW- n  ::nly. .p KniinlMiii     , t.lic ::     i,r Hi.- .-l.lfi-s onl:i  Uovs. .1. Ifriiiiinlii'lil :ili.l S. S. Wyi-lii. In l hi- -.- i,r (li  )i till W. I CikIi. J\ It. Jlm-ris. .1. II. \  -.ivcr. r. iv.  -i ii. I r; H"kM IIS  TK. Till' -ll .'-i ss i,f              ~;iy mil' 1 } j :i I will  I" ii^-.-r in tin' lii  ,.r tin' minisI     :il)'l  lu i Si-MI. Tho i:ri';il [~~~1st I hull  ~~~-~.ss nil   h1iit livi-s In-ill^  :mil !:il;hiL' :ui .-i.'livi'   mi( in l In- ,-j\'ii' lili in I hi' v:          ii-s Illlil  X ' I    -  I'S :in- si-iil. Tluiikinu tin-  iw, Iiiyiufii ; frii inU I'. r Him !    ! I'Vi'ilh'ill nq.'iiw si-iil in. Ihi' !.      rr':nl Ml" r.;  .:lVin.- lit.!.    ' Hill  HTi'i'llt  i: s: M:nii ll:i ilit- t: It,. vs. U'. \V. Sli'plii-iK, K.  i. WriKhl. N. M. .-s Mini I1. K. K:il.-y: ~[,,mi' lisi rii l lii V. II. \\'illi:    : Alhi'iis ili.--l lii V. K It. : Wiisliinu'ti.ii  i. Hi 'v. .1. is. Wi.iivi-r. Tin-  ii V~':il.-   Hi,- r:n-l Mi:il 111.' :.      'll:i  l IimiIs Ilio still.' mi tl lusi' of III.-  i " li iui-  Mm Ni.rlh Hi'uru'iM '" liii' ]r:     Mir- ' in Mir '"- .Iiibilri-  for -Mums Itinwii -^p. This is - in Mil- Tmci' iif Mils Ih'Iiik mil' nf I ill' SIJIMlli'St I'lillflTi'lli'i'S ill Mil'  l:ill'. Tlio '.~"il ih-h'^Mli's I,, thi' Ili'tii-r-il i-'inri l-i'i iii.-"      I'. K.'ll.'.v. J. S. lii.wns. c. A. U'iniilii'lil. II. \     :i,,,s, ;,nii II. lll Mlll.'ll     'il'4,'   li,..~~~SI'~V.-S In I  ImiiiI inn pi ivi nl i,y iii- ..r Mil- vt.ii,. i,,    F. l:     -k In I ir^j:! 'llll' III NI s'"        \     I'llllVl'lll' ill I'lii'ii'i'svtlli-. Xnvi'inlii'.'. i:i:;c;. A ri Snlllt inn pMSs.'il .'  ir: iln- I.Mn.~, fur Mm-    nci.',1 Im-i iiii ~,     l' .'IS l.i-lll.p i; --h, ml .si   .-:iil'  ri-. 'I'm pill il . l-. l-'";nii I LT..WM -ply i,,   h. lii JII ls nf till- I'l'l'pl.' i.f Ill's, his   MliM' SlMll' Mllll ^iSi n. .u- t x i- i.Imii- wi- In. IimtiI In IHI.        'i's W. I,. Ki-Mlr..,- I., th,. Ms, 1 r.'ii ii.": Ii II. Mi-I ii I., Mi" I S'Hilhw.'st Ci'iir-in .-.-nf. r.'ii.-.- run j  ll.-r II. I.. .iM.'.ll. In Mil' AllllTi-'Im i- ll.'.' mill  MI ll Ml SjlllllTSvilll'. I Tin- lisl nf Miipiiinttiii'iits sh.iws   i  i .,f in-,.~        .'iih i-s .,s r.iih lvs: Mr. \V. i". Holly,  MilAllnn-. .-l t,, Mi,- I;,,,,,,. ,~is irin n- Or .1. A. ll.-v i-oi--  Mini lir. -I. S. Iimwii*. I"im rly  i: mi Ki'inc is Mil' illi-wly    .p -il pi-.' i IiIit 'I' Ihi' U;-.-li.ji  sinI l  lir. - ll.  win Sl'lll In Ciri'i-Mslinrn MS   i:isl"r witli in, I'liiiii^,. iM Mio pri       -        'Hi I lir M..'i ilis- I I riil. . M;:i Dslriii Wov. r. A. \Vin;iii.~,i. 1 1. p.. presiding  r: .Murioiiji "ii. Itov. II. I. Hi'iinliMl. A. Vint Mnpo Sl.'. 1,'ov. \V \V. SliI'li'.-nx ~'.--il!i' st:, l.'ov. II. T. Mrisli-v; A i- Ii Sliltlnn K'-v. .1. T. Willjlns'i'i. I'- I'-:   . Nov. Krcil ij. -is; n. Sr.-iti.n. l;.'v. r. Cotiis: .\il.-l - SlMti.lll, I{,'V. I'.'llll K..'iin MMiioiiM :ipi i Sim Mini, in      il                ".iit. l.'ov. .1. It. Ifiiili'.v; Pin.,  i i-iiii. i:i'v. i;. \v. T. TliMiiiioii r.Mliiin.Viiiinas Cir.', lii V. I'. U'riu-hl      ,,~,-T:iIi' '". In In- : U'mmiIsIiii'Ij. Ili'Mii'l I'ifi-. Ui'v. M. .Inni's; Ml. /.- . ~;,'v. c. ll"kr. Kiii-^ IJoMiol lir, nil. Iti'v. IV K. KmIi'.v: K.- liI .in, I S.'IMI .Innos Mi'lllniiMl. I(,'V. II. I-". : MillMliii'l Missinii. .                 C. K. Slilcklauil: MvCIuiiIcm MUtxlun, Itcv. .Ins. Minis; Hull Mlxalou, Itev. Ins. I'nileh Norlli Uulton Mission, Hi'v. Sinn CoIIIiih; Iliippy Hill Mission. lti;v. Win. Hill; Mt. I'leasaul Mission, Itt-i. W. Conk; North Curliirsvlllu .Mission. ,'(.-v. A. .1. C. Johnson Sirli- .Xi'iss . it.  IJIsIrlj'l. KviinpillNl, I). I). Clark:       ; W. II. mill II., Mth. U. I.. 1''." Mislrlcl Si-on.-, XV. H. and l'\ M.. Mrs. X. H. Wllkliincm District. Treasurer, XV. II.  i\ M..  lr.~. ICuliy I'miiliT. ~{n District Itcv. XV. Kelley, I). I).,  i-; Hi'""' Still Ion, Ilcv. S. A. Liinii;, A.  M.: .' SI uli.m, lt.;v. .7. B, McCillll. I). I).: IVilarlnwn, In III!           !l! AllKll'll Sliiilini. Hov. B. 1). Curry. Dullim Siiiiinn. Iti'V. .F. K. (. CiirrollIiiii Stiillnii. Krv. TV. Hrowii; Kluwnli Clri:nll, Itfv. I,. C. Curtis; IJon^,. Olmili, II. WllHiiiiik: HiiKiiiiM-illi! Circuit. J.  J. Nraly; 1-iOr.in^i' i;, Kev. .F. Hoy Mnnri1. II. IJ. TiilliipoiXia -ClrI'Uil, Ili-v. S. S. Minilillii: Six Mill's (.'ln.. Iti'v. .1. II. I,wn: i.':   's           Circuit Itw. .1. W. Wili.'lii:r: K:-~.l . S. 'j). MiilillHimoks: Hclvlrw Uircu.'J. Iti-v. .1. II. I-:: Mt. Zinn l'~,-. nit. Itcv. S. W. Wiit Is; .Si'iiL'y Circuit. Kijv. .1. It. Attviitvr; 1' Sprincs Mi., Itcv. XV. XVIIsun: Wliiii.- .Mission. Itcv: II. K. Jlaniii-I: ~;r(!i!(!!i: Mission. Itcv. M. c. Mnrrls; Kites        !l Mission. Itcv. C. K. Hurley; Dlst. XV. II. ; K. .M.  nL. Mrs. XV. f. Kcllcv SccrntMry. XV. II. n ml K. M.. Mrs. A. Mi.XVhciricr him surer. W. II.  M.. Mrs. I- T. Wllliiims. Athens Disdlif Itcv. .1. A. Ilililley. II.   ..  ; I'lrst A. M. K. ~::lii .n. . A. .1. Wwiinls, I).. I'.: liri- I'. Stntinii. Hcv. s. S. Iliirilciniiii: JclTcrsiin Stilt inn. T!c"v. "A. I':. V.: St. Miirk f . Itcv. .1. II 'Wravi-r; Si Uikc i.'in-uii, Itcv. s. Asbury: *Vln  l.'in-uil. Itcv. I,. C. Clock;     : Circilil. to             Siilcin I'lin-iiii Itcv. .1. I'.. Knullsh: Kll. Circuit, Itcv. V. Crlftin (.- Circuit, .Iti;v. N.. Minlilnx: I'. cin.'. Itov. J. H. I'ope: .N'yiiiiin Circuit.     - S. I* Wychc; St. John Circuit, Nov. XV. I'- I'ii^li; ).:i\,' .Mission, . S. T. Ilimhlcy; l. Mission. Ucv. .1. II. Tisnor: District KvaiiKclisl. . XV. N. .Iiiiiiik: IMsl. I'lvsiilciit. XV. II. ami l-\ M., Mrs. .1. A. ; Iiistrlci , w. II ami I". M.. in ix.  d:  secret jn-y, xv, H. ii mr b\ M.. I"   - . Washington Dislrirl Ifi-v. .1. S. downs, Ij. I).,   i-: xx  . . T. .1. l., Ii. ( I...I-.. Station. . .lohn Iliirinon; XVIiiti.  ~-~r.nit. Ilev. D. M. Iniilu'r: New Itcilii'l Circuit, Kct.. K. IIimIsoii: l. Circuit, . A. I.,  Washington Circuit. Itcv. .1. II. Hill; St. .lames Circuit. Hcv. XV.  Malic Circuit. Itcv. B. A. Ailinns: lilac]; Itork circuit, Iti;v. A. XV. Appliiit-: Kviins  Circuit..  jcv. II. K. Kvans: Thornloto ' Missinn, . C. J. Slulinons; Jonloij Ctinix'l Mission, to If Mippllfil: I'harrs          Mission, li.v. .1. II. UrOiMiillcId Spriu- Missli'ii. . A. (7. Carl.-r: Ml. Olive Mission. Ticv. R. Criiloll r  nri-. W. II. an. I K. M.. Mrs. Ulaucli Sent I:  secretary. XV. II. mul l\ M.. Mrs. l. Sliormaii  t Iransnrcr. XV. II. : P. M.. to be SUtiplieil.</t>
  </si>
  <si>
    <t>                                           ATHENS, Ga. -- () -- The old historical North Georgia conference, the second oldest child of African Methodism in the state of Georgia, came to a successful close here Sunday.</t>
  </si>
  <si>
    <t>                                           Classes will begin at Garomon Theologieel seminary this year on the morning of October 3, according to President Willis J. King, who also stated that Matriculation Day would be Wednesday, October 25. Registration will precede both these events, being scheduled to...</t>
  </si>
  <si>
    <t>                                           In YourCily lo ftn G oud lor the Public MADAM HARTON FAMOUS CLAIRVOYANT AND PALMIST ^^g^-^^^ MARADE HARTON will tell you If the ^B^B^^^I^^H our you Iots ii true or        tell 70a ^^HSt^^^H  er when you will marry; in fact, ^^H/   ^n  ha wl"       ery            or ^^^~^I^Ba^nl   than 70a can tell Jowr^^Bag^J^M '"'f'         in , , fa. kj^B^C^WOfjH , litre, morring., ; If 4 ^~^^BHL^B u^lto the  and   A^ III * .with tho an* of year      . ^^^T^T* jj^B finance hew to win In BHalaau,    . HK]~U^flH  and all affair, of lift.      nd  when     *        of ' or . It      to  Uiknt. A. .r-r of - WHd-n It.     or woman, MADAME HrS*" TON hf.s     -      . Manr pi; die gift of CUIrrrfytnt,   ll few  are tH led. Owe nUU a (  *el*MfMt will repay yoo for man/. Readinft for- Whit, ini Calorad SPECIAL READINGS- 50c      Lvckia-Watv Work* Car m Cod cf     1172 HEMPHILL AVE.        ^, 0^^,</t>
  </si>
  <si>
    <t>                                           Senator  Dies; Victim of Assassin'^ Bullet                 M..., I...,. .y.;i.,. _,u^. Shot in the abdomen by the son-in-law of a political enemy. Senator Hut-y Low? of Louisiana, died Tuesday in a Baton Rouge hospital. His- assailant was identified us Dr. Carl Weiss i                 f Baton Rouge, who wns killed by Long's body  afrer attempting to assassinate the I.ou.siana dictator in (he corridor of the capitol. 'botos show Long with his bodyguard, the                 senator  Lnng                 Louisiana capitol and recent portrait     the fiery senator. He will be burie d in the  of the capitol.</t>
  </si>
  <si>
    <t>                                           Georgia State defeated Paine college at Augusta. 6-0 on a field that was really a quagmire. Rain started at 8 o'clock and was still dazzling at 6 that eve. A fair sized crowd made up mostly of out of town fans braved the weather to see the much-talked of New Deal...</t>
  </si>
  <si>
    <t>                                           THEY WILL RETURN TO AIR                 The four Mills Brothers after an absence of several months during which they have barnstormed the country and made two pictures in Hollywood, will return to the ether waves via the Nattonal Broadcasting Company this month on a sponsored program.</t>
  </si>
  <si>
    <t>                                           CAPETOWN, S. C.--(ANP)--How the A. M. E. church in this section wen out in its struggle for government recognition and today has 460 congregations, 420 ministers, 72 schools and 42,000 members in the Union of South Africa, the pretectorates, Rhodesia and Southwest.</t>
  </si>
  <si>
    <t>                                           Sunday is Pastoral Day and each captain is asked to make a one hundred per cent report. The pastor preach at 11 and 8 o'clock. services. The Sunday School membership drive is on and all church memimrs arc asked to attend Sunday School at 9:30 Sunday. The 9th...</t>
  </si>
  <si>
    <t>                                           r^9     MceRo PAiuT NiwjpiifEn in  FOUNDED AUGUST 5. 1928 BY W. A. SCOTT Publlsbod Daily and Sunday at 210 Auburn Avenue, N. K. By SCOTT NEWSPAPER SYNDICATE Telephones: WAInut H5) and HBO jT"a. SCOTT         :r t. R. PATTERSON Awl. Oncral         I. N. DAVIS Mananlnit Editor  rates: BAI1.T:- I Tr. fn.25: K Mnr. S4.7S; SMi.s, f2.S(h. I Mo. .M SUNDAY ONl/V- I Vr. JS.Sfl: B Mos. 51.M; 3 Mm, Ji.Od;      1~: 1  M50; 6    . 53.1S; Forclcn Vr. $5.5~; l\   . S3. 76 MEMBER OF THE ASSOCIATED NEGRO PRESS NATIONAL ADVERTISING REPRESENTATIVE TV. P. Z1FF CO- Chicago, III.. New York, N. V.</t>
  </si>
  <si>
    <t>                                           DESERTION WAS ONLY A TRICK                 English Scribe Calls Act The Major Trick Of Ethiopian War                 HAS HURT ITALY                 LONDON- (By Randolph- Dunbar for A. N. p.)- According to sensational TacLs uncovered and headlined in a recent edition of The Sunday Referee, one of ihc largest papers In the Britisjj Isles, the "desertion" of Ras Gugsa 10 Italy was not u desertion but an amazing trick by                 Ha Uy Selassie- calling for almost Super-human courage on the part of Gugsa. Thus lar, lemons Hie local paper Gugsa has caused body after body of black troops serving- Mussolini 10 desert to Ethiopia; risking his own life every moment by-";'jo doing. The "trailer" was recently arrested by  who finally goi wise to his /real mission,-- but no matter what happens, Gugsa rests In the" assurance  he hus served his country. The complete story follows, taken word for  from the Referee: "Out of Italy and Abyssinia come yesterday facts which revealed that the "desertion" 10, Italy by Rus Gubsti. son-in-law of Emperor Haile Selassie, was a trick by the Emperor. "Lion of. Judah," one of the greatest military minds la the world. r^'^-^-*-Jp^"~~w.ii"vm''wr' f "And It is a stcl-y of heroism, which will be  to our children und our children s children. "When Bonito Mussolini, after months of blustering, sent his troops Into Ahysinlan wilds and his  to Ade.wa, Die Lion of . did nut rush 10 the front, us he hnd always done before. The Twinkle "He sat :.i Addn- Aoa'oa. He let his savage chief  come before him, wave  .spears, and swear to cut ihc (~ to pieces. (Continued on Page 2, Col. 5)                 Desertion i (Continued from Pago 1) "But that was not  lie stayed at home. He stayed to think. Occasionally, as wo taw on ihc  at. the cinemas Ills eyes twinkled. "We thought, that twinkle told ot his schemes with tlic League of Naticiis. swaying, world opinion in bib favor, it meant more. "Mussullni. trying with the  of a man breaking eggs with a sledgehammer lo mouse fervour in Italy and  In Ihc world, announced with grecu publicly that his sons and son in law. Count Clnnr, were going off to slaughter the enemy. "The Lion of Judah's son was twelve. His son-in-law was a great chief. The Lion  ; to the world of him. "But secretly, he sent for him. "My Sou" "Rrs Gugsa came. So different from the man to whom he owed } Put, with smooth face, high cheekbones, nnd purled lips showing long, white teeth, he looked Into the lean face, the keen black eyes, of the Uon of Judah. "My son." said the Emperur. Ho had made him Ills son. '~Gugsa, a minor  in Eritrea, had fallen in love with the daughter of the Emperor. He had keen given lands. He and his wife had lived happily. Then the wife died,  brought the two men closer together. "My son." said the Empsror. when Mussolini  his war, "yon are not afraid to die?' "No, father." 1 "We have no aeroplanes to fight ill... Italians: we have rir tanks. We  beat them with out brain- and our courage. "Tukc some of your chiefs, take men. go to Aksum, and  the  you have decided lo go over them. "When  been long enough with them to guin their confidence start quietly to turn their native troops against them!" "Long they talked, the Uon of Judah, keen and masterful. Ras Gugsa, heavier, slower, but slavishly faithful. Every detail was arranged. "Shortly after Adowa fell, and Mussoinl's son-in-law had been on a new bombing; expedition, the Italian publicity organization broadcast with great excitement that Ras Gugsa. the Emperors son-in-law, had gone over to the Italians because he knew the Abysslnlans had no chance.                 "Has  went forward with ui3 chiefs, waving a white [lag. The Italians welcomed , and accompanied him. accepting the chiefs, disarming and disbanding the men. General tic Bono, n aay or two later, received them in state. Thc Italians made Ras Gugsa king of a wide area. They promised 10 make him Emperor of all Abyssinia, in a few weeks, when they would have conqueror it all. "Rns  towed his . Then right in the midst of the enemy. Gugsa  his work. Ecvery second hc might, bo revealed and shot.                 The dark eyes ol the Lion 01 Judah smiled with deep pleasure ut the courage or his son-in-law. "Stories Were set going by Hie Italians or what the Abyssinian* would do 10 Ras Gugsu when they caught him. The Lion of Judar. smiled. "Ras GuKsa worked .   . Eventually came strange nws First     body and then,  Oie black troops vised as . fodder by ihe   anU wem over to             .  Tbc latest report was .that six Askari-; twelve N.C.O.'s, and 125 Erltrcan soldiers hud descried to the Abyssinlans. "More news came. A number of  In the Northern territory occupied by the Italians had been executed.                 "Then is became known thai Rus CUgsa had M" arrested In Tlsre Province by order of tlic Iialion Cfmunander-ln-CIilef. Ros Gugso may be shot. "Bui his work Is done. Revolt wns begun. Courageous Ros Gugsa may have to pay with his life, but he had put the last nail in the coffin ot Mussolini. "And he has served his country. The Don of Judah' Is proud of tlic husband of his daughter."</t>
  </si>
  <si>
    <t>                                           LONDON--(By for A. N. P.)--According to sensational facts uncovered and headlined in a recent edition of The Sunday Referee, one of the largest papers in the British Isles, the "desertion' of Ras Gugsa to Italy was not a desertion but an amazing trick by...</t>
  </si>
  <si>
    <t>                                           WtOBABLMABMrtUr Uaipmtan   60 asd n</t>
  </si>
  <si>
    <t>                                           FOUNDED AUGUST S, 192S BY W. A. SCOTT  if  clan matter it the port office it AtlanU, Ga., under the Act of March 3, 1879 PublUbcd Daily and Sunday at 210 Auburn Avenue, N. E. By SCOTT NEWSPAPER SYNDICATE Telephones: WAInut H50 and 1460 C. A. SCOTT General Manager J. B. PATTERSON Am*. General Manager B. N. DAVIS Managing Editor SUBSCRIPTION BATES: DAILY:- 1 Yr. SO 25: 6 Moa. $4.75; 3Mos. 52.50; 1 Mo. J .90 SUNDAY ONLY- 1 Yr. $3.60; 6 Mo*. $   ; 3 Mo?.. $1,00; Canada: 1 Yr WM; 8 Hos. $2.75; Forelrn Yr. $S.Sv; 6    . $3.75 MEMBER OF THE ASSOCIATED NEGRO PRESS NATIONAL ADVERTISING REPRESENTATIVE W. ZIFF CO. Chicago, 111., New York, N. Y.</t>
  </si>
  <si>
    <t>                                           Take a  at    - print al 275 Auburn, Atlanta MURPHY.</t>
  </si>
  <si>
    <t>                                           THOMASTON, Ga.--(SNS)--The Atlanta Georgia conference of the A. M. E. church in session at the St. Mary A. M. E. church, Bishop W. A. Fountain. Sr, presiding, opened its second day's meeting with the pastors submitting annual reports which showed marked...</t>
  </si>
  <si>
    <t>                                           *</t>
  </si>
  <si>
    <t>                                           The students of Washington high school were especially fortunate in not having to remain out of school on account of defective wiring. Innumerable students, having been suffering from such handicaps at home, automatically absented themselves...</t>
  </si>
  <si>
    <t>                                           No Wonder People Are Talking Aboat How Unutual HHl-JA GROWS HAIR Faster Loognr Straighter Soft and Lustrous HUA I, GUARANTEED prove 1^       I NOTICE FREE! FREBt I ^^^^^^^^^H NUMBERS- Do You Play Them? ^^^^^^^^^^^^^H     Great Maasm Bsltes* will und f^P^P^P^P^P^P^P^P^P^I you  free, vour * ^~^^^~B and   with  Toe ^^^^^^^^^^H^^^H  for h r famous HI J A i^i^i^i^i^i^iSi^i^H BEAUTf AIDS. ^^^~^^~^^^^H B* ran to  eno      day and month i^^^^^^^^^^^^HH yon wtr*              HMA ^^^^~~J^^^^^^^H    't wait, mall  today. If vou want )' Debt and light- P^P^P^P^P^P^P^P^P^P^PJ  r (kin than Mnd Mo  for p^P^P^P^P^P^P^P^P^P^PJ  oos of the famous HI-JA BiHHH^HHH^II skin I.         Crtmt. to:     OmJkSrhFbtont.. Oa. I          ^ZB</t>
  </si>
  <si>
    <t>                                           offer' Just send name, address for yours, with 10c to help pay postage and' packing-. Nothing more pay. Also learn how you f;rt many other valuable (lifts ABSOLUTELY  -31 pc Dinner Sei, Silverware. Wrisf Watches. Rnyon Spreads, e?^. No money needed now or ever; SEND TODAY! Al Wolf, the GIFT MAS. . 1? IIS S. Wells Si.. Chleafo, 111. /SnoN/T' {AMERICAN READER, ADVISOR AND PALMIST The Lady with the Radio Mind I (io hereby  and  to make you no .charge if i /ail to tell you whether your husband, wife or  sweetheart is true or false.    will tell you how to pain ihi' i one you most desire, giving:  names, dnie.s lucky number.". name your enemies. 1 advise { you on love, courtship, mnr- i riage, divorce, business, law- 1 suit;, speculation and crans- I action s of all kinds; tell wli.i i and ..when to marry, settle. Ir.v- Sers QiiarreU .-ind family irr.nl. I.--. I r-to. In , anything yon wish to know and find nut. Come if) i me -and 1 will put your ? at ease. I SPECIAL READINGS 50c j 9 A. M. to 8:30 P. M. f I 2298 Pcachtrec Rd. I</t>
  </si>
  <si>
    <t>                                           ~(P! He's Gotta Wj^.~ Punch Like feM^^K Joe Louis! ^ r Man Jimmy JH* /JBW Y%1 i- "Mr  Sfll^B C A G N E Y ^^O'Brien "THE IRISH IN US" "AKo "RUSTLESS OF R^" Chapter No. 3 BAILEYS SI THEATRE</t>
  </si>
  <si>
    <t>                                           THE college flocks are leaving home again. The teams are rapidly nearing the point of actual formation. Alabama and Tuskegee are slightly ahead of the other ten constituents of the Southern Conference which embraces twelve seats of higher culture south. Here, my clients, is pre-season appraisal of the facts at hand concerning the possible fortunes of each and every member. These facts are...</t>
  </si>
  <si>
    <t>                                           LAST TIMES TODAY ^M^MSfij"1"** *~r Day" Hb^^^BjV^ with f^HnHMART  ( MacMURIAt</t>
  </si>
  <si>
    <t>                                           VISITORS--The principals and Home Economics teachers of the city schools were the guests of the Foremost Dairies during the Teachers Institute at the Industrial High school. The visitors were very much pleased with the new...</t>
  </si>
  <si>
    <t>                                           The Bishop Tigers are gradually rounding into shape for the opening game of the season whit Xavier University a New Orleans, Louisiana at Texarkana, Arkansas, September 21. This marks the first year of a Bishop-Xavier game in Texarkana as all precious games...</t>
  </si>
  <si>
    <t>                                           AME Zions End! Conference Today                 I.Sy KKV. S. \V. I'KACorU                 Tin- i;,m!i ;:i) M-.-~      ill* the ';.-! Ariiniiil I'uiifi- ul' ..M.I-; Ziuii  will - tn a cl"~L- mi i in. lfr.- .Mcmuriii: A..M.K Ziwii Cliurch, Uli'     ~{ I!- lh..ks , - nt jir It-vin. with tlic - nt' ''I'lH'intuiLMits by Bishop ,1 \v                 W.iort, iil- l. (if   ,,.  episcopal district- Interest-     null impressive service* will feature' the.  ilin^s of ilic d:iv. !";iy ;; followin- d',.. . tlio i:ov. Mr. Mvlnlyr,.. Pivsi'linu el, lor of Un- i:,nm. dis. ,  ;i report tli.it :m  over that a1' l.-r.-l . rir. i;. A Mnrrlswy. pri  i W.t of the        :i (~i'~. diet -ti il .ImiMi;  succors it' l;ist .  Pr. I.. l{   . Icd'-'f,             ;  ..f ih,. 1-ni a ..listric-i mim.k- :i  ri.,,,,,.t          111.' f.-iiT th;il  ,,f   ,,. ft  im Page 8; Col. 5)                 AME Zions (Continued from Page I) pastors hud  suspended for improper conduct All of the reports were adopted  praised as improvements over those of other yearsThe Rev. J. L. Johnson was received on admission to the Georgia  confere- report on the state of the country was read by I'rcsiding Elder I,. A. Kutleclta: while the re. IK'rt on the state of  was read hy Mrs. M A- Peacock, secretary to the . S. M. 'Washington,  of that committee Tiie report on missions was presented by .Mrs. Peacock while Mrs. Hasty Sieging* and Mrs- Annie 1 Barnes aided in the work. Among the visitors was Dr. R. H- Fobh*. professor of  of Morris Flrown interest who urged that utl      ?J the  (he ministry. Dr. Medford. secretary of foreign missions of the AMI-;. Y.Um church, who spoke on "How the Church Can Be Expanded" also told of the work In Africa and the increase  his  as secretary. The conference was inspired with his words of encouragement- t rof. J.imrs Eichollicnrcr. of        , 111., general secretary of the church schools stated that he was very glut! of til* progress  hy the Grorgiu presiding elders and pastors. "Many times." the distinguished visitor asserted, "'wIm H we an- fail urc.-i. tri' are the greatest                 eg. All things work together fur the^  of them that love Hit' Loi'l Pruf. Elclioluerger spoke on the "jewels"  "re belli?  in missions and alleys Mid pointed I out thut education Is :i continued I reconstruction of experience. "What the Zlou church needs," he concluded, ''i* jui :il program that will suffice for ;i theological  aud other  of ^y, ^eh-n-x.^ philosophy, and the like Itcllglon can not go much  than our training- Tin- Ziou Cinircli  IxHOine  cou.-"</t>
  </si>
  <si>
    <t>                                           The 68th annual sessions of the Georga Annual Conference of the A.M.E. Zion church will come to a close at the Franklin Memorial A.M.E. Zion Church, the Rev. R. B. Hendricks pastor, Boulevard near Irvin, with the reading of appointments by Bishop...</t>
  </si>
  <si>
    <t>                                           S.D.A-- Please answer me in the Atlanta World Sunday. Do you think that I will profit from the lawsuit that I have pendings?</t>
  </si>
  <si>
    <t>                                           /SOCIETY IN THE SOCIAL REALM + CLUBS!</t>
  </si>
  <si>
    <t>                                           Four More Given Lottery Fines                 Pom were  fines  trials on lottery          lief ore Judge .1 M. Wood TupMlnjr. RogerK Overtowu wiis  $100   n 18  sentence, ^d upon pii. of lit! fine. Charles Ttittcrow, Ivo Unvcn nml L. V- Atkinson, nil       to  nf tbo hue" drew $SO fined or hIx month . Tho bond      In I lie  of Silencer Wnshlnclnn         for  Tnesdny on n lottery . GIVEN .VB MONTHS Clinrgcd  RtnhWng.' Herl^rt Hilton wbr Riven 12 month* an the  JiuIrp Jew M. VTnod In Fulton criminal court Tuesday.</t>
  </si>
  <si>
    <t>                                           Georgia State, Savannah's choice for football supremacy, smashed the Georgia Normal defense to shreds Monday as the running and passing attack clicked with precision. The touchdown pomps were made mostly by Big John Phillips and Captain Jake Frazier. The...</t>
  </si>
  <si>
    <t>                                           MRS. BROWN HUMILIATED IN TEXAS                 Noted Educator, Mrs. Roosevelt's Gtiest, Is Maid On Train!                 FRIENDS IRKED                 ORERNSHOnO, N. C- (ANP) Early lust spring, muny of IJic most  citizens of New York CUts, enma to tbc home of Mrs- Jn men Roosevelt, mother of Hit President of tbc United B biles, ok  to  to Mm.              .                 it nml principal of I'almor MembrInl  as BcUiiUu, North Cnrollnn. I  , Mm- Roosuvult'B honored (sih-ki wan forced 4o drew herself lu n mil Id's  1u order to     In n Pullnmn Mir In Tcxhii. Bnfore .' to  llic  of a/., Mm-          by Ih-Iiib  out' of n ,'l^3rtU/nt onn- In IIip , jin(lB,r threat nf ' and'.  n KPcnml- conch v' packed  Mrxlenn Imiiilenint cotton'' pickers. Itacansc nf hor  In rural  anil her  In   ,    . Brown  Invited to be ono of n croup of  1         wlio  Mexico under ilic  of die Aunclntlon of ProgrnwlTtf K( of the United Sjtntcs. Tile              hi il n convention In the PnldM! of Pine Arti) In Mexico Clly. Tliroo holi N In     was voted by the Association. Itchirnlnj; from Mexico with n Krpup of Iiit   tin s (~      ) Pr. Ilrnwn  I.. Ti-Mis. mi t      Imriler. Tlif Mi-x(Conlinaed on      8  Col. 5)                 Mrs. Brown (Continued from Pmga 1)~    her at 1:30 n. in. and Informed her that Texas  forbade Negro Interstate travelers from" occupying even  In n l  car where whites were seated. Under pain ot arrest, they. Insisted that she go into tho second-das* Mexican . Dr. Urown yielded to her .demands nnd found herself crowded In with a group of cotton-pickers. Within three - of San Antonln.  secretly/offered tho train conductor a five- tip If he would  to the Pullman conductor'*  to shelter her In a drawing -room to Antonio. This wnn arranged*. At Rnn, Antonio. Dr. Brown jot In  with AmlinMndnr .Tosoplms Daniels, whom  knew, nnd Informed him of her . lie wired Into Sun Antonio In nn effort to  !   . hut without . The'offlclnls of (he Mismurl Vaclflr, the Puilmnn conductor, a r.d  Jie  ot the Amoclnilotr  do--lo  (Ills   of the Texns law. Dr.  ii  even of- feral to  fur till  pncc In I lie enr li. protect Or. Krown from Tcxiis         !rs, but even thut wn* futile. Flunlly. the Piillnnui  Informed hut Hint he could mily  her If   us u . In urder     herself of modicum of con'.fort Vr. Ilrnwn Kiinrliittecl to whnt  hc ' a !  Mble form of hum' InI tlon.</t>
  </si>
  <si>
    <t>                                           GREENSBORO, N. C.--(ANP)--Early last spring, many of the most distinguished citizens of New York City, came to the home of Mrs James Roosevelt, mother of the President of the United States, an guests to pay honor to Mrs. Charlotte Hawkins Brown...</t>
  </si>
  <si>
    <t>                                           LATIN INSTRUCTOR- Miss Dorothy Phillips, of Monmouth, I1L, is the charming Latin Instructor at Dunbar Hifh School, Little Rock. Arkansas.</t>
  </si>
  <si>
    <t>                                           West Atlanta District Workers Circle wits organized Dec. 28 at the home of Mrs. M.B.Thornton, 395 Angier Avenue, N.E. The aim of this organization is to creme more interest among the women of the West Atlanta district along lines of Christian activities. The...</t>
  </si>
  <si>
    <t>                                           ONLY NtftKO DA^LY NlWf pz9 R IN TW WOlte FOUNDED AUGUST 5, 1928 BY W. A. SCOTT i Baiered as second class matter at tbe post office at Atlanta, Ga^ under (he Act of Much 3, 1819 1' Dally and Sunday at 21* Auburn Avenue, N. E. By SCOTT NEWSPAPER SYNDICATE Telephones: WAlnut 1139 and 1460 I C. A. SCOTT General Manater J. B. PATTERSON Afst. General Manafer K. N. DAVIS  Editor SUBSCRIPTION RATES: DATl.V:-! Yr. S9JZ5; 6 Mo*. $t.7S; 3   . tZM; I Mo. $ .90 SUNDAY ONLY- 1 Yr. S3.C0; 6 Mot. IL90; S Mm. $1.00; Canada: 1 Yr UM-. 6 Mos. SZ.7S; Foreltn Yr. $5.Sv; S Mot. $3.75 MEMBER OF THE ASSOCIATED NEGRO PRESS NATIONAL ADVERTISING REPRESBNTATtvi  V. B. ZIFF CO. Cblcafo, UL. Mew York, N. Y.</t>
  </si>
  <si>
    <t>                                           WASHINGTON ()--Records in the office of Robert Fechner. Director of Emergency Conservation Work disclose that on October 31, 1935, there were 474,390 young men and war veterans enrolled in the Civilian Conservation Corps. Of this number 48,864 or ten per cent of the total, were colored enrollees. The Negro group was divided into 43,272 juniors and 5,592 war veterans. At the present time the enrolled strength of the corps is below 474,000 as no replacements have been called ti fill...</t>
  </si>
  <si>
    <t>                                           Colds That Hang. On Boat Id  in i  bolt Flfhl      quickly. Creemultion      Um 7        la one. Powvfoi    . Pletunt to uke. No dm. Year ews 4 It 4 It nhai year  en tkt      U mt Magk  r mU 1* mi  bt</t>
  </si>
  <si>
    <t>                                           I *~fn  I t Atli ft wm RflGFRs" GEORGIA</t>
  </si>
  <si>
    <t>                                           YOU ARE. LN.V1TED TO ATTEND T.H1T FORMAL OPENING j t OF THE XEW BAILEY S ROYAL f HEaMe AUBURN'1 AT BUTLER -MONDAY*NIGHT, 8: 30 TO $  MUSIC -....PICTURES</t>
  </si>
  <si>
    <t>                                           IN YOUR CITY TO DO GOOD FOR THE PUBLIC MADAM HARTON FAMOUS CLAIRVOYANT AND PALMIST il A True Palimsil is . I am different from  HBf W^HH a" . In -cause not only road your life ^^   *I,^^H ''kc a book, hut also help you nut of your l'^^      HH troubles. Per instance, what  would it do I^B^f^l^Vtl -ta.bu loir) you hull n ri\"il or- enemy in I F^H            !~"' unless     v.ere told how to      4      ^^^PLfl .. or in cusd you wanted to u*in the B^VJ^UBQfB. of a certain one; would yoa be /satisfied      ^RI to be told or would you rather know how you jn ^Jk^B0011''1 w n  ? In fact, it docs no.. ^ft t\^    ;ooil simply lo be told of your troubles: I-.-im j ^^^f \0~*Jp^^~ able :to- point'1 out the path to success and ^^K*~  /^^B'happiness'.an'!' tell you bow to overcome all  BSivTy B^B,,of your. Iroulilcs and difficulties. SATlSlfACTtpNiGUARANTEED FOR WHITE  c COLORED ''0ip*n1FX. M. to 9 P. M. Including 'Sunday 1172 Hemphill Avenue       ., C. SPECIAL $2 READING SOc CIVE LUCKY DAYS</t>
  </si>
  <si>
    <t>                                           Ethiopian Woun cf ed Given Aid                 aid station 1^                 warrior on "mule ambulance" I                 Sonu- idea of the - medical facilities available to wounded Ethiopian warriors is giu-n by t.'ic abort , lop, -ing- a first uid  bc- the lines am;, Dolow, a wounded tribesman being  back from the front lino ou ;i donkey.</t>
  </si>
  <si>
    <t>                                           JA. 7199 Thomas' Service Station (Standard Products) Alemltlng Simonizing Washing Greasing    offer you Alw.y. belli Courteous and Prompt Service W. D. THOMAS. Jr., Prop. Wait Hunter it Japtba</t>
  </si>
  <si>
    <t>                                           MISCHIEVOUS TIKE IN "FRECKLES"                 The hit of 'Mrs. Wiji^s of llic Caliba^e Pnlch* and 'Laddie"  brings her ingratiating Mnilc    llic screen as l.:. Lou in  i JtliCKLIiS,'  Uadiu'i  fit" thu CIlmic Siraiton-FJoricr ionic witli Tom Brown and Carol Stone in llie  leads, :  al the GEORGIA Tlv.-alrc Jamiarv 15th,</t>
  </si>
  <si>
    <t>                                           Pythians And Calanthians Meet Today                 TIipiV will be a Bet-to-gether mct- of the members of tho K. of 1*. and Coiirm of Calanthe Lodged today at 4 o clock at 277 1-2 Auburn Avo., N. E. Plan* for tho  of the order will' be discussed an-l committees are to be selected to work 6ut plana for the next Grand Lodge which me*ts In Atlanta next year. Owing to the large amount of work to be done'' and the           efforts to b, made to Increase the  and brine about a more harmonious  with thone members who failed to affiliate with the new set of officers, "representing; the faction which met under the Supremo Jurisdiction, It Is desired that all those Interested In bringing about a re- of the two factions for a bigger and better Pythlnn Order will attend  meetings, and help make suggestion* that may lead to satisfactory results. The Proclamation of Grand Chancellor Hughes will be out soon outlining our future  nnd netting forth conditions under  the Order ha* been  for in* past ton months. W. M. Parks the Grand Matter of Exchequer, will preside  the meeting today assisted by Mrs. E. L. Spratllng the D. D. W. C.</t>
  </si>
  <si>
    <t>                                           ^z^Mlii^      BUY, fl^BK^^Bra^^^Bm  o6        ^~  ^2a2. ^s]^^  \ Without paying one penny, you :ean try DrlFBBD PMmtrwTSkin Whltener Ointment, Soap and Face P0wde* and see* fob' I yourself why these three            WA' quickest results! Nothing; to buy. Just aik your          .f6i this valuable and useful Dr. FRED Palmer** Wetk-End. Kit today. But hurry as the supply is limited! Tomorrow WatflU* too Into! Limit one to a person. None (riven to children. i IF YOUR  CANT SUPPLY YOU Send 6c for postage and packing direct to the DB FRED PAL. MER LABORATORIES. TJe.pt FG-10, AtlanU, Geoiita Ik ure to tend 6c, either      ir postage.</t>
  </si>
  <si>
    <t>                                           Famous Oriental Herbs Nature's Remedies, Herbs, Roots, Barks And Blood Tonic MttSKACK TO THK  tT Yon iK i il not I'c (             yout .li. CIiolt up. There is help for -, is Lin' old reliable Cliinoao  Speuili-t with hia Tamous mid  Hcib-i a id l ools.  which  bun u^oil ror centuries, nnd lire highly recommended for any trouble ot the       , Bueh as the Lungs, Stomach, Heart, Liver, Kidneys, Blood Poison,             , Catari-ah, Weakness, Kcrvoun-^ ness, Bladder Trouble, Conatiphlion, Ajf v 1 T . Skin Diseases, Female Trouble SPECIALIST To   )OSO whom It : Call ht 2        .1B OnCC- D0"'t B IV?           if  fBl1' T1* result is pk-; to all who try it. MAI.K OK .E- CALL OR WRITE Bi DR. T. Y. YOUNG, Jr. WITH ORIENTAL HERB CO. i CHINESE HERBS- ONLY NATURE REMEDY FOR EVERY DISEASE OF THE HUMAN BODY 132 Edjjowood   . Phone: WAInut 2189 AtlinU, Dnily Hour.:  J A. M. lo 0 P. M.</t>
  </si>
  <si>
    <t>                                           PRETTY- This title is well deserved by Miss Caroline Williams of Charleston, S- C, an honor graduate of the high school.</t>
  </si>
  <si>
    <t>                                           British Bribes In Ethiopia Hurt Duce                 LONDON- (ANP) Premier Mussolini's plan of buying his way Into Ethiopia, by bribing powerful Abyssinian chiefs lias been frustrated by superior British gold, it was revealed here this week from usually reliable sources. This action -'has reputedly done more to                 wreck Italy's plans.  league of nations sanctions or military resistance" on the parl of Ethiopia. According to. this information, II Duce '-hits, been* aware', all along of thv well nish impossibility of . the African' nation by arm:, alone and his Wrliko gestures have been made purely to satisfy tin: Italian thirst, for, glory. What hi: lind depended upon mainly wns the bribing of other chiefs as    ! did Hns        A . war chest of silver monev was set up for .i purpose  at  the policy .seemed to be succeeding. .Ras Gugsa, of course, sold out. But as time passed no other important chiefs  his example. Worrj'.  to .suspicion when Itallnns found on several occasion"; thai, chieftains with whom' they hud (Continued on Page 6; Col. 1)                 British Bribes (Continued from '    1) been dicker. ng Uu-o'.i^li  ^uiu." and who seemed willing sell  incorruptible over night. The Iiall.ins nre positive they now know why. The British, richer Hum the Italians, have been paying  same chiefs more money tu slay loyal 10 Selassie. As a result. Mussolini hns come to the conclusion that "you can i carry on a colonial war  EiiBlnml- slip s too rich." With Ilio i.ribe policy . Itnll.iii lenders  no illusions rc=:         ilio hopelessness of 1. military conquest. II IJticc :is                 result, lias no  bin to continue j ihe  wnr or conic to.  wiih the lc;~;uu-. j</t>
  </si>
  <si>
    <t>                                           LONDON-- (ANP) -- Premier Mussollni's plan of buying his way into Ethiopia by bribing powerful Abyssinian chiefs has been frustrated by superior British gold, it was revealed here this week from usually reliable sources. This action has reputedly done more to...</t>
  </si>
  <si>
    <t>                                           MORRIS BROWN has come to our rescue with a basketball game to be played Saturday afternoon at Sunset Casino in an effort to further salvage this eventless week. We will not ask the question that you might like to ask... why Morehouse could not play Wilberforce Monday and avoid a two-game day here Saturday, or-if not that; why Morris Brown did not shift Alabama to Monday date. The reason I am not asking that question is because I have been in behind the scenes long enough to know that...</t>
  </si>
  <si>
    <t>                                           JOSHUA JONta                 Bf hf. RayaaUt                 Bra.     mjw that OH 1 moM!e hat         t*r. UUt.HM /qu pty      7</t>
  </si>
  <si>
    <t>                                           Flames Fatal To Sick Man House Is A Total Loss                 The second man in throe days to be cremated. Joe Sheffield. rear 135 Logan street, southeast, was pronounced dead on arrival at i Grady hospital early Monday. I                 Sheffield, a paralytic, was fatally burned when kerosene used by Roy Williams, to start a fire at the Lo2:m street address. Mazed up. ; his clothes. Williams attempted to extinguish the fire by pouring several buckets of water on the Maze, but was un- i successful. Sheffield was sitting near the i stove. Williams explained, when he attempted to start a fire lo warm a pot of  peas. Tlie fire was slow in burning. Williams explained so he poured a quantity of kerosene on it from a I lamp. The oil suddenly blazed up. I                 the  licking upward, igniting the sick man s garments. The house was burned to the ground. Sheffield, after being carried to t.he hospital, where he was pronounced dead, was removed to ihc Murdaugh brothers funeral home. Burial arrangements        not yet boon made. Emanuet Clemmons. of 2GU Chapel street was fatally burned early Saturday, when his residence caught on fire while he was asleep.  CETS CLOTHES An unknown  who entered the residence of Paul Clarke at 11 Cook's alley stole a man s suit and two dresses. Clark reported to police Monday. The clothing was valued at $40. he said. j</t>
  </si>
  <si>
    <t>                                           The second man in three days to be cremated, Joe Sheffield, of rear 135 Logan street, southeast, was pronounced dead on arrival at Grady hospital early Monday.</t>
  </si>
  <si>
    <t>                                           [     !      ,~      SUFFER? GET   a%a Atj^**r Take i ALKASELTZER for HEADACHE, Acid Indigestion, I Colds, Neuralgia, Fatigue, Muscular, Rheumatic, Sciatic Pains. Pleasant. Non-habit, forming, Non-ln.x;\ docs not depress . Gel Mlin-Stltrrr ill your dros storr In "ft*-  file packages for home ll*c, 'or gel ii drink of Alfca-Scllzor a*     I  ^mrc  udn (. I pM--  ^M-</t>
  </si>
  <si>
    <t>                                           THEY RE PALS                 -At the start of their new     stirring  i. :';O,'            's Coy" .. today-. ..' Tilts?; dRy,,at^BaUcyrs'.81','jH?Ttle Cooper hates' bis Titlier, Wallace Beery, but the two end up' as pals again before the final  In this ? new picture of circus life..</t>
  </si>
  <si>
    <t>                                           THE Black Crackers have been playing tricks with owners Percy. Williams and Webster Baker. Norman Cross, 'Flit' Holiday, 'Mule' Smith and 'Scotty' Barnhead who served as pitcher, centerfielder, shortstop and catcher respectively on the local contingent, packed their grips and made their getaway to join up with the Atlanta Collegiates and venture to Jacksoville.</t>
  </si>
  <si>
    <t>                                           r^^^ Gold-Red Lips THE -FATAL LUKE 0K  KLONDIKE! It drove mch.' with  of  wealth*. hunger for' 'tht ''toft "care*~ of a woman'* l^i**.:.._^ allot   ^JACK . TODAY fi^^S^^</t>
  </si>
  <si>
    <t>                                           PRESTON FOSTER AT GEORG)~m                 -Preston Foster turns in the finest performance of his ca- Bar us Marcus in "The Last Days of Pompeii", now playing:?; t the Georgia theatre. David Hoit, the talented child star lays the difficult role of Flavius, orphaned sonof the  Foster has unwillingly killed in battle.</t>
  </si>
  <si>
    <t>                                           Prominent Pastor's Mother Passes In New York City                 By REV. a A. WINGFIELlD                 Mm. Sarah L. Parker, uged moth r of the Rev. H. M. Parker, pastor of Flipper Temple A. M. B.  on West Fair street : president elect of the A. M.' B. Ministers Union of the Greater. Atlanta Area, died at her          's home In New York City SaW                 urday, January 18, after a week s; Illness. The body of the" deceased matron win be brought through Atlanta, enroute to Fitzgerald for burial1 Thursday, A' delegation ot . and  of the Fllppor Temple A. M. E. church' and the Union will join the family hero and accompany the remains to their  resting place. Mrs. Parker was the widow ot, Dr. A. Parker, ,000 of the pioneer ministers of the A. M. B.  In Georgia, having served many of the large churches and presided over  of the leading districts In the .state. Until his death he was considered among- the (Continued on      2, Col. 7)                 Prominent Pastor's (Continued from Page 1) esl. ministers lit tils . ".Yguus Parker, 1 lie aside from  pastor the local church n 11 rl president-elect of tlio Union, is active In religions nni! civic affairs in this community. Mrs. II. "if. "P.-, wlfi; of the  Rev. II. AI. Pnrker, is  of. lite Minister!!' Wlvr*1 AlllanPf. of. this city and  n  in the conference branch of the W. [I.- and F. M. Society of "the Aflanla Conference as well. .She is also president of the society In her husband s local  Tims, l-ntli the ]~:"(t ai-e         .themselves worthy ot tlic I'onlldencp imposed upon Oicni by  u-ho know ll-ein. Mrs. Snr.ih Parker, Uic (0 l .-.n. was an  worker in the cause oC missions and hold ninny positions of k honor nml trust In her younger , .  her health  UCr  i' wont1 north to live  her daughter until she passed  Saturday. She leaves to mourn .hor de.it fc a. daughter and one son. Hcvevond' Parker, and n. host of friends. Her death cast a  over the entire membership, of Flipper Temple A. .M.. E. church and tli e Ministers' 'Union,    well us the city at largo.</t>
  </si>
  <si>
    <t>                                           Mrs. Sarah L. Parker, aged mother of the Rev. H. M. Parker, pastor of Flipper Temple A. M. E. church on West Fair street and president - elect of the A. M. E. Ministers Union of the Greater Atlanta Area, died at her daughter's home in New York City...</t>
  </si>
  <si>
    <t>                                           Streams In The Desert "And we know thai all things work together for good to them thn'. love God." (Rom. 8:28) Mnny separate wheels and joints are required to make the  of machinery. Take a thread separately, or a note separately, or a wheel or a tooth of a wheel separately, and there is neither use nor beauty discernable. But complete the web, combine the notes, put together the separate parts of steel and iron and you see how perfect and  is the result. Here is the lesson for faith "What I do thou knowest not now, but thou shalt know hereafter." IVEY BROS. MORTICIANS "The Institution With A Soul" AMBULANCE SERVICE Phoscii Main 2567   . S875 4*2 LtfUn St., S. W. AiUnU, C,</t>
  </si>
  <si>
    <t>                                           ON1.Y  DAILY NIWSPiPER IN  WOO-Ln FOUNDED  5. 1928 BY W. A. SCOTT           Dally and Sunday at 210 Auburn Avenue, N. X. By  COTT NEWSPAPER SYNDICATE Telephones: WAlnut 1459 and 1460 CTA. SCOTT Geaml M*0**" Te.     . General ILmarer N. DAVIS SUBSCRIPTION RATES: BAO.Ts-1 Yt. 1S2~: 6 Mor. $4 75;    . S2J0; 1 Mo. I .90  ONLY-1 Yr. H80; 6 Mos. $W0; !          1 SV-   * 1      1  Tr Mo*- $s-75 MiawUBlt OF THE ASSOCIATED*  8 NATIONAL ADVERTISING P. W. B. ZIFF CO- Chicago, DJ.,  St New York, N. Y.</t>
  </si>
  <si>
    <t>                                           HE S. BACK 4N BURLESQUE                 -Joe E. Brawn started his career as a burlesque shew comedian. Now he s one again      Ann Dvorak  his partner and wife in (he hit musical comedy, "Bright Lights now playing at the Georgia theatre.</t>
  </si>
  <si>
    <t>                                           Five CCC Camp Workers Die In Cave-In                 cui., tin.- (sns)-       iiii-ii, nil I'rutii Louisiana, were  ili inl. while three  were  us .severely Injured .Mumliiy. ; the cmi-lii of the pil fin u-hli-li (hey were working :i. I't. . It Is o. Hint nt Ivnst obc  f tin: niiMi limy not *. All of I he men won*  rg of i hi* err.  group working on i    itil pit . Wlilli* u check "as being made In nn I'frurt to  (tic exact  nt  . army auks,   rui*ks.  by  if    with  .  nt n feverish  In .111 effort to   it not  or two men, though* to Ix.* mining, hud not heen burled lu tin* Wttufctltlt*. Among the dead were letter Rnrncr, I.. 0 rummer. Hunnnu Ororo. Melvln Carlts and Herman Brown. Ari.' to Inforrontlnn  the  office of the . I'rlviiti* l.     I^ve nnd CnnHiml Upvi.ii wcrp  the Injured. Thin Is the first   nl Cnuip Iluniioii.v which la one of the largest nil colored CCC Camps la tbe country.</t>
  </si>
  <si>
    <t>                                           ii^i 'ti^j ti^i wm a        Ih (^n Yonr. of evil  '"P. Money, .       .-JliisUanj, W^KVp W'lfn. Kweathnnrt. Thin  ? I"     . - ropy at 6    JOO KflodM, Pub.   .. Chlanun.-Ih GET MONEY^ I           to. you.^ai it new tuit I* Ulc No cam bv/oad bop*.       . trigt Wrlu         .        Vf. WILLIAMS, 901 Berxen Atc.</t>
  </si>
  <si>
    <t>                                           There are two sets of people in this country whose thinking and acting are in large measure responsible for any and all outbursts of racial antagonisms. They are the white and colored people who continually go about with a chip on their shoulder looking for trouble. And were it not for the existence of this recalcitrant group, made-up of both races. we might do fairly well in adjusting whatever problems of an ... nature that arise.</t>
  </si>
  <si>
    <t>                                           Trucking Contest! Cash Prizes! SUNDAY NIGH1\ NOV. 17-12:01 (Afler Midnight) Music by MeALLISTER EVANS And MIS (8) SWINGING BUFFALONIANS ORCHESTRA ELKS SOCIAL CLUB ADMISSION 20c C.OOD ORDIiR</t>
  </si>
  <si>
    <t>                                           IX THf.  MEpiTATJONS By REV. A. A. ItlRnTOWER Pallor. SJI. 7Hnn ASTE CUlBreli, Colleice Park. Ga. p. Providence. I cannot see what waits for jme,' Thc human mind Is so short of  to see! It only enn -with Thcc at once pake its plea For  must wait on Thee to com^. that ha may see. Who knows 'that  can itani and commence with Thee, And for        Providence make a plea; Are men   than tb,~y with Thee? Ah. men must wait on Tbee to     him yea. .0, Oori. could I but know what valta tor me, Beyond this day of which I' want to nee: How glad Td be to know .Il was  With my Maker and that to    the day would be bright. IThe  Is  and I cannot ?ee why T)fr dock of Jltne  carry me into ; Can I watt too? Can I see too: My                 un' to 'ice?- I Providence. "It all depend* with Thee. I . Odd. I'm blind to what le beet tit me. A I know that Thou doth only eee; But  To me that I mar hear Thee say: If      doth eta Ml  that you. may- know I' tni-love</t>
  </si>
  <si>
    <t>                                           Q--A young man. I'Ve known less than six weeks seems keenly interested in me. He comes to see moas regularly as I'll give him the opportunity, sometimes when I don't. He writes me letters. I never answer them, but he still writes and writes. It would be very easy to...</t>
  </si>
  <si>
    <t>                                           Atlanta Music Club Fostering Fine Musical Program This Afternoon                 Four  mimic   \Cis wore thrilled hy THIS ATLANTA   CLUB presenting one of the  monthly programs at the clubroom 21 t-2 Bell St.. N. E. on Ihv third (luoi of   Co. Bullilliic. The Btmclous building was          to                 IU . All '.H  themselves no much thai we wcrn linked to  this sumo  again soon,  we will. Mr. Ruth Lewis and Mln Annie Mao Cox wern at their bout as plan fat und director, respectively. Mr. Ernest Owona acted as mauler of ceremony. We  liad sev" cral lending  or tho city with um. Hov. A. F. BnllCy'H  was Just grand. The group specialized In                 tunl*. Sang "Rockine the Moon to Sleep. Steal Away, Old Blue1* Joe, Maswi's in the Cold. Cold Ground Swing Low Sweet Chariot Soon Onc Morning and Deep River. Miss Ada Fon'cll, Miss Mnniie Ouffrle, tin Eldora Moss were the leading  In     group. Mrs. Kula Plckens, Mrs. Eldora Moss. Mr. Ernest       anil Mr. J. It.^Thomati  the audience with their ' voices. This group      bo on the ah'  "- Watch th0 World for tho  of tho . j W. C. Crumley. Prpa. ISldoru Most), sec. Biila . Rep.</t>
  </si>
  <si>
    <t>                                           Four hundred music lovers were thrilled by THE ATLANTA NEGRO MUSIC CLUB presenting one of the regular monthly programs at the clubroom 21 1-2 Bell St., N. E. on the third floor of the Hanley Co. Building. The spacious building was packed to...</t>
  </si>
  <si>
    <t>                                           Pi f i "T^"1^ A Full $~~~ Specially p**~d   with  un Swcwt CwtqU Brawn H*         hv^nlH^v     r          n3tr Urriwinc. Uont waMt Wni.- /i.r  1-KliL t  ^ff.T. ;I     It i...v.i V*LMOR PttOO'jCTS CO. i ttO     .9       Aw     ,L Ml      *.  H.</t>
  </si>
  <si>
    <t>                                           THE Negro race in America has never come into the heritage of the consideration that has blessed others of the darker races. His advent into this country was neither a search for religious freedom nor means laying claim to the rich spoils of the country. His long struggle for some three hundred years at "hewing wood and drawing water" without compensation is told in pitiful tales of dire poverty and illiteracy.</t>
  </si>
  <si>
    <t>                                           Funeral- Notices]                 MORRISON- Friends ana -  of Mrs. Isabclle Morrison, the mother of Miss Florence Morrison, are invited Lo  the funeral of Mrs. Isabell* Morrison this (Thursday) afternoon at 2:30 at Wheat Street Baptist church, Revs. Lewis Foster, Jr., J. M. Nabrit, J. E. Jordan and A. V. Williamson officiating. All members of the Sisters of Love are asked to be present. Interment Southview Cemetery. Haugabroote: 4, In Memoriam ELLIS- In  d  nd Kninr sum- ory of my ,    . EUla 'of         , -who        4 this life two years ago today, November 28, 1933; "Two years  today you left me- I have missed you, all the while in my heart. I have longed to hum- your v.oice, nad see your smiling face. I cannot call you,: back,- -,- this life on earth to renew. But some sweet day, God -will call me, /and I will como to dwell with you. IMrs. Annie L. Williamson 10?, Electric Ave., N. W. Daughter.</t>
  </si>
  <si>
    <t>                                           Look this morning and see the "Avenue's" Prediction that the light would last last night. These predictions were made last night with some of their ... before the light.</t>
  </si>
  <si>
    <t>                                           Baptist Ministers In Election Today                 Today.- at tho Greater Wheat Street Baptist church, the? 'ISev. Lewis Foster, jr., minister, ihe annual  of officers of the Atlanta Kaptist Miuistt-rs' I.Inion will take place,  to : by Dr. M. L, Kinp, pr^~ of the croup. Xo momb?r will ho allowed to vote- unless his annual membership       is p lid. it has b*Y*n :        ?~i. Final plans for      in-t.-iU.iti.-n  will Iwy  by a  headed hy the Rov. a. P-^II. pastor of the St. .lohn Baptist church at Adamsville. The si- will    held at ihr Mt. Sinai Raptist church. Rov. W. F. paschal, minister.</t>
  </si>
  <si>
    <t>                                           SEES GOOD YEAR                 UK. D.T. BABCOCK -progressive ? pastor ot Ihc Big Bclhcl A3IK church, who is looking forward to a bigger and belter year  193fi. His 1935  tl \vas niic of the most impressive of any church in the country and he. with the  of a  that is rallying my. ally -to his aid. i^  much to place Bi^ Hethel buck in its na. tional position as a leader among all A MIT churches.</t>
  </si>
  <si>
    <t>                                           FRANKFORT, Ky. -- Responding to the intensely high spirit of the day, the memorial day of Kentucky's 50th Anniversary Homecoming answered the shouts and cheers of more than 4000 people who crowded into the Alumni Field in witness Kentucky's home classic, and to the encouraging smile of the beautiful and chaiming Kentucky co-eds, particularly Miss Homecoming and her attendants, who sat in majestic beauty in their special box over-looking the Blue Grass field, the Kentucky...</t>
  </si>
  <si>
    <t>                                           BUILDER                 Cwf*KC*ii*il and competent coach of ilir LcMoyne College football (e*m And director of athletics. receiving i lie unstinted " of hundred* of friends and inter* cited followers of his car cor and LcMoyne'n progress. Coach Ad* kins, m graduate of      Univcr*  received hit Mailcr'i degree from Ohio Slate            this  and h*i render od yeoman service it the local institution and this year t accomplishment taking practically a new  of raw ma*  and moulding them into a front ranking machine hm rein* forced him in the front  *+( v.il ...   li.'v. A. I Luc \i (i u^</t>
  </si>
  <si>
    <t>                                           Carl Daniels Will Be Funeralized Here Today                 Funeral services for C. E. Dnnlcls, 34V Highland avenue well known local tailor, will be held at three o clock this afternoon from Our Latly of Lourdes Catholic church on North Boulevard. Father Weiss, officiating. The. body wlU lie In  from 11:30 A. M-. until time for the services. Mr. Daniels, who was a  ol Hawkinsville, Ga. has been In Atlanta. for the past 10 years, conducting a tailoring establishment of his own on Ivcy street. Early Prldny , November first he died suddenly while asleep, the victim of a heart attack. The remains were removed to the Ivcy Brothers Funcral Home. He is survived by his young son and a widow, Mrs. Alleen Savage Daniels, daughter of W. D. Savage, prominent Hawkinsville undertaker, other relatives and a host friends. After the last rites today, the body will be shipped to Hawklnsvllie for interment with the Savage Funeral Home of that city In charge.</t>
  </si>
  <si>
    <t>                                           eS^cold 1 Fair today with temperature extremes near 20 nnd S(l degrees. GEOltGE W. , United States</t>
  </si>
  <si>
    <t>                                           GEORGIA "THE LAST OUTCAST" NOTICE'. On Account of wires being broken the Lincoln was thrown in darkness. We Will Show On Next Sunday and Monday the colossal production that was booked for (lie  of this week "TOP HAT" WITH FRED ASTAIRE and GINGER ROGERS</t>
  </si>
  <si>
    <t>                                           DEATH OF FERA TO SPELL GLOOM TO MANY WHITE COLLAR WORKERS                 Rj It. M. KATt'I.                 Dm Hi of PKrtA Nov." 15. will! n-. I ho  of more than 150 I "v.'Iiitr-" jobs held by colored Atlimtnns.                 Pnssfnj of PER A means the  of  positions a.s fare workers,  .'., district manager, janitors, r. . ..-.r.s And r.nse supervisors TIics.-. lads wore released Friday  i,y Rcciiitild Jclmsnn,  ~^     .'iry f.-,r tho Atlnnhi                 h Ar. LC.. WPA. which at present is bring  seriously by WPA workers, will br Hip only source of work for unemployed following the passing of FERA Tho.se who know say it will he '-. for the out-going "whitecollar" FERA job holders to expect to obtain similiar .positions  WPA. Some, badly in need of relief, may bo (riven aid, and those well qualified nnd experienced as supervisors and directors may be able to work 1111d r the flag of WPA. WPA at present is in a muddle itself. WPA workers have  to strike next Tuesday unless demands for prevailing wage rates on all WPA projects arc granted.. The fact that ih.~ WPA is unable to "'" outgoing FERA workers is also  much concern. The Urban League is making some fine investigations in behalf of the  d WPA workers. Friday, Secretary Joluison found that a group of Negro quarry men at LHhonia, Gti.. had been replaced by while workers. The colored men worn sent to common later jobs with the small salary of $33 per month. The League is making an attempt to bring about  considerations for the Negro workers.</t>
  </si>
  <si>
    <t>                                           Death of PERA Nov. 15 will mark the end of more than 150 "white-cellar" jobs held by colored Atlantans.</t>
  </si>
  <si>
    <t>                                           AVENUE CANDIDATES                 CRUMLEY 13 MAYOR OF 'SHOE'                 Lucius Jones Beaten By Narrow Margin; Raise $319.91                 LAUD REYNOLDS                 ny ROBERT .IFFT?                 Auburn Avenue, the name of which Unr. been mentioned the i world over. Sunday , was i Elven a .l mayor. I                 IltuiilsomP George Crumley, popular young funeral director for the Ttnnlcy Unriertnlrin:: Omp:mv, war  - , defe.: iv.o nl.h"r  Auburn Avmiii-  on.- in a  liii.-    -lnt .st sinced at. Bis IVtlli-l A SIM ~.~.'l). l\\-lii)*; a brond victory      ,) I lie  , Mr. Crnnilriy , "Who'" you pin up a . put up ihc    .~.t you vo jjf.t." A mini nf f^tS.fll from the   was turned  lo the  funds     I HIk noth^l  Imii'rIi  by till . n. T. . Of this, tlio  tii kot reported $~.ri(~.:il. Lucius .If)    . city editor for  Alliinln Duilv World nPd  sports Oi;.  accord in tho-rn'-e. - the . nf f IS. .IS. Mr. Jones  Ills  , Mr. Dnvltl Rail. Ail.inia World employ.-,  ilic  Mi. nicht after in vine raised over an In IhrO" hours. I Cnnslflorr.l n  man in; Ilic -l:il l.;il.tlo for ill,,  Uilc wns Hw woll-known ,lnl\n Porks, owner of tiie Blue Front I (Continued on Paf.e 2, Col. 5)                 Crumley (Continued from Page 1) and t.'OusiiUrrd Ati- a "daddy nf bn.-ei.Mi." Mr. Parks who wai  backed by l-CWis ("Bk Siiiitiy'1) Smith. submitted J5O.2S. 1. I*. lU jm.IcIs I'nii.seti This promotional  was h irn in the. imaginative brain of I. T. .iMs. Atlanta World . Mr. Reynolds on many   lm prom.ii.vl brilliant  fur the benefit of the 1   f Atlniiiu. hut '  :i"hl. - wn?.  his lif.'.l. .Mr. Ucmi.-.KIs is the i.' of ill,. All. Worlds comic .strip. .l".-lma Jones, formerly "Deacon Jumv.". r.nd U l.lic ti 1 1 t h r of ihe ii: .Tiliimn. '"Srini nf Auburn A vi ti ie". The ~.\\~^" knous him I.Csi :i.s  of "Unoc Snin'.s" I.Mier .-. lie Is now  retirement. Afier being introduced to HiO Miiiti^ni-e r.i nearly l.L OO. n  *nvd that,  every nv.-iil.-, hie so.-it, the  Mr. R=  fill snookers lo    very short. He said the thoughts oC the rally Iind        hen\T on his mind h3 hart been       for tho lasi ten . "I am "till nervous, find then mo. I nin jum getting over my hay f.n Or." Mr.  was prompted tn sia.q.'- ihc contest several weeks ;mo when he observed that the lU-v. B:   -ock was in need of conference money. The AME conference of ihis district meets this \v.?ek at Thomnston  Bishop Fnimiain . Tlv bishop present, in,- ihO ,,lni Unn Sunday '. This is very fine. It i* :,n .il that rhe people nf Atlanta appreciate     Reihel and its '. Fountaiix said after Mr. Crumley had been named   s gratia program j                 was opened  a half hour  service -.which was terminated nt 8 :2()"n . The   WHS well occupied by S i.Vlodi.  More than twenty ushers worked :it their capacities  Hie service. ^A'on( music won rendered for the  service hy the 30- Bic Bethel . Shortly  ore ihc main ;ram was 'commenced, Ihe three ~~'~~- with their campaign managers ami. hackers  Into ihc church'. .They wore ushered to the lower section of the rostrum 0:ich assigned n table. Snorting a  rose on the Inpel of his coat. Mr. Crumley, u member of P.ig Bethel .-. was  ilie - table: .Mr. Jones s:it to Ills left nnd Mr. Tarks was '!'tn hi.i . Aiilins; Mr. Crumby n-er* Mr. U'. i''. CiMinilcy, his ", .intl Mr.  1..  .lr..      ) . Assisting Mi*, .lones were Mr. David Karl. r: . n.M .\fr. "Roy Turner. At Hie  " X[r. Pavlts were Mr. CtttC" 'Rjirnpr; I'lils  man:i(rer.  Mr. Lewis "Big " ^. A  array of men were seated behind the pulpit. 1      Tmpresslve air. J. H. Hanlcy. owner of the Ilanli'y funeral  w.-is master nv e . He  til? cenic-r seat. iff. i. p. Reynolds 51: the left of Mr: Hanlcy. The master of nor^ \va^ very impressive in His  Intro- ( of the various speakers. His .er personality ;ind   p.ive considerable color to the occasion. j Others or  on the rostrum were Bishop Fountain, President W. A. Fountain of .\~)rris  '. 'Dr. .f. \V. F.. Under. MV. is. .1. Davis, former national roni mi Herman for tho   from t hp slate of  nnd 'retired editor "of the Atlanta Independent, and Messrs. J. Thomas. C. A. Scotl. J. B. Hicham. .1 \V. Dohhs and Jimmy Perry. Dr. Under welcomed the ''dea.~011" and his fellow -woi-Ucrn 10 Hi,- Church. ~\\n have .ited your coming with much joy." he said. Following the welcoming. the P.ev. R'ahcock  the throe candidates. "I thought. 1 was mayor of Auburn Avenue, hut now they are electing another to take my place." Th presenting Mr. .lones, ho commented, "when I am hard-hearted and blue. I try to  like you. Mr. .lones." The candidate was introduced as "Smllinf: Jones." P.ev.          . in escorting Sir. P. to the pulpit, pictured the promoter as . "This man holds my  life in his hand? tonight. Those cooil acts of his will not he- overlooked hy God." Mr. P., in turn introduced .Mr. Hanler. the master of ceremonies. "It there is any part of this city thru is in need of a . it is Annnrn Avenue. V,'e need n wide-open mayor and either of these three ran bo counted on for that." 'Mr. Ilnniey said in his  words. There was a number hy the choir: prayer 'by the Rcy^ Louis Foster. Sr. and the l- le speech hy Mr. .1. B. Bighorn. Tile BrooksrShattcrly Tire Boy1; rendered two numbers.."! Wonder If He Will Welcome Me There", and "Sleen On. DarlillK Mother." There 'was tingling music that touched, .the tender spot. of. one s feelings. In : Mr. c. A. Sooti,  manager of the Atlanta .'worn anil Scott Newspaper Syndicate in the speaker s stand, the master of ceremonies pictured the AtlatiU World as a "Godsend to our race."  Manager Seotr, In his briar talk. said. "We have  oi    1,-et more; Interested In politics. Tills should cause us to have n keener appreciation of the ballot." Talented Willie Warren san'-"Open the Gates of the Temple." Mr. Lewis "Biq Sniiity'1 Smith, who was finite -shy. very briefly boosted his campaign                  made a ~(]o:i for " money." Mr. A. S. Scott of the Scotf Newspaper Syndicate said, "I like II r.  )~ feel he is sincere; :i sincere man is perfect.'' (IC further states the "only hops for the southern Negro Is through the church." Mr. If.. 3. Dnvis was sinking in his' Inspirational address. He also made a plea for "real money." Mr. Jesse Thomas of th*? National Urban LeaKiie lmd  comment for both  Rev. R: and .Mr. Tjeynolcls. He described Mr. Reynolds as  nnsc- r.nrt spoke of ihc Bic: Bethel minister as the man who came from an Auburn Avenue ?" -chop to  the  ship of ti: ] AME chinch sixteen yea rs. Mr. David Earl, campaign manager for Mr. .Tones, score. 1 when ho bronchi ~~,C entire -,? in the nv.nr in appreciation oi Mr. Reynolds' service*. Mr. .1. C. Co ley follower! Mr. Karl. "I hope wo nr0 not here for tho mevo       ot" curiosity." he remarked. "Bl.c-  rhur Mi has had more to  io with the mai inK of Aul.urn Avciiii,.  any  forre." Mr. .1. W. Dnbbs asserted. Practicnlly all of the addresses and talks were         with typical political gestures nnd  the  o program ih#~re exi?ied :i real political  i ims^. Conntlnc of ihe      votes  at lit o clock. The mythical mayor was announced a. half  later. .Mr. RoynoldV^ last  wos. "Where Fs my wife?" She u-.i.s seated i- in the I . ~.y.</t>
  </si>
  <si>
    <t>                                           Auburn Avenue, the name of which has been mentioned the world over. Sunday night, waS given a mythical mayor.</t>
  </si>
  <si>
    <t>                                           LONDON, England, Sept. 3 (ANP)--Not that the subjugation of the country is feared but to prevent Italian airmen from swooping down and carting away any loose gold that might be lying a round, Emperor Haile Selassie, according to Patrick Balfour, Addis...</t>
  </si>
  <si>
    <t>                                           The powerful Washington High eleven will journey to Anniston, Alabama this week end to do hattle with their arch-rival, Barbers Seminary consecutive victory. That a victory is almost certain is attributed to the fact that ...</t>
  </si>
  <si>
    <t>http://search.proquest.com/docview/490477380/</t>
  </si>
  <si>
    <t>                                           Recollections Ten i\nt\ mx years  (iod i; Anirel came I "til our  ( And      fairest flower . Then vanished from (lit . I 'Tu'ns Mother whom wo dearly love Who hade us all "adieu" Tii journey In onr Ood above 'I'd make all friends anew. Her rares and toils I recollect. Her li  words of cheer 'Her love, her deeds, devotions too Wnuld l.lial she  lie near. Tho'   my life  As taps sound far and near For honore.l dead who  their lives I Mi ink of her so dear. I pray thai Cod will  me 'IV sine her   As . echo Inuil today Clod bless her memory Amen (In memory of our mother, Mrs Lena M. Bradley.) Grace and Helen Rrndlcy.</t>
  </si>
  <si>
    <t>                                           YOUNG ATLANTA LIFE EXECUTIVE IS MURDERED                 1 NETS YOUTH LIFE TERM                 Seventeen Year Old Defendant Given Long Sentence                 VICTIM WAS 15                 Pound guilty of murder in tlic  shoaling or l5- old Hosoa Upslmw, following a dispute  fifty cows. 17- old William Palterson wds sentenced by Superior Judge Dorsey Wednesday to. spr-nd the  of his life in the                  SvcitbI witnesses were called lo the stand by Assistant. Solicllor Quincy Arnold ill an effort to prc.vc the slate s contention that Patterson r.hot Upshaw, the  of an - over n fifty-cent debt. Defense Counsel R. C Turner, contended  his client s shooting nf ; Ujishaw wns "accidental.' Upsltuw died a few  after his  al. Orady hospital from the effects of ft bullet wound through hi-s abdomen, it \vas_te.        'TIift "slug' " d' ' t cTy" Ihrotieh his body. I Chief State's witness, Augustus Paige. 20, who Jived directly across tlic .et from ihe cafe whore the showing occurred while admitting that he never actually saw the shot fired, testified that he overheard :           threaten Upstiaw's life, 'during the course of a quarrel the two were having over a fil iy-cent  Upshmv owed the cafe. ; afl.-r his Icslimony was tie:iied at  Hospital lor on  of the throat, hospital records disclosed. Patterson in his unsworn statement  that Upshaw was  with his own gun, and insisted j he  was accidental. The defendant s version of tlie ^? .i-us that he wus handing Upshnw his gun. when the door slammed, .  the pistol. Homicide Detective B. E. Engl- bert  dint he  Pai-  after a chase in some woods  on . Ga. The youth had fled to the small Georgia town after 111-' slaying, he said. Attorney Turner revealed last night that he planned to appeal the lengthy sentence  Patterson.</t>
  </si>
  <si>
    <t>                                           Found guilty of murder in the fatal shooting of 15-year old Hosea Upshew, following a dispute over fifty cams. 17-year old William Patterson was sentenced by Superior Judge Dorsey Wednesday to spend the remainder of his life in the chamgang..</t>
  </si>
  <si>
    <t>                                           Mother Of Popular Washington High Student Dies                 or widespread lament to many Atmnlans is the news of the death Friday, Novomher 15. of Mrs. Margaret Campbell, of this city, in New York City. Mrs. Campbell, who hnd been ln New York nil the summer, died at the Hnrlcm Hospital fc. an illness or n week Death came around 12:15 o clock in the afternoon. Hospital surgeons say thc prominent matron died or pneumonia. The body or Mrs. Campbell lias heen  from New York City to the funeral parlors of the Ivey Bros, undertaking establish- mont here. Puncrni  arc completed and special funeral (Continued on       2, col. 3) i                 Mother Of j (Continued  page 1) services will ho concluded nt Bla Bctliel A. M. K. church Thursday j morning ai 11 c.'; with the Rev. D. T. Bnbcocl: ^. Mrs. Margaret Campbell was iho mother of Aclclison Campbell popu- lar young student of Booker T. Washington High school, and da- of Mrs. Jennie Synvs. both of 422 Bedford Place, N. E. Oilier relatives of the deceased matron are Mrs. Ambrosia Cnmpix-'i). -in-law: Mr.-, Dyrv:s Parks, of Madison, Ga.. B'cat aunt; Rogers Hendorsc.n, uncle; Mis. Odessa Campbell. sis(er-in-huv; Mrs. Alice Smith, sister Vf her father: Mrs. Malllda Kirl:land, of Ensley. Ala., aum; Jason Brown,, nephew: and Major Wright. Lee Wright and ROliCrt Wriglit.                 AT SUNSET Car  were Ims.c nonr Sunset Cnslnn  Tucwlny. Vance Little, at 102 Younj; Ftrcet, .'ist; and .Tiimos I'owcll, of  112 Oiirtrcll direct, reported tn police. Potli  they were minus IHelr  nnd , left In, tbo enr parked near the dance pavilion,</t>
  </si>
  <si>
    <t>                                           MIGHTY LAK1 A ROSE is Little Jacqueline Bradley, who lives on Bradley street in Atlanta, Ga.</t>
  </si>
  <si>
    <t>                                           RATED IN SCRIBNER S.                 l:'.cl]ind-lhc-       director of singing in the Gershwin opera, "Porgy ;ind Bess,' which passed its 108th performance on Broaduay in New York Saturday , is rat,ed in January Scribner's Magazine l)y Dr. Sigmund Spaeth as follows: 'Eva Jessye di- reeled the singers in 'Four Saints in Three Acts' and also in 'I'orgy and Bess' and has  unusual combinations of song and dance in her work with various groups of Negroes.' Miss ), native of Coffeyville, Kans., lives at 420 W. 148th. Street, " York, on 'Sugar Mill'. She has published a"volume on spirit- 5 uals and folk talcs, and was thu first colored woman motion pic-, '-i tare musical director, having helped make 'Hallelujah.'                 MISS HVA JliSSYE</t>
  </si>
  <si>
    <t>                                           YOUR, QUESTION ANSWERED IN THIS PAPER^ONLtW 8  A  OF THIS COLUMN IS ENCtOSEDINkM M VOUR LETTER. FOR PRIVATE REPLY- SEND A   I(  ) AND A SELF-ADDRES3ED. STAMPED ENVELOPE!!!  MY NEW ASTROLOGY  AND RECEIVE  W RETURN MAII FREE ADVICE ON THREE U) 4UB*-~B . SIGN YOUR FULL NAME. . AND COR-M  9rECT ADDRESS. 8END ALL LETTERS TO ABBE" WAlrlB 3 LACE nri of SCOTT NEWSPAPER SYNDICATE. lit AlMK  AVENUE. ATLANTA. GEORGIA, _____lfc</t>
  </si>
  <si>
    <t>                                           Lounging Pajamas Smart for Afternoon" Tea                 MarUn* Dtvtricli                 Certrude Michael                 * Colbert                 On chill winter ;?  ill* hour roll*  for let or , loun^in^ pnj:im:    ;i ?ni;nt am!  h:: i- Tli"* ;~:ij.nu:   worn by Clr.ud.-ti.1 C'dh.-rt arc of Ik- .ivy M.v-k       do chine wiih               :~' onil m:   ?.ii.l .* M:ir!c:u- J^i-    *!i moiL-1-     ;i^n                 men- .iic stylo, nn.l.- of while satin :ind cut in n  . The yl.-i-vi-s r.re^u hli.i, pocket.- ;uul a -r        , atul the .-: uf lac* r ni.~ :m ; . The lc:i    'n '. by ;ll--i;nnl.- Mirliaol ii a I.- c affair of yellow lace  yellow ,-atin. n:-. in of .1 ' a^o.</t>
  </si>
  <si>
    <t>                                           World Carriers to See Warner Baxter At Royal Today                 All of Atlanta Daily WORLD route carriers will be guests at nalley s New Royal theatre this afternoon to see Warner Baxter in his latest role in "Under the PamI'js Moon." In the picture Baxter appears as the great lover and gaucho rogue of the Argentine plains, who can ride, throw the . sing, dance and woo the ladies move proficiently than any of   a role far more colorful than the original "Cisco Kid.11 I Co-starring  Baxter is Ketti Gallon, who sprang Into Instant popularity in Icr first great American picture. "Marie Galnnti!." Miss Gillian portrays the role of a. beautiful cabaret entertainer from Paris, who bound for an engagement in IJuenns Aires. Argentine, moots waxier when her plane becomes ) and lands in the vast expanse of the pampas. Baxter falls madly in  with the beautiful "ar.gpl" but KetU departs for Buonos Aires, where later their  flowers amid exciting adventures and conflicting emotions. Prior to  to the II . the carriers will inset at the Duller Street Y, Circulation Manager  announced. Plans for another big contest will be discussed..</t>
  </si>
  <si>
    <t>                                           And they tempted God in their hearts by asking meat for their just. Yea they spake against God. They said can God furnish a table in the wilderness? They turned back and tempted God and limited the Holy One of Israel and they remembered that God was...</t>
  </si>
  <si>
    <t>                                           Funeral-Notices                 BRONTfER- The remains of Mr. IdoJ Doyle Bror.ner Ul bt carried to Keller. Ga. (). Tfce ( v.-iil be  at 3 o ". from Hid- ay C-M.E. church, interment at Bronner's cemetery. David T. Eiward and Co. Card Of Thanks Mr, and Mrs. Aihhy Smith, Sr., Atlanta, Oa.: Mr. and Mra. Eoitn^       , of N*w York, N. Y.: Mra, Laaale Smith "WaUbn of New.YorK. X.- Y.; Mr. Andrew. Smith of Chicago. 'Til; Mrl Clinton Smith of   *r Orleanj, La.; Mn. France* NewlMiry of Patterson, N. J. Mr. Charles and Ashby Smith of Atbintn.' Oa., are deeply  of your  and  'shown' during .the recent Ijereuvement of their beloved daughter anil sinter,      Julletto l^ Smith; n'~~ th8 . Sir. J. H. Hanley. and Mr. Avon Ci'iimlej', for professional iei\     rendered. Mr. unii Mrs. Ashbv Smith. Sr.</t>
  </si>
  <si>
    <t>                                           DID YOU MISS YOUR WORLD SUNDAY?                 Atlantans yesterday morning for the  time in four years realized just how indispensable was their ATLANTA DAILY WORLD when they failed to find the usual Sunday morning copy on their front porch. It was the WORLD S first interruption in service since it began publication in 1928 and was the first time that loyal subscribers had failed to receive their paper every morning since the WORLD started daily publication in March, 19U2. And this interruption was not due to any negligence on I he part of the WORLD S hard-working' and news alert staff of workers. The plant was completely paralyzed when falling: power lines silenced the huge duplex press, five  machines, and other type-setting equipment. The editorial department functioned for several hours under candlelight with the hope that power service would be resumed, but this did not happen until ten o clock Monday. vrP-V For that reason. The WORLD today is printing a combined Sunday and Monday issue to its legions of readers.</t>
  </si>
  <si>
    <t>                                           Needlework Club In Regular Meeting This Friday                 The Artistic Needlework Club, one of the city s , constructive and most humanitarian organizations. Is conducting Its next regular meeting at the Home at Its .president, Mrs. J. B. Long, 550 Johnson avenue, N. E. This session Is' scheduled for this Friday: afternoon at four o clock. A feature of the meeting tomorrow will be the hearing pr-reports of all  on 'their work during the. whole of the year 1836. Prompt and complete attendance Is urged by the president.</t>
  </si>
  <si>
    <t>                                           JA. 7199 Thomas' Service Station (Standard Products) Alemitlnjj Kimoiming Washing Greasing We offer you Alwfiya both Courteout and Prompt Servico W. D. THOMAS, Jr., Prop. Wat Hunter  t Jeptba</t>
  </si>
  <si>
    <t>                                           STORM                 SLIPPERY STREETS FILL GRADY HOSPITAL WITH INJURED PERSONS                 Dangling Tension Wire Sends 4500 Volts Charging Through Otis Harrell's Body in Lone Fatality of the Storm                 CANDLES AND LAMPS SUPPLY LIGHT                 Chilled Atlantans Monday were digging out from the  of the worst  that the city lias seen in a score of yours. I                 Blinking in the bright morning RUnlighl after two  in willed both private residences and many business houses were forced to re sort to lighting facilities of nn earlier period, storm- citizens found Ihe sleet storm s death toll to be one. while more than a score had been carried to Grudy hospital to be treated for injuries sustained in tumbles on ice-coated Directs. Dead was: Otis Harroll, 22, ot 209 Auburn avenue, who was electrocuted Saturday . when ho walked  a high tension 'wire that had  under the added weight of a thick ice coating. Injured were: Mrs. Mary Brown,  3; of 536 Stonewall street, who was admitted to the hospital with a         *d left hip, , she- fell on ice-covered steps trading to her  porch. J. II. Reece, 40, !)11 Simpson street, who suffered a temporary loss of memory, when he fell, striking the hack of his head on the pavement. Miss Ola Williams. 10. of 1130 Reed street, carried to the x-ray room of Ihe hospital for further -examination of a trai-.tured right .arm. Claude Hathaway, 27, of 092 Ira street, injuries to right side in fall. Martin Spearman. 2G. rear 501 Cartrcll struct, injuries to back. John Finlcy. 51, Gl Piedmont avenue, laceration of scalp due lo lull in ice.    .i Lena Jones. 27, of !)64 Hanover street, bruises of her left . Six-year old Arthur D. Taylor, of 1082 Quarry sired, painful bruises of his left log. Mrs. Simantha Baldwin, 2R. 44  Chamberlain street, injured loft 'elbow. Marion Lippett. I!), 143 Howi'U street, bruises about head. Mrs. '1'rixie Henderson, 07. 292 Jiaker street, injured back of head in fall. Louise Javis. 14. 61 Young street, injured left arm in fall. More than 4500 volts of electricity were hurled into Harrcll's body  when    walked into the loose end of a high tension wire that had fallen on Auburn avenue, an hour before. He was dead on arrival at Grady hospital. Power company linesmen were working wilh one end of the wire when Harrell coming out of his residence, bumped against a largo tree in which the other end or the line bad fallen. The ice on tho branches of the tree, linesman said apparently served as a   the entire Iree. So badly burned was the electro. cuted victim, several pieces of metal in his pocket had been melted toy the super charge of  according lo police reports. Harrell was not instantly killed by (lie charge, the WORLD  shortly after the accident occurred. After receiving the shock the man staggered several feet to the steps leading to his front , where he fell unconscious. LinesJnan rushed down from their perch on a nearby pole, and gave him , bul lie failed to rally. At Orndy hospital, the man') .body was so limber, surgeons be3Jeied his spinal column had been : by the charge. Harrell had been employed for                 the I'rtsl Tour yens .11 1 1 W. Itiiw-Cli'K Sull'x  nn Allburn  as :i drilling i.. Me was woll --n to    .r,- i era of Atiilni.'i's main . Mo is  by l.vvn brothers, J (Continued on    (~ 2, Col. 3)                 Slippery Streets (Cuntinued front Page I) H.nry aim i;oy Han-ell: ;,n,i  i,,.rs si.~   . Misses Kuliy arid Mildre.l ll-.Ti-r.-ll iin.i Mr..; Louise. P.uif.~\sn:i HI nt All.-inta. He  Wll ni,,rJ ried. His Ix.cl.v w.   sent lo; Ilic      .- brothers ,.riil home. !:nri(ll niT.-int,viiii--~l.s h.no ikh     K-Pll OOinillctHil. The wire which  slm.ke.l H.-ii-rel. acci..u" I., ~-,,w.i- .',,.,1i.any -iMs. wis .1 i.i.-ii,, ,,,,ucr line. II hud fallen fully , Iicf.ire lit!-.-      -  arrive m remov,. ihe m-uken emlx from  nl(. iiv.-~; of pedestrians. J. .loin-si, aii':iM.' MK'ieiy edit, .r t.r lh,. World, M.u-r.Avly escaped d"KUh. when ilic line broke less lii:in i luce lo.i M-ny :,_s he was .~t.)~(;  an . Thougli Jlui- was Mip only person t"        llis , H,., result, of r. icii-iii1. i lines, i-ou-er   ~-Cn- k.-pi ,~n the Jmnp  numerous wills  wires falling nil nver M.e ~'. The entire i-r'-w nf b. i. -.ne and 1' company "ti-.~             " werp  mil. Thmisan'Js or rrr.Vx ln r-.-; un(Irr tin- I'nntlng lei. ,,M ill,             pun-pr lin,s  . I'olicp were, in mo:.i ca.^s. place. I on Buard       the wires until they could \tc repaired. Tho  downpour of rain,  and snow,  AlInnla's .  sidewalks almost impassable. Early in ihr afternoon. loM-i.ro j -. .lc-cl in it slipper)- ;; of ice forming nn ihc  l.  -~ and  ois. Hoih  an.) power .s-rvi-'P was ?..-.) f..:- ni.ir,. Hian ;.Ihuii-~. 'I'lip Ci- l'..\v.-r i-..  .any sent SOS .-alls lo nCai'.v states for ultra lin.-mfu tn a^lr-l in tne r.'^ of  ^. Soi-yii-.' wns  i.n . . after tli.- wire Hint had  Harri-lTs death ha. I h.e-i repaired, "lny in   - - .-in i.ff .  Atla.'ll i's main Mem. wiih Hie  mC -~-av ". in t..ial dari.nc.-.-. r.-.n Anlitirn :.- v.-;.s nr.t nlo::o in Its inky d:.-~s. r .ally all ..f  in ...v.-lu-~~t\P  um  i.!e .l'-mi-il .H...-u,,   w.-rc hit .arly Salili.lay      . as wires I'.-gnn Miapplnu under ill-lu-avy I. .a. I ,.t i.-f. Al"~-.- I han .'..Him telephone* wer...in .if or.kr.  of th-m .m ih. .ss.i,. ..l the     -. All  of lh- i- s r.nlin .ns were f.in-e.l if ihe -day and fur s.-wral hour.- Sun- lay. WATL. Atlanta's  . wa- ill? iir.~t, ..f the ir-.-i in rr-nime .. Thp plant s machinery Mletu-pd by the In'rlc uf pnw. Hi. Ailitii i Wur.d     ihe Hrsi lime in   was force,) lo ml^s il-^ n-,-- ul.-ir  iy    -uc. -d- ..f    ...ne calls -~-                 i'.l the business ,\    v\~ rk .it il:? U OIM.n .uli.-c f/^ :, v. -il-.fr!~  10  tiii.ir Sun.lny p:. Til.' Moml i.Vs   -:up w:-s  Miril :if:fr j ii i in. iiCi-rmy:- r.f        :ir;     -l -ii K:il .^.-rvl.-c. I</t>
  </si>
  <si>
    <t>                                           Chilled Atlantans Monday were digging out from the effects of the worst storm that the city has seen in a score of years.</t>
  </si>
  <si>
    <t>                                           C. KEI1.EY, president of the Macedonia Club of Thompkin Chapel A. M. E. Z. Church, ha. been re-elected to hi* 9th year. Chattanooga.</t>
  </si>
  <si>
    <t>                                           CALL  for  at JjcloOn 8118. BAKING POWDER % for finest  H Same price today u as 45 years a$o- II 25 o""cet for 25* B M*        #~ 4 fcy          II               mad*         II kul bikini pcw^o- H                            II t              1      . ^1</t>
  </si>
  <si>
    <t>                                           ;~' B iog94D4r with   !j-'; r;i !R p!~  f Mmod        i r)      \jt Rf01"p C-        .i, Jurf :j("t:;2 fg ~="rf 'Oe lo co-nr  h i R 1- jj!e Z J? (5 l!lsn Bnwr Cban. tv Dcpt.iNT ri get money-love J to       *w          u. K. .MS,   l BcrKcn    -. Eitf B HI) f*rt:f        *U of 6 1  ^* -4!      "' Ma-tftr every -                i Moimy. Ccntrol HuahaixJ,       U'lf--. b%rv*. Tb;-j       your copy tit onc^ 2430 Kbf.de*. l-jb. Go Clncujcu ill.</t>
  </si>
  <si>
    <t>                                           SI3D3I Pi ATi^kiTA ~"v w/T^R I h '1331231 'Hf Irfllfrdf U) PStfgj T ONLY NEGRO DAILY NEWSPAIpER IN THE 'WORLD  VOLUME 8, NUMBER 247 ATLANTA, GA.. MONDAyT NOVEMBER 4, 1935 I RICE FIVE CENTS</t>
  </si>
  <si>
    <t>                                           Sea Lowdown Told in Film  t Capitol                 1 Chilri' Tii-vm- .111,1 Itaipli t!,-ll ' h:    ihr   -:i i m-fil ml.'- in ih" V"X   lc-ui/v, ".S'iiv.v WiiV."  ih I ho f-,~,~i,,~ '~'iii-:ii i-.-. Til" Him w:   mini ri-.,,n K:il.li! Nnrrls' i r I j ,,,n,.~, ~('.~~:       I'illiKlllor."                 Alasl Inn n.hr.. ,,f i: ~:(iiii il Sillies N:iv.v Jin vf m.-n u-vil ~-. Niilijfcls iii ilic -s Imii -Navy Wire" marks tin: Ih-sl li ilia l ^ Iiiis hi-i-n ~.-! I In- Iiiiimrliiiil si- ii iiiii-ri il In- lilt" -Ili-Ill :unl -sii,~ ,-,,, "XllV.V Wife" ~,-~U ,~lr *~,,rV ,,f I :i .; nni si-  lusi-s     - iii-nrl I *l" ii Nnvy -iiiii, .-nil in Im-o Wit It till'     -      '.V nf Iris rlr-:rrl uil B. ISi-  niam:ine In Mi.w I Tri-vur, -i-vi-r.  n lli:n his criii- pli-il -i' in:iv havi- n - I 1 "ml iii.it In-:'. Miss Tn-vnr :n-       , in      Ix'lli'i'  a inari ia^r I.ms.'iI on  l ran i-. As llu- sli.i'.V -ssi-s, .Miss '- li- -.-nl nr - rival, ill,- ttt-sul /ire, -  Ii:ik . "- Kcwiinl U li.-, ,- ui inan. jil:iyi:il My Kaihl.-.'ii I :n i-l..~. I .Insl as Ilicli- ;.- Is  4  n -ml in ~-.-   -il.v fnr (In- . i , ,-i siii-~iri*.--     -il .ix   ui          "~l:;is nn.l ,~li:ipni!ii-.ss. i "Snvy WiiV" is a Snl M. Wnrf .'/'~I IMM.Iili'liuli aih- was       :U-(l l.v Allan   -:in. Wijm-ii .-r. lii:n f.VKli, .lam-   .-  -vvi-ll Mini ~~:,,.,.~l J l*]:' arc pi " liI in I In'     - j     -~ luu c.-i-'i. j (In      slat.- r.n- 111.'  vi-i-li. in Cajiitnl rit iVt*:: Lnn-ila (iri-y. '"ir; vandi - slur ami 'JT.-r "New vy.iC, Iti-vec" wilh a .-as-1. ..I' two Via^c   . Tln-lv : ii(i\-i -s  cri-il in IliI" 4v:           . which  li" I vi ry  il.-       tn f .1 icii i-r.t.                 AT THE CAPITOL                 i'l:    * Tivvor   lien I. \imi in Navy W'l'r" \\ o;i-iu  at the C.':         Thraln*. l-:  ;lit ;u-1- til * jrr  rd oil tin ^:    hj Hit- i* show, -'IIh'</t>
  </si>
  <si>
    <t>                                           claire ... and Ralph Bell may have the featured roles in the Fox ... "Navy Wile." current at the Capitol Theatre. The film was adapted from ... Norris' popular novel "Beallty's Daughter."</t>
  </si>
  <si>
    <t>                                           JOE LOUIS! Read another interesting installment of the life ot Joe Louis, the world s heavyweight boxing sensation, as seen by his .~nother, Mrs. LiUie Barrow Brooks, in the World tomorrow. Don't miss a single one of these installments which will be a regular feature oi" the Mon- 1 day morning edition of the At- lanta Dolly World for weeks to j come.</t>
  </si>
  <si>
    <t>                                           Chocolate New Dancing Marvel in Hollywood                 LOS ANGELES- i\V8) Here I , is a  to it     the lookout for, l.cca jsr. it wont bo  now before il. may be or.  lips.  Chccoiiitc"! Not  unlike (lie tasty more that the n.im; was ruined for. this is the   of a young dark brown skinned dancing marvel. '~Chocolate," appears to bo the real thing in the newer presentation order of rhythmic stage dancin-,Ii'c appears tc be the  ruling  frr (lip I0-.1 "chiller kirn" now brini; worn hy Bill RobInson. Keep your ryes     : for Ui Is "Chocoliilc" lad. Hr is U10 . "Clu."tr" is  MiKlHly a!   c;liff Uwr- s Calr. mi Bpverly Blvd. u-illi Buddy Oiimorc. I Things Theatrical HV l-'KAXUIiY.V VAST I i.:--.M(.st of the  i-. j the local  arc scheduler! I to lorn! a  at thy  d^nce  for Hallowe'en morning at Dave's cafe. Sweet Charity blC.-w h'.-tl Jjrrl thi. for i ho crippled children in particular are lo Ix-. The Nitelifcr'M  is ; ihis the Hrst  ev^ni nf this . O!i yes. thc Nitclifcr's C1M'~ is liC;ided \~y two of the boys 1  -Krancoin    1 his l^, orchestra now ;' j tunes ut Dave's. Ainnp.tr the star? listed arc Adelaide Hull, AIIcc Whitman. Billy; .Mitchell. BCa Moore. IteubEn I                 I'iMwit. ~.ioP YancCy. Jimmy Wliiic. Mno -Mix. etc-., plus the regular l-nn Kced prod union ;il Dave's. AiMpinl;i Hi,,  have had to p:iy i oi- I heir .'K   (i.-MtiK ! I .lean Hurlmv is lie Ursl             ihr new "fur " f:~ft  st;in pit t his scn.son i" Parts. .1c;ji:'h * cns0m1ile t: of a blun f"X scarf, with hal :ind .s ti  in ^ fur. ahc  f his  .     with it suit cf Bergtinriy woolen.        of Burguruly suede complete I his  . nf  atc    *"lo Lum hard h is worn navy blue accented in rdl i on interview days. To Lm::_ explicit. Cin'olo's , is ;l U'ell-f   "C heavy crepe with a t:-CiJ I'lou.'.c and a .smart n:ivy stuf ]  her . Kl.'it- navy . stm?H ;in-! navy  c:~    )Ict0 the .cost : :itnl the -red note  in on Vhe  s  ly  which   k         *li  rl  dipped In .rl.</t>
  </si>
  <si>
    <t>                                           jj^ SO-GOOD HAIR GROWER /T^U^ A QUININE POMADE ~,jj^^^^^ Grew* long, soft, silky hair from I Co 2 m inches per month. Recommended by doctor* v.^^^^^L for Tetler, Eczema, Falling Hair and Itching L-. .^ga^H Scalp. E^^^^H SO-GOOD HAIR STRAIGHTENER ^~^^^^^H^k Straightens any head of harsh roach hair ^^H^^^Pt^ without Hot) Pullers, or Hot Comb* *    _^R^^^^^V/^H leaves it soft and smooth. ^F ^Bmr Send Money Order or Samps W ^^~flV W* P*y Postage ftv Jgi^P^^P So-Good Hair Grower 50c V' So-Good Hair Straightener SOc e t i, n_. So-Good Men's Hair Straightener SOc 10,000 AgenU Wanted So.Good  Whileoer 35c Wrrte for Term. OlW m  S0-600D CHEMICAL CO, 75 Fair St, S. E^ Atlanta. Ga. Buy St. Joseph at 10c It's Risky to Pay Less for Aspirin Do not confuse cheapness with economy in buying ^^^ aspirin.        -"?"ItiiaJwayi ^^j^S^j33\%^ economy to buy St. Joseph Aspirin at 10c. It is full (      %5~$i^^H^ strength and fully effective because it it genuine and "*oSg,(S. JsS'Sl Pure- R"~, it unnecessary to pay more, risky    ^\j8~~%~r to     G=~ '2 tablets of St. Jo.eph Aipirin for ^~~!r^ 1Oc- There's even greater economy in the larger T^ZSf^^ /t^L-~ !d 36         25r; 100  SOc. WORLD S LARGEST SELLER AT 10c Q^Rffi^Tffij^^QjQffi</t>
  </si>
  <si>
    <t>                                           Service conducted by the pastor, Rev. C. M. May. At 3 o'clock Rev. May will preach at the Over Coming Baptist Church. At 6:30 the A. C. E. League will meet. At 8 o'clock service by the pastor. The public is cordially invited to attend all these services.</t>
  </si>
  <si>
    <t>                                           ETHIOPIANS INFLICTING BIB LOSSES                 Tribesmen Bear Down And Wipe Out Large Force Of Italians                 TAKE MUNITIONS                 ADDIS ABABA (SNC)- The         2 Italians got their first real laste of what they may - In their efforts to wreck th.~ Ethiopian monarchy last night .and early this morning when heavy losses were sustained b.i fierce Danakll tribesmen,                 ine under the cover of darkness ambushed hundreds of Italian troops cr.route from Mt. Mussa Ali AUKS.i. The reports of the action cave much Encouragement to the Ethiopian board of strategy and set at rest the uneasiness that has existed in the minds of some ot Ui0 lesser chiefs as to the wisdom of adhering to the general plans of permitting the Italians to enter the country as tar as the mountains before engaging In a major battle. Many of the chiefs have been Insisting that the Ethiopians cally forth to meet the enemy, meeting an  wlh an offensive, rather than to try defensive tac(Continued on Page 6 Col. 1)                 Ethiopians j (Continued from Page 1) ment of Institutions and Agencies of New Jersey, did not push the original motion he -1 when he saw that the majority ot delegates was opposed to taking the matter directly to President Roosevelt. He did ask that the people ot the 6L.-ue ate - ent," J. Stanley Shcppard. :is."Ulant prison secretary of the .salvation Army  Depnnmon-. ihe East, who led the right against taking t lie chain ?anp abolition       :8t to the president." Chain pang conditions in Mississippi and other static ar,. ju-n OJ bad as those In Geortcia. Dr. William E. Grady, associate  of New York City Schools. In hla remarks, took Governor Talmadg,. of Georgia to task tor.  th0 chain gangs "socialized travel tours." The  educator  flint ho had visited prison ' In and near Atlanta And found " condition?" an-i  that a "proper appeal" M made to the president on hlj                 impending visit to Georgia to  use ihe influence of a great office as well as a great heart to wipe out a situation ihat Is a blot on the name of a preat state." "I don't know anybody who can act as the Pivot In this sitv.auo:i Mlipr than the President of the United states." Dr. Grady told the assembled prison officials anl  workers. Governor Talmsidne who ad - tlic meeting Monday, fended the chain  as a humane way or IrOatins prisoners, S'- forth the argument * the ci Cn air is to bP  c-rdl to being cooped up within prison walls. Th,, state  also advocate. 1 the whipping post for minor  such ns "wife  anil gami.ii?." Th,~ National prison group, in passing a. very constructive move after much discussion, voted to so on record as being opposed to rules barring probationers and paroled convicts from 0 in the CCC camps as well as from state and federal civil service examinations. Proponents of the moro liberal attitude toward paroled prisoners pointed out that If the prison system Is to be of real service to the                 paroled prisoner that that system must not be one that makes it Impossible for a reformed man or one who has only "slipped" 10 find his pl.ice in society for which his term in prison is sup-  to prepare him. i</t>
  </si>
  <si>
    <t>                                           ADDIS ABABA (SNC)--The invading Italians got their first real taste of what they may expecting in their efforts to Wreck the Ethiopian monarchy last night and early this morning when heavy losses were sustained as fierce Danakil tribesmen...</t>
  </si>
  <si>
    <t>                                           The first quarterly conference of St. John A. M. E., Boston. Ga., was held Friday night December 13-15, with Dr. H. E. Davis presiding.</t>
  </si>
  <si>
    <t>                                           FORM NEW DANCE TEAM                 Tuneful music and  stepping dance- lire aiming the  of 'Ilimray Kor Luve'  ; l:ist linn: tod:iy :it Baileys \W . Ann .Softicm  Gene l\.i) - with a chums of            . ;ire shown here ; the l J: Walsy' . .Vallw Lang directed a cast including Bill Robins' n, F;us Waller,  Hall and Jcni Leuon.</t>
  </si>
  <si>
    <t>                                           Those of you who love the unique and unusual might just as well grab your coats and join up with the Omegas and Sigmas at Sunset Park this afternoon around sundown.</t>
  </si>
  <si>
    <t>                                           Insf *         BroncMaVBoubles !JHJr^ f Supplied By YATES -MILTON PHARMACIES/' 228 Auburn Aw. .767 Fair SI. AMOS ;DRUG -STORK 3 Atliby Street 288 Piedmont Ave. Ma. .6237 Sheffield COAL and Wrecking Co. 1~*VS1     Kindling with each* Beit Kentucky Quality Coal.  QUICK 'DELIVERY Madam Mingy THE WOMAN WHO KNOWS  pail,  and  PERMANENTLY LOCATED Palmitt and. Life Reader Girn advice on all         of life, '.Lanre.            all Itinda. Don't fail' .fW^ to see thi* {-rifted; 'VSraQi Palmiit. Points- the; *?J. W' way to all ," ^pf) and%~howa you bow' to overcome . Madam Mingy ha. helped  and  he can help tELLS '.LUCKY DA- SPECIAL READING SOe Take Federal        ear. to end of .line, -Look. for -Namcoa JSign Not, in Tent. Satiifaction .Cuamnteed' 638 :McDoncmfh 'Road  Madam Min([y .Make. No*' Homo.CalU r-t Office Honri: A.M. to P.M.</t>
  </si>
  <si>
    <t>                                           TOUR*      Nicht ami Morning keep them Clean, CU-ar and Heakhf  for Vra; "Eve Curt1" Or  Beauty" HooK Mutui. C.'.. li.pr, II. S..~ K. O!.;~  ,rbK.(~</t>
  </si>
  <si>
    <t>                                           Broadway Agents Fight To Cotitrol Race Entertainers                 FightBegan WitBiOjike's Orchestra                 i?y.i"    ) .i. calvin' Special Fciilurc Writer;                 .N KW YORK- The battle  white Broadway cooking agents 'to- control colored Broadway stars started with dynamic personality'---  .like. Duke .Islington and. Cab'Callowjiy. and hut now spread lu the                  am! operatic -stage where -a constant limit goes on for"finds"' who may. be tied up .m -lenn -icts to earn money for the  manager. The puttie is familiar with tlio knock. down and drag oui.  between while men over Uic control of  bandleaders.. So far Hie bands are the biggest, moneymakers, but with the rise ol' .il new stars, like those in "The Cii'Oi-n pastures." t-uc now current "Perg.v and Bess' and Ojc "Connies "roadway Revue." inton-st, is i-  jii Individuals whu may one  '.and in tin: "'.'is " Ilk.: Kolaml Hayes or Paul Robcson, or Eihel Waters or .Josephine Baker, so tile Biv.' agents have Iv;un stalking the color. id riTa T^TTc Hold in earnest. And juM  are the colored suns being  by Uic  agents, lo lake on persona! managers? Simplc enough, * you understand the Broadway . The minute a star makes a h:i,  cr her name gets dollar I value, and it -s a nia icr ol I routine iv sell tlie name to any I one- ol hundreds ol enterprises  to pay lor bi^- exploitation. It is just lik,. a seng coining on", j with a new picture il il is a Jiit. i ihr radio  it up and. over .  hear it . So with the Broadway stars when they Int. radio wants ilu-m, supper oi"  clubs wtr.it then. I'v  wai:t' i.h'. ;u i:\L'i'v^f.y v.ith sumi  to  i:.! wants them .  is a 1'ai- ciu-ck w.; lor after-  for th,. bes". J nl I iii-ui I3ro;'iiw:iy agents i- colored siar.s. even when they arc far away Mom Mrosulwuy. Prom  offices in  city and oilier  in the White Way district, bauds playing Detroit. Chicago. Cleveland. St. Louis. Pilisbursh P.nd Atliinla arc directed by wire and telephone. Advance men go cut 10 I'avc the nay and more men so along with i I in- organization lo  care ot the . Always white men. ol .se. ,! singers, liko Adclaidi: Hnll. make a swing around i he circuit., [  Uic Atlami; I Seaboard to Norfolk,  :i I tin- Piedmont to Atlanta, up ihu I Tennessee Valley to Louisville and I CiiieiniiHti. across i.hc -wes1: i lo Chicago, then ic. D.-. and j  Canada, and back to Nc^\ Vork. And Ilia', is why to px- . folks in i he  who :  have talent must head for Rroadway. H is on Broadway that I the bis start is made  will carry j yen fur. or th'"       is mad.,, . will send you back to l!io st'.eKs. I  and unsung. The Broadway  live  j lives,  their "cu:"' of ll.il'  Jsl"I ioi ini r's  is . l"hey . be swell dressers. "look til,, part" wine and (line prospectivo  c.f their artists, and pie- j wild generally to be what they arc i jl!i.l. I There arc also Ijii.'  in tlie tn m.'. whic'.i usually 'he  I and not  managers pays lot". i Traveling is expensive and lakes j  iar(jo part of tlie (~, even I when  else clicks, but if I sudden illness comes on. or If the  is bad. or if there Is an accident, like a bus turning over and killing somebody, it is usually lhe tough luck of the performer. But a real Broadway agent serves one good purpose he sees to it that  for ihe performer s                 vic0 io paid. ;it least ic him Then; i have been  where  have j lived Uicir  because Uvy j I could nul collect from their man- j nyL-rs wlmt hnd been pmd to Uicm i for I he  or thc . i the other hand, it is well known j that performer cati i do every- thing, so lie  needs a .</t>
  </si>
  <si>
    <t>                                           NEW YORK--The battle among white Broadway booking agents to control colored Broadway stars started with dynamic personality bandmasters like Duke Ellington and, Cab Calloway, and has now spread to the dramatic...</t>
  </si>
  <si>
    <t>                                           '  . } PAGE SIX ATLANTA DAILY' WORLD,. ATLANTA. GA. TUESDAY, NOVEMBER ,12, 193S</t>
  </si>
  <si>
    <t>                                           BjHr Wv H iBt That Good Feeling/ after Black-Draught has relieved constipation Thousands of men and women avoid lost of time at work from sickness by watching their health, and taking Black-Draught at tho first sign of constipation. Ordinary errors in eating may Interfere with natural regularity .of the bowels. A dose or two of black-Draught wili make them -i active again. It Is a f?'~g7J8fe1 reliable, purely  table       - s0 ^SS  like it because [SB^^ of "that good ) iDC" which 1U         3Bfl ou8n action brings. Sold in 25c packages</t>
  </si>
  <si>
    <t>                                           Rev. E. G. Clements, the mail carrying parson is convalescing at his home on Griffin and Foundry Streets. From all Indications the minister will be back in the harness soon despite a nearly fatal accident. The public at large is wishing this promising young A...</t>
  </si>
  <si>
    <t>                                           Fire Damage* Note "Bufrhoirtte" Friday Kir- I - 1" Iisivi-   ii  ki -   mull J:: ii. tc. I'lttsbiircll's f u.     "Bic       '" nt COO MrPimIcl -fri f l  Krldny . T.   fir.'       Hiulln 1' I'.- T. I'nync  W. i ('  ii ihi v  -  :     !          nn- ' ii r  cull. \V. .Tnluionn. (if 2fiO        St., !        -inr "f Hip      .      " Din, tin- fin-  n)                :ii M!i-   from tin1 * , hi% ) fnr^      ~*tt .., I... ,.~..~-il fnr tin- . .        .()]l           *,1 tilt1 *</t>
  </si>
  <si>
    <t>                                           iM.^; x  j^.: 7s;o j^ mE tp^ iuM</t>
  </si>
  <si>
    <t>http://search.proquest.com/docview/490478099/</t>
  </si>
  <si>
    <t>                                           Saturday morning, 8 till 11, the Adelphi Junior Club staged its weekly basketball drill in the Morehouse gymnasium in the lightest of spirit. The Adelphi coach scrimmaged the youthful group for nearly two hours before the practice was called to a...</t>
  </si>
  <si>
    <t>                                           Immediately following one of the must successful homecoming weeks in the history of the institution. Clark University students engaged in a week's activity that featured National Education Week and the Negro Achievement Week, as sponsored nationally by the...</t>
  </si>
  <si>
    <t>                                           Baseball Summary SOUTHERN LEAGUE The Standings CLUBS- \\r. L. Pet. Atlanta 89 56 .614 New Orleans 8.1 63 568 Nashville ..78 66 .542 Memphis 80 68 ..Ml Chattanooga 70 72 .403 Little Rock 70 74 .481: Birmingham 56 00 .384. Knoxvillc 55 B2 .374 Yekterday'x Resnlts Knoxvilla 14-5; Atlanta 1-12. (Only Gnmos) i Today's Gurnet Kncxvjllc .it Atlanta New Orleans nt Memphis Chattanooga at Ntslivlllc Birmingham at Little Hoel: NATIONAL LEAGUE The Standing* CT..URS- W. U Pet. St. Louis M 49 .532 Chicago ....88 52 .620 New Vorlt 79 50 .612 Pittsburgh 77 59 .56R Brooklyn 60 71 .438 Clnrlnnntl fi8 7R .426 PhilHdolphin 56 76 .424 Boston ..33 97 .254. VoitcniayVt Results Phllndclphia 4: St. Louis 3. Boston 1-1: Chicago 5-2. (Only games.) Today's Games Philadelphia at St. Lou's Nen- York at Pittsburgh Brooklyn at Cncinnali. Boston at ChiVCo AMERICAN LEAGUE The Standings CLUBS- W. L. PcU RoUoil OI 45 .050 JJe* York 77 53 .532 Cleveland 60 65 .511 5*ton --..67 67 .500 Tc.    64 Kl .400 WashiiiRton ...58 -jq 424 St. J.  S -in "i17  :5, 7j $11 VnrtfrrfMj-'s Rnolls Detroit Washngton -1 St. Louis 5: Phliadelphn 1. Cleveland 3: New York 5 (Only games) c. r      "s Games St. I*u)~ at Philadelphia Cleveland nt Now Yorfc Detroit at Washlnjton Chicago at Boston.</t>
  </si>
  <si>
    <t>                                           U. N. I. A. Meeting To Be Held Today                 A grout m;i3M meeting will     held at Uherly Hull, corner of (~ ami Humphries street, under the auspices of the (: Negm Improvement Association, according to  b.v 1.. W. Whillleid, president of   milt. All citizens are  to . A fi-TiTuio of tKe  will hn an  by S. A. lla.       of . Va.. national    if this /.ation.  speakers will include . U. S. Itoliorts and Rev. J. A. ISakpsl raw7</t>
  </si>
  <si>
    <t>                                           m Buy gloves with what if saves It tra*           to pay SW or morr lo frt  tk l-. ^inr Ttwih     *. bm^^ t,"^~       f U*,       in vnu ia a Urpj tuba it i-*~'. Now how       *,              (       4j/ .        ar . . Buy *     .  - *a LISTERINE TOOTH PASTE 25e</t>
  </si>
  <si>
    <t>                                           Rev., N. H. Gamble preached a very inspiring sermon Sunday. The C. H. Club will give a program at the Church Monday night with Sister Fannie Neborne in charge.</t>
  </si>
  <si>
    <t>                                           Lithonia School Principal Dies At Her Post                 Mrs. Lulu Scott Crew, well known principal of the Lttbuuiji public school, died suddenly Tucsilny morning at the school house where she lias given much  service to Clint community for a number ot yeara. The cud    o clock. Mrs.- Crew Is survived by her , Henry Crew, uud two c-. Lamnr Crow, a student ill Morehouse college uml Miss Iiueiia Crew, a  at.Spclman . Other survivors lire a . D. S. Borilen Scott ot Clilcaso. 11'.. und a sister. Mrs. Mnsoula Wortheu ot Portland, Oregon. Last rites will be held ut ono  Tliursdny  from the Antloch Buptlst church of I.. Rev. J. T. Horsey, . The Cox Brothers Unilcrtnkitpz Co. of Uthouin will he I" (.~.                 JOSHUA " By I. P.~        "If :~nyone hew.' t Ilka j  J'm ^''~Bifo;r}}~ill " "d   ' lie  ':t'o pick "up   :!V :~. '"Ptl; i'.-I'KiHiMEftliAii- Bro;$.</t>
  </si>
  <si>
    <t>                                           pins civ ,,^;v</t>
  </si>
  <si>
    <t>                                           Marked by impressive dignity and beauty was the marriage of Miss Willie Juliet Dobbs, daughter of Mr. and Mrs. John Wesley Dobbs to Mr. Benjamin Allen Blackburn of Jackson. Miss. which was solemnized on Sunday afternoon at the home of the...</t>
  </si>
  <si>
    <t>                                           1IM' BLANK (Arcs from 7 to Ifi only) Junior Circle Kditor World 210 Auburn Ave., XI'"; Atliinia, Cii. I want to become a member of the Junior Circle and make application for membership card. I promise to be courteous and obedient to my parents, and to each member of the club, and to obey the rules. I will read each issue of t Junior Circle. j Name Age j Address (Street and number) 'r:     Birthday Boy or (!irl      State Cut out and mail or bring to the World Office Atlanta moves on and so do We- "An Institution</t>
  </si>
  <si>
    <t>                                           I-'AHt today  (              extreme* near 30 and 50 decrees. Gennro ,W.-. Xlndttnr. United  Moieoroloff'st.</t>
  </si>
  <si>
    <t>                                           Bonus Bill Vote Slated For Mondayj                 WASHINGTON'- (SXS) With debute; slated to lake place ou a substitute motion to pay on the cash surrender value of the . the senate s vote on the   payment oC the veterans adjusted service compensation certificates, originally scheduled fur n  vote Saturday, was delayed until Monday. Tlie substitute was introduced  Senator Kins, democrat^ of Utah, just us the final vote . At the same time the Tbomiis amendment, designed to puy the veterans in new currency, was rejected by a vote of 01 to 27. According lo   or the present proposal, the government will pay the soldiers through the Issuance of baby bonds which may be  cashed at any time or bold until 1SVI3, the maturity  of the  . The , in passing the bonus bill by a record voto, left the  neons of payment to be decided upon by the senate.</t>
  </si>
  <si>
    <t>                                           date&gt;NEW YORK. (ANP) -- Ralph Metealfe again rose to the height Saturday night in the 48th Annul A. A. U. track and field games in Madison Square Garden Saturday night, when in the 60 sprint. he outdistanced the field winning in the time of six and...</t>
  </si>
  <si>
    <t>                                           "THE MUSIC GOES ROUND 'N' ROUND" craze is still over the country. Monday evening, Station WATL played the recent song hit for fifteen consecutive minutes. Immediately after the WATL program ended, the number was heard on a re-broadcast, from Station WLW. Two other times during the night, after nine o'clock, the number was heard. Then, the very first thing Tuesday morning, we awakened twisted the...</t>
  </si>
  <si>
    <t>                                           A. Leon Owens, Southern World Nelson, Kemper, Tennessee Theatre</t>
  </si>
  <si>
    <t>                                           TIM TYLER S LUCK                 ^jB^Lym Young                 FELIX, THE CAT                 ~?.y ~~:                 By Cy Hungeford                 It's A Great Life If You Don't Weaken!                 -By Jack Rabbit                 PETER PEN                 By Nick Nicholf                 THE SIMBO</t>
  </si>
  <si>
    <t>                                           Jimmie Perry, a worker in the Lucius Jones for Mayor of Auburn Avenue campaign, says. "Deacon things are going to exceed your wildest expectations and Lucius will go over the top.</t>
  </si>
  <si>
    <t>                                           MOTHER ACCIDENTALLY FIRES REVOLVER; SON WOUNDED, DIES                 BY  R.                  TAMPA. Kla. Doc. 'ii.-                 IdPllii Doliy, 1317 Spring street, I was lodged in the city hall last Friday, December 1?., on a blanket charge of murder, growing out of the accidental shooting of her guardian son, little Willie Whitley, I Jr. i                 When reporters reached the scene, Miss Doby had been detained by the police. Her , Harvey Williams, gave the fol- lowing story "   ;lla was standing near the .front door when Willie, j Jr., noticed a 22 revolver, in her hand. Willie said to her, 'Let me                 set.' the Gun.' Slic turned to Willie with the gun in her hand. Iji^the meantime, she turned the magazine in the gun to sec if it was loaded. "When she turned it, she turned the only two shells encased .in the gnn. one reaching the hammer of the 51m. At this time she, accidentally pulk-d the trigger, one bullet struck Willie, Jr.,, piercing his heart. lie d dn t say . She picked him up and ran towards me. We then called Pughsley's ambulance to take him to the hos(Continued on Page 6; Col. 5)                 Mother (Continued from      1) Ditnl. He was dead when the ambulance reached (lie scone." Police were . Two patrolmen were on I lie . nfler. tin; . After :in invest Igatlon, .Mrs.  wax  under . She w:i?; hold  Tui'sdiiy :          .. Iv'unoral services-    Hie I'nshsley's  rii.. last. Wednesday .</t>
  </si>
  <si>
    <t>                                           Idella Doby, 1317 Spring street, was lodged in the city hall last Friday, December 13, on a blanket charge of murder, growing out of the accidental shooting of her guardian son, little Willie Whitley, Jr.</t>
  </si>
  <si>
    <t>                                           DECENT BRIDE- Mrs Georgia M. Gruffs was formerly Miss Georgia M. Jackson. She and her husband now reside in Montgomery, Ala.</t>
  </si>
  <si>
    <t>                                           I 0P^ "       ^^. JCB1  After more than        of suffering from a  ailment, Miss Glivar used Dr.     Nervine which gave her such. splendid results that ibe wrote us an  letter. 1/ yon  from "Nero**? If you lie awake ,  at sudden noue*, tin , are cranky,      and fidgety, your  an probably out of order.  and relax them with     ramie medicine that "did th* work" for this Colorado  I Whether your "    hav* troubled ycu for hour* or for yean, 'you ll find uj,    -; tested remedy *.' At Drug Storti tic and .</t>
  </si>
  <si>
    <t>                                           ROMANCE IN 'SOCIETY DOCTOR'                 Robert Taylor and Virginia Bruce provide the thrill love moments in "Society Doctor", the interesting picture showing today only at Bailey's New Ash by theatre. Chester Morris is co-starred. The picture is being shown for the benefit of the JV-A-T-C-H, club scholarship fund.</t>
  </si>
  <si>
    <t>                                           C/  to be so lonely, so blue. Secret- I wanted for my very own. Tonight, lie ly I .for dates, dances, parties called me his "one and only." for a Ufe filled with romance the You can t fool the man you want, love of a certain man. But happiness. Gray, streaked, faded and off-color It seemed, wa.n t meant for me. hair does make a difference. But don't One day a  put me wise. "Other worry about It. Let Godefroy's Larleuse girls are more popular than you,** ahe unlock the door Co romance and lead said, "because their hair Is soft and you to happiness, aa It did me. "Um?1! Wh.!'S y1Ur" u   T"ky Larleuse Is as easy to use as an  lit elm. No charm of face or figure nary .. No fuss; no bother. Just can m.ke up for that handicap. Try ,     home. TakeB only ,5     ,es. Ihnlr beauty secret- use Godefroy't Color comes evenly: let black, , medium or       brown- or I  this remarkable preparation blonde. Will not rub off or wash off and the results were simply . and will last snd last. Git a full-sir* It made my hair young again, spark. bottle from your dealer on money-back ling with loveliness that won the man guarantee. Get It .     GODEFROY S ^^^~^^ french HAIR Co/or/ng IMPROVED y  MANU  COMPANY 3SO* 1 Stttn. St. LOWS. MO</t>
  </si>
  <si>
    <t>                                           STAR IN LINCOLN S FILM                 Fredric March and Charles Laughlon, two of the screen s  character actors, hold the leading roles in "Les Misernbles", starling a three-day run at the Lincoln theatre today.</t>
  </si>
  <si>
    <t>                                           NEW YORk, N. Y.--The double distinction of The only Negro, as far as available records reveal to hold the degree of Dector of Education form one of the major universities of the country the first one to quality for the Doctor of Philosophy for the Doctor of philosophy degree in...</t>
  </si>
  <si>
    <t>                                           AM  TO HU EDUCATION                 National Educational Broadcast Features Tuskegee Prexy                 LAUDS BOOKER T.                 . (Special) -The sixth annual Office of Education radio program on the education of 2) will be. broadcast on       5ay. November J4. from 2:00 to 3:45 p. m. Eastern standard Time and from 3:00 to 3:45. Central Standard Time, as a feature of the celebration                 or American Education Week, it was announced today by the office at Education. United states Department rcf the-Ihteriof*"TmS"75gTV" program will be a memorial to the contributions to education made by Dr. Booker T. Washington and will be sent from Atlanta,  over a nation-wide hookup through the facilities of. the. Columbia Broadcasting System. Introductory remarks will be made by the united states Commissioner of Education, Dr. John W. Studebaker. The main address will be Riven by Dr. Frederick Douglass Patterson,  elected president of Tuske^ee Institute, and music will be supplied by the celebrated Tuskegee a  Choir. Also, the National Association or Teachers In Colored Schools will be represented on the program Qt.-Auibtosc, Callvcr. Federal specialist in the education of Negroes, will act as master of ceremonies. The purpose of these broadcast  which supplement the general programs of American Educatlcu Week is lo focus attention on the low educational status of Negroes and the inadequacy of school facilities provided them. This purpo.se is particularly pertinent to this year s theme of American Education Week The schools and Democracy, and affords schools an opportunity to fellow the day by day program and also to emphasize the educational situation  Negroes.</t>
  </si>
  <si>
    <t>                                           WASHINGTON, () --The sixth annual Office of Education radio program on the education of Negroes will be broadcast on Thursday, November 14. from 2:00 to 3:45 p. m. Eastern standard Time and from 3:00 to 3:45. Central Standard Time, as a feature of the celebration...</t>
  </si>
  <si>
    <t>                                           The Washingtonian Staff of the B. T. Washington High School had their annual goodwill meeting and luncheon in the library of the School on Friday, Nov. 8 from 3 til 4:30 P. M. There were approximately one hundred in attendance including many...</t>
  </si>
  <si>
    <t>                                           Paralysis Of City Due For Elimination                 Wlih continued fall" wosi I   City of the Soulh may  Itself bin* to  and  from the (;rip of. iho most  lis: winter si wins In :!0 .veins  the    !~- days,' mi- to Inforniiitldii from Ocur^iu Power Company officials Iiil.                 night. Additional crews of  have heen  in from ? towns and were put 10 work Tuesday   many others who have licen   to  HkIiI. and power to .Atlanta's homes and industries as well ;is street car service lo those without automobiles. "We urc Just iH^^ sw  we nrp   ," ono   Into last '., "and, n-ith  fair  we should he  lo  all  within n few days." II was pointed out that tlio          of new fallen lines reported Is ^;. This Is principally "duo to the  that Iliose trees now  are .'      to carry their extra  of Um without collapsing and causes wires to Ik.1 torn  1owd- Al tin: same time. dear       ' downfall of sleet and rain,  sin- his tlic wires and frees from ^.  of highly -. "Jrutii 'of' tli'6 latest  hns heen  bv trees  down on wires   by wires, themselves, iK   Ijtcpnlr work, . will          " lo moro ; smoothly once thut the ~? are allowed to turn  fill] ntti  upon tlie repair of the Jim's In^ of  from place lo  ~-uM  down and ' live       to prevent deaths Iiy . Street rar service on the \\'~-~l  .-iiid A. line. n-ell on the      Pair and .Wall;,.,- West View Hiies has heen resumed.</t>
  </si>
  <si>
    <t>                                           With continued fair weather the Gate City of the South may find itself back to normaley and freed from the grip of the most disastrous winter storms in 20 years within the next few days, according to information from Georgia Power Company officials late...</t>
  </si>
  <si>
    <t>                                           TIM TYLERS LUCK    _ T- T ""^v\~~^    ^g                 FELIX, T0E CAT; V_...___ __.-_^Z-- t.         .                 PETER PEN ;J By Nick Nichols                 st^dles----- ~-t^2^ %c;^                 THE BIMBO "v;":' ^L... By ^Giiarles^^</t>
  </si>
  <si>
    <t>                                           GEORGIA Railroad Announce! Lowest One Way Coach Fares      Offered. Ticket* on Sulu Dully, Atlanta To- Ltthotiln 37 Conyers .'17 Covington 02 Social Circlo 78 Madison 1.02 Greemboro 1.33 Union Point 1.43 Crawfordvillo 1.0 1 Thomson 2.01 Autnieto 2,67 Aluo BnrRaiii Round-Trip Week-End Pares To All Local Points AttfMta, only $3.00 Special CoachoK for WcckEnd Chili Parties J. A. Hlf aim General Passenger Agent</t>
  </si>
  <si>
    <t>                                           The Maise Ready-to-Wear Big Five, undefeated in two starts against the Clark varsity and the Y. M. C. A. Big Five, will bear down this week in a series of practices preparatory to future games with the best basketball talent in this section. To date, the...</t>
  </si>
  <si>
    <t>                                           Helpful and interesting services have been arranged for the week end. The program will run as follows:</t>
  </si>
  <si>
    <t>                                           COLORED MAN S DISCOVERY  N(~T HKNtitTfV heals  Sands .11 rl-.w,. "K'sTlAN AGE.V1S WANTi:   MINISTERS I-IU-~'~ Hv All Illl-X i sis   RE.VrKST IIIS.\l.l.\'~i .M. \     ihi\~h\ "''5 rM patent iiu--.t /.or u i1r.cl.u-: .- It I* W* . n civa! hr-almy min.-ral w.m.h taken .vein Hi.- earth. nil. II Ill.OOit ri;i.~M hi-. Wiiil.- .- .hu-h. this mineral wav d^-d by a cast-on       *'ll TitOl'ltl.l: 4 .ol.-.ied  wl.oso body \v:~- . ic .-* Those   ires were healed ..-IIN(; i;f(is 'l! ll:'.v* whr-ri i-er l In- .on.l unii -l:i\l his bod.\ If you aiv in declining health,  i lie discouraged, Kivc' this ((real) I'll't-^ hc: ;. whit-h    ^:.i.1'~  ift tn MiflVnn^ , u trial.     'tV .\   nl.         Mail mio dollar fr.r a  wc.'k's . nr sixty cents for a       -ni iil    week s . It will m- di -cd to your home. Hundreds have "t'.cnn restored to  and happiness where before usins this min.  )?1JCK1 S orn). all hopes of   were given up. After, you have taken ^ this mineral for 15 days, if you do not see results, your money will be .... or  r.l MS clu Orfullv . II is nur aim in I i To lo help heal "s hurts. j ir we cannot ! you. do not want your money. Five Weeks' 1-KItloniCAl- r.YIN* I Ti'oattnpnt Sl.fKl postpaid. HAY   . I'RODl'CTS 15  AVE, UNION. S. C.I .ITIS I .VANIA  C.IVF.S AN I'N IISI.IAL 'EXPERIENCE.  Vfnr Mr. Kirhy: Pennsylvania^ -.ptii- 1 M.-v wife and 1 hav^ used your -   for  nnd ATllI.liT"'. rr.r.i Weeding yums :.    have found it rxi-. Herein is a marvelous     ARTHRITIS I r Ticn.'t" th.it 1 had with your mineral water. i.OMBAr.O I A ! liad i;ivon up all hopes (or a young g rl who wns suffer. ing wilh an -il sloma.-h. 'I'lu-v advised  her rase was hope-*     '~'    -~  C!;ii. i-his  woman desired it." jnd it nil in death. I called and . WORMS prayed with her jev. ml limes, -nd d seemed lhat death was on her.jj tit OOD POISON I A? n  resort, i gave her a few doses of your miracle mineral and i i In our surprise she  a decided i-hange. She is now obit; lo eat for I F.RY.~H ti..\~   lp  irst in .r:   wri.~-s an(i      can now sit up in bed. Is     .( VENEREAl-  rM R Inirni.~p7 All praise- lo your miracle mineral, fAP  V..ur.i ." I'.KV. AN11. .KN JOINTS s      Treatment Sl-WlJ^; .S MINISTER  S  S ..K 'MINERAL  IM1 f Mf Mr. Kiihy South Carolina I used your great healing v.-^:er and il did wonders for me, ana COLIC after se. .inj; iis merits. I KlarU-d soiling your products. It does much  I         ,nai, viM  for il. 1 have seen it used in cases      were HALITOSIS j Siven up as h"  1crs nnd have seen the users Rradually        from (~           ' almost death. io life. I Mave sold Uiousands of Ixittles and us you know, INSECT STINGS have never had a .-.  Yollrs truly. REV. W L. McC0IJ. NERVOUSNESS 5 Weeks' Treatment $1.00 Postpaid. HACKING COIJGtl rINE CHRISTIAN I,     TELLS IIF.R EXPERIENCE ABSCESS Uear Mr. Kirby: CaUfornia' CHANGE OF LIFE As you know, sometime ago 1 wrote you In regard to  LTiVG TROUBLES  11 years of age, who had never been able to raise Its body bom .. nt  the bed. Since this child has been using your mineral waW?, he     AND NUMBER OF OTHfcB Mw cj),, my Mme nn(1 c;]n us0  joints or hit body, and alt up O1 COMMON TO ;n bed. This is miracle.   niM,\M BODY Yours truly, MRS. . r f, Weeks' Treatment J1.00 Pcstpaith Christian Agents Wanted: Write for Terms KIRBY S MINERAL PRODUCTS 15 Pike Ave. Five Weeks' Treatment S1.C0 \i(~it I'-'uU 1:^,1^ 8.-^'^</t>
  </si>
  <si>
    <t>                                           Modern War Reporting                 Wai- Correspondent' Hubert R. Knickerbocker () consults with two French pilots and Aviator Robinson (right) oT Chicago, member of the Ethiopian's air force,  war maps of the Halo-Ethiopian conflict, to deckle where  (below) which is. the only one permitted at Addis Ababa by Emperor Haile Selassie, will fly over      I'ront Cor  news. Knhinson is a Kniflnalo of Tuskopep Institute.</t>
  </si>
  <si>
    <t>                                           LISTEN RAT!                 Ja.k Holt docs a bit ol   to his air corps command, cr. Antonio Moreno in this scene from "Storm Over li\p Andes" the action film playing last times today at Bailuy's 81 Theatre. Buck mid bubbles are starred in an  d musical short, "Harlem Bound" sis an added attraction.</t>
  </si>
  <si>
    <t>                                           ANTHONY EDEN IS NEW BRITISH FOREIGN AGENT                 BRITAIN S AGENT                 Hoar e' 8 Successor Is Desirous Of Staging Revamped Program                 POPULAR CHOICE!                 LONDON, Dec 22- (Special)- Sir 'Anthony Eden, handsome and dripper 38- old diplomatic representative of the British government, today, was named foreign secretary to (Jrent Br., succeeding Sir Saniufl Hoare, hailed as a point author in the recent Anglo-French                 faux pas. s Th,, appointment over Hoare of Sir Anthony had not only its local J hut aisc. certain foreign - 5 anr.es.  Irked Italy, that nation having learned to dislike Eden ,. nf li s militant and forceful leadership as British min- 5 Isier for League affairs', notably during the sanction siege at Geneva. S:enif leant with the change in British foreign secretaries wits the announcement ol army, - J lion, including mechanization of tlio entire calvary division. It embraces units now in Egypt, close to the theater of Italo-Ethio- plan war nnd - to Italy's African colony of Libya. I British  completed mili- tary preparations in Egypt as the j army reorganization and .mechanization orders were issued here. Tiie orders involved moi only all i he calvary of the British army. but thn conversion of a number ' units intc.  gun arid rifle . Brltlnn's cavalry division now  of. two. lior.~s brigades and divisional troops. These unites, with a tank brigade, will become n mechanized' and , division. There -will be iwo mechanized cavalry brigade.-, each consisting of two motor calvary reB menis and one calvary light tank regiment. The present tank brigade will retain He own identity within the mobile division. There Is ono  y brigade now in Egypt. When mechanized It will consist of one  car regiment, ohc motor cavalry regiment and one calvary  tank regiment. Foreign m .  werr not surprised by th"   move. Thej pointed to considerable experimental Ion 'in the usi; of mechanized units, noted for some time.        appointment was viewed in London's political and diplomatic circles as the sharpest warning to Italy thai prime Minister Stanley Baldwin could make that Great Britain is maintaining;. a, .strong lead nt Oeneva for sanctions. It was stated authoritatively that Britain will push far oil and other sanctions as soon ns all Mediterrcan countries haw promised to r. her in case of an Kalian . Home declined to comment , but Just before the announcement of Eden's appointment came from No. 10 Downing Street, n spokesman  told the Associated Pross: "The appointment of fiden would foe a menace to peace.1' Italy went on with her resistance to sanctions. More women by the hundreds exchanged Rold for Iron wc  Ings; Crown.. Prince Umherlb .,-1 in his Collar of. the order of -.~. one of the kingdom s most t coveted decorations. Official sources,   to premier Mussolini's  words.' 'We shall march straight on.v added: "We st ll ar,, willing to study peace proposals If they ar.~ considerably r .oru    .oub than these last two." Tlior -nce was to the  (Continue*)     ]    4,. col. 2)                 Eden Named (Continued from Page 1) i Angle-French plan for Ethiopian  by means of territorial concessions to Italy. Premier Pierre Laval iu Farb. :;r I about his task .ol' trying to  i France oul c.f war. His nation, suit! Paris advices, seemed -alarmed at the prospect of having to aid Great Britain in the event of an Italian attack in ihe Mcdlu- or in Egypt, j Ther Premier's difficulties were all j the greater because of the French policy c( following the League co- venant fully in hope of British as-  in the case of attack from Germany. The French, it appeared, were disclaiming- responsibility for whatever may happen and looking j tc. Great Britain for "prudence." Geneva hailed thi- Eden appoint- I ment as a great victory for Uir League. This wus echoed by officials in Paris, but the French. nevertheless, privately were worried about what Eden's move might Ue in command ct Priiisli foreign pol- icy. The Balkan entente now is fully behind Great Britain in case ol j  but Spain is considering whether she will come to Britain's defense if II      becomes desperate and . In Austria, serious consideration was given to tile possibility of War  England and Itcly. Germany watched events carefully. Officials tin -re .' that Eden's promotion "appears in liii'.with British public .n."</t>
  </si>
  <si>
    <t>                                           LONDON, Dec 22--()--Sir Anthony Eden, handsome and drapper 38-year old diplomatic representative of the British government, today, was named foreign secretary to Great Britain, succeeding Sir Samuel Hoare, hailed as a point author in the recent Angle-French...</t>
  </si>
  <si>
    <t>                                           Bold Bandit is Sought by Police                 Police Thursday sought .1 boh: bandit, who after forcing his wn.~ into the residence of Mrs. Dolphin. Howard, at 203 Limku Street. northwest,           with .?2G5 ii, cash. Mrs. Howard in reporting thd robbery to police said  hut sister, Mrs- Maude Belle Freeman, had seen the burglar take the money, and when she sought in stop him, was knocked to . A description of the bold  was furnished police. Arthur Sadler, of 483 Irwin Street, Thursday reported to police that he had been robbed ei $2.10 In cash by a bandit who had placed a knife at his throat. The robbery occurred at Jackson Street .ind Auburn Avenue he said. His overcoat, scarf and  valued at $38 were stolen from the Club Uoynle on Auburn Avenue Willie Wright, of 192          Street, told police Thursday.      was stolen while he wn* dancing, Wright said. WASHINGTON. D. C. "There if general expectation that the registration next semester will be equally or more satisfactory." says a statement from Howard University, commenting on the Increase of twentyeight students In the first semester this year over the first of last year</t>
  </si>
  <si>
    <t>                                           InsfaotRdief ^a^gL BronchialTioubles "T^-"! Supplied By YATES MILTON PHARMACIES 228 AuWrn" Ave. 767 Fair Si. AMOS DRUG STORE 3 Aihby Street</t>
  </si>
  <si>
    <t>                                           Two Negroes Share In Big Estate                 CHICAGO )- Two NeBroes, both members of the crew of the private car Nltuna, shared In the distribution. the $375,00  among 45 personal employes ot the late Richard T. Crane, Jr, millionaire manufacturer and president of the Crane company who died November 7. 1.931. leaving an estate valued today at $26,000,000. Henry Balomore cook, received $8,841 and George W. Plckett. u. porter, got $14,613. Both men lived In Chicago and got an amount  equal to. that,  In wages as a Crane employe.                 JOSHUA  By I. P. EUrnoW. Monoy can t talk but It lardy Co r to sl.~     !~j., ...;,;.:,.,~K.</t>
  </si>
  <si>
    <t>                                           At last it looks like a renaissance in the boxing game for Atlanta. None other than the likeable Cleve Roby has decided to ... back into the light game and is coming forth with his first promotion Thursday night at 8:30 at the City Auditorium with an all-star...</t>
  </si>
  <si>
    <t>                                           FOUNDED AUGUST S, 1928 BY W. A. SCOTT Published Daily and Sunday at 210 AubDrn Avenue, N. K. By SCOTT NEWSPAPER SYNDICATE Telephones: WAlnot 1459 and 1460 C. A. SCOTT General Manager j J. R. PATTER8ON Asst. General Manager I K. N. DAVIS Managing Editor SUBSCRIPTION BATES: DAItY:- 1 Yr. $9.25: fi Mos. $4.75; Mils. 12.50: 1 Mo. I SO SUNDAY ONLY- 1 Yr. $3.60; 6 Mos. S1.90; S Mo*. $1.00; Taaada: 1 1'r HJtO-, Mod. $2.75; Foreign Yr. S5.5u; G Mos. $3.75 MEMBER OF THE ASSOCIATED NEGRO PRESS 1 NATIONAL ADVERTISING REPRESENTATIVE W. B. ZIFF CO. Chicago, ni., New York, N. S.</t>
  </si>
  <si>
    <t>                                           Now Jesus was horn in Bethlehem of Judaea. In the days of King Herod, and behold there came men of wisdom from the East to Jerusalem, the eternal city of peace and happiness.</t>
  </si>
  <si>
    <t>                                           Willie Peterson, 20, 500 Tatnall Street, to Miss Geneva Hall l3, of 331 Hills Avenue.</t>
  </si>
  <si>
    <t>                                           Registration Will Open in Free Course Today                 Registration In tlie free courses for unemployed girls and women , will be held at I In- Neighborhood Union, 20fl Mllilrpd Street. S.W. will begin at 11 o clock this morning,  to announcements by Sirs.        Andrews, president of tlio organization sponsoring this self-help program. Free ellipses in sewing, ;. i-,   ;uul ^iid will bo  in tho courses which nro. designed to train  ii for  well as to help tlu:m tit in-: for a beuer use of         time. $'</t>
  </si>
  <si>
    <t>                                           Woman's Screams are All Needed to Put Burglar to Rout                 A lusty  of lun^s was nil that Mrs. Arier.e Capers of 1UG1' Ashby Grove,  lo  a burglar so badly that ho dropped $  0 worth of loot, so hurried was his flight. Mrs. Capers reported to police that she had left home to go to the grocery store, and en returning saw the  leaving her house thru (he front door. When she yelled at him, the nervous culprit dropped a  quantity of the shoes and clothing he had stolen In a clump of weeds where it was later recovered.                 I Husband Knifes Mate Then Knocks Down Peacemaker Attacked by her , Mrs. Snclio Sterling .20. of 271 Currlcf street, was treated nt Grndy  .Thursday for knife wounds of inn !oft shoulder  her left enr, I and of the left le^-. Her husband. Guy Sterllnj 24. she I said, walked in and without cause  stabbing her.. When her friend. Miss Francis Jones, 18. of thn same address, sought lo, stop him, he struck her with his fist knocking i her down. Bnlh women were treated at the Grady emergency clinic and dismissed.</t>
  </si>
  <si>
    <t>                                           ChuH up. Dig Boy,       Be Sic* AL^A-?~U7 R Dow the ti?    Why don't you try Alk*-        for the relief ot HANGOVER Stomach Gns. Headache. Add Ston*ch. Cold*.          .        .         . Rheumatic and Sciatic        AL1A-SELTZER make* t pleasant, vp^ drink. A.% it contains an analgesic. (acetyl-          )  relieves the pain of every-~Ur . then by restoring the * balance, remove! the cant* who due to Excess Acid. At jour  (he fwm" tain, nnd In 3 c mid H*  t- borne uk.</t>
  </si>
  <si>
    <t>                                           PUMPS TIES OXFORDS EVERY WANTED m STYLE  TH /MM Suede All ^m^^U^T W Kid Heel. JB^^^B v Calf Heights ^^BBB^y W WOMEN S ARCH Child's1 and Misses' SUPPORT TIES OXFORIJSand soft kid 0 ^m- a-~ HI-SH OES /2=i" _*1-0' QQ,, ML; :\^SHR^lI-4 to 10 ^^^HIHBl' -~-Lea...     3,. I Br"wn leather soLU, Dept. P* j[w V J J 8trei!t</t>
  </si>
  <si>
    <t>                                           Stone Mt Zephyrs Hj- W1    -: II. RK11  KfCi' -   it!i - lit. I.:illS!l .1  . i'::.v .!!lj(   " of  J H It' yuit       the ^'lt nnd kt* t .!u*i t^  a tittle bit.</t>
  </si>
  <si>
    <t>                                           We shall be glad to help you solve your book problem, plan outlines for courses of study in any desired subject, or give competent direction in the choice of books.</t>
  </si>
  <si>
    <t>                                           CALLED TO REST;                 MRS. FRANCES EDWARDS i p  matron of this city I  at hor homo, 371 Newpor s reet, N. W.  a long nines-, Wednesday morning, February If U 5:30. She leave1; a host relatives a' we!l* ns , both white and  ed fi mourn her passing. Mrs. Edwa-ds is survived by hei husband, Mr. T. F. Edwards and three lovely daughters two of whom are married. Thev are the Mrs. Cecelia Rcdgers and Eva Matt'son. Miss Minnie Edwrds. the youngest daughter, Is a student at Spolman college. The well known Atlantan Is a member of the Church of Christ on Simpson street. Punerii 'arrangements are being completed by the Hanley company.</t>
  </si>
  <si>
    <t>                                           Local Ethiopian Aid Body Halts Operations                 On account of the claim that (he RnnURl Community Chest Drtv.? has upon the. Loyalties, time  resources of the citizens of Atlanta, the Committee  or Ethiopia votEd at its last meeting tn 5       all activities end give the richt-of-way" to the Community Chest. It abo " Its members to cooperate In'the" Chest Drive In  that the Marcest possible result may he 'obtained. Recausc of the Federal Government -riving out of the relief  of -recovery, it is  upon local communities that a sufficient amount of money be raised in Community Chest campaigns tn  finance local private agencies so -.that suffering  to unemployment, old ace ond other forms of. disability  ho reduced to the minimum. Immediately following the conclusion of. the Chest . activities of the Committee fro Ethiopia will be revived and  laid to  .the people of Atlanta. white ntid colored, an opportunity to contribute toward medical supplies and hospital equipment for the wounded In Ethiopia  the Ethiopian Rod CrO8  Society.                 By I. P. Rerntldi Bro. nell  that          thai you con      n good *^ dowa in to use i good  ,i</t>
  </si>
  <si>
    <t>                                           Predicted Bombing                 Dr. Tc-isa C. Nicola one u( wwk of Seventh Dny Adveiilivt ! 'at J!~     , which wax  burned l\v   Ijomh?, 'wrote J.'exv Yorl:  one   ago . in spite oi  fla?  on tho ro-if, Ihe hospital might It  for  planed.</t>
  </si>
  <si>
    <t>                                           THE BROTHERLY GRIP                 The Simmons brothers, Don (left) and Oze (right), Iowa football stars, who have been recipients of many social festivities during their Xmas stay at home. According to Don and Oze, thib visit back home has been one of the most enjoyable ones of their lives. Don, a_ end, and Oze, All-American Mention in tin Big Ten and the greatest ball toter that has ever graced a grid field, have done their share in putting Fort Worth in the                 light in football. (Courtesy Ft. Worth Mind).</t>
  </si>
  <si>
    <t>                                           pTHE-A/T ICE ;~;^    E W !M,      ^^T</t>
  </si>
  <si>
    <t>                                           NEW DAY AHEAD                 DR. WILLIS J. KING president of Gammon Theological Seminary, u busy preparing young men of all denomination! for the ministry.- He it constantly  new ideals to meet the new demands.</t>
  </si>
  <si>
    <t>                                           YOUR. QUESTION ANSWERED IN THIS              [ A CLIPPING OF THIS COLUMN 18 8BD Wll     YOUR LETTER. POR  REPLY- SEND A QUARTER        AND A 8ELF-ADDRES8ED. STAMPED   itSS MY NEW A8TR0 READING-AND  ITH FajMBTURN MAIL- FREE ADVICE ON  (I) -lV       8. SIGN YOUR FULL NAME. BIRTHDATE. AND OOK-lfl  ADDRESS. SEND ALL LETTERS TO  WAUfl ^esr* *f SCOTT NEWSPAPER SYNDICATE. XI* AU-W  BURN . ATLANTA. GEORGIA. J[ E^^^RBHMrJBHHMIiBHMnHBRIHHiSMHHMHHBSIBBIHHiv^^r 3</t>
  </si>
  <si>
    <t>                                           PINE BLUFF, Arkansas--Led by Captain Spiller, the Wildcats of Wiley took two games from Arkansas State last Friday and Saturday nights by scores of 30-28 and 30-28.</t>
  </si>
  <si>
    <t>                                           COLUMBUS, Ga.--(Memorial Stadium)--Looking over a green blanket of turf, where one may full with case because it is really soft, and a mass of concrete wall surrounding it, with the entrance and its towering pillars, all built...</t>
  </si>
  <si>
    <t>                                           VERY ACTIVE PHI BE TA SIGMA LEADERS                 j.i. mis ir. .v                 A'. IS. U.                  -via: pro-Mill I nl' t lit- I'lii IVt.i Si.yma fraU . James \V. ~~.      ,     in ^- uf llic e.- cli.--i. is an -ai- in                 NurU ilv : mi -. pi4ilk-.il . K;is JnliiiMiii.  k in \-  :n-wv ilu- -"-ni di-  i,     i],:il uf ilir      -mv: I \  choul.</t>
  </si>
  <si>
    <t>                                           ALTHOUGH AT FIRST frightened of gas masks, Addis Ababa children were finally persuaded to wear the masks and were instructed in their use by Captain Ariel Varges, Hearst Metrotone News and International News Photos' cameraman in the Ethiopian Capital. Here Captain Varges puts a mask on one of the children, as others watch.                 MAJOR JONES, student of Wilson High in Florence, S. C. is president of his class.                 BABY EVELYN MEEKS does not refuse to    snapped when she is found in this pensive mood. (Jackson Times, Jackson, Tenn.)                 POPULAR BTW TEACHER of" Tampa and Daniel Bovie, insurance man, engage in a business transaction in this scene. (Tampa World.)</t>
  </si>
  <si>
    <t>                                           Rumor Divorce Proceedings By Gaston                 1 Allegedly .- :i ilv.ir.-c fr..m I   wife. Mrs. .Milritd! St..\vart . on  i,t I cruelly ;i ml . ~,1. 1\ rt. Gaston, national commander of III- AU:imI:i l-osl No. I .,f A n.Cri.:. n w.! War Veteran*, lert ilic . Sunday iil^hl l' Clii'"ir.. ohi-i to file a bile of divorcement in that metropolis. Mr.s. ~:;    .ii. . h:is    '-n r? as .-- -r :i tki;,,, with her husband of a i-pCi  ,~Cflnili..~   r lln- " lie as ni.id-. Ls        (~ ;is .-..: ni.ii -he tin/ w ..in id te.vc r.,,- 'Hum :it  ill .-arly .lc .'ipd  an .'Ll. to  irCM!ill tier in the ca-i-. Kllrlhcr Inform.iti""  a U'OJll-l) i-Pimrtr-r say:i  .Mr. O.       has  im-ncil over I.. lli.s wif.'*;; mi;n-( :i Mini     $^.".'1 Tor her e..-  a             ./n Is rebelled. i The  ell        li.^-al Woii.l Wai- vek nin is ;iKn t--teel to be j "ri/n.- returning 1" New Vt.rk J ''ity to  ch-" t.r ihc -VMioual j H an(~ *r. C. ir . in ul.tain-   1. Workers1 Council Has Important Meeting Today ,\.;ci.r.IiMK Mr. .I. l\. PrathCr. viri-  u.S. the Ailanui -N'cgru Workci'N Council. :~  :mih: '  -rr the T\"A ami  th U  I arisen  tile WPA, th'.' WVn-k- ers Council will li./lii a very im-  ^ tt-cJay in  J ilic  Kdluu's  ai I i'.'.O Auburn . j Plnns are  uu d..- to  \"fs to the Nation:il (Continued on   ?c 5; Col. 6) I                 Workers' Council i (Continued from Pace 1) WurliCi-s Coiiiu'il     (;y l.j bv ll'.-ld 111 Clliir:jui.i i-l l"i;Oril!ir.v. KeprescniiHKe*   r ;iil m-      cmpl... nm] .-.a   Ikivc    '^;~"i'/iu ions :i i*'.' ii;x  (.0 .' Lhis niCi-Linu. r:       i.'l' Oin lil-~\ cos who ilo ;:~~l  an 'inz.'li,.,, ;in.l v.isli :.s- I sisl:llu:r ill : "  \ - l'l .~Us.)  Lu ihe - .so 0 v: ilic Council i-itii  'n .n^niii::ini;' them  ui:it.                 Norwegian Editor! Interested In Negro Group I Odd Holai*. editor of Tlden- i ," a newspaper publisher in i Oslo. N'orwuy, w?s nil inter^M^d visitor  i tlio     ;i' of Uic Atlanta Dally WORM? Sunday. Cominc I'.v 111,. WORLD in UiC  C     BCttlns a -c to t.ilk with the in.in. . Ihc prominent f"iTii;n#T "as #,i  Hie plant hy Diiviii K.-irl. youthful    r til,. ;inl?., win, w;is  In i his praise of Hie fri'.'n  of the Mr. Holaa.~. Mr. It.il.ias. ..illv  for* Ills . on .-init:irian prol.Ivms. is a .sincere friend uf rolin-Cd people  is Ue'.Mily interest In the .-ire of tip- Ni- Kro . Doubtless, his visit liad i ;i  Mitar si^::iil'"C.</t>
  </si>
  <si>
    <t>                                           AME Pastors Choose New Leaders Today                 An              is slated for 11 o clock this  when Ltic Greater Atlanta A. M. E. Ministers Union stages its annual Section at the Bis Bethel A. M. E. .~huri!li. tho Rev. P. T. Bnbeock, . A record  attendance is ?      '~l at tbis . At the present time. Rev. W. U. WilkM.  of the Alien Temple A." M. E. . is president of tbc :ro::p. Dans will also be made tor ie   .</t>
  </si>
  <si>
    <t>                                           Did You Know That Your NAME AJorie is Worth $ MONEY $ Open KEEP an account with us Xor your money needs! Liberty Inv. Co. ACT MOW! 126 EDGEWOOD" AVE-. N. E.</t>
  </si>
  <si>
    <t>                                           'MURPHY will tell it you can  ell it.</t>
  </si>
  <si>
    <t>                                           FAMOUS SLANG EXPRESSIONS of 1935...."Okeydokey"..... Ben Bernie's "Yow-suh"....Willie Bryant's "Yes indeedy"......and others. In column lingo, an "emcee" a master of ceremonies. The abbreviated form (M. C.) isn't used.....in the same lingo. Mae West would be termed "sexquisite"......Gladys La Pahnore would be a "melo-dear".....A new-born babe would be a "blessed eventuality".....And a marriage would be a "merger". The license would be...</t>
  </si>
  <si>
    <t>                                           Two Are Given Stiff Fines For Lottery; Writers Also Pay                 Stiff .i wore meted out Tlnn-Mltty to two persons  with lottery , -: trials In-fore Judg-E Wood In Fulton iM-^l court. Fined  anil 12 . the .sentenced to bo suspended on  of the fines \ Ralph Ilnrold anil Ira Touchstone. Three were given $00 fine* as  writers". They were Walter Ware John. Brown ami Ruby Thomas. NEW YORK- (ANP1- Willlnm Halsey. unattached walker, entered It) the 'J5 mile walking race In Bay Rldce Brooklyn lust week, surprised Ihc entire croup or competitors und  by doing I lie time in 3 hours. 58 minutes and 48 seconds. Tills noted colored  has taken part In several Mr time meets, competing in Canada, Cincinnati and other p'.ttt of town mi Ots under 'lie A A. U. H. Kulscy Was awarded tlv novice cup.</t>
  </si>
  <si>
    <t>                                           The Veternn Printer. F. A.          would   yoa on *       .b. Thirty      '  means somethin?. See him at MURPHY S, 275 AuWn, ar     him at Juckion 8118, Atlanta.                 ^L fWiW Nf  in;J *\ta .-Til'*' ^Sw^'^ap kit jr? After more than three months of suffering from a nervous ailment, Miss Glivar used Dr. Mies Nerv ina -which gave her such splendid results that she  us an enthusiastic letter. If you  from "Neryix" I 2f you lie awake . start at sudden noises, tire I easily, are , 6    and fidgety, your nerves tmt  of order. I  Juiet and relax them" with tha same medicine that "did: the work" for this Colorado girL Whether your "Nerves" havo I troubled yc-u for hours or far years, you ll find this time- I tested remedy effective." At D-rug Stores ?5c and flM.</t>
  </si>
  <si>
    <t>                                           269        St.. S. E. Ma. 6SI7 Satterwhite Coal Co. "More heal per shovelful" Quick Service</t>
  </si>
  <si>
    <t>                                           SIGN OFF 'TIL SPRING                 Four Mills Hrothers. who have been hoard weekly from Chicago's NBC studios wilh Art Knssell's br.nd. . the air last, week and will return in Hie Spring. It's whispered the continued illness of John, the has.so. lay behind the abrupt air cancellation. The hoys' rather has heen pinchhitting for the sick brother.</t>
  </si>
  <si>
    <t>                                           I'liii: !~K.STIll)VS IIO.MK TOUT . Texas 111- I i.. i.f Mr-. I!:    t:,v,:i.  J-t."i 1   . i m  . u:1- i-.   '!cr''ly ilc--;r. I     . n.  i- (\t- " c:   'iil 111.- .</t>
  </si>
  <si>
    <t>                                           MEMBERSHIP BLANK (Afcs from 7 lo 16 only) .Junior Circle Editor World 210 Auburn Avc. NK Atlanta, Ga. I waul lo become a member ut the Junior Circle and make application for membership card. I promise to be courteous and obedient to my parents, and to each member of the club, and to obey the rules. 1 will read each issue of the Junior Circle. Name Age Address i (Street and number) Grade Birthday Boy or Girl Town Stale Cut out and mail or bring to the World Office</t>
  </si>
  <si>
    <t>                                           Prof. Smith's Visit Creates Much Interest                 Among Hie' large number of  for tlio Plii Beta Sigma Conclave was Professor J. Smith, who for many years was l\oaU of the  Department Washington HiKh . He conic* from Bluefleid (TV. Va) state Teacliors Collece.                  lie has served as Professor of 13 and Business Educa.  since 1S3.0.  -in Atlanta he served as president of the Uinibrta Sigma Chaplci- for  successive terms which terminated with Ills leave from the city. In addition to the above . Prof. Sinltli Uj an active member of uur National and Stale Teachers Associations, the American Academy of Social and Political Science: the National Commercial Teachers Fcdw -,'lon. and Lhe America! Economic Afsoclntlon. The letter two, he expected to have attended their annual meetings which arc now In session In Chicago and Xcw York City, respectively. However . his  Is wintering In Atlanta. 010 Parsons street this may account tor his coming this . Moreover, .Mr. .Smith rinds time occasionally to contribute a special article to some national weekly or to do a profession"!  upon request. With the assistance of his wife,  Mary Ethel Evans, he prepared for a large school system. "A Suggested Program of Commercial Education for Negro Schools (), "Factors Esiontial to a Program of Educational and Vocational Quldanco," and the Status of Marking In Ncero Colleges" The' latter lias been catalogued and read by a wide  of libraries. Journals and universities in the Unltod States and abroad.</t>
  </si>
  <si>
    <t>                                           Among the large number of visitors for the Phi Beta Sigma Conclave was Professor Lucius Smith, who for many years was head of the commerical Department Washington High school. He comes from Bluefield (W. Va) State Teachers College. where...</t>
  </si>
  <si>
    <t>                                           iKV Ask for a 1936 1 FV/ Ladies Birthday f A ALMANAC L n2  glad to five Tou one of Ibw i popular Almantca If you wlil they     .11 gona. r Kllfcl</t>
  </si>
  <si>
    <t>                                           IN 81's HORSE RACING FILM                 Headed by that prince of action, Jack Holt, the  of 'Unwelcome Stranger", the speedy drama on horse racing, ncludes Rajph Morgan. Jackie Searl and Mona Barrie  above. The action picture opens a two-day run at 3ailey s 81 today in connection with "Harlem Express" o.t i he stage.</t>
  </si>
  <si>
    <t>                                           World Carriers To Get Prizes This Morning                 Prizes to the winning carriers in he Ailnnta Dally World PreJhristmas contest will be awarded it a meeting of the carriers at 10 j clock this morning at the Butler 3 YMCA? Some surprises arc  planned and all carriers iind Mends are lnv'.led to be        . Miss Nanna Owons, who Is In charge of a west side route was named by Circulation Mann^ur Charles Bronner last night as winner of the first cash prize for points gained in the contest which consumed the bettor part_ of two months. Oiher cash prize winners nre Author E. Bronner, Fourth Ward, second prize; Clinton Pears, also cl thp Fourth Ward, third prize: J. H. Pullins of Reynoldstown, fourth prize and S. J. Laws, fourth ward, fifth prize. In addition to the cash prizes. awards of valuable merchandise will be presented to other high ranking carriers and the names of these winners will be          at the meeting. There Is much speculation a* to the relative rating of each carrier and all who would like to applaud, ih,. winners   "well as witness the presentations, arc invited to be present.                 JOSHUA JONES Bj 1. P.       . I nm  on  nil tar        contributions to thn          WOULD Cbristmaa Cheer Fud4</t>
  </si>
  <si>
    <t>                                           TUSKEGEE INSTITUTE, Ala.--Extreme simplicity, dignity and beauty characterized the marriage of Miss Mary Roena Ward to Mr. Erskine Goode Roberts, of Boston, Mass., solemnized Wednesday evening, January 1, at six o'clock at the home of the bride's parents...</t>
  </si>
  <si>
    <t>                                           Rev. I. N. Demy sey'-'                 T Have .fi. .''".p irt- tha psst 20 years that ran take ~.ha place Dr. MiUh Anti-Fain Pills. T^P'j ct*1 n . rche.f for my headache." Sufferers from U .1 j c h c, Neuralgia. Toothache, Bnckacbc, Sciatica. Rhcumutism. Lunibogo, Neuritis, Muscular Pnins. Periodic Pains, write        hava used Dr. Miles Anti-Pain Pills with better results than they had even hoped for. Countless American  would no more think of keeping house without. Dr. Miles Anti-Poin Pill; than without  or sugar. Keep a package in your medicine cabinet ami Eavc yourself needless . At Drug Stores 25c and $1.00</t>
  </si>
  <si>
    <t>                                           $ Turkey Dinner re     . Cranberry Sauce and ?S iL Pumpkin Pie '^S Sf Free Wine and  I)rinks  Blue Ridge Cafel 443 W. Mitchell St. W 4 Clarence Wiie, Prop, V\</t>
  </si>
  <si>
    <t>                                           DINE AND DANCE at CLUB ROYALE TONIGHT 9 Till 1 With W. D. THOMAS and HIS ORIGINAL TROUBADOURS Also Sunday, Minute Past Midnight Cover Charge 25c</t>
  </si>
  <si>
    <t>                                           JA. 7199 Thomas' Service Station (Standard Products) Alemiting Simonizing Washing Greasing We offer you Alwayi  Courteous and Prompt Servico I W. D. THOMAS. Jr., Prop. Wcit Hunter it Jcptha</t>
  </si>
  <si>
    <t>                                           Did You Know That Your NAME Alone is Worth S MONEY $ Open KEEP an account with us for your money needs! Liberty Env. Co. ACT NOW! 12B  AVE,, N. fc.</t>
  </si>
  <si>
    <t>                                           DILLARD UNIV., New Orleans. Lu.--Under the soft glow of a star shining in the East die Dillard University Chorus chanted Christmas Carols in praise of the birth of the lowly Nazarene, the Christ Child. The star, suspended on one side of the stage, furnished the only...</t>
  </si>
  <si>
    <t>                                           i a.-r^- -_7    1.T?-1w7T,r- j STARTS TODAY BELLE OF THE NINETIES With Roger Pryor, John .\Ii'.i;i\ I'jrou'n and  KLLINtJTON'S ORCHESTRA</t>
  </si>
  <si>
    <t>                                           Night Speed Limit Established                 BIRMINGHAM, Ala., (SNSl Thirty-live miles itn hour sh tuM h" -d" for night driving, Police Inspector E. A. Lyons declared In commenting on ways and means* of reducing traffic deaths in tli" Birmingham aren. "Few motorists realize," Instip'-ti;r Lyons , "Hint whi-n they drive 40  an hour nt  they lire driving      the ;. At -10 miles mid witli average  providing light for approximately 100 feet. It  be impossible to stop safely in than 115 feet. Therefore, accruing tn statistics, drivers  40 miles an hour after dm1;  ru actually risking that last If! fi-~t in ." Thi: rapidly mounting numbi-r of traffic deaths in Biruiinictuiin w:is  by tlw  Ui j-ptH d, drunken driving ;ind ~-;           . 1 Un:il the people arp properly,  as to the Importance of -afc (hiving ive will - u Uuil"iH14 Situation," be said. He   curs  nut he driven at u speed loo great      stops and cait'1'Kt.'iu y  of the  Music Directors In Meeting In Detroit DETROIT- (ANl'i -A two il:ijr , the  (if !ili-h  vill he nn. orpin     Itn I by Orrln C- Snthern, head of tat "  of Tnskectv, lias l Ocn :~l: for the  of tin* Nonrrt of directors of the N'n '    1 Association of Negro MiihIc'iiiir I-., lio held horo     .. 27-2R '-i ;' for Hit* JTth  I .  for Ilcirolt M'Xt AllBUSt.                 JOSHUA JONES By I. P.          it nn  h day will  tho doctor , then thr  lmd better koep tbo appl^ .</t>
  </si>
  <si>
    <t>                                           Mr. Clyde McCord, of Brooklyn, N.Y., stopped over with his aunt Mrs. Carrie Adams and cousins, of 791 Martin Street, S.E. Mr. McCord has also been vising relatives and friends in Miami, West Palm Beach, Fla.</t>
  </si>
  <si>
    <t>                                           IHcardo Cortcz in "Hat Coat and Gloves"</t>
  </si>
  <si>
    <t>                                           WORLD PREMIER AT ROYAL                 A lender moment, in "So lied llie Rose" the ; picture of Civil War days shows Waller Connolly and Mavji-wet Sullavan in pensive . The famous picture in which Danii'l Uuync* atu! I'laraict .Muse have          :il rules, is ; ii.-j colored world  .it the Hoyal starting! (oday.</t>
  </si>
  <si>
    <t>                                           f Pinky Tomlin and Doi othy Pa^e (top)  start are en. starred  Kdmund Lowe, , in "King Solomon of Broadway"  opens a week s cn/;ft(f t- at the Capitol  today.</t>
  </si>
  <si>
    <t>                                           W. W. MOORE 727 I^ARiETTA ST. Live Friu'v Turkeys lb. 35c Hens lb. 25c fork Whole Haihs lb. 25c Pure Hog LARD lb. 14' -c Limit 4 Lbi. Potatoes, 3 lbs. 10c " Drops lb. 10c Fnncy Mhpri Candies lb. 10c Brazil NUTS __lb. 15c            n Walnuts lb. 15c Ballard1* Obelisk Flour, 24 lbs. $1.25</t>
  </si>
  <si>
    <t>                                           V-cfH-V MtOKO CU.lt. Y  IN 'iST  -Entered in the Post Office at Atlanta. Gn.. as second-finis 'iia'-l under act of Congress, March 3, 18   . Publi.hed Daily and Sunday at 210 Auburn Avtnur, N. E-, By SCOTT NEWSPAPER SYNDICATE Telephones: WAlnut 1459 And "G0^ A. SCOTT Ceniral Manager J. Tt PATTERSON !i     . Gencr.M      ;cr E. N. DAVIS ManoifiDg Editor ^^SUBSCRIPTION RATES:  DAILY: 1 Yr. $9.25: G Month* $4.75: 3 Month* S2.50: 1 Month 00c "SATURDAY ONLY- 1 Yr. S.3.00: fi Month. S2.00: 3 Month. M.2S; Canada: 1 Yr. $1.50; 6 Month. $2.75: For.iRn-. 1 Yr. J5.S0: 6 Month. ^3.75. MEMBER OF THE ASSOClATEpT NECRO PRESS NATIONAL ADVERTISING REPRESENTATIVE W. B. ZIFF CO.. Chicj.Co. 111., and New Yorlc. N. Y.</t>
  </si>
  <si>
    <t>                                           !m PLANT A new THERE WAS SWELL RAIN MONDAY The rain  ,pui i'.jj  in slupe for   '"''seeds For the average lawn H?.;~' Iivrr?    Lir,-n  Mixture will make i lie best I'tK.MAMiN'l' Ij-a-r. Ui-e 5 lbs. of seed,  tuo ib:-. WizirJ Sheer Mj:r.ir.- f^r : i.o jO iq! ft. (i     I'.'). Ask I'.-r a I'Kbi:        -i.  to ; a Pdl I.Ji.'M." EVERGREEN WIZARD LAWN GRASS SHEEP MANURE j i I Lb 35c 25 Lbi 90c 5 Lb. J1.50 100     J2.75 25     $5.65 200 Lb. $5.00 MITCHELL ^^J^f^ff/y I HONE BR.OAn /^"^ SEEDS 9-104 I</t>
  </si>
  <si>
    <t>                                           JOE LOUIS ACCOMPLISHES ANOTHER BIG FEAT                 JOE FLOORS  SIM-r NUO                 Rising Young Bomber Knocks Down Vet Of Hosts Of Battles                 FIRST TO DO IT!                 YORK- (SNS)- .Toe Lob'  made another bin step in his march  the  s h'.':     'icht championship here Frlclny uK%t, when, before a crowd of 2O.i'(HJ customers tbat        '*lP .Vndison Square OniS-'n* to its . hn put the hitherto                 " I'aultno Uzc.':'''in, 'hi' ."G--oid warrior from tru Ur. country .of Spain, down to tlie canvass tor the count of c!~   .. Tt was quite an , , regardless of what Ibc oth'.r experts maj' think, say or , it was an  not to     sneered at or 'considered  The light ended when the but -I'" h.id reached iwo minutes and ol seconds of the fourth round. The          Wooriclioppcr, never regarded as a (treat offensive (. must "Co credited with being nMc to take it with a smile find, In his ; career, had n^ver ' forced to lilt the  until lie wet that 'machine like  ter, .Toe T.*.-.Uie,     )Sun_..- Bomber, t'.ie  of Detroit." nnd      con. idul nt file fistic , IIic Iran who has put real  in the  : spectacle ot heavyweight prize ;. Paulino's ability in Lake It 'ad much to do with - Line crowd " to see Joe r. Hen I a mau ^vho otherwise n-  huf a few people a Ihrlll All /. ills .long career, Uzcndnn bus never  known to eo  aad the  pretty close that .Tne would win on  as oth-~is 1 who havo met and  the J5       have . Kion ardent backers of Hi"  Dovaslating Destroyer _of Dotrolt. when : that Joe would  i-lm in tue (Continued on Page 4; Co!. 8)                 Joe Floors (Continued from pare 1)  round*,  I heir state* inputs with  Humors crossed mill :i prayer nn ) lips lor l :   N plenty lunch anil a';h l.i Hxiu Mini nil up to it.. 'I'lii!  was ;i   fii,. -ilio t'i  of hut a low  his find Iteforeo IVinnvuu  ir"l.i:ihly saved 1 i in from the lor.if  when lie ended 1 ho deadly  " /s hy  ill 1 1 1 I  thp DRhi'n'Ji'lh'o,             Imtoroil  IirIiiIOss   -. .\L    '  l n( tltp first, rtr.h n,  an I X-' nt  M' tn  Iip:  (, I'iiiiIIiiii kept his nrms  C l       - Vho  , 1 J.i ; :iw.'iy  his iv.U* Jintl ;ii; will) ;i :    iii fought (f.m ji .cili*  Tin'  WifiHluhoppiM' l.'Tt hut          it Tor l.    in lul. Ho Iliiflicil :i short Inri"    Mil: lind.v hut   hni k'  :i   li his . Ho -iod :i:-:iln nml :, and. in spilo of T.Tiilinn'* oli oris u.' tho li^lit lo     "Tsunpil     . i ho Ijiitint i-  lo r.oui,-~ ~,n  by :i : margin. Scriind IMuyd As  M'oond   it wns :: Unit oho of l  s blows tin:! had sonic ofl cCt upon tl.'.s P. l;niii)          was a slight  over   oyp. . if was  ~?vi:liV:it  r.n.'.lao hail hn.l the wnr;t "f Mio  as hip' faco wns airo. Unshod , tli.o. rolling .i'  hy iho l!iro\v!i ]-r l. _~yas  carefully- !Io Wilt  ; no . fur (ho '-kill." He u.'o.d  h: 'ins iis lip   the- iron j.iw nf his  foe l'. rw.ivi-il slowly, doin- hut . Finnlly, iho Spnninnl slim n l.fi. fo .Ino's ' hut il cost him a Klln2 I'islit to In.-. I'.oad us' J.io rol.. lip '. d n.' :'~Vd, 'ti ^ to hit tho Itonih .r's hody. . 'I'll is lime It wa-, a  left, on      noso ( his u . The tip.M'soun~'.(iVl ami II was  Louis round. Thlnl Rniinil                 As the third round started, Until lighters        - spurring,  .loo. began In enjoying himself and. ' with  victim (is a en* would :t mouse.. We  his left, hand Him' and time .Train upon hi* hapless victim, who, all Hie. while was striking wildly ami harmlessly. Suddenly, ilia Ilr'ov  a. Bomber decided it; \vfl.~ : lime to start winding up his business :ii)d put more ami .more  .into his Mows. The  " spc , 'Piinllno.n-iis lii ; to fi Pl the   -  much' * ( Lhe  ( j;'/  ;.  '.^;     '.:       swims si left to .loc s . bui, us a , paid iB-aily, ilio Jirown-Hnmlwr 6          sm.ill cut over ills lo.ff:*eyp. anil the Ik-U again ! U.  all I. - i. Fciirlli Ufliiiur .Moro sparring In the center .if  ring ' d' the start of '    . I'aiiliiVn' " rn cover  P while Hie Ilrown' Ror.-M.'r Kciil: up n           "ot left  Wows Tin; . l  hi.i opponent. up  ist the  and then  a -: hard  hook In l*'* head. It w:ik it1  . Kliook Ilic   1 ii  or ^ an   in"his more thiin ' score I  '." I r.' coves nfl, b;:t lo no ai , .Toe shot a  right to his. head that pur ^on  jie door f..r the i!Ount of-.'. It was the   in his long: earner that   a  1 happened to the   Spanish, . Then apparently  Y,ia  method of ^! Louis, shot In'. ' ' t.hi,t   !i* Paulino sprawling to the  for thr count of eight. Still Rumc, Pnitllno, .       , ( to his feet Itlooil was sj.nii t-lng from his mouth- Mure blond wns ;; from a rut  ri thn side ot his . The' old 'll tii: .*an. was rcn^'..11*. to 50 oti v/lth Ihe.lV ihr "we hut same:                 Urnw'n.J'omTi'r shot  Irrrlllc  fo '? hra.1 .'11111 : .Wjis all i*tr  t'*''   ! ton ! . Rtcppcil ili and  '.it- The TVrnvn Bomi.or  3 Uio mnn who  l to Uo'o-.-At.1   t"ns ni i writers Bninp'f.  in tulle  wrl fn  :is morp  tip          .inh. nn tliP   .' I.im from n i li:                '  Jumps r.i-,- imrt-' of  ( is' tho (5     .n. Max</t>
  </si>
  <si>
    <t>                                           NEW YORK--(SNS)--Joe Lob's made another big step in his march toward the worlds heavyweight championship here Friday night when, before a crowd of 20,000 customers that packed historic Madison Square Gardens to its capacity, he put the hitherto...</t>
  </si>
  <si>
    <t>                                           Troop 90 Holds Last Round Up Meeting                 This afternoon. :it 5:30. at Ck rir: t Congregational church,        CO of the Atlanta council, Bo\  rf America, will hold It."Lost Roundup" meeting of th year. Scnutm:is(cr Andrew Lewis, Hi is asking that all persons who hnv ever  connected with Troop 90 10 he present at this . Snt'H special  arc being planned.  ; post seeks I 200   NEW VORK- 1- The Co! Charles Ymirr Post nf     America] Ij^Biori Is  Its  meinl^v-hlp  with "00 ns tho coal ~:pi for          . . . Mo" arc IipIiir hold  with suits. William Anderson Is  showin; encouraging  ol the Post.</t>
  </si>
  <si>
    <t>                                           SAFEGUARDING THE KIDDIES-Th. above photo shows Dr. J. Hurlong Scott, President of th. AtUntic City Medical Association  testa to pre- ace children in the Federal Nursery for Colored chldren at Pleaaantville, N. 3. Dr. Scott is aUo chief of the r. B, Clinic, at Indiana Avenue School, Atlantic City</t>
  </si>
  <si>
    <t>                                           Junior Circle members are given more amusement with the beginning of a Limerick Contest worked out for their pleasure by their editor, and fire dollars in cash will be distributed among Junior Circle members who send in the best lines.</t>
  </si>
  <si>
    <t>                                           WITH the collapse of the AAA and in view of the language of the decisions voiding it, there can come no successor so far reaching as the AAA ventured. It is also evident that something will have to be done for the farmers in this "wet nursing era" in the form of crop control and its attendant dole system.</t>
  </si>
  <si>
    <t>                                           A GOODBYE TO THE OLD YEAR  old year In your r; nnd  sorrow V.-! hope s, -your siKhs  your lears: Mny thf  of :i  to. morrow Lighten up i lio paths of die '.years. Farewell old ., In your "~ .For Iho loved ono.T of  :iro; for tlio years  the- mold is creeping Ac-, limp s o.      . In mid frn. New -year, sive us Ilio .mr. rind ., Tlinl. fill v/ r.wool. joy our ; As l.      us :i  . (lances As soul lo Hip soul . Miiy our friends ho more true nm[  OivinjJ Lo our lives .1 great joy; fly their ncls and' their deeds over  TliPro is a Ijliss with alloy. May wo si-atler  of love and kindness. May .we hind up iho broken : May we lean lo the side of ihe .i And wipo nw.'iy Ihe Inn. iir.it may .</t>
  </si>
  <si>
    <t>                                           ~~-f^ ^*^vm^%\j mai La x ^1 fe tht S    , k ^x. IN THE WuLF^^D                      I ^H^M^~^ggI ATLANTA. GA, . MCK^l 1QW DP,.P P,^</t>
  </si>
  <si>
    <t>                                           The Sunshine Band Club met with Mrs. Leola Freeman at the usual hour. After the devotion service, there was a brief discussion of business. The president as urging all members to be present and on time.</t>
  </si>
  <si>
    <t>                                           TIM TYLER S LUCK _.By Lym Young                 FELIX, THE CAT F.y Zcilivan                 By Cy Hungeford                 PETER PEN By NicJt Nichoh                 It's A Great Life If You Don't Weaken! ..By Jack Rabbit                 JAC SWIFT By Cliff Farrell and Hal Colson</t>
  </si>
  <si>
    <t>                                           E D I T OR I A L OPINlPill</t>
  </si>
  <si>
    <t>                                           AlLilrtiUJWMil 'ONLY NEGRO DAILY NEWSPAPER IN THE WORLD 33HSAa^mm VOLUME S NUMBER 313 ATLANTA, GA.. J,VEi)NESDAY. JANUARY S. l!):iO ! PRICE FIVE CENTS</t>
  </si>
  <si>
    <t>                                           College basketball will be officially ushered in the Gate City today when Morehouse meet Clark in the Morehouse gymnasium. We remember just a few years ago when both schools were sporting an array of super cage stars. Basketball in those days, so far as the south was concerned was ruled by Atlanta teams. Then Wallace O. Hawkins got tired of Atlanta's three ring circus, and with a quick turn of fate, bad... Cincinnati enrolled at Knoxville College. Hawkins was fortunate in Winning</t>
  </si>
  <si>
    <t>                                           E^^j^^^HHHflvBjBBgffl</t>
  </si>
  <si>
    <t>                                           Crime Toll Over the .Week End Proves Very Small j                 Iii a serious condition, the life I of U;ive Ashley, .*I^t of ;lll Unknown address, was  in dialer Sunday  til tilt- Cindy (.~link1 following ji  brawl in which Kobcrt Ilempbill, uT mi  address, is said to  shut Ashley wiih ;i .o^-.'JO revolver. l. Mullens, of USl Magnolia street,  the sum of two bits allegedly  lo  by AshIcy precipitated the quarrel that  in the shouting of the older man at. the turner oX Magnolia 1 and Suusel.   -:ir Sunset l.'.. I Tlir bullet look  in Ashley's liver. Charles Cnnvfurd. ^S. of .'j7S j Lovej:iy  el, today, is - i :i  Ic^ as a result of tin; j Ural into his lo:: at 1 :-J.", o  i Sunday . by .1. W. Ward "I' Ihi' n-nr ."i(   1.111- street. I ""hero tin1 shunting . Wilui'Si-es   Hint tin-  was tin* elim:i.\  d' a 1! Ihv twi.'Cn Ihc  . After Crawford was shot, they say ho was rushi d I" tin1 : by a friend in a eon! truck. t A  - ii. line w.-is nut filed on puli(:   records Sunday ni^'bt is           In 1h' in a  - i lion ; he was struck by a bit- i - driver o u Strong ~*?l" 1 late Sunday . Dunbar Plans 'Opus In Rhythm* To Aid i Ethiopian Cause I.UMin.V, ("us. ANT I- A . "Opus in Hbythtn." a fu-  work for modern  o   null  bv Itiidolph .   j Nojiro  and writer, will he    'cn in London ]~        to aid the "BrlTNli" AmlnHiruee j Service In Rthinphi." Invitations l:uvo been son! to J sonio of tin- most prominent of Britishers and n  crowd Is i-. 'I'lie  Itself uses a N'ccro chorus with :in African polyphonic Wiiint H0iiii.il.. n kii- of  , ^ to tin-  of " In Tlliyllini." Nine and Half Pound Sweet Potato Raised NEW BERN'. N. C- "Belli-vo It or not" tills time nol Iry . but tn 51 r. T!    'rt Pawson.  or Forl Bartlwclt. Kefs the " honor for   potatoes this .n. Among the many  sweet  or Mr. Dnwson's . wns one Mr Hwcct          I* l-'J . Yes. sir, Tin tl by it? lone  elf! Nofirro farmers of the Fort Burnwcll community me reputed to be  in the agricultural ,  arc</t>
  </si>
  <si>
    <t>                                           IS DELEGATE                 I I KOK. L. I'. N.W CR I Keeper of  and Seals of! the lota Alpha chapter, Knoxville, I is a delegate to the .! Annual Conclave of tlic Oraeira Tsi Plii fraternity which convenes in Atlanta, December 27-30.</t>
  </si>
  <si>
    <t>                                           IHiMfcMOROLINE- ^J^ SNOW WHITE, PETROLEUM JELLY ^^M</t>
  </si>
  <si>
    <t>                                           Blackface Performer Fades From Broadway Savs Calviril                 "Sv  J. C.-                 BV  J. L.Ii,~-J.\ $IE\V YORK What broke the "black " tradition iur colored actors on Broadway What happened .-incc tlic death of Bcr^Williams. wlio lamented the fact  lit was  to        up his personality under burnt . that li::s  the   season, in which   have ;i   ty of outstanding rules than in any other,  ior getting ;- without one burnt cork actor?                 There is but one ;      to thc.-e          .-~ superior artistic technique hrc.kn the "black !aa-"'  oil !\v;tv. Charles Gilpin's  of L'.     in "     -n..r Junes" I Started ihe new  that toil::y        actors in live                 -iit Uroadway      . ;:ml Dot onr uf them "blacked up" i  more than the ebony which Mother Nature -jaw them. Gilipin was followed li_v l\. ilie hi^ : "-,i:ii:i" whu looked the pan of (he rou^li---^iam and yd Icoiil'.l act tlic pan 01 the most cultured . lJ;iul KoIk-sou  the "blackface"   body          lie appeared  Mary Blair, a while actress, in I '.Ml God's Cliilium' I'iui \Viiiys." Tlien came the Theatre Guild pn.'- ef '(~'orgy" and I In Abraham'^ IShsmiii.' in which Ku.-e .McClemlon- l-'rank WiUon, Ui'cs. Ck\Uue. Jackson Carter, and others ^m (heir  chances. !T!iv superior quality uf  plays called lor superior .                 :im' from these roles, emerged 'the * Rose YTcCIendou auU i!;c celebrated l : Wilson, all without burnt eor,k. Meantime the musical comedy -ue. in  uhc   lingered, especially in 'Shuffle -Along,'. 'A;' and '-' was somewhat tinned when Bill Jibbi toson. by his superior dancing technique, came  in 'Brojivn Buddies' without . It was' Bujangles'  jci  that went over the l('Uth^lils,"as the hue Mary Austin wrote of him in the Nation magazine, ;     dancing     and down stairs in  the south Today the 'blackface' colored actor is  on Broadv;y.  Waiei's is at llic Winter Corden "doing  stuff" a  I'.. as  :    "sweet Georgia brown" and all dress-                 ctl up in mIUs anil satins. There is no- ilic pull an' Aunt Jemima act. The oft-told story of "Porgy and liess." with Anne Wiggins Urown, Totld Duncan, W'urrcn Colcinan am] Ruby Pearl Elzj,  be  litre saying these brillian^    without hiding   under burnt cork. h is significant, too. that in this high-water mark, season en Uroailway; the first college girl has arrived in  Ruby lii/.y oC. Ohio State University. It. is clear that the colored actor, by superior technique, has : Jiimsclf" to Broadway on lilt basis uf straight personality. "J'nis fact has destroyed the "brunt cork" era.</t>
  </si>
  <si>
    <t>                                           NEW YORK -- What broke the "blacklace" tradition for colored actors on broadway? What happened since the death of Bert Williams, who lamented the fact that he was compelled to cover up his personality under burnt cork, that has made the currents Broadway season, in which colored actors have a greater variety of outstanding roles than in any other, unique for getting along without one burnt cork actor?</t>
  </si>
  <si>
    <t>                                           Shot Five Times, Man Found on Street, Dies; Wife is Jailed                 WOMAN HELD i IN MURDER DF HUBBY                 Dying Husband Tells Police Wife Knew Of 'Other' Woman                 ,SHOT FIVE TIMES                 Kivu bullet holes In his ImhI.v. I .          Wnltmi, :Vi, of l!)   Vino Sln-et, trus     c. lli. in :m c\.v  (.' Tlnirsilsi.v.   iuI1it                 ll KIMlvll for his wife. 51 is. S:ini                 ion. :;u. ll i s . :il I'lplH o  Thursday                 ,  tlw colored murder loll- of to 11~~.  ; to speak, the wound;-il mini r-; Thursday sought to justify to JKjliee, Ms wife s action He mild  she had  lii him iit company with another . luit liP"*:.v refused lo sive the missing woman s - Viillun was    on the        ji tho  of Wtiiunt and  Streets  0:TO Thursday . Uushed to Grndy Hospital In a Il.' . Walton was found to have boon  d three  limes In Hie , in tho   jind left   ly   operation to do*' punctures in his intestines. He was Kiron only a slender chance of recovery. Homicide Detectives Martin and Taylor,  ln- inri  "f tlio  Thursday,  Mrs. Wiilton later in the day. Sin- is  ln '  :it tlio rity jail nn char^os of  (,n of *. j                 119</t>
  </si>
  <si>
    <t>                                           Five ballet holes in his body. Jimmie Walton, 35, of 195 Vine Street, was admitted to Grady Hospital in an extremely critical condition Thursday. while police instituted search for his wife...</t>
  </si>
  <si>
    <t>                                           Zionists Will Open Meeting Tomorrow                 The Georgia Conference of the AME Zlon church which convenes nt Fmnklin Memorial AME Zion church. 101 Boulevard N. E. Nov. 6-10 will open its session Wednes- I day morning at 10 o clock with Eishop J. W. Wood presiding. Wednesday evening at eight i clock a welcoming- program will be presented with some of the promin- cm citizens of Atlanta appearing Among  will Uc: Reverends M h. King and R. M. Hurley, Messrs. J. H Blnyton. Reginald A. Johnson. T. M. Alexander, Lucius L Jones and J. H. McGrow and Col. T. Wakien and Dr. D. R. Fcbbs. Tile pastor. Rev. R. B. Hend- j neks extends an  to all of Alhinta to  out and worship  thorn.</t>
  </si>
  <si>
    <t>                                           SET MONEY- LOVE,</t>
  </si>
  <si>
    <t>                                           Dr. F. E. McLendon Modernizing His Athens Office                 Contractors urc converting tbc offices of Dr. V. K.          nnd (lie Inn-    . C- K. WlngflcM Into one KpiuMoiis  s quarters where Ji reception room, semi -private lounge room, private        nml special treatment find laboratory room will be provided. Or- McXcndon, wlio bus been practicing in Athens for almost four years, lias procured the following modern equipment: the  Renerator, tbe ultra-violet ray mid infra-red , Ibe   nud an unique electric bath cabinet- Knid equipment.  and supplies represent a conservative estimate in terms of money of well over three thousand dollars am] will  to tbe doctor and bin lucrative practice of mie of the most modern mid  ofl lcrs In tbc entire Southl)r- SfcLendon Ik a Graduate of Mnrehouse College. 1027: Mclmrry Jledical Oolleze. 1031 and Genep4 Hospital Np. 2, St. Louis,</t>
  </si>
  <si>
    <t>                                           WELL PLEASED                 REV. TASCHEREAU ARNOLD Religious .r of the Atlanta Daily World, reporter of the Atlanta Baptist Minister's Union, Is well pleased with lho cooperation given by the churches', and he promises you a bigger  better "Church Edition" in 1936.</t>
  </si>
  <si>
    <t>                                           It was worth cutting a trip short and hurrying out of Augusta, Saturday night to hear the Rev. J. W. Tate preach at the Thankful Baptist church in Decatur, Sunday morning.</t>
  </si>
  <si>
    <t>                                           FIRE DAMAGES!  Fire of undetermined origin did considerable d:iu.:ij;e to a two- residence occupied by Mrs. .Matiie Shepard ai 63G West Fair Street early Frldiiy. The Haze apparently got its start at the rear of the wooden frame . spreadin;.; to the roof- The house was the property of the Screw Realty Company,  to police  fhc companies responded to the alarm mid soon had the i. under . Xo estimate of      amount of  was made.</t>
  </si>
  <si>
    <t>                                           BOOK REVIEW                 -  k. ii.                  \V,\n  DS IN T1IK  OF T11K 1-WK KAST                 CI. 1". Putnam's Sons, X. Y. IS:!.'.1!)                 Tom Ireland has given a wonderful treatise in lii.s "War Clouds" and one which if put  practical use  mean Peace on  and  will to all nun.                 He . out wilh the fuel that America has rightly barred - uration trom Jnpnn bui al the same time demands that the Jap- anese keep theii- trade doors open, while America  all  trade doors oC it.s own to .lauan. For Hit1 third timi1 in  Japan )i:ix laid  on China, thus - inu the treaty  in W:\- ion in !2. \      wns in pnn thai  in the far cast must henceforth and forever stay fixed  frozen. .Inpan's fasl- growing population is  and ; short   keep the Japniii'.sf   into Chintt. While there is no question what- ever nl our country s  in arms wherever in ihe world il lia:; (In1 will 10 , it would .seem that the kindly attitude of a .; ami understanding .s would be preferable to our relentless antagonism of little Japan. The best . it . for 'he  ation of peace and for; avoidance of war, is for the. Into man and for the yellow man a h t^ tend to  own quart?! i' the :   ; Ion1-' as the vcl- "tiw mail keeps out of the white man s , the while man must r*ive to the yellow man a fair Hianee to work out his destiny in th" yellow man s quarter of the world where Divine Providence established him find ns it must have intended. Nothino is side  in      book: nothing is  or ob- ""~ Imntcd. For those who do- r\** n mo l  vet .h "I'ientntinn into the Far Eft'.t - lion "War Clouds is recommended It is an exhaustive analysis of an i               problem;  a : Index and Illustrations adaptable to the use of the                 Bencr.11 reader a.s well us a - did  reference. Notu: After reading Mi-. Irelund's i historical masterpiece, "War Clouds In the Skies of the Far Ensf . such a wealth of thought and i  duta.  with  that deep  element, which always cive /cod for thought, wo    highly appreciate ar, opinion from him on the present Italo-Eihlopian .</t>
  </si>
  <si>
    <t>                                           Tom Ireland has given a wonderful treatise in his "War Clouds" and one which if put into practical use would wean Peace on earth and good will to all men.</t>
  </si>
  <si>
    <t>                                           There are many pioneers passing lately. We have witnessed the passing of outstanding people of Atlanta. Not that others of lesser lights are not passing who have filled their limited sphere and have been important cogs in the life of the passing generation. It is the...</t>
  </si>
  <si>
    <t>                                           According to the report of the Tuberculosis Association, a large number of people who received Christmas Seals have, thus far, tailed to return the seals or send t he cheek. The fan that the seals have net been returned we suspect that, in the no, of things a large...</t>
  </si>
  <si>
    <t>                                           ON "Y" BOARD                 GEORGE L. ALLEN  WORTH. Texas who was recently elected secretary of the YMCA Board or Man. agement. He is in the insurance business and BasHcus of Hie Dallas graduate chapter of Omega Psi Phi .</t>
  </si>
  <si>
    <t>                                           The council of Medical Education and Hospitals of the American Medical Association submits a report of the existing tuberculosis institutions in the United States.</t>
  </si>
  <si>
    <t>                                           AME Leaders Near End of Big Meeting; Plan Prelate's Funeral                 IK LEAD ER S NEAR CLOSE OF MEET                 Connectional Council j Also Discusses Much At Kansas City                 GOOD PROGRAMS                 By REV. C. A. WI..D                 KANSAS CITY. Mo. (Special) -Thirteen A. M. E. Bishops from all pans of the country met here February 20 to 23, for the annual council of Bishops which was held at Ebenezer A. M. E. church. Rev. Carl F. Flipper, pastor. The A. M. E. connectional Council also met In                 session Bishop J. s. Flipper of the eleventh Episcopal District, presided over ihe conference as senior Bishop, filling the office made vacant ty the death of the late Henry Blantan Parks. The Connectlonal Council met Wednesday. February 19. at 12:00 o clock, presided over by Rev. V. M. Townsend, president, C. A. Wingfield, secretary. Pre-Councl! Program The pi  lor this council had been arranged as follows: hymn led by R. B. Smith of New Jersey; invocation by the Rev. W. H. Thomas of Washington. D. C; reading of the Scripture by tile Rev. R. R. . Jr. W. orce decalogue by the Rev. W. H. Griffin of Chicago roll call by districts; suggested constitution for A- M- E. church, discussion led by the Rev. J. p. Williams of Cincinnati; address. 'Some Things the General Conference Must Do to Retain the Dignity and Standing of the Denomiiiailtiii." by Bishop J. A. Gregg; five minute addresses by the gene(Continued on Page 6. Col. S)                 AME LEADERS (Continued from Page 1) I ml officers; symposium. -The' A. M. E. "Church in iho Field of Social Service." by six speakers: "Oil: Superannuates.", -.frd by si:: speaker.'; -Religious Education,' discussed by the Rev. p. a. Jorrtnii of Chicago. \Valne.sdu.~ lu'.-lit j program ni I Welcome on i he ~:.ni. of  01 ih.: city v.n.s ITkl :li Conj \ Hall. line M'tlooine Amen;; the .-.* were Dr. W J H. North, president ri ihe Council ol Churclirc ol the diy: ih? K^v. A. 1, !.;. ji.- of ih. I  di iic- MiniMr-r IT AI.': Mrs. Anna Rob. r;.s. m behalf ot the laymen ui Ll;e  ilic Jl-v. J.^cph Gonit1/.. - the     * district I The rc:~     - \        cue c: I i hi:  bishop'-. Bishop .1. A I Grega. . I Tin Ui.-hui:.v ^.-il : Thursday ^ v. iho [u11,av ji:u :  k(l     Bishop J. S. Flipper; ! Ijy . MoniOt1 H. Dnvi.s: Mriplnrc le.s^oi: BUHlp W. D. ji.:       Biniiu]) William H. :  .".~rlp ure. Biihui: s. L. Greene: . Bishop K. A. Gr.-ii" s'-rm-n. Bishou Noah VV. WilliumM . Bl.'hi.p William A1 Liimnin Holy Communion . Thursday  iho  bishops and   were  :~i tin:  .,1 Bislio;: , Ij;.' Miw. Celia tiri'^tf. EiiCneztr ri  who v.er.. a. in this .:~l  are Mr* Id1. Gillis.  of lilt E^ Kodcratcd. clubs; Mrs. ai.ni-.vi J.     . conference  j Missionary president: and Mrs .lu rv.him AL-.  - ('ent -f ihc iM .       Ni^ht Eduraltonal  wa.~. held I'l'iivd'y ]^  lime a  contest was presented. Sp-.tk- i .~is were Dr. R. R. Wright, presi- j : of W: ; Dr. I. S- Jackson,  of raul i  utr.".   -ll gf: Dr. Abinn Simpson, rre.' r-f Allen university. S.~uth Car?lina; Bishop W. A. Fountain. I :.iv.-. Friday, the general officers, can- j (iid.Ues for the bishopric und ^ene- j ral departments of the church wore . Bishop S. h. Greene j :.f Arkansas and Mississippi presid- ed. Saturday, the funeral of the ,-e Bish-.p H. B. Parks was held       .AUcn Chapel.                 Sunday ; the 'visiting bishops will be  in the pulpits f Hi" vB iou.1'  of the city. Bishop W. D. Johnson was elect- d ~-.v of the conference sue- :-       Bisrwu J. S. Fliupcr. vh" !;"  senior bishop ai the dentil of Bishop Parks. r\~~   i w. c. Ransom was elected assistant secretary. Bishor G. B .I-- i.-ns appointed president of tile Missionary Board. Miccr^': tli"    ? Bishop II. B. Park-s. Tlie  council ^oes to Charles- ton. S. C. Tlie Episcopal address was read hefore the council by Bishop W. A. Fount ain for . The entire list of Bishops were . namely, Bishops J. S. Flipper. W: H. Heard, W. D. j Johnson. W. A. Fountain. Rcverdy C. Ransom. J. A. GreRg. Robert A. Gram, Sherman L. Greene,                 Gccrge B. Younp. Monroe II. Dnvis. Noah W. Willinms. David H. Sims and Henry Y. TuGkcs.</t>
  </si>
  <si>
    <t>                                           KANSAS CITY, Mo.--(Special) Thirteen A. M. E. Bishops from all parts of the country met here February 20 to 23, for the annual council of Bishops which was held at Ebenezer A. M. E. church, Rev. Carl F. Flipper, pastor. The A. M. E. Connectional Council also met in...</t>
  </si>
  <si>
    <t>                                           Santa Claus Swamped by Mail;                 j Otcar Philippt                 Christmas a busy .o for Oscar Phiiipps, new postmaster at: Santa Clau?, !nd., because oC tlio huge volume of mail      llie  * by  ir.als and .'s who" wish their  lottery to bear tht .nrk of Santo Claua.                 K</t>
  </si>
  <si>
    <t>                                           Floyd G. Calvin Predicts Enlargement Of Social Program Of Church Daring Year 1936; Surveys Publications                 NEW YORK- (Cl- Surveying  ative number of the  publications cf the Nogrc , Floyd J. Calvin, genera manager of Calvin's Religious Pros, j Service, a subsidiary of Calvin1: I .\"c\vsp:.por Service, said:                 In my lo. for 1933 I sa.d tli;                 r Church would enlarge its social pro- g.am. I had in mind, nt the time i ....ing what i culd k. bring to past ihis muca iu be desired event. My ...ation una f.eld of operation be..ig me tress. I had    *a to insti...ie u service  Wutild not only . constructive news evenly -1  Interest to tnc rel.g.ou.; ., but  aiso seek to pro.note a Iruternui spirit between tnc  ~.i me various  ana . i ,      me Fraternal Council, oro.i...ze.i over a  -go. as a lun^, ..ep   m; tnc  .f.ntn  for  progress s,.. ai.ii minor QidcreiKCi win nut tm^cue ine   ut uie  u Plicae. My him move in the institution ji my  service Id me   is to survey tht'^c puo.ications. i have not ail ot tnt-in be- 1  me, but upon  1  i j -..ill comment.  First, i hen- i.s the Clir^~lian Rec.l u.i, 'uk.-           ,i  ui /\lln.'l%v;.i Ui tt. xv. \v , Ji., viu un.y in^ -r n-iui.ig :i r**.u. uL-, Linu aioo prt'^ ol j W4.iA-   4C(r  hiu neic ..iu     .~r.~inp ui mis p.ip-r in r.ii.a-c.ij.u;, lor m..re inU'~ at ~'"ars Ana mis DwtM a .' ea.] ^a*ui:r, ~'i/r;-ny ol inc n.~~    .   na me m-Si,  . Tne A. M. E. Cnurcn  Ijruuu  i tne rU . "Secona, there ls the Siar ol ^ion. of me a. M. E. Zion , ^ at- Charlotte, N.O., by Dr. *j Davenport. For many years have read ihc edit^nais in this ^LDi.,  nd have tound them ^Limuiuilng. Intelligent, und Chris.~an. Tney are also liberal and to.e.an and the  has a worm \'..w cf cur racial problems. "Th.rd. there is tne National Baptist Voice, edited by the youthful and energetic R. C. Borbour. Mr.                 Barbi.ur snows his partiality to  by  In young men oa . editors,  M. L  and J. Raymond Hendcrsan. This editor has mote of the lay .pcnt than perhaps  other religious editor, but since tiiu Baptists art: noted (or  Independence, this is : in kcep.ng with Baptist tradition. In The Vo.ce, you may find contributions  distinguished laymen who mny net be Baptists, and there is a decided trend In favor of scholarship the sociological , and much tolerance of the even radical ^ point. All good Baptist, attitudes. Fourth, I  the AfriCo- American Prespytcrian. more of a newspaper In Isnnat than any publications, which is still published in a mellow, quizzical vein by Dr. H. L. McCrorey at Charlotte, N.C. Dr. McCraerl. also a college president Johnson c. Smith), is cr the scholar and gentleman school, harking Irt.m the courtly days of the last century. He Is not a 'dead one,'Vowevfr. Not by any means. But (Continued on Face 4; OoL 8)                 Floyd G. Calvin (Continued from Page 1) its .vim"s ol  iK ir .seem lu ; him 10 \  '\v present day   a high degree of coin). He seems to' led UiHl  things are not all right., jud^~ :d   to decade they uri1 . so he . Finally, there Is The Negro Joiirunl c.l" Relieioii. published at Wlljcrforce Univci'bily. L- G. Kidtey. . Tliis monthly magazine C6 ays the .; role, much like :lic 'quality ' of ihe. group- like Scribncr's, Hiu'pcr's, etc. For . in .".r , Hcv. s. S. At* kins wrote en "Thi; A^c of Electri:lly." mid in tiu! Jiiiiwiry   titles as "The BrnnchEs of Dreal True," "Iininortulity." ami "Exlrncis from Uie Hebrew Talmud" were presented lo its render! For these or the  turn ot mind, it may i: .; "While this .survey  with Nc,1-ro publication.'.. I am not it . I nr.ted in the Jmiuary number or the. Federal Coimcil Bulletin a fine  by Saimiel MeCica divert on 'Sisns   t        ! in Race Relations.' Our .' should not b- narrow in their . but be informed en what  group is : and saying,  1:~  with what, white Christians arc ;.</t>
  </si>
  <si>
    <t>                                           NEW YORK--()--Sarveying a regresen active number of the religious publications of the Negro group, Floyd J. Calvin, genera manager of Calvin's Religious Pres Service, a subsidiary of Calvin's Newspaper Service, said:</t>
  </si>
  <si>
    <t>                                           Beta Psi Chapter of the Omega Psi Phi Fraternity deemed it proper and fitting that: they should give Rev. W. J. Faulkner, former pastor of the First Congregational church of this city, and now pastor of the university Church at Fisk university and who hits been the leader...</t>
  </si>
  <si>
    <t>                                           Several T r e a t e d j At Grady for j Stab Wounds                 Two wore  sit Grndy hos- pital Thursday for slab wounds. Set upon by two assailants, nno  with an Ice pick and the ther ~'lth a Unite, Lawrence !i1, of a Matthews alloy address, -~as brought to the hospital with ..an wounds of the face, chest and '^ck. Isaiah Lowe, of 6S1 Lowe's ali:y. told police that ho was forced i 10 use an ice pick to defend  when Harold invaded his home. Later, Harold police reI orts revealed, was stabbed again vhen he started a fight with a ~..inn known only as "F;". ~.'either of the assailants were . i Mrs. Josle Hivins, 30, of 3on Trcnholm street was carried to I the Grady clinic for treatment Thursday after she had been st;' by her husband, Bon aged SO. Thc two hud I'Oen ' po- j lice learned. Hivins escaped. Local Pythians Will Meet This Sunday I Members and former .s nf tU.- KniKhts of Pythians ai-e  by Deputy Coleman to attend tve Pythian Boosters'  Sunday afternoon,  29. at 3:30 o clock at 32S Auhurn avenue. Business of Importance will bo transacted.</t>
  </si>
  <si>
    <t>                                           NEW YORK--Senator William R. anti-lynching bill if he were president, and who declared that he act" his horror of lynching, was Borah, Republican presidential possibility, who declared this week that he would veto any federal had often expressed "by ward and...</t>
  </si>
  <si>
    <t>                                           Freozlse   a Rllcht  rise in the middle por- Wat of the dny. GEORGE W. . United State I^-</t>
  </si>
  <si>
    <t>                                           They Fight Here Tcnite</t>
  </si>
  <si>
    <t>                                           MARCH 1. IMP. i Dxadline for Licenie Tags Salaried Pennln See    Save Additional Fee Liberty Investment Company 126  AVE.</t>
  </si>
  <si>
    <t>                                           E.P--Please tell me when Will get work again and will in be the Place that I have in mind?</t>
  </si>
  <si>
    <t>                                           The Veteran Printer, F. A. Hamilton would  you on that  job. Thirty jean* experience  . See him at , 275 Auburn, or call him at Jacknon 8118, Atlanta. CMKf? UP      BCW. OOftX 8t JlC* Atk-A-? DOM THt TtJICK i Why don't you try A.   -       for the relief of HANGOVER I  ch. Colrl*.          . TtUgua,      cula r.  anH Scutlt Palai" I At,K.*-SEl.T2KR       , -! drink. A-i It          an . (~     -          ) It fin* r.     Dain of *very-day   by  th* * . remove* the causa  Hu^ to FotCTiw AclH. At jour      . at the waa Uln. and In 31c ana He packa.** lat home utt.</t>
  </si>
  <si>
    <t>                                           Some people do not realize the importance in being able to get along with others. They have not learned the fundamental principles of this great task. After we stop to chink this Matter over, and give it close consideration, we find that the most important...</t>
  </si>
  <si>
    <t>                                           DAYTONA BEACH, Fla,--Bethune Cookman annual week of Prayer", conducted throughout last week, closed Sunday evening with a most impressive "Candle Light Service".</t>
  </si>
  <si>
    <t>                                           SOUR CREAM COOKIES. One cup butter or other shortening, two cups brown sugar, two eggs, one cup sour cream or one cup evaporated milk, one tablespoon vinegar, three tablespoons preserves, four cups sifted flour, one teaspoon baking soda, one teaspoon baking...</t>
  </si>
  <si>
    <t>                                           ETHIOPIANS DENY BOMBING REP OR T                 m city ITALIANS Ethiopians Admit Slight Damage Done City. NATIVES FLEE ADDIS ABABA- (SNS)-Ethlo. )ian authorities Sunday denied the eport that Harar was reduced to  by the squadron of Italian  lanes that bombed It. According to the authorities, the  done to"the_city was trivial ind most fthe people of the city lad left during the bombing and :hereby escaped injury. The authorities also said that the reports were false that stated that news of the air raid had struck panic among the natives of Addis Abba. However, authorities predict, ed that the bombing of Harar. a great Moslem city, would Inflame Mohammedans throughout the world. Harar Is an ancient walled city, the capital of the province of the same name. It is  300 miles E. of Addis Ababa and only 25 miles south -of* the" railroad from Addis Ababa to Dijiboutl. French Soma. Hand. EthloDia's onlv line with the outside world except by caravan. The population is estimated at  40.000. Although the old city lost some of Its commercial importance to Diredawa when Iho railroad was built, it is an import. ant center for caravan trade. The town stands on a plateau some 4.000 feet above the sea. Pre_ sumably it was attacked by planes of the southern Italian army.               SEEKS POST T.Evr\v.TO\T. Kv.Severol Louisville's Irodine citizens met in the Mammoth H*~ Insurance building Mar-h S and    ^ a "Rpid for Bishon" Club. W. C. Bttford was lected chairman 1 and G. W. Jackson was made sec- . Enthusiastic  were made and  outlined to boost Rev. Prank Madison Reid, pastor of j Quinn Chapel A. M. E. Church. Chestnut street. Louisville, for the Bishopric and insure his Election at the general conference whi-h meets  n New York In May. The Rev. Mr. Reid is the first native Koinuckian, if he be elected, to rain this distinction: therefore, all KTtitekians ore wishing him success in his . Rev. Reid was formerly the i Dastor of St. Paul A. M. K. Church i of this f-ity and while hero he and Mrs. Reid, the former Beatrice Andrews. enjoyed the supoort of not j only his membership but of a wide j circle of Lexington friends. A  meeting was held In Louisville on Mondav. March 9. with Pishop D. H. Simms. recently returned from South Africa, making a  speech in  of Rev. Reid. Editor I. Willis Cole of tho Louisville Leader was chosen  manager. "MAD GUNMAN" STILL HIDING I The "Mad Gunman" remained In hiding Sunday night. Even though i the alleged  of Loddus Ar, nold failed to shoot ut anyone dur. Ing the Sabbath day, police and i detectives continued their search.                 JOSHUA JONER J By L P. REYNOLD? Money to the root of  n  they  ay    Brother Bell     .:9    s*ko !ft me      pkH</t>
  </si>
  <si>
    <t>                                           jjj ATLANTA MUTUAL Building, Loan Savings Ass'n  jj I EXTENDS GREETINGS I PATRONS AND FRIENDS % 4. FUNDS AVAItABLE FOR -m 52 SMALL MORTGAGE LOANS. S? -^nmr-                       i mu u m -n? Member Federal Home Loan Bank  j 212 Auburn Avenue, N. E. Atlanta. Gn.</t>
  </si>
  <si>
    <t>                                           Rev. T. M. Martin reports a successful trip to Orlando where he visited son and other relative". He left for Orlando three weeks ago and is the pastor of the largest Baptist church in Lincoln county. He is an able minister.</t>
  </si>
  <si>
    <t>                                           Stray Bullet! PuncturesArm of W. Harper                 Several . shootings ami automobile accident cases were Investigated and treated Saturday ai Grady hospital.                 Believed the victim of a stray bullet. Willic Harper of 162 Cliff orti street, was treated for a bullet wound In his right arm. Harper said he was walking home with his daughter-in-law, Mrs. Carrie D. Hnrper, when he was shot. Hit with a pool ball. James Jones of 51 Fort street, was admitted to the hospital and. treated for a fractured skull.   \ Miss Millie .i. 277 Rasberry street, exhibited several gashes oil her head, caused bv a fall. Willic B. Cook. Sr., 26, 329 Trcnholm street, was treated for a stab wound in his shoulder. Stabbed in the left  with a knife, Miss Magnolia Burnett, 35. 247 Bynum street, reporter to the Grady Clinic at 6 p. m. for medical attention. James Jones, 21. 57 Fort street, was treated for a stab wound in his left hand. WOMAN INJURED Mrs. Edna Gordon Mlcken, 37, 310 Scovllle avenue, knocked down by an automobile driven east on Decatur by J. B. Dnvlson. 123 Moreland avenue. N. E., white, was given medical aid at the clinic Saturday night. She was injured on Decatur near Butler. James Glenn of 97 Love street, suffered bruises and cuts about the left leg and hand when he vos struck by an automobile Saturday. William Tucker, 23. 232 School street, N. E., received a bruised  ankle when thrown from a motorcycle late Friday night. Ernest Williams, Jr., 15, 258 1-2 Butler street, N. E., was injured about the left arm late Friday night when he was hit by a speeding automobile.</t>
  </si>
  <si>
    <t>                                           Several stabbings, shootings and automobile accident cases were investigated and treated Saturday as Grady hospital.</t>
  </si>
  <si>
    <t>                                           A Baby For You? If you  rc (JcmiIc) the blessings of a baby all your own uml yearn for a baby s arms and a baby s smile, do not give up  Ju.sl  in confidence to Mrs" Mil dred Owens, Kansas City. Mo., and she will tell you about u  home method that helped her after being denied 15 yrs. Mnny others say this has helped bless  lives. Write now and try for this wonderful happiness. Dent S612 Honan Rldi;</t>
  </si>
  <si>
    <t>                                           GIVE HOSIERY I FOR XMAS I ^i^s^JV^^ BEAUTIFUL I J? VEfc "**~~~k RINGLESS I ,v Wt'^'i *^^FULL          if '$ ^~''7'' fi^P FINEST QUAUTYl ;t :'^~*J0?i ^'silk, chiffon I I r '/i^^'ff I' And I   : 'V* 7 ''  "J Service Weights I ~^    3 Pairs for $2-2   I Other Numbers 1 1\ I 59c, 69c, 89c I %A I $1.00 and $1.35 I Special Trices on Three $g I Pairs in Beautiful Gift fH Box. GIFT LINGERIE SLIPS. PANTIES, GOWNS. BRASSIERES, DANCE SETS. NEGLIGEES- 59c to S5.95 THE STOCKING SHOPPE   at VIADUCT III!  ARCADE</t>
  </si>
  <si>
    <t>                                           NOTICE r I WISH TO ANNOUNCE TO MY PATIENTS AND FRIENDS THE REMOVAL OF MY OFFICES FROM 75 Ivy Street, N.E. TO MY NEW LOCATION 139 ELLIS STREET, N. E. j Free Parking Space for your Automobile in the Rear of the Building. v".^ OR. JAMES E. CORRY PHYSICIAN and SURGEON</t>
  </si>
  <si>
    <t>                                           Beware Coughs from common  That Hang On No mailer how many medicines you have tried [or your cough, chest cold or bronchial Irritation, you can get,, relief now wild Creoinulslon. Serious trouble muy be brewing unu you cannot afford 10 lake a  with  less than Croomulslon, which goes right to tile seal of the trouble to eld nature    soothe and heal the Inllaincd membranes as the germ-laden phlegm Is loosened and expelled. Even ir oilier remedies have failed, don't be discouraged, your druggist Is authorized to guarantee Crcomulslon and to refund your money If you are not satisfied with results from the very  bottle. Get Creomulslon right now. (Adv.)</t>
  </si>
  <si>
    <t>                                           3* 7^- ATLANTA DAILY WORLD, ATLANTA, GA. SUNDAY. DECEMBER 1. 1P-K</t>
  </si>
  <si>
    <t>                                           Famous Oriental Herb*. Nature's Remedies, Herbs, Roots, Barks And Blood Tonic __.T__^-__ MESSAGE TO THE SUFFERERS j^S^^t" j] "oa need not De discouraged about your I ^Sj^^t m health. Cheer up. There Is help (or you. 8  -WJsP !i Th" the o1 1           Cfctaeie ^er'!) i "'.^JL Specialist with his famous and harmless *,j \~*M^M herb? and root?, treatments which have f '     'i''sip i becn  xor , and ore highly *^'/!**~^Bk re00111111011''*1! *~r any trouble of the    " '.   ^ f^S^^L* t*   such as the Lungs, Stomach, Heart, ^ a. *TS        Kidneys, BlooU Poiaoo, KheumalaiiBk. . , Catarrah, '     '  , NsrvonannrTOR       *JIa('der i^'oh'0! Oonatiiiatlon, Apm v v/       i- . Skin Diseases, Feraslo TroubVe      ?    r'~nd.Utxouble* S2f^*  *T To those whom tt concerns: Call at Atlanta"* once. Don't give np hope if others fall.     result is pleasing to all who try it. MALE OR FEMALE- CALL OR WRITE j^Cw ^^W^ ^^^^k^ ^^pVP DR. T. Y. YOUNG, Jr. WITH ORIENTAL HERB CO. CHINESE HERBS- ONLY NATURE  FOR EVERY. DISEASE OF THE HUMAN BODY 132 Edgewood   .'. Phoac: WAInut'2189 A'tlaata. 0* Dully Houni 9 A. M. to 9 P. M.</t>
  </si>
  <si>
    <t>                                           Flush Kidneys of Acid and Poisons Stop Getting Up Nights When kidneys are clogged they become weak the bladder is irritated often passage Is scanty and smarts and burns sleep is restless and nightly visits to the bathroom are frequent The right harmless and inexpensive way to stop this trouble and restore healthy action to kidneys and bladder is to get from any druggist a 35-eent box of Gold Medal Haarlem Oil Capsules and take as directed you won t be disappointed but be sure and get GOLD MEDAL Haarlem OH Capsules- the original and genuine right tronn Haarlem In Holland a grand kidney stimulant and diuretic. Remember      that other symptoms of kidney and bladder trouble are backache, leg cramps, puffy eyes, moist palms,  nd nervousness. Push Out A COLD Touching it is not enough a^^. Penetto gives quality ^^ mediation because it Itini^^^^k  Ingredlenu ara^^^^^h^^^E^BBaV or recognized *  ^^L peutic excellence.  T^K^^^^^^^H It gives you                ^ft '"y medication ^^^^^^^^^^^^Q too, because re^^l^^^nVX^I cent laboratory   CM* prove PentBiiraimrilMlaw tto to have from   113%to227%morc ^^^^^^^^^^V medication than wfXf^L^L^LV other leading cold mml^^^^r salves. That's why m^^^^^ Penecro is worthy of the challenge hurled by any cold. Rub It on yourself the next time you re tied up with a bad cold. Inhale It* medicated vapors. See how quickly they open up your head, soothe throne Irritation. Then feel it warm your chest. That means Penetro is stimulating  to break up congestion ana draw out the aches of deep-seated . Give your family the best money can buy. Stainless, snow-white Penetro. The 50c she of Penetro contains 3 times as much as the 25c size. The $1 site contains almost 8 times as much as the 25c she. At all druggists. For free trial site of Penetro Solve write Penetro, Dept. 20, Memphis, Tenn. At the first sniffle or  use the "balanced medication" of Peoetro Drops. They open up stuffy nasal pa*  and make breathing easier. Peoetro Now Drops 25c, SOc, $1 bottles. Trial  10c</t>
  </si>
  <si>
    <t>                                           Streams In The Desert "God is our refuge und strength, a very present help in trouble." (Psalms 46:1). There are two ways of getting out of n trial. One is to simply try to pet rid of the trial, and be thankful when it is over. The other is to recognize the trial as a challenge from God to claim a larger blessing than we have ever had, and to hail it with delight as an opportunity of obtaining a larger measure of Divine grace. Thus even the adversary becomes an auxiliary, arid the things that seem to be against us turn out to be for the furtherance of our way. IVEY BROS. MORTICIANS "The Institution With A Soul" AMBULANCE SERVICE Phones: Main 25C7 Res. Ra. 823G 492 L. St., S. W. AtUnU, Ga.</t>
  </si>
  <si>
    <t>                                           JOE LOUIS' STORY ON SPORTS PAGE</t>
  </si>
  <si>
    <t>                                           Thomas' Service Station (Standard Products) Aletnilliic Simonizing Washing Greasing We offer you Alwayi  Courteou* and Prompt Service W. D. THOMAS, Jr.. Prep. Weil Hunter *t Jeplhn JA. 7199</t>
  </si>
  <si>
    <t>                                           The Brown Bombers, city champions, played their second home game this season Saturday night when they met the Bennaissance world's champions, in the Toledo University field house.</t>
  </si>
  <si>
    <t>                                           MR. AND MRS. THOMAS JOHNSON of 16 Minora White Plains, New York, announce the marriage. of their daughter, Dorothy Lee. to Mr. Clifford Lane Porter. Jr., of Atlanta. Georgia, Sunday, January 12, 1936... The marriage was solemmized at the home of the bride's parents in New York by Rev. J. G. Williamson, who performed the ceremony in the presence of relatives and a group of friends. The only attendants were Mr. William Shropshire, of Chattanooga, Tennessee, best man,</t>
  </si>
  <si>
    <t>                                           CHICAGO (ANP)--Two glorious voices rang out over the other waves last Saturday night. One was that of Paul Robeson singing from Hollywood on the "Shell Chateau" hour. The other was that of Dorothy Maynard, featured soloist with the Hampton Trade...</t>
  </si>
  <si>
    <t>                                           %WEATHEFl  Partly  .today with h change to colder In the  and night; possibly light rain thin AafternooD;  extremes near 38 and 42 degrees. GEORGE W. .  State</t>
  </si>
  <si>
    <t>                                           It was a golf tournament which took them to New Orleans some time later. Sharlene slipped away, during an afternoon when Kent was not playing, to prowl about by herself in the old French Quarter. He preferred to trail the players over the green.</t>
  </si>
  <si>
    <t>                                           HIDE VICTIM TELLS TALE OF HORROR                 Local Authorities In Widespread Search For Quartet                 BURGLARS BUSY                 , ,    in Ills own_cur to  u;ii nt ii  spot on t lie Lnwri'iici'villu lii^. Will .-, soli, uf .'i-il Mnrilii Street,  ill  l)i.Mi(I(~ Tlinrsday  lo tell of n    r                 I'oliec   .1 wide -li for  men, Unco of them white,  by Johnson us his ;  victim *~ the !t forced lilin Into his own car at Irwln und Jnekson streets after severely : him. The colored member n[ ihc cnn^ ; tin; ciir. lie mild- One of the while men  on the lire nick of the V-S ,~ sat In Ms Inp, while the third sat 011 tho sent  his . After  11 [ on the Lawrencevillu highway about C0'~ yards         the -mile post, the bund Its  his pockets to obtain $n and some ^e, then forced him out of tho  - -on-down-.-'-the rond, lie s;i!d. He rc.' Atliinlii parly Thursday  -^ his way back on n. ' trni lc. All four of tho ment, he said appeared to lie .Ix'tweeu 20 and      old and were   . Numerous other  and   police attention Thursday. Two ImiiiltlK, *nif ^ a "-"  and " shoes. \     : the obj(;ct of  search Thursday, following  of Louis Kills, of ".II CJriffin Sli I. -t. that he hnd been  told police- that he -was en route homo Inlc Wednesday , when the Mvo bandits, one of Ihcin Hnned  s:-o!T shotgun.           him on Griffin Slrrct near Sinipscic to roh him or SIS. ami (I quantity of clothing he lind purchased as Christinas  Price, of !)fi1 Mlehlitan Aveline; northwest, reported lo police that n  had entered his       '  a rear window to steal his:  of . hut in his  lo mal;e an . had dropped the   :il lo the suit. Continued no Page (I, Col 1                 Ride Victim (Continued from ?~gc 1) l rice said he was awakened by the burglar cabin;; leave, lie wua. .; i *j iun;isu a  ul Hie . A hungry burglar  Ok  ui .   . .May , al irat .'JO Chapel  lu ob;aiii.J  ul  and meat, sue-  lu polio;- The value ui Hie missing   SI. 75. A.  was  Irom the residence uL" Charles Murphy ul Mb Stephens Street, : to police - j Smashing upen Ule front doo: j ul her , an  bin- I glar            ; valued i :u mori! Uiau $VM, Mrs- Unick- i Lee Javkiun, 0  ; Murkbuii: -Sueel. ,  10 - J liee Thursday Xbe burglary" oc-  iu the day time, sue said- CliPlhiiii valued al $0u was slot- en from Hie residence 01' Mrs- Iiinm:ilie , df 31!;; Terry Street by a burglar who  tbe  dour luck lo  , Thursday believed  had  a s4:nu.s ul grocery ?lon; burglaries in Suiuiui-, with Ihe _ Thursday uC -Mid K. T. Slokes, of o Jl Conually Stl'ectStokes was captured by Kadio Patrolmen U- G. Oakes and WM. Holland, at his . The.  seized u .Sil-aj pistol L'uund on Slokes" bed concealed between Ihe springs and *. four  tu lit the weapon were I'ountl in Ills  , thc-v said. Amu'ilins to  reports, Hlokes is suspected in Hie burglary of  stores ul i  aud Fulton Streets: l-' and Crumley directs: and Martin and Cruni- ley Sireehs- I j "Tbinted out by Mrs- Minnie l.c-e  Tack-son, o'r rcar 30U Scoll'leld Avt- nuD, Apt. IS, as the pair who had burL- her Upartinenl. "Odis lioy. mill Mrs. Kllzahetli Uov, -0. of rear :iin; SculTicltl Avenue. I.Vpi. 1~, were arrested ou .  tbl s of suspicion. Mrs. Jaclis'm mid   two suits of : were missing from lier . NiiMieil as he          'd lo .-ell .i Oaantily of serap  lo Hie N; Trcm and Metal Coniuunt. :{.S0 Dwainr Slrwt, Je--se AVel.Ii. 25. was arrested mi su-pici"ii Thursday by Kailiu I'.ili  Halo and Coppouger The scrap metal, according lu I police reports, was believed lo bare  stolen from tbe Tech ;: j project.</t>
  </si>
  <si>
    <t>                                           Brutally beaten, robbed, and then kidnaped in his own ear to be thrown out at a lonely spot on the Lawrenceville highway, Will Johnson, of 326 Martin Street. appeared at police headquarters Thursday morning to tell of a night of horror.</t>
  </si>
  <si>
    <t>                                           Expectant Mother Is Sentenced in Slaying of Man                 'Found guilty (if voluntary man- t* III the fatal ' lasi mil of Julius: Hill, Mis. Mary Michael, nn expectant mother, was 4 from one lu four  on 'he state   a jury in Sn- ; .Indue Dorsfey's court Tliurs- Jny. Judge Dorsoy permitted Mrs. Michael to serve the sentence nn probation  of her conill- tlon. Tlie woman Is already the mother of four children. The slate  that Hill had licen killed because In an intoxicated condition he wandered into n vacant house _Mrs. Michael had stored some whiskey. In an unsworn  the woman  thut Hill had broken iulo her Iioiibc twice, before she in 1 self defense killed  Brothers Will Broadcast Sunday Another broadcast is being planned   of the Ivey Urothurs' l uneral Home for Sunday :iftI . Dee. 22,  radio station WATI, at -I Tin; imv.-ram, which will lie  from the bountiful chapel of the new funeral home on I^ Street, will brills to n close the "Open House" period and the  contest which has marked the presentation of this new  for the  of the local  aru invited to visit the new home every afternoon and ; from two until nine- Visitors are  to cast voles for their favorite ,_ and, at the close of the open house  cash awards of $2.". 513 and .Sit) will he Riven tho _wlth I the highest number of votes.  YOUTHS DOG I'Olt .1C ACT RALEIGH. N. C- (AJJPl- For Kivlng an alarm when one of ihe two- Chosby-Carfieto school buildings caught fire In the   hours of Nc.v. 22. a female Ocr. man shepherd dos. owned by Joseph '. 15 year old Washington -h school student, has been placed on</t>
  </si>
  <si>
    <t>                                           Mrs. Mottle Anderson, 164 Hill street will spend the holidays in Washington, D. C. with ber children.</t>
  </si>
  <si>
    <t>                                           NO PRINTING job is loo      or too small for MURPHY S, 273 Auburn Avc, Atlanta, Jaclooo 8118.</t>
  </si>
  <si>
    <t>                                           Merry Xmas and a Happy New Year</t>
  </si>
  <si>
    <t>                                           What people think of you usually depends on little things; but what people think of you is no little thing. Hence son. incline your ear unto me, and I will give you some intimate hints: they are "littles", but you would do well to read, mark, learn, and inwardly...</t>
  </si>
  <si>
    <t>                                           Did You Know Thai Your NAME Alone is Worth S MONEY S Open KEEP an account with us for your money needs! Liberty inv. Co. ACT NOW! 126 EDGEWOOD AVE., N. E.</t>
  </si>
  <si>
    <t>                                           Uic only one level tea- 1/ spoonful to .1 cup of sifted H flour far most recipes. Ji H Same price today u U as 45 years a^o  1 Mjrufatlu[~c! by bitting      11    cU1    wkt       but Mm</t>
  </si>
  <si>
    <t>                                           Haife Sends Another Protest to League                               LEAGUE GETS ETHIOPIAN PROTEST                 Emperor Hits Use Of Gas; Bombing: Of Red Cross Ambulance                 SWEDEN AROUSED                 AddLs Alv-ibn. (HNS) Ac-.: 10       :ili!lics from t)\e Imperial Eilimpktn headquarters ai Des-sye. Umperor Flailc Selassie hns c  the J^ of Nations protecting Lho use of poison bus by Ihr Italians as well us the             of ;i Svvertish ambulance                 in ihe southern sector hy  Italian planes. "We again protest most explicitly against the criminal acts of till". Italian .government," the Ethiopian leader s note said in part: ;       ? that thp "previous bombardment of the Aduwa hospital n.nd Dossye ambulances," along with the destruction of the Swedish  Cross ambulance, which was "plainly marked ^nd containing a          of sick and injured" were other, incidents to be considered Haile Selassie further charged '~Italy is pursing unpunished In the  of. civilization its inhumane -'1 According to other reports reaching Addis Ababa, a message I from Rsxs Desta, son in law of the emperor      leader of this Southern army, nine Swedes ami 23 Ethiopians were slain in the attack. Among those Injured wera Dr. .. chief of the Swedish  Cross at. Ogadcn, who is said to have been seriously wound ed. Many natives are reported as  been gassed. Olhcr  Indicate- that much of Dolo. on the ElhiopianIl-ilian Somaliland frontier, had I  bombarded with gas bombs and explosives. I It is expected that the League of Nations will take speedy action on this latest protest of Ethiopia as this Is the second protest of It kind to be filed, the  having bombed a hospital and Hed Cross tent lit Dessye on Deo. 6. Emperor Halle Selassie, at this 1 time, setting an  for his followers by manning a machine gun and  at the attacking planes.</t>
  </si>
  <si>
    <t>                                           Addis Ababa (SNS)--According to dispatches from the Imperial Ethiopian headquarters at Dessye. Emperor Haile Selassie has cabled the League of Nations protecting the use of poison gas by the Italians as well as the destruction of a Swedish ambulance...</t>
  </si>
  <si>
    <t>                                           Miss Harreld Is Applauded for Performance                 For tho first time since her return from study abroad. Miss Josephine E. I-I.-. daughter of Professor and Mrs. Kemper Ilarreld. of 459 Tatnall Street, Southwest, appeared Monday morning at Spelman College, her ulm.-i mater, to play for the                 dents and faculty. Slio played two piano numbers, Schumann's Novelette in P Minor and Charles Repper's descriptive sketch. "Danc0 in Patio". Her performance was warmly applauded. Miss Harreld is registered this year ut RadcUffe College Cambridge. Massachusetts whero she Is carrying a  of gradual!! work i u the field music history composition and 19th. Century poetry. During the past summer she studied in "Salzburg. AUBtrin, on a scholarship awarded her by the Drama League of America. She was one of eleven young Americans to be given a 6~"ant for study in the fields oC music and the drama. Her summer s work was carried on at the Moiarteum where she studied with Mr. Ralph Lawton, the American teacher ot the piano, and was able to attend as a student many of the rehearsals and public performances of the world famous 'Salzburg* TeS- (Continued on Pago 5; Col. 6)                 Miss Harrcld (Continued (rmii l*;    * I) I'nirinrr her  in Hitrnpc Mi--"1 1 'l'l'^lfl :i i i rii io i :i.s a .i.- i   I.' Slates. Ill': WurM's stu.nMH cin is fl.'iii PfdCraiinn mT C'n.-oi-iji. Hul^aiia. :incl wits  i flip I lip six in^ from the; I      -   Si.it*-; the Hcnerfil (.H'. U I. -!l b.i.s full i-j;rli( j)t* p)   ).tsi(ii*~i)   )                 jwi-.v.-j- io vme. l-'--  u .ii I'rnm Spclmun Cclloiic wiih honors to I .Miss fj. -in-ekl ..j h. I MM it IMP ii f M u.-ii- il Act ~*.f I i r .Itillnrd Foundaiinn in New York ("Hy l mrn whj.'h slie Wfis .ir^d in I!*.*; i. Tlio -~       yoav     * I'fllli'd ..ii              ;   ;.~,H.I:{'S in the ..-icl S.-i.o-.i ~.l      -.</t>
  </si>
  <si>
    <t>                                           For the first time since her return from study abroad, Miss Josephine E. Harreld, daughter of Professor and Mrs. Kemper Ilarreld, of 459 Tatnall Street, Southwest, appeared Monday morning at Spelman College, her alma mater, to play for the...</t>
  </si>
  <si>
    <t>                                           Atlanta West Point Railroad Co. GEORGIA RAILROAD Christmas Holiday Special Travel economically when you visit  during the Chrir.tmas Holidays. Next to your home, a railroad passenger  is the safest place. Why lake chances on the congested highways, when train travel is more economical and , safer and better in every way. The following fares apply between points in the Southeast One-way coach fare 1!4  per mile. For more detailed information apply to our local ticket agen' or the undersigned. J. A. HIGGINS. General Passenger Agent</t>
  </si>
  <si>
    <t>                                           COUNCIL CANDIDATE- Although he wms not nominated in the recent primaries, S. P. McAllister, Democrat, made a good showing "the first                 i time at bmt" in the Twelfth Ward.        by Cola, I Cleveland.</t>
  </si>
  <si>
    <t>                                           H Y01TR. QUESTION ANSWERED IN THIS *        A CLIPPING Or THIS COLUMN IS ENCLOSED Qi\M JJ YOUR LETTER. TOR PRIVATE - SEND A QUARTSltM  fl AND A SELF-ADDRESSED. STAMPED BNVELOPlLB iS FOR MY NEW  READING-AND   MAIL- FREE ADVICE ON THREE U) QUM-~B M TIONS  -YOUR PULL NAM E. , AND OOB-W ^      . SEND ALL LETTER8 TO ABBr WAUf          of SCOTT  SYNDICATE, lit AV-M  ^. atlanta. Georgia.</t>
  </si>
  <si>
    <t>                                           1 7 MORE DAYS I m To Select Your PERSONAL *!^3J5^ 50 fo, $     *7!s Imprinled Mother. Swiicthcart. Special Cords for Family und Friends. Seals, novel wrapping papers. c F. P. JONES, 198 Auburn Ave. Wa. 5827,          Prte. Co.</t>
  </si>
  <si>
    <t>                                           ile loses  m WARFARE                 ROME, Jan. 21 (SNS)-Accorcilng 10  unconfirmed reports,   Selassie is minus b_uic 15.000 of his ral.ant warriors Lllowing an alleged rampage en tne part Italian .sts Monday .nat is supposed to have routed over .0.0*0 Elh. solders.                 Picrece blackshirts ihe repors state :av; the lanks 01 Italians with Bupcrior-equipped sold.ers who pos-a-tu every  device for highpowered trenching, , and - . A groat battle north of Dolo and ihe .ng drive by the southern armies through nearly 300 miles of hostile territory claimed 10.000 Ethiopian livos said ;l, report, from Marshal Pietro Badcgl.o, commander- of tlic colonial armies. Two days ago Badogl.o said .5.000. of the loo had been killed or wounded in maj:r engagements in ihe north, climaxed, reportedly, by u smashing Italian victory. General Rudolfo Grazlanl's "hell en wheels" column pushed on from Negliclll to Wadara. a distance of  on page 2, Col. 3)                 Haile Loses (Continued from paje 1) Pproximately 40 miles, while ; Uimbcrjackets in armored car. crave along the British Kenya co!'.ny border after a battle in which, . said. 1,467 Ethiopians were lain The Ethiopian forces at Wadara offered "brief resistance," blew up  munitions depot and fell back, 3 reported. He said  prisoners were taken. (Addis Ababa dispatches  said Emperor Halle Selassie had  Rns Di-sta Demtu, in command of the  armies to with raw into the mountains behind Wattara. nearly 300 miles from Dolo. or a stand against the Invaders). Plunging through the Jungles of Uie Dawa Parma river, the  of General Agostin;  Ethiopians under n Greek office;nd seized the  of Malca Marri, 132 miles  of D^ao, ihe fascist high command slated. Italinn lesses ri officers and whir" troops in the southern fighting were .'mall." Badogiio added. "those c.f native troops amount tu -omc  dead, wounded and missing." "A powerful radio station," "heavy cha ns fcr slaves," ammunition, cattle and other supplies were taken, he said, along with the personal  of a Belgian officer who served Ras Desta as military Q;do. Tlie marshal also reiterates Iiallan charges that the enemy had used                 great quantities of dum dum, bullets." "Mopping up" was reported continuing In the north and Badoglio said a band of armed Ethiopians along the Sctit river had been beaten oft by "our small outpost nt Adenani." I</t>
  </si>
  <si>
    <t>                                           ROME, Jan. 21.--(SNS)--According to yet unconfirmed reports, Emperor haile Selassie is minus 15,000 of his ... warriors fo1lowing an alleged rampage on the part of Italian ... Monday that is supposed to have routed over ... solders.</t>
  </si>
  <si>
    <t>                                           CALL MURPHY for ; at Jacloon 81 IB.</t>
  </si>
  <si>
    <t>                                           MOTORCYCLE CRASH IS FATAL                 Horace Jones Meets Death; Pal Also Gets Injured                 LOSES CONTROL                 Ihirar-r .Tones.   -cnty- year old Atlanta youth, of SI Murray Avc, p. TV. was killed instantly Sunday   seven  whon iio lost  control or the motorcycle he and a. pal wore riding and struck a * pole at the                 of Jonesboro and McOonough roods in South Atlanta Th,, youthful cyclist s *       rxi fractured and at the time of hi* arrival at the Crady clinic hewas pronounced dead. making the second  traffic accident v.- the confines of th0 clty this year. Oddly enough. Leo Klnard. pal of the dead youth, who is also twenty-three years of age. residing at 14H Brown A.ve. escaped death. However, his condition Is critical: he is suffering from head injuries. Local police say the accident occurred ax .Tones the driver, attempted to  a turn from McHonoiiKh road Into Jonesboro. the motorcycle swerving with such terrific force that hc lost control of it. Apparently using the worst judgement imaginable. "~r year old Carl Smith, of 132 Fulton St. S. E. is In Jail today for the theft of two  or. that is. for an attempt to steal that number from E. C.           . police trainer. In the Chamber of Commerce building:. According to police. Smith walked in the private gymnasium conducted by Rosendahl and st.iMmm two overcoats.  spied and Riven hot cha*e subsequently by the police trainer. The in^d race is reported to ha.\*e been down Auburn avenue with smith blazing the way and the superbly conditioned trainer but a. tew yards behind. Before many spectators who expressed delight at the sight, Rossndahl Is. said to have made a  flying tackle1' on Smith, with a tangle of arms and legs resulting. Rosendahl, the account goes, applied many regulation holds on Smith, including tho . and pat-ode, his prisoner to the nearest officer who m.'id? the arrest. Smith was charged with disorderly conduct.</t>
  </si>
  <si>
    <t>                                           Horace Jones, twenty-three year old Atlanta youth, of 32 Murray Ave., S. W. was killed instantly Sunday morning around seven o'clock when he lost complete control of the motorcycle he and a pal were riding and struck a telephone pole at the...</t>
  </si>
  <si>
    <t>                                           BAPTISTS HOLD EXCELLENT REGIONAL MEETING1                 BAPTISTS IN REGIONAL MEET                 Southern Group Has! Fine Session; To i Reduce Debts I                 OK HARTEN FILM                 By PAGE M. .V                 COLUMBIA. S.' C.I -("special)- The Rpjion.nl mor-Uni; ol the Nntlon.il Baglisl, Convention. Inc., met In Zion "Baptist . Co- . S. C. of which Rw. J. P. Rcecicr i.s pastor from Wedncitlny through Pilday . Rev. L. C. Jenkins,  of Union Bantist:                 church, entertained the convention Dr. L. K. Williams of Chicii'^o. president of tlic Genera) Convention, opened the session with a very statesmanlike address, praising the Ministers of Columbia in particular and the Suite of South Carolina in '~ lor the line entertainment  the convention. The "Bone Drive" to :id the denomination of all indebtedness "as Hie  feature of the :. Dr. A. M. Town.'cnd. ,\':!:~:. Rev. .j. M. Nabrlt. Atlanta. Perrc!:iry E. W. D. Isaac. Jr.. of the B V. P. U.: Mrs. J. c. Mapp ol Ch:caco: Ma. Edna B. Bron.-on nf D'-: Mrs. M. J. Brockavay of Oklahoma City. Okla.: and Mrs. Pattie B. Green ol Jacksonville. Florida, composed the learn. Smias v. for the occasion were sun-,' and many  were rold as the audience responded to the music. Rev. J. H. Jacltson. Secretary of the Foreicn Mission Board who recently returned from West Africa, delivered :i lecture on his visit to Liberia and Nigeria. Dr. I,. G. Jordor.. the retired secretary.  account of the work done by him for the board during the absence or the secretary. Mrs. Viola T. Hill of Orlando. Fin., president, of the Florida Rnntist Women, reported live hundred dollars raised  a month s, drive In her state In winch Rev. D. W. Hosgard of PMIacMphla. took part. Rev. F. W. Penick of Chicago secretary of the BenefiL Board, reported thai the property of        Williams University In Nashville has been purchased by the conven- tlon. and will br used as a training school for Missionaries and a home for accd ministers and religions workers. Delegates were pri si-nt, r^. Lnt; Tennessee. Georgia. Aliibnma. Florida, the Caronnas.' while mar.v visitors from northern ar.d  states also aided in the work. The Convention preachers were Rev. T. E. Huntlcy of A!      : Rev. .1. P. Murphy Georgia, . H. M. Moore of North Carnlina and Rev. G. W. Samlerfcr ot TVnn Welcome addresses were delivered by Rev. John F,. Bri;qf. A.M.. of Benedict College: Rev. .1. G. Stewart of the white Baptist church: John H. Wcdd. M. D.. ol tile Union Baptist church, and Rev. I. I. McDonald of Hw Colored Episcopal church. j When the telegram came nn- j  the death of President; (Continued on Page 5* Col. 3)                 Baptists In (Continued      - Ji .John Hone 01 Atlanta university. the convention adjourned 'cr the i  in res;~eet of  tis m.' Dr. J. N'. Stokes- of the Florida T!apt!.-t convention, and Rev. A. 1".. Colman of Jacksonville. .~"!: Hreal enthusiasm v*  : in the  city, and Die bes' entertainment in thi-   can be expected. TcloLiinr:-.- v.Tre read fro:n tin- governor of I F!:i. the mayor JacI:~"*:  the president of the while Banlist convention  lar:;': :: ol  : in J.ick. next Sepioinber. Ilartcn's Talkie Picture Endorsed The "'' picture" t.iken nr Uio Now York convention ut.s shown in :i nearby theatre,  :i committee Iroin the convention h:ni si un il and Rev. R. C. 3 and Hev. Rowland Smiti) tr.adr tile  which wos adopted, er. the picture :.s!nr: th;it ih-.* .s':cr.'* .int:  election . be oir. from the show as ih;H r.ar-  part si tins to be the onlv    )i."-t.   ;i:ible feature. l?ev. T S. 7i:.LLci! tu !-:ii: l!:r Icit.'a ol :iy a !;'!kif. and I It* Nt*w Vorl: .rr'.tit'.n was the Tirst taken. ", Hines of          : f-N!:il;it- c:ti the historic pictures, of the convention each day at .six o'c!ori:. Revs. s. S. Yoiincbldort. JI. M. Peuse nnd Rev. s. C. C-'. were very active ir. making t!:c visitors rom .</t>
  </si>
  <si>
    <t>                                           COLUMBIA, S. C.--()-- The Regional meeting of the National Baptist Convention. Inc., met in Zion Baptist chur.ch Columbia. S. C. of Which Rev. J. P. Reeder is pastor from Wednesday through Friday evening. Rev. L. C. Jenkins, pastor of Union Baptist...</t>
  </si>
  <si>
    <t>                                           Will sponsor a musical on Sunday afternoon at four at the home of Miss Dorothy Drake, 26 Rolston St. SE. The program will be rendered by Mesdames Dunn an Drake</t>
  </si>
  <si>
    <t>                                           A Baby For Yon!  a' taWs Mil*, 4. M stn mo . Jart will* la  to Mr*. WMwd Onw  nm Clljr. ul    will             B  i        Uwt ^ 4ml- 4 M mn.  ***n mj         Ur dm. Will, mw aw trr thU  . P-~    m BalUfaw.</t>
  </si>
  <si>
    <t>                                           Dr. James Cony, Ex Army Doclor 16 Yearn Eiperienc* in America and Abroad I served with both the American and j British Armies during the World War i I find so many people who are unable to pay, these i serve free at office, charge only for Medicine, Come after working hours. My offices are open daily until 8 o clock at night. 75 Ivy St.. N. E., Between HOUSTON and AUBURN Office Phone: (Cut Ad Out) Res, Fhone: MAin 6873 MAin 3037 TWO WEEKS  TREATMENT, fl</t>
  </si>
  <si>
    <t>                                           RELIEVE PAIN IN FEW MINUTES (~Virvc* fluff lt)  *nr*wii j.~ PrUn*. N..i. \Un-\ mtA Hivl CoLN, Pi.ln" ;tn.~ Mit- Ailifft. rr.m-l.k i. ~~.i Ir.tin111.1)1. i.t     " I In o.i t  to   .    , hi n   'u* *. TlimtMinilfl usp  AN1  1.1Z\    UNfMBXT    .l  ' Ii.t 1; ^i- it ^or.il .(-Ltiiifisi-  r  tun mini fcr   . .-. io ~.*rt niii.*:.) .\ir*.r t,  . m i r lt.   IHUi I I'XIilClf't. Ki'tH t.i-i.J I</t>
  </si>
  <si>
    <t>                                           Many Will Attend Georgia State Home Economic Teachers Meeting                 By S.  UltAIILEY                 Of unusual I merest 10 -Ulmna  will lie the  meeting of Georgia State Home (Economies Association, which  this  at    o  at IIowc Meniurlul Hull, Spcliuan (..s, with Mrs. 1". j. Coggina, cli..iii oC Hie Imliistrlnl Arts                 al Washington high school, in charge of 11 "Model Devotional Exercise. The Allunlii Home Economics club, with .Mrs. A. 1). Hayes as its efficient head is  as hostess to the largo  of teachers1 from tin; loading  throughout Georgia   states. Mrs. J. W. Uollcy well known  economies teacher and wife of the  of State Normal school, Albany, Georgia, who Is head of the state association, when interviewed  11 World reporter, stated that it is anticipated that ^  will be given during the brief convention. Miss A. B. Dixon of Georgia Stille ( Siivanuuh, who serves the organization as vice president, will also be  ul the meeting. The glee chili of Booker T. Wash. Ingtou high school, under the direction  e :~rs. 10. M. Groves, will render the  for the occasion ? Principal C. U Harper will                 deliver the welcome . The  for the remainder ut' thu tiny is :us follows: 10:0U "Mciisnrvincnrs of Progress of Ifijsh School Students ot Hume Kironnniles," Miss Mury Wllliums, Washington Uigli. 10:;i0 "Deniniitrutinn of Child C:ire in the Curriculum Course. Xm StJC'lmiiii Xnrspry ) Miss V. "71. , Spcliinin. ]^:(H) Diiinor . 1 :r.O "; ICcoiioiiiIcs uud the Modern Social Problems." ReRlntild Jfilmson, Urluui T^. 2:00- "Xciv Frontiers in tbo Homo Kt'Oiiomles Kducntlou." Miss Hdytlie Tine, Tuinc college. 2:30- "The Netv nerac Economics and tbe nigh School Girl," Miss C. I,. Cone. Atlanta public schools supervisor. 3:1)0- "The Negro Tenchers*  In the Curriculum Reiir^," Mlfts 15. Dodd, Vl\versity of Georgia. The Snturday session, u  session.   ho held lit TVoshlnRton high school at 10 o clock  which the. association adjourns until its April mooting. The Atlanta Home Economic" club huH planned an. Informal bridge party. a"slg)it- tour, and a Theater  for fhe          ^ept 5f  fto ,</t>
  </si>
  <si>
    <t>                                           Of unusual interest to Atlanta homemakers will be the annual meeting of Georgia State Home Economics Association, which begins this morning at 9 o'clock at Howe Memorial Hall, Spelman campus, with Mrs. P. J. Coggins, chairman of the Industrial Arts...</t>
  </si>
  <si>
    <t>                                           NEW LINCOLN C   RT "SHE MARRIED HER BOSS" C JACK HOLT ROBERT ARMSTRONG I "Dangerous       " i     ! 8- Acte Vcdvfl- 8</t>
  </si>
  <si>
    <t>                                           Music at Spelman-M'house Christmas Program Tonite Is Highly Recommended                 115 **\vc!I Valrniin..                 TIiIh m-?Mlnt; ,il s ..-.I.,.:!; In        Clv.       "u's , the  Chrlxliii.-is c.:   \   by II "it choruSos    'in SpClni:i:i Hivi Murcliuuso  will U-' k'.' :C                 Tills  event i* otic that I nover intes. l;         of L'i~. I u    )Ii''Uiui) and simple lur.- tlv? t-nure  s . :ui.  inn (It* to  :iS one wlm li:is been 1il**ns"'d or     t cit. i!io         p rest -1 tea. My i,ckl  Mis ;irc moused ;incl ;it \*:ixs\ for 1 1 C     bel'~g, 1 wish to be pc.'H'f. with all   tig tny enemies. My            lu tliC .MurChmisc Sin;lin:tii Christmas      'ft    .-i.-* been partly Oi- with the lu.pc  f c;i using tii-:  music lowr tv attend ;*      ;Cr\. m the  t U:i\e             many  to  l  concerts who after .u j;'int .jr.co now -c it .'1111111:11 . Many uf    ; fine oM at:~n(       will be snn-4       we use in our U-. new. ye: a familiar hti-.i'm  seems our. in on among all carols wlU 1)1 heard. If you  not studied                 niii.-iv. ii win nut  1 1 1- n -iri ll,m of t)ie . Titiprotfii;im Is out- to be cnj  oy "whosoever will let him wnn'." .\ll,~ Iherr ar,. ether tilings tli:ii make this i- what il in: M:C lai KC ln';vii]ili ,V'Ur.~li-      chapel  Its news, ami Hie t  pine orison  :i";.- lllc t:ir;;C chill IIH of  men   oh they :h down      l"ng -s In lie I'liniinc white 1-. The  JH has in U'.:li   * :ih well ns Kn-:ii .'.v. And Si.-I bill  lc:    is I Inhi'livldual who      11h and directs the    ,           , Atl:i.ni;i*.s *         *:n anil ::i] -aiMi*. N'o       "? in Atl:mll-i  or ni"B  n "  to '.~~m.'il that dirai:  'il  .Mr. llm- . As I luK e  i;i rni inCi- .    . Ills Ciirni  Is tlio most. cl!i1    :iio in 1 L. heard . j \V. I/; .l.'. .-    Mr-. Naomi Williams Maise. .~ I 10 Mr.  will n. ill   out ur tin;            'I'ht'iC will bo nu . or cul- lci.- Inken. and 1 rci^ i Lhis  tci all. j</t>
  </si>
  <si>
    <t>                                           This evening at 8 o'clock in Sister Chapel on Spelman's campus, the animal Christmas Carol concert given by the combined choruses from Spelman and Morehouse colleges will take place.</t>
  </si>
  <si>
    <t>                                           Cleve Roby, veteran sports promoter, offers the best card in Many months at the Ellis-Piedmont Sta. location tonight. Besides a fleck of newcomers he also will have card featured by the return of Sail of Born to local fistic wars in tilt with Gene Black. These two...</t>
  </si>
  <si>
    <t>                                           S. S. Officers Instal lation This Evening                 ) J GLENN                 All p^r^oMS that were elected as officers :it (lie last  of AtUiiiu Sunday School A!~*oc.ii tion are  ;ii.(1 nrc  10 ~.e pic i-nl fur liii. Hialallauoii services w bo  by the Rev.  at ilic Cciural M. E. Cliurcli o;i West Milclicll street  a;                 . o . j in addition to the installation cJ I  Ml ofi'.ci-rs. and  ol j committees for the year, the meet- i ;ng will be of much interest and I importance as there will bc much i tits. ness to be transacted. The years program will be outlined, while an address will be delivered on  education by Miss P. L. 1- raster AJ1 superintendents and pastors are asked to   officers and .Sunday school  to receive instruction and to help boost ins: program ol Mic Atlanta Sunday j  Association. We. as Chris- I !i-in worker:-, to my mind, are not si dutiful as we may bc. when it j '. to services  of our cwn  imi li. m doing, we lose our i Christian relationship- with other; ~-~".i! side of our  church life. Chris!, emphasized the need oi slid!  when he corn- mand?d the ministers to zo Into  the world and preach his gospel ", some ol you may say that you are not ;i   rna'."    . bui.  :nv not '.lie only i ii'.'s   (' to I'-riv 'li-: gospel to.  who know him not. Hii'i-i- the .Sunday schools are des- I r.iii  us place to learn of (.'hr-s! in a way that we may ask     3t.io!is and answer questions and ii-urp of the things that he is !;   , do. it. is not only very "."'fss-ai i  we learn of Christ. I. 'it learn the art 'A co-operating one with the other in putting over In- '.-;.s programs, not only in your own Sunday Schools, but i' will h"ip the Atlanta Sunduy School :V:-"n3Mon to help you put Uieni      Vi'ii may know how to conduct ynr  Srhoo.l in the ~'-jy you '.v;ini i: '.i'.'terl, but  the .~vrr ~-i u;    '.un all Sunday fV hools. it will bi- In yc-ur  to  :ind sec ~"ino "I Hie       ;s 'Iml iv.Y,~.   lac; 'hr : i f "i" Ail;")!;i Sunrl:iy Schn..l A'-snci;ilion. A    '?cial unreal  will hn an added a . which I :tui sure will be (Mijcycd by nil l-csid''s tli? specially .'d '.1;  will ue served to all  this meetins.</t>
  </si>
  <si>
    <t>                                           All Persons that were elected as officers at the last meeting of Atlanta Sunday School Association are expected and are urged to be present for the installation services to be conducted by the Rev. Wiggins at the Central M. E. Church on West Mitchell Street tonight at...</t>
  </si>
  <si>
    <t>                                           ^~~      ^~3JL Full-Fashioned Sheer Chiffon Will All Silk Hose ^SSfcr*^ ^IhBhBHPP^ ^eai with \ ami bhi tk. HitKhiMnii. /V""^- Thrifty Mothers! Here's a Saving on U;f^ Girls' School Clothes t98e Wa*h Frocks Suedino Jackets      r    M T Spring Sweaters 1.29 Gym Suits W j nrv. sln-i-l  N-i-\ i-ii sim'.-iI- inin- Arji-: . j I s l-'ii-:-i:.)lur . s.- I ~-,-'*~v%'!Sr, Sample 1.49-1.98 Dresses Jte*\ r* rf'  u:ii ii-  i-o.iin.M-ii: i-'    L mi ^   fWl iffi I'l-'i is-si/^ s Hi. Lr S--*i' I } ',~X HALF-SIZES y/^/ ^^ ORES sis  M^~H Ami } ! in 1 KWwBW /   "tJH^B these smart ro -nti-a- j;it!~iM U          9^      ^m  ks ami Fim; ~*li i s l'i li-li--il ..-p-t- ^^SSSJmSWHBBmJKW ! Slice i- prim ami n;  ; /^S^i^SSSS^Bmvt^^^B^^^ Dusty-rose, - blue. ^. ^~^H'^bH^^^^^^^B^^^~^TI^^I I . , nnd Mack I'or ^^^HHI^H^IHi^r II I IHIi,6t.'h allU WU1 1- LU JU, ih^m^mM^^jg^MAAm^^^^. h i</t>
  </si>
  <si>
    <t>                                           Occupational Conference Highlights                 Ky Mit'Ilft                  Xurlli Carolina !.s  fur tlie 1030 session i,c Hie National Occupational Conference Sevcutucn colli ije presidents   :it the Wednesday   of tlio  OrJohn W. Davis, president of U'esl i Vh-Kliilu Stale College, had  i                 arrived tor the conference  lie received uu urgent Lelegrliiiii summoning him jii ihc college at Institute The conference is like u reunion as far us Morehouse. College Is concerned- Miiny of the deletes are  of the school .A fuel that lius not been. given  emphasis to. in connection with the confab Is Hint It is Inlcmiclnl Among Important while  playing  paru In the l(V.:.-~ meet are Dr. Franklin .1. Keller, director of the Notional Occupational Conference, who is here from New York City: William 0- Dowoii, AdminIstralive Asslsliuit lo the Director nC  of I lie Tennessee Valley Authorily Ur. Jliiry II. !j. Hayes, ( of Guidance  l  In (.lie National Youth Administration, and several others... Mr.  is local to Kuuxvlllc, Term., while Die  Dr. Hayes is stationed ;ii W;. IJ.C- A  sidelight hi t ho conference was a Kliileineiil l..v L)r. Hubert C- IVwiv. it ; the ; pro/ at a time when Dr. Kelscv I.- I'hiirr, prominent Miami, Kin'. Jiitirnil director, was scaled   him. The delegates arr KiiyhiK that Dr. Weaver is  ruly n man of courage! Dr. Chiirlulli! Hawkins Brown was and Is the only woman president at Ihe conference in the ah si-nee of Dr. .Mnry .Mel.end HeIliiine The conference group feels keenly the forced  of Dr. Ambrose Caliver or WasliingIiiii. DC-, who is also regarded as an expert in ihe' mailer or  Kiililniice. lie Is. alons will) Or- Moriloeiil W. .. DrM. M. Iti'lhiinr, mid  other prominent Xr-grops. n  of On' \; Youth Aclininislrnlloii  .mil wns to  made an  x* thai Included  In Unit I'niinccllnn.</t>
  </si>
  <si>
    <t>                                           North Carolina is bidding for the 1936 session of the National Occupational Conference ... Seventeen college presidents were present at the Wednesday morning session of the confab ... Dr. John W. Davis, president of West Virginia State College, had hardly...</t>
  </si>
  <si>
    <t>                                           O.L.R.--Should I make a change of residences? Will appreciate an answer.</t>
  </si>
  <si>
    <t>                                           JOSHUA JOftES                 By i. p. Rn^wT                 T      old lady doun t Mt M</t>
  </si>
  <si>
    <t>                                           MAKES DEBUT                 CHAtlLES H. MANNEY -baritone singer of Chicago who made his formal debut In a recital at Kitnbal) Ha/J of lhat city Sunday. A sold.out house greeted the popular young soloist wlio Is a. graduate of Howard University and whom crl. IU\H say has a        of promise.                 (ANP).</t>
  </si>
  <si>
    <t>                                           The Junior Circle                 ATTENTION CHILDREN!                 All children may sec a        show this Saturday morning, DpocmiIxt 21, m the Uoyal Theatre, 10 o clock, and no money is needed 10 enter, hi order to lie admitted to the? theatre, just  ii"  ~(  \c .food like mimed . rice, potatoes, fruit.                 and so forth, which wlil1 "at the door. Parents may also sec the show and will be admitted for -such- imperishable'' goods as listed above. Anything lo caf that won t perish quickly will get you in the show. TIip      be shown is ."King of Wild Horses" with \icx, the famous  will)                 mini intelligence, as the main slur. Other surprise features will lake place besides tlic  . This is an opportunity in help the Christmas Qiecr Fund lir.x being conducted by the ATLANTA DAILY WORLD for t!v many needy families who will have tn go without on Christmri unless thev are given help. This Christmas Riving opportunity is  ])  of the generosity of the BAILEY THEATRES ami the .y interest of the ATLANTA WORLD which has sponsored mutually. a Christmas Cheer Fund. A big show Saturday  the Royal Theatre, 10 rri . lias hern arranged especially for children, and JUNIOR O.RCLli  are expected to he seen among the throng By liri:~i;ing some of mamma s potatoes, beans, canned goods, or   won t spoil, will Iwlp to .somc less  i  a good Christmas dinner. And  of alK those who give will feel boiler for giving. Watch the paper daily for further ini formation and to Icccp informed.</t>
  </si>
  <si>
    <t>                                           Lucius Jones In Fine Speech At Me Do no ugh j                 "Live- of great "it ll all Vlilld US IIV  r    *c oni' 'ii i'.r fi b/. And departing leave  IIS Footprints in lite  "I lime." -LONGFELLOW                 MCDONOUGH. Go., (SNS)- Before one of the largest ; Hint ever assembled in the nudi- i torium of the Henry County Train- 1 Ing School, Lucius Jones ol the Atlanta. Dally World thrilled in s. stirring address in the chapel ex- j  here Monday.                 Mr. Jones' subject was "Youth Looks Ahead." The above quota- tlon written by Longfellow was I the theme of his address. He re- 1 minded the audience that what one accomplishes in lite is always a record left lor someone else to follow. He urged all students to attend. if possible, some college, and in the event that they are unable to attend college to use the education that they have attained to  I and adapt themselves to their en- 1 vironment and to live useful lives. After the regular program, Mr. Jones  letters to the bas- 1  players of the Henry Coun- ty Training School basketball I teams. During Mr. Jones' stay in McDonough. he visited some Negro businesses.. Seacc's Tailoring Company, Lemon's Grocery Store, and Sence's Cafe. Mr. Jones was the guest of Prof. J. H. Twitty. principal of the Henry County Training School.</t>
  </si>
  <si>
    <t>                                           MCDONOUGH, Ga., (SNS)--Before one of the largest audiences that ever assembled in the auditorium of the Henry County Training School, Lucius Jones of the Atlanta Daily World thrilled in a stirring address in the chapel exercises here Monday.</t>
  </si>
  <si>
    <t>                                           WOMAN IS STABBED                 Appearing at police headquarters Tuesdny Miss Jewel Phllaon, of 536 Oray street, , tiW   she hnd been  Cl by her husband. Robert. In on altercation at Oray and Kennedy . i</t>
  </si>
  <si>
    <t>                                           "AIR-HAWK" DEALS DEATH                 Roliorf Alien  Wiley l'o.-t in '"Air I lank-". l-\\-       ; ;i :i!~~er-iii::ui nf tin- air  U-    i!  - w-rl.!  U\~ merciless i Dmih l.'.o:mi  on,- pil"i  l;nv- I" i K in tlu :'.u-i m" ilu- - ni iii; c--tinn. I.IXC.'I.X  .</t>
  </si>
  <si>
    <t>                                           SOCIETY IN THE SOCIAL        CLUBS</t>
  </si>
  <si>
    <t>                                           SOCIETY IN THE SOCIAL REALM CLUBS p</t>
  </si>
  <si>
    <t>                                           ISSUES CALL                 CKUttLBY  fleeted -Unofficial Nay. or" of Aaborn  venae, b  eaU to all cf hk  and  to b* prant at *    We i ma%   will be hdd I at B% Bethel AME  lemor- 1 raw b%U.</t>
  </si>
  <si>
    <t>                                           In Memoriam                 In loving memory of our Hoar  and , Mr G. V Buffington, who departed this We five years ago yesterday, Xov. ,10, 1030. Its  here without you. denr, And sad and weary the way, Life hai not boon Yhe same. Since you were called away. And often do tread the path. That leads me to your , Where rests the. one I r.in l . Rut whom I could nnt. rove. Mrs. Pioroiico .  vMr. and Mrs. S. G. Buffinfttnn Afr. II. K. Buffinpton Mr. and Mrs. Riifrinston Mr, and Mrs. Joseph Malono.</t>
  </si>
  <si>
    <t>                                           NEW YORK -- (ANP) -- Death coming to Leonard Kip Rhinelander last week, wrote finis to a romance between a white blue-blood millionaire and a colored girl. which came into the courts twelve years age and spread the sordid details of a mixed romance over the front...</t>
  </si>
  <si>
    <t>                                           Finer  f'/^J' A new     : cf r-'.ipo! P^QC^ fi)~' t Mixed a , more f^    /c*L **/'#iJ^i  v/cy! 'V^-ZJ^yy^yJ Marvelous ! r^ li-r!""*'  f W I       ^*^ *+ *^~*m*4mm^m</t>
  </si>
  <si>
    <t>                                           GET MQNgY-~LOVe . n j.     . S. %"</t>
  </si>
  <si>
    <t>                                           The observance of Negro History Week at the Booker T. Washington Evening school came to an and Thursday night. During the week four speakers brought to their hearers dynamic, informative and thought-provoking messages that dealt with same subject of interest...</t>
  </si>
  <si>
    <t>                                           r Royal* H The Mu.sic Goes Round H With Rocbollo Hud.on H La.l Chap. Burn 'Em Up ^H Barnes. H RETURNED I  I KING KONG    Wilh Robl. Armitronf M Chap. 11- Th. Lo.l City II Ashby* M The Laet Otft Foot Wila C:~7      *-4 ^H G* Michaeli alio H Popaya Cartoon ud Newt</t>
  </si>
  <si>
    <t>                                           GALLANT HEROES ^^^^S^Sfei never oul- The -           ^Bs ^r W Ht warm arm* of love... or '/iP^^*^^\7 the cold clutch of death! f"' ^e^ GARY COOPER WV FRANCHOT TONE I V RICHARD CROMWELL i 3   SIR GUY STANDING j NEW LINCOLN</t>
  </si>
  <si>
    <t>                                           Spelman VesperB Will Feature Dr. Thomas                 Dr. Lavciu M. Thomns, II, Professor of Reli;lous Education at Emory Unlvreslty. will bo the  at the Sunday afternoon Vesper Service,  at three c clock In Sisters Chnpel. Tlio public Is invited to    preset) t,</t>
  </si>
  <si>
    <t>                                           I; Blow From Brick I May be Fatal To Ealey                 Police Monday wore holding 2  year old Waller Thomas, of rear 157 Fraser street, southwest on blanket charges of suspicion, ponding the possibly recovery of Major Kuly, 35, of  :ir.n Capltol . Ealey was admitted lo Grarty hospital Sunday night with n compound  of tlie skull. His condition was  lnst        as being critical. Mrs. Eula Bello Ealey, 3S. wife nf thc wounded man, to'.d police that her husband and Thomas ha l been  in front of their home on Capitol avenue. E.iley. she said li.id abandoned thc scrap . was returning in thc  when Thonum burled n brick bnt, striking him In the back ot the . ThomA* escaped, but was Inter arrested by Radio Patrolmen J A. Alien and R. E. Floyd, after ho had been pointed out to the officers by Miss Evelyn Ealoy, 23 year old  ot the wounded man, who resides at rear 357 Fraser street. N The motive of th0 fight had not been disclosed to Homicide Detectives EnRlobert and Denny who be^an  of the  Monday.</t>
  </si>
  <si>
    <t>                                           DEATH BRINGS SECRETS OF CULT TO LIGHT                 Revelations of .1 cruel religions cult which flourishes among the Indians of Now Mexn-u.  I'cnituntes, followed the rl.ath of Carl Taylor, magazine writer, who spent two months among thu uu-. Police  rt' hc.dinp Modesto Tnijillo (left) for questioning ns to his connection with the cult. Tap is Indian on Etiard  their burial  and below lire the buildings of the "'Holy Muruda," who it the Penitcnti* practice their frenzied self-torture rites. Antonio Mlrabal is "The Ljiw" who  to keep the Indians peaceful. These pictures of the cult were made by ilr. and Mrs. Mario Scaeheri ut the risk of their lives.</t>
  </si>
  <si>
    <t>                                           Baseball Summary                 SOUTHERN l. Tlic Slnndh.   CLUBS W L      Atlanta New Orleans 7 3 .70C I Nashville S 4 .S5H Little Rock S .444  I -4'14 Memphis t G .400 Ch., 3 S .375 Knoxville 2 -222 Yesterday's Results I Atlanta 4 N'ville t (10 ini. drk.)            -Lillld Rock (rain) j New Orleam 2 Mcmphit 1 Todiy't Giinci Mlxnl"  l Nashville Rirmiinlioin  il Little Rock I Now Orlcnns at Memphis AMERICAN  The Standings CLUBS W L Pel.         4 I .800 Boston 3 2 .750 Cleveland -667 WoshinBton 5 4 .SS6 \JCW York 4 4 .500 Detroit 2 3 .400 St. Louis I S .IG7 Pltilndelphin 1 6 -143 Yeitt- n Ri-sults New York 7- Philndi- Washington 1 Boston 8 ^t. Louis-D^ (cold) Clereland-Chicas-o (cold) Today's Cnntri New York  l Philadelphia "'" nl St. L.     Washington  l Boston Chicngo nt Cleveland NATIONAL  The Standings j  W 1- Pet. New York 1 -857 " 3 2 . St. Loui. 3 2 .~nn Philadelphia 4 4 .500 Chic, iso 3 4 .12!) Cincinnati 3 4 .429 Boston 2 4 .333 Brooklyn 2 S 28fi Yesterday's Results Philadelphia 6- New York 7 Boston 6 Brooklyn 6 (12 ins.} Chicago. Pittsburgh (rain) Cincinnati-Si. Louis (ruin) Today's Came* Philadelphia at New York St. Louis at Cincinnati Pittsburgh at Chicago Boston at Brooklyn</t>
  </si>
  <si>
    <t>                                           Tnfwlnr 1 Gfo. O'Brifn It "BARD ROCK 1IGANWed. Socrlsl Xmu I'rocraro CHARLES  T10UT1NG YOtTn" -fi^ " rri.- Sylvia  I* ". OV YOl-TH" UL- Mmty       ." TUB       "</t>
  </si>
  <si>
    <t>                                           Ro  As "Toussaint" In r-:- New Play At London                 x.- cu.x.-uw i:~~~ a:\'-i\                 l.ON DON, An admirable concert was given by Paul Robe- j si n last Sunday in London's Albert Hall. This huge hall, which i ,,was packed, is more suitable to a uill-! orchestra- bul Robe- j fan s voice can till it- and what is more,  any of its i diversity in tone and shading being lv.-t. Robeson's technique and j  in  have , and what he lias recently heen saj-ing1 about the affinity 01 Kufsian and Negro music was evident in his  sympathetic rendering in Russian of Kopi i                 s '"Laborer's Complaint." Certainly  is an analogy in .\k "Ting, the spirit of the twu.                 Enelish Approve His Rcliif .1 Negro ...Unlike certain other.  eo'.prcd finger." who prefer to liii their programs almost entirely with Eu-rope?n classics. Robcsor.. a.s he hoi 'done before, gave a full measure c,t .spirituals, excellently find . accompanied by Lawrence Brown. The public responds warmly to such n choice, and. as is known. Robefion is extremely ^laj-'in England. When it values ar. artist 'the public is both conservative snd progressive in its  of what he sings- of olr* favorites and of  may     term'~d "new country." A pa -I from hir- p.rl the English love Robcson  he is a Ncpro and  them. Give us more Nusro music, Jjlrv Robeson. Want Alric.in AIikIi-. I What is Negro music? There arc the tremendous African rhythms  their miner short and ,. bin very positive and dominant MOTIFS MOTIFS with us much gesture in them a.s the concerted movement of rowers. Other Africnn rhythms, nol so pure, mixed with the Christian influence of missionary , which has no; succeeded though in bleaching away i the native rhythm. The .spirited, j vibrant music of the Negro and mulatto in the West Indies  South Atnericu. The music made j by the Negroes in America of  the oldest spirituals, surely  ; of African but ' are derived from and inspired by the 17th. 18th. 19th century Ensllsh. And ';, :inr'. work-songs of the American NfKro such as "Jolin Henry." "       Boy." Robcson is  in 'Water Boy" and in that sort of 3!t!tle-cham of a nice. "Co Dcv.:i                 Moses." both ol which were given it Ihi.s concert. Decry Sanders of The River It seems unlikely thai Robeson can enjoy singing the theme-song out of "Sanders   f I ho River" (excellently as he did), for "Sanders" is a detectable film glorifying Brills.li imperialism. An . of such  and  3  Robeson should  given the uttermost free- - in all of his work acting, films.</t>
  </si>
  <si>
    <t>                                           LONDON,--An admirable concert was given by Paul Robeson last Sunday in London's Albert Hall. This huge hall, which was packed, is more. suitable to a full-sized orchestra but Robeson's voice can fill it and what is more, without any of its diversity in tone and shading being lost. Robeson's technique and delicacy in phrasing have encreased, and what he has recently been saying about the affinity of Russian and Negro music was evident in his intensely sympathetic rendering in Russian of...</t>
  </si>
  <si>
    <t>                                           Did You Know Thai Your NAME Alone is Worth S MONEY $ Open KEEP an account with us for your money needs! ACT NOW! Liberty Inv. Co. 120  AVE., N. E.</t>
  </si>
  <si>
    <t>                                           A the rate puglistic gladiators of bronze nile are sealing the heights if ringdom, sociologists and biologists will soon he arriving at the generalization that Negroid brethren have a greater natural aptitude for leather-pushing than those of Nordic strain. First, there was and is the sensational Joseph Louis Barrow, universally known by the household tag of "Joe Louis" A whit later, there were rumblings that soon faded about Clinton Bridges, another...</t>
  </si>
  <si>
    <t>                                           LOS ANGELES (ANP)--"The Green Pastures," which raised quite a turmoil when first presented on the legitimate stage, through what was then described as "exploitation of the Negro's religion," bids fair to repeat in a slightly different respect now that it is being screened. Hollywood, where big salaries have been a tradition and where even extras are paid rather opulent salaries for a day's appearance before the camera, is complaining that the New York folk of color imported to work in the famous play are...</t>
  </si>
  <si>
    <t>                                           All race growth is a fundamental spiritual evolution. This means that it grows gradually through the process of education and spiritual character formation. Race growth is analogus in its process to nature's methods in all other forms of growth and development. It is not...</t>
  </si>
  <si>
    <t>                                           Another link has been added to the long chain of the local arganized society with the organization of the club "Fleur de Rocaille" last Friday evening in the home of Miss geraldine Brown on Pledmont Ave only five persons were present and the membership is not expected to...</t>
  </si>
  <si>
    <t>                                           CAN THEY REPEAT?                 THOSE ALABAMA STATE HORNETS 1935 Southeastern ^Conference Chnmpions, undefeated to date in 193G. Left (front to rear) Fisher, Moore, Fan(. Scrivcns,                 age. Parker. Right (front to rear) Graves. J. Johnson, Freeman. Tucker, Moorman. Center (left tu ): Captain. Heard, Turley (A. Johnson, ).</t>
  </si>
  <si>
    <t>                                           It has been three years since I reviewed a book, one in Negro History, while I was in college, and it merited a 'D' in my Major, but when James Saxion Childers' book on the conduct of men. North and South, black and white, appeared two weeks ago bearing the unusual title. "A Novel about a White man and a Black Man in the Dep South," I could not resist the...</t>
  </si>
  <si>
    <t>                                           Millions prefer it to j ^~g^^^^mayonnaise^J^^^^^^glj^w*' .1 Mir- V.' is  cren:- deli- VWWf^^^^ 0'u\  i''- 'lim ;-;iu:      -  l ~;i' uf :.Ue and old-Cash- i ly^ ff f'.f/ 1  boiled dressing x-c combined KlIl'kA/'Lb*^ in a new. skillful \~:y. Givdn the    /W"^ '    \ l"n3.Uio.- 11 ^4v sAM l 1 c''l;'3  for idul  IP /I i^TVllV**^    :.1.J uw,il.     -i:!   JS ^S-tC^S^ H'-: Mi!;     Whip wo**!*^ ~,~vr*SEsa"-ry i-^it</t>
  </si>
  <si>
    <t>                                           Jury Brings True Bills' Against Few                 Tlie Fulton County Grand Jury Tuesday returned "true bills" against eight colored persons, Jn. dieting four on robbery charges: two for burglary; one for . tary manslaughter, and still another for "manufacturing" whiskey Alex Mann was indicted on the whiskey charge and a true bill was returned against FrM D. Walton lor running down and killing a white child last Christmiu. Day. Ac. cording to reports from :he Solicitor General's office the car driven by Walton ran over the      on Manye1 . Bell Williams and Murion Walker were Indicted for burglary. Willie Barnes. Elmo Brov.n, Jo. scph Brown and John P. Jehnson, alias "Champ." wore l:: on I robb.-ry . Ther." ."'.e several I cases book?d   quartet, including ih; City Cab h)!ci.     Feb. un-j L'2 Hundreds See Fine Baptismal Service In a colorful and impressive I .  ceremonies foi j 56  were  Tuesday night, April 14. at ihe Bethlehem Baptist Church by Or. W. M. Jackson, pastor. There were nearly 2000 persons present to witness the ceremonies in the historic structure. The  was composed mostly of men: whereas, women numbered a majority as candidates. On'y ton mules  baptised in the'  that lasted one hour. Rev. Jackson, assisted bv Rev. D. J. Carter, pastor of the First Bap- j  Church. Cnrrollton, Ga.. had baptised his 204th soul when the  person had been Imnured Tuesday night.                 Sign Duke, Cab To Play For Exposition DALLAS, Texas (    - Two na.  famous Negro orchestral have been bonked to play at Uifl $25,000,000 Texas Centcnnlil Expo* sition. which opens here June flth, Willinm A. Wnbh. general manager announced today. Cab Collowoy. Harlem's  Hi-de-ho composer and orchestra conductor, wilt present tala must* clans (or four dally shows In     Exposition bandshell, June 10 to 22. Duke Ellington, bracketed with" Calloway in musical circles, will brine his famous band to the band, shell for four shows daily on OctO. ber 18, 10, and 20. The date, arc on special Nefrtf celebration duys at the Southwest* urn World's Fair.                 JOSHUA JONES a By I. P. *~      /ijM Many red hot  I* NHl  d by frown umU. o3M</t>
  </si>
  <si>
    <t>                                           YOUTHFUL MINISTER                 Hubert Johnson. 12 years old, will preach Bt Ccnirul Ave. Bop- i list  Wcdiiesduy .</t>
  </si>
  <si>
    <t>                                           Man Injured In Auto Accident May Die                 Criiicnlly injured early Saturday when the automobile ho wns driving collided with a telephone pole. Sam Handspike, 38, of ,131 Irwln street, wax stllL limed ia "poor" condition at Grndy  Into Sunday night. Handspike, according to , sustained n fractured spinal column, a decompressed  of the skull nnd possible Internal injuries. fie was given Iors Ihiin an i:~cn chance or recovery.                 JOSHUA JONE8 By I. P. IUr**U* An honest          t*' for (he , but l4       ;   $ maa B , j^j^^bb</t>
  </si>
  <si>
    <t>                                           I am enclosing my membership blank to become a member of the Junior Circle because I did not send it to my letter I wrote to you in which I said I hoped that I would receive my membership card very soon. I promise to be courteous and obedient to my...</t>
  </si>
  <si>
    <t>                                           A Baby For You? If you  ili  the  "f a baby all your own and  for a baby s arms      u baby s  du mil  up hope, .lust write in confidence., to Mrs'. Mililreil Owens, Kansii.s City. Mo,, and she will tell you about a simple homo method that helped her afl.er  denied 15 yrs. Mnny others say (his hn.s   Lhoir lives. Write now and try for -his wonderful happiness. Dept.       .in BNIl'</t>
  </si>
  <si>
    <t>                                           Madam Mingy THE WOMAN WHO KNOWS Tells past, present and future PERMANENTLY LOCATED Palmist and Life Reader       advice on  U affairs ol life, Lcnre. Marriage, ^S and Speculatiofis ol BM*[ all kinds. Don't fail  to seo thi. lifted OK]~B P"'1"'**. Points the np^.^~ way to all , 2      $$~ and shows you  to  enemies. Madam Minjy has helped * and she can help you. CELLS LUCKY DA/S AND SPECIAL READING 50c Take Federal Prison car to end of line. Look for Nam* on Sign. Not in Tent. Satisfaction Guaranteed 638 McDonough Road Madam Mingy Makes 146" Home Calls Office Honrs, 9 A.M. to 0 P.M.</t>
  </si>
  <si>
    <t>                                           BASEMENT THRIFT THURSDAY Sals of Dresses! it s Navy! Navy!! Navy!!! DRESSES Print and Plain! I %j -\ml        % Kl        black and * shades! 11-21), :{;{-52. I Sample 1.19-1.98 GIRLS' DRESSES I Scottie Gingham! S Kcrfe Greenaivaysl I Frne Broadeiothsi I Very special Samples of the fini Sl girls' i :ks-- soiled, but that s I'linily I Cixod Plaid.'., riots, stripes, cheeks, flu- I rill-prints! All J'iisl -color. 7-10, 11!-1C- i SSc-1.03 ABC Print Frock* All vai-dyi! fust ! 4^ ~%** With p. in sizes 1 fi fe^'V to 6. A I^o in sizes 7-1U. ^0^f 2 {or 1.2D</t>
  </si>
  <si>
    <t>                                           The ministers of the south Atlanta District gather; Wednesday, December 18, at the St. Paul AME church with the presiding elder, Rev. Moses presiding, for a "heart-to-heart district meeting". After the devotional services were conducted by the Rev.</t>
  </si>
  <si>
    <t>                                           8 PER. 15. l!)3ti $ Deadline lor Liccnir Tagi Salaried Pconli* Sec U* :'~avc Additiuii^i rue Liberty Investment Company U6 LUGE WOOD AVE</t>
  </si>
  <si>
    <t>                                           Olympias and Alexander returned to Mamedone and great preparations were made for a very splendid wedding. Philip wished to make this wedding not merely the means of confirming his reconciliation with his former wife and son, and establishing friendly...</t>
  </si>
  <si>
    <t>                                           'HlB^^^CT^W^l^GJ^J^^ "~MMylitt..k^g.^- j^U^^^M^MMMlJMMBHBBBSS^^M^^WaWB^~B^    ^B^^W^^BM^         ^MW^MI^^^^^^^^^.^^~^^B^Bi^^H^I^BB^^8*B^^IMF</t>
  </si>
  <si>
    <t>                                           The Veteran Printer, F. A. Hamilton would  you on that  job. Thirty years' . "ncc  . See him lit MURPHY S. 275 Auburn, or call him at Jackion 81 IS, Atlanta.</t>
  </si>
  <si>
    <t>                                           HE'S a typical darkskin of the stereotyped pugilistic patters. His eyes are large and smack chicanery and magic. He crawls through the ropes into a ring with all the poise and sufferance of a champ. The fans just die; simply to look al him sends them into a session of raucous laughter as he slants his eyes at his opponent in the other corner or nods acknowledgement to some...</t>
  </si>
  <si>
    <t>                                           ETHIOPIANS LAUNCH NEW DEFENSE IN NORTH                 ETHIOPIAN SPOKESMAN DENIES SELASSIE IS\ FLEEING IN DISGUISE1                 ADDIS .- (SNSl- An' official .spokesman for llic Ktliiopinn ^'tvi  Suii'luy denied thai I-' Haile Selassie, tin1 "kint; nf ". is  in  li.   r considering '.                 Tin- spokesman said the - ly warriors of Ethiopia have mov. id  defensive positions        northern parts of the country under the persona! direction of tlic Emperor. The Ethiopian government  r.n announcement Sunday said, "the man-power now  300,000 warriors." Asked why the Ethiopian arm. ies retreated to the north recently, the official spokesman said, "because of a complete tack of defense against aerial and poison gas attacks and superior  of the Italians." But. contended the official, the Italians have now handicapped themselves by a hasty extension of their lines with the rains daily becoming heavier. Difficulties in keeping open communications youth of Makalc and in the Lake Tuna region arc expected here to supply the Ethiopians opportuni. ties to exhaust the Invaders by [harassing their lines. The emperor s action in calling 'out reserve manpower indicated a change in fighting . Thus, far he has not permitted large concentrations, especially in the extreme north, where the country is poorest.</t>
  </si>
  <si>
    <t>                                           ADDIS ABABA.--(SNS)--An official spokesman for the Ethiopian government Sunday denied that Emperor Haile Selassie, the "king of kings", is fleeing in disguise or considering abdicating.</t>
  </si>
  <si>
    <t>                                           JOE LOUIS Another; fascinating-  of the life story of Joe Louis :is  '3~! his mother, Mrs. Lillie Barrow Brooks, will appear in tomorrow s issue of the Atlanta Daily World. Don't Miss It!</t>
  </si>
  <si>
    <t>                                           Baseball Summary SOUTHERN LEAGUE The Standing! Club. W L Pet. Atlanta 3 0 1.000 Now Orlcnni 3 1.000 Little Rock 2 1 .667 I Nashville 2 I -667 Mcmphi. 1 2 .333 Knoxville 1 2 .333 Chattanooga 0 3 .000 Birmingham 0 3 .000 Yesterday's Results Atlanta 6 Chatta. 3 New Orleans 6 B'ham 2 Memphis 10 Little Rock 9 Nashville 1- Knoxville 6 Today's Games Atlanta at Chattanooga New Orleans at Birmingham Nashville at Knoxville Memphis at Little Rock AMERICAN  The Standings CliN. W L Pet. Washington 1 0 1.000' Boston 1 0 1.000 Detroit I 0 1.000 Cliic.ro t 0 1.000 New York 0 1 .000 Philadelphia 0 1 .001 Cleveland 0 I .000 St. Louis 0 1 .000 Yesterday's Results Mow York 0: Washington 1 Philn. 4- Boston 9 !~ 3- Cl.-r-l.nd 0 St. Louis 6- Chicago 7          Csmri     York at Washington ph!~a. at             -nit at Cleveland St. Louis at Chicago NATIONAL LEAGUE The Standings Clubs w L Pet. Now York 1 0 1. 000 Philadelphia 1 0 l.Onn Pittsburgh 1 0 1.000 Chicago 1 0 1.000 Brooklyn 0 I .000 Roston 0 .000 Cincinnati 0 I .000 St. Louis 0 1 .000 Yesterday's Renults Brooklyn 5 Now York 8 iRo.ton 1- PhiUdelohia 4 P''*        8 Cincinnati 6 Chicago 12 St. Louis 7 Tn#   '~ Camel Ci.-i-li Ornnt-lo*  t   .~ York ,f pi,  ...i.,t.,!,;a        at 5 r. Lnais j</t>
  </si>
  <si>
    <t>                                           The Atlanta Baptist. Ministers Union convened Tuesday in another interesting session at which Dr. M. W. White, state Baptist missionary, made an able talk on the history of the Atlanta Union. At the meeting, Rev. J. J. Clow pastor of Liberty Baptist Church...</t>
  </si>
  <si>
    <t>                                           MONTGOMERY, Ala. -- Continuing that determined march to another championship that has inspired their brilliant stand in six conference victories and no defeats to date, the Alabama State Teachers College Hornets under the guidance of Coach C. Johnson Dunn added two victories at the expense of the ambitious Tuskegee Institute Tigers here at Montgomery last night by a close 48-43 score and then at Tuskegee this afternoon by a more decisive 40-25 count.</t>
  </si>
  <si>
    <t>                                           NAACP Plans Registration Effort Here                 At a recent meeting of the executive committee of the Atlanta branch of the Nation *l Association for the Advancement of Colored People It was decided thai principal  of the Atlanta branch for the months of February. March and Anril. aside from Its                 annual  campaign.   of arousing the Neurons of Atlanlii to     " necessity of qualifying to vote so a.s to have a volet- in all the elections this . It n.\ pointed out lh::t aside from (.lie desirability ol every citizen wm tinu lo vote m the presidential election, thin there were muny matters of  to every local citizen involved in the  UDon the   In the  state election which is held nt the same time ond place as the presidential election. The people of Georgia will vote  the question of whether residence  should be  from all taxation up to the value of two thousand dollars. That is a matter which vitally  Tns every homeowner,  the small owners. Necroes, falling so largely In the  class, should naturally be Rreatlv fon  relative to It and should  to fust a vote upon that question, men li thev   about  otherwise. The n.a.a.C.p. intends to -i an inti - I'rimDulipi  the next three month.s In         \           m Tuffi* 2: Col. Z\                 NAACP Plans (Continue.) from Pogf 1) intr tlic people upon Hie issue,  in this year s elections and in im:inc them to prepare for an  nt  in the somi". GrTOi m^ arc  !or thr  .-~ of  where Nearocs liv in  . Further .5*vill be J'orthcojiiinu soon,                 till?   -,is well its Iho - :n which will wo  by Mrs. Dni.sy K. Uiuipkin. rr- Held .-. nl ilu; M.A.A.C.P.</t>
  </si>
  <si>
    <t>                                           At a recent meeting of the executive committee of the Atlanta branch of the National Association for the Advancement of Colored People it was derided that principal activitiy of the Atlanta branch for the months of February, March and April, aside front its...</t>
  </si>
  <si>
    <t>                                           AND ANOTHER near-death experience:</t>
  </si>
  <si>
    <t>                                           Chest Colds, Huh (mi Mustcrolc. Used by millions for 25 years. NOT just :i salve, but "-." All .TlirccstrcnjSths.</t>
  </si>
  <si>
    <t>                                           SOCIETY V IN THE SOCIAL REALM V CLUBSf Monday, april 13, 1936 the Atlanta daily world, Atlanta, ga. page three</t>
  </si>
  <si>
    <t>                                           YOUR BEST LAUNDRY And Dry Cleaning Opportunity Super-Skilled Laundry and Dry ('; Si- now for the first time at no additional cost through An Ell'ii'ient Notjrii A^' West Side Service Agency Featuring Guthman Laundry) J. N. , Manager Felton Winfrey, Cushifr</t>
  </si>
  <si>
    <t>                                           Funeral* Notices                 F1- The friends and relatives arc invited to attend the funeral of Mr. James B. Fltzpotriek, today (Friday) morning at 11 o clock from Trinity A. M. E. church. So. Atlanta. Rev. C. H. Carswell, Rev. E. H. Warley and others officiating. Interment So. View cemetery.  Bros. FOXWORTH- Mrs. Hattie Foxworth of 402 Ira street, passed away Feb. 20 at a local sani. torium. Funeral announced later. Murdaugh Bros. HOPE- Dr. John Hope, president of. Atlanta University, passed February 20. Funeral announced later. Ivey Bros., morticians. PARKS- The remains of Bishop Parks, senior bishop or the A. M. E. church who died in California recently, will arrive Sunday night at 8:40. Funeral will be announced later. David T. Howard and Co. In Mernorian. In loving memory of our dear son, Kufua Moon, who left us five years ago today. V precious one from us has gone. A voice we loved iis stilled. A  made vacant in our home, Can never more bo filled. Mr. nnd Mrs. Phillip Moon, Mother and Father</t>
  </si>
  <si>
    <t>                                           Nature's Herbs Produce Health A RUNDOWN CONDITION OF VOUR CT'u'm^K CTI B0dy CAN BE RECTIFIED. Why j^HH^^ra  or be discouraged? Horb ramkE^^^R^N^H^m ib31 i  ro a 'natural mean* of treatment.       2i^        famous Chinese Herbs and Root. {SEuHsilSisKsl 1 Youny, Jr., have      K JS^^aH known,      and proven successful for PjJHSkbKSB *3         !*- They have been      for 26      8 BgffiW?~~a   *   right here in Atlanta. These KK3j(          *1*1^1' and roots are recommended and         ^^i in            of troubles of Lung, IiIb^Kv 4k9K Stam*ch'     . Liver, Kidneys, Blood ^-f -ft -~^^h Poison, Rheumatism, 'Catarrh, Weak* WEH^k^Mi^^ new, Nervoosnesi, Bladder Trouble, ? Constipation; Appendic Skin DiPOCIUK . Female' Trouble, Colds, Coughs, T. Y. YOUNG, Jr.    . FAMOUS HERB Special attention given mail orders. SPECIALIST All inquiries -promptly -answered. Why 25 Yrs. In suffer when you can get relief? MALE OR FEMALE- CALL OR WRITE DR. T. Y. YQUNGv JR. WITH ORIENTAL HERB CO. CHINESE HERBS- ONLY) NATURE REMEDY FOR EVERY DISEASE OF THE HUMAN BODY 132 Edgtnrood Ave. Phone. WAIaut' 2189 Atlanta, Ca. Dally Hotirs: 9 A. M.^tt-^-P;.M:</t>
  </si>
  <si>
    <t>                                           Powers That Can Ignite Far Eastern Flame                 .Little hope Is  expressed that mixed commission appointed by tne g- of  oU  (.  ), *Grei)?li .Minister of Japan, ami  ol Joseph .Sialin  , Suiiiiii] di;^tcj,    ; from dashes l*    Suvi.-:i.-    .Mongolio/i troops and those of iCan.j Teh      . Aiaochukuaun Bmparot. un    ,-r in Ijciwi-vn the .-.-. \V.'a/iv, Jir-)l""^             {*.'</t>
  </si>
  <si>
    <t>                                           Another Letter From Me To A Female Convict                 By REV. W M. , Prison Evangelist                 My dear girl: 1 received your letter in which you asked me if 1 thought the world would forgive you for your past; and if I thought the fact you had been in prison would mar your chances to marry. I am bound to say, I do not know how the world will take your case. The world, as a whole, only forgives those who merit forgiveness by overcoming their past. I, myself have a black past. I have so lived that the most  must forgive me on the face of my present conduct. It calls for hard work, right living and honesty of purpose. Now as far as your chances to marry, I might say. there is a man for every woman. Any man, who has sense and a heart, will forgive you and start life over with you as his bride; and one who would not have this kind of sense and heart would not be fit to marry. Remember, women arc all good; man has no virtue! j God knew, when he made woman to be the mother of humanity, that woman was the only fit soul to have the tenderness and fellow feeling required to bring up a race of men. Don't you worry, little girl The State may take your liberty, but no one can I take the, place you hold in relation to God. Your right to womanhood is inalienable. You still belong to that sex which stands at the head of the class for clean purpose, long suffering and kindness. Yours. A Pal. THINK THIS OVER HEADERS!</t>
  </si>
  <si>
    <t>                                           ALPHA I HI AM HA TO                  Eta Lambda  chapter m tiu- Alpha Plii Alpha  will mm this, rv. at 8 o clock at ' Butler Street Y.MCA. Biiil- I ne.   in' real  will be  ii. VI I. CASKS Of tin- 70 ur more cases h'.:~ In JucIhl' Woods' Pulton Comity Com' Monday. 22  booked a- loit-ry u. H. Baton wus the onl;. IjiTson fr I'd en a lottery charge.</t>
  </si>
  <si>
    <t>                                           Pistol, Rings And Cash Are TakenMonday                 While attending :t no%' l theatre Monday . Uucp  :iii(l :c pistol, valued at S395. an:l SI30 in  were taken from tin* home of Mrs. Apnes Jack.son. 3G9 Cain Street. NE. The theft was reported to police Monday  at 10:30 o clock.. Mr.s. Jackson valued the stolen .32 calibre Smith ami Western pistol at S JO. She said the  white gold ' studded rir.Rs (Continued on Page 2; Col. 2)                 Pistol, Rings  from P.   ' 1) wore   iniKi i lv $:~:'.".*). T!ii' [Jiii'f to'-k -Sl-J-J hil! $~ ni i-;, Mr.;, .l;   :~o:i ivpn- n d lo lot;il  L*. In ;i *t;in-r tm TiH'. nii;lit. liu- mi Umi i ii. "ilir iln fi was ;m ,- .mh Out' roll ol tar :. u ;u;;   :uul -~tr.ii::lii iii.,;i wci c sioli M Moiui.iy !iin:i*:!i"     * home of Jo.- K'":i-rs, if n .IP- Willinnis Stivo:. Accused by .John Miilitiis nvi Mn^ Si root of - a r.icf in tor cap from his ;             Sylvfslor Ncins. ^1. !~:i:i A-hi-~ ' was in jail Tucxhxy. .\im:-. mi ill ho found the . :~  \ loc.'Mod the in:^1 in;; r:ufi;'!:ir c:ip in his home.</t>
  </si>
  <si>
    <t>                                           Fine Music Is Heard;Holmes Four To Tour                 The inimical proi:r;~m that w;i.~ i .^por.. ored by * Luerai y Society of    :i:es Instituii- w.   a  :-.-. The ^ .'U    Ii'fi:c:;.~ from ilu- ji!:i:or ;i::cl  fl^-t1- -miC. z\vv tin^s S';;o.s anc .s unre -il.su --. itu- pro* 5 ram. PiWkionl B R   ;  .-.N ~:;okc :il ihc : tho . Hi; outi:r.ed fhe program Tor H.   ^r.  h wnl be . by the student.-. Prvp- . is ;il.~~~       uuu!:1 fnv t!ii anr.unl  tor thi' inst li itf T1;l tour will extend over ;i vaf;:n:- ~.t '^50 miles tin*  !u:^ frn- tory of Ailonui. and ivill ::;cli:clr the states of Alab:m:;i ar.ri T-t.ncs.see. The subject, for             :rt. (lie Vou:i5 People's :  -.-iin^ Suticb.'. . is "Prnver T'r.r th.- will be opened by Fred JxrU- (Continued on P*i;.- G: Col. 4)                 Fine Music (Continued from      1) .015. Piv.-irin-.t B. I-: Huliii'.-s ;il!0 !l ; a! :~-::c!'X! m".v;c..-s A!'1.-;1. T'.'::'.p!c 1.:.-: Sin:d.iv iv.:.";-.i:v Ti;v .^ ::ttt:u:;"cl :;:i' la:n:a! id s 01' \:r.- !::i!!:~ Th;,m.. bo" t!  ' ir.:' i':;'" 'L !  - :.-. . t!r* ill" -i :i"t p:i:lhr-:. ~;i:no;.v  i:\:,yA .r P:4S.</t>
  </si>
  <si>
    <t>                                           TWO-YEAR-OLD CHILD, SIXTY-YEAR-OLD MAN DIE                 TWO  TO DEATH III FIRES                 Infant Girl Dies Of Second Degree Burns Over Entire Body                 MAN, 60, DEAD                 Flr0 Tuesday took a toll of two lives, one victim .a two-year old child and the other a sixty-year old man.                 Admitted to Grady hospital Tuesday afternoon, her body a mass of painful second degree burn Wounds two- old Prlsdlla Bivins. daughter el Mrs. Willie Mae SMns of 94 Butler street, northeast, died an hour later. Grady surgeons said that the -lames bad inflicted wounds over more than, ninety per cent of ber  ody. The frantic mother told doctors i :hat her tiny daughter had stood tou Iclose- ado? of ?" lator heater while adding Tug ft ine fire. The flames licked upward igniting her dress. The frightened ~-hiid ran out into the open where ihe wind only served to fan the blaze. She was so severely burned, tlie skin had been seared off many parta *.f her body. Failing to rally to several stimu!:r.ts given her at the hospital, she died slightly less than an hour after she had been . Fcund lying on the bed at his' .es., 412 Martin street, Amos Mendrick, 60 died from burns received when he accidentally fell ;ver into an open grate, a ,' ;-ry decided Tuesday. Kendrick's body was discovered by .virs. Kat'.e Smith, who roomed at ...c Ma. tin street residence. He was found to have sustained .cve.e third degree burns of the .-.-ft side of the face and neck. No _'.'..er part oi his body bad       . by the fire, though be wu .ally dressed. Mrs. .b told the coroner s ury that she^ left a fire in ..e open grate, but that It had gone ^ut when she returned home. Snuili. she said, had been 111 for s.ine time. Tne Inquest was held at the Foiturd funeral home Tuesday morning. u..cral arrangements have not :i ^een completed, It was an. last night.</t>
  </si>
  <si>
    <t>                                           Fire Tuesday took a toll of two lives, one victim a two-year old child and the other a sixty-year old man.</t>
  </si>
  <si>
    <t>                                           The League of Nations special session adjourned yesterdAy har- ing done nothing but adopt ... condemning the war partices of the belligerents in the...ends one of the most...</t>
  </si>
  <si>
    <t>                                           THIS GROUP of charming young women comprises A'Volomt Club in Fort Worth, Texas, one of the most popular literary, art, Jnd social clubs, which recently entertained over two hundred mends with a "Musical Tea" at the beautiful home of the president, Mrs. J. B. Yerwood, 1109 E. Terrell Street. Left to right: Mre. j. B. Yerwood, president; Mesdatnes V. J. Wilson, J. M. Jacquet, W. M. Jeffrey, H. B. Hardee, M. W. Houston, George Stevens, F. M. Miller, W. M. Walls, Mable Lyons, A. M. Forest, and Miss Mable MUler. The two new members, Mesdames James Knoz and N. P. Williams are not shown here.                 LITTLE SARA ELAINE Bragg,  laughter of Mr. and Mm. H. G. Bragg of Baltimore, M4, ins caught by a photographer in this pensive  for her grandmother, who to a booster for the SNS papers.                 MISS IZORA DAVIS, famous elocutionist is seen in one of her pleasant moods. She is ChattatMomn.                 BEAUTIFUL AND BRILLIANT- Miss Odia M. Martin of Peoria, 111., is the beautiful music  at the Community Center. She received her training at St, Xary*a Seminary.                 (Right) JOB LOUIS doesn't lire ip Cleveland-hut big cousin, Hn. J. W. Jadaon, does,  t 2426 E. 49th street. Hn. Jackson Is a niece of the Brown                 ber*! mother. Photo by Cole.                 I DANSEUSE- Mim Hmybelle     won first  in recent I amateur contest conducted for the Bailey theatres, Atlanta by                 Graham Jackson, popular Gate City musician.- Photo by Kelly.                 WONDERING Dorothy Anne Davis, five months old daughter of Mr. and Mrs. Elliot Davis, Anderson, S- C, seems to be wondering what is happening.                 "OLD FAITHFUL" Roy Evans aets new speed record in Tamps. Ho drove from Fort Heads to Tampa in 41 minutes. He alto made 23 miles in 18 minutes aad 30 seconds. He is private chauffeur of J. Jackson.                 STATIONED at the CCC  t River /unction, Fbu, if WUUe Lamar, son of Mr. and Mrs. Bowoe                 Lunar. (Tampa World)                 "MEN ARH  by  appearance," says M. E. Dixon, master barber and Soathern World booster of New Orleans, La.                 HISS BERNICE E. SIMS, young teacher of Manchester, is visiting friends at the People's Hotel, Chattanooga, Tenn.                 LEE Price of North Jmckson, Tenn., is a booster at the Jackson Times.                 WHAT S IT ALL ABOUT? say* thu curly bead Ud of Mr. and Mrs. John Henry Monroe of Ptoria, IU. Hit name is Earl Looia.                 LITTLE ULYSSES Aoatln, though too  to realise, bean the marks of a leader. His parenti read the S. H. 8. papers.                 THIS COUPLE, Mr. and Him. John Black, prominent in wcUl affair, of the Sunshine City, St. Petersburg; Fla.</t>
  </si>
  <si>
    <t>                                           Mussolini's Soldiers In Second Big Advance; Eye                 ITALIANS in MARCH Oil MAKALt                 No Resistance Given Invading Warriors Of Mussolini                 TOWN IS TAKEN                 LONDON. Nov. 3 (SPECIAL* Led by the valiant Cencral Alcssajidro Pirzio-Biroli's Askariti, discharging military duties  the militant Beoito Mussolini,  Italians made theif second Tna)or advance In Ethiopian territory at noon today.                 A commanding position was taken by tlic ItaJian soldiers on the , -seasoned base or Enda Abbamas and by noon Monday, It Was expected that Hauzic-n would be reached  besieged by the Mussolini troops. latest reports by radio tell ol more Ttalian advances toward Dolo asd Makalo and added details about the occupation of Enda Ahbamas. No form of resistance by the Ethiopian soldiers is reported. Thc-:ts, arc expect- ed to outer Haujlen in advance ol the main- body of Piralo-Eiroli's Askarls. u- Is keeping -slight); to the south or the  right wing. Ainba Slon and other important monasteries are perched on rocky heights. The pc-. or bells made of stone welcomed the Italians and white-robed monks in* a proces? j=inn came bearing gifts of sweetmeats,   and eg?!'. The head abuna. (bishop) made a formal act of submission. Tlic main column of Italy's powerful army encountered no resistance in. tlie first five hours of its bis rush on Makate today. The troops  along newly constructed military road  rugged hills until they reached tile high plateau which stretches almost as far as the city that Is their objective. Tn the taat few days roads to assist the troops In their  movement Itod been1 prepared over a considerable distance of the projected advance. Since  patrol-) found thhe   devoid ot' enemy forces, the workmen fared  daily to pave tlio way for the array. The marching soldiers were arey as  moved southward. Some        a popular war       far from x  to Emperor Halie Selassie and his ancestors. "We want Ros Seyoum," many of them shouted. Seyoum. Ethiopian governor of Tigre province, is believed to constitute the most serious menace to the advance ot       . Supposedly he Is lurking In the Tcmble-rf mountains with 1C.00O men. Many Ethiopians  were In ihc forward ranks of the Italian troops. They had capitulated to tho invaders and were  in trie native army . Tlielr officers sent them tor(Continued on Page 2; Col. 6)                 Italians To (Continued from P.*gc 1) iv;ilvi to  i.hc first contact "itii    - population al^o test t licit- CiiMity. iff i'.-ors  hasi/.pM the zf?:M sti-;.- -   r ^^^^c;^Ies n.-i-        . f..^sCa5i..,, .,r ii. tri:i"i?l,. fortv.'-cl  Hip city. AdiluM and Adit-'rat.  . will  itn- ital- inns tr. .u tin; .T of I  u- the area. Pan tjt l inure than 100,000 men now i:i tii;u sector thc:i c:in ij,,     t:     P'^ss'- (%f other territory.</t>
  </si>
  <si>
    <t>                                           LONDON, Nov. 3 -- () Led by the vallant General Alessandro Pirzio-Biroll's Askaris, discharging milltary duties under the militant Benito Mussolini, the Italians made their second major or advance in Ethiopian territory at noon today.</t>
  </si>
  <si>
    <t>                                           Spelman College, Morehouse College and Atlanta University pl l SCllI Marian Anderson /I  on I'onimlii' 'One of the Greatest Singers of our Times \K\V YOIiK  i FRIDAY EVENING February 14, 1936 at 8 o clock SISTERS CHAPEL   )i lm;ui Colli-no ADMISSION       C0      iN souTH ApT une Liollar er her European triumph.  w</t>
  </si>
  <si>
    <t>                                           Pastors Will Support Lincoln's Birthday Mass Meeting Plans                 PASTORS TO BOOST BIG MEETING                 Lincoln's Birthday Event Gains Favor With Ministers                 PUBLIC INVITED                 Miniver* in nil puns "f the city  agreed to c..-.V.c in   hc bis; public mcr.s :' to be h.ld at i he Big Bethel A. M. E. Churrli. Wednesday night. February 12. at eight o . ciic of the . . events In thr his" rv of Atlanta, according to statements                 at; Friday by T. M. Alexander, temporary secretary of the Atlanta Sivic and Political League, sponsor! if the mammoth Lincoln's Blrtlidr ;vent. The new organization, which h.-s been formed by a group of pub: c spirited . lenders cf ilie movement point out. Is not designed t.. supplant any Rroups now in existence Lilt to correlate all of     -s of the .% club:; and organizations so as to bring about a better civic spirit in Atlp.ntn. Local preachers. In  the movement, of which .1 W Dotbs, veteran masonic leader is one ot tl\. moving; spirits,  ihe idea ol an -that will be local In scope and designed to help the      .~ns of Atlanta become more progressive In their activities. One enthusiastic endorser stated th.it It t.-3s h!;h i'.r.:;  such n group Miir; ,   ; out that  of tlv Gate Ciiy should be more aware of their -ms and the best methods of their solutions  outside groups. Tinspeaker further assorted that it Is often thought that organizations with national affiliations arc sponsored by racial,  inclined groups and that there       be no danger ot such elements controlling the  s of it  organization composed of persons directly acquainted with the South and its problems. Sunday, at all of the churches In the city an invitation will be extruded by the pastors ol Atlnniii to all of their members to Ue present. ;it the big meeting Wednesday  :it Ulg Bcllvl The Atlanta Civic and Pollticiil Lcugiic. lenders print out. should be Mil  that will enable nil ol the people to b,. heard, regardless of station in life or religious or  . Good citizenship will be stressed . ~'j:h the  ci thr Coiisiituliotu</t>
  </si>
  <si>
    <t>                                           Ministers in all parts of the city have agreed to co-operate in making the big public mass meeting to be held at the Big Bethel A. M. E. Church, Wednesday night, February 12, at eight o'colck, one of the outstanding civic events in the history of Atlanta, according to statements...</t>
  </si>
  <si>
    <t>                                           TIM TYLER S LUCK -By Lym Young..                 FELIX, THE CAT -By Sullivan                 -By Cy Hungeford'                 DOROTHY  _By Charles McManus                 PETER PEN -By Nick Nichols                 JACK SWIFT ...By Cliff. Farrell and Hal</t>
  </si>
  <si>
    <t>                                           THE PROCESSION of the Earl Marshall and heralds arrives ac the Law Courts for the reading of the Proclamation of King Edward VIII as                 King of England. (Wide World Photo)</t>
  </si>
  <si>
    <t>                                           After more than three  of suffering from a nervous ailment. Miss GSivar used Dr. Mile. Nervine which gave her  uch  results that she wrote us an- enthusiastic letter. you suffer from "Nerves.' If you lie awake ni-jhu,  at  noises, tin rosily, are cranky, bine and fidgety, your       out of order.  Juiet and relax them with Iht   medicine that "did     work" for this Colorado  Whether your "Nerves" havt troubled you fnr hours or for years, ymi'11  this  remedy . At Drug .i 25c and $1.00.</t>
  </si>
  <si>
    <t>http://search.proquest.com/docview/490483867/</t>
  </si>
  <si>
    <t>                                           Turkey's Secret Move Occupies Dardanelles                 Turki'.v jumi il Ccrmany in the liFt of nations in violate prwt-wnr treaties by sending t remp^. like those above, into the demilitarized Dardanelles zone. President Kenml Ataturk, pictured above by artist, \V. H. Forbes, presided at the cabinet meeting which decided on the move. Miip shows the area which was .~et opart in the Lausanne Treaty by which Great Britain, Prance, Italy and . undertook to guarantee the freedom of navigation and security of tiie demilitarized zone.</t>
  </si>
  <si>
    <t>                                           Lunceford Number Popularized                 White Orchestra Popul  Lunceford                 LUNCEFORD That hot number, "Rhythm Is My Business," one of Lunccrord's own girt, to the musical world is being made popular by a white band under the direction of Julian Stanley. Stanley and his musicians are with a stage revue, now touring the South. At each performance, special comment Is given the Lunccford number before It Is played by the band.</t>
  </si>
  <si>
    <t>                                           PRETTY PEORIAN- is Mrs. Thclma Simons, affable wifo of Raymond Sinio"s of 1'. III. She is an active member 01 the younger social set.</t>
  </si>
  <si>
    <t>                                           ONLY       DAILY . IN      FOUNDED AUGUST S. 1928 BY W. A. SCOTT Entered in the Post Office at Atlanta, Ga., as -cluss mail  under cct of Congress, .Match IJ, 1S7!~. Published Daily and Sunday at 210 Auburn Avenue, N. E., By SCOTT NEWSPAPER SYNDICATE Telephones; WAlnut 1459 and 1460 C A. SCOTT Cirnersil Min.^cr J. R. PATTERSON     . General Manager E. N. DAVIS Managing Edilor SUBSCRIPTION RATES; DAILY: 1 Yr. $B.2S: B Monlh. $4.75: 3 Month. S2.50: 1 Month 90c SATURDAY ONLY 1 Yr. S3.00; 6 Month. $2.00; 3 Month, Sl.25: Canada: 1 Yr. $4.50; 6 Month. $2.75: Foreign: 1 Yr. S5.50; 6 Monlh, S3.75. MEMBER OF THE ASSOCIATED NEGRO PRESS NATIONAL ADVERTISING  REPRESENTATt\ E W. B. ZIFF CO., Chicago, II!.. and New York, N. Y.</t>
  </si>
  <si>
    <t>                                           THIS SERIOUS LOOKING little man is Frank Ennix a coming lawyer. Ho is the four months old son of Attorney and Mrs. Coyness L. Ennix of Nashville.</t>
  </si>
  <si>
    <t>                                           SPEAKS TONIGHT                 J. B. BLAYTON "Cooperatives and Our New Social Order," will be the  (or discussion tonight at 8 p. m., at the regular session of the Atlanta Open Forum, under the auspices of the Butcr Street Y. M. C. A. 4. B. Blayton, Certified Public Accountant, will be the principal speaker this evening: and those who havo not heard Tiim will miss a rare treat if they do not take advantage of this opportunity. Many friends, co-workers, and student:! who know Mr. Blayton's unusual ability as an educator, will be prevent to share in tho discussion nf the  stated subject.</t>
  </si>
  <si>
    <t>                                           With five victories in six starts tucked under their belts for the season--four of them in sucession--the Adelphi Juniors leave the Morehouse gymnasium for the first time this season to take on the Agoga Junior class of the First. Congregational Church in what...</t>
  </si>
  <si>
    <t>                                           Iff* BAKING IVV POWDER SjHtr Price Today- I js45 "Kan Aqo 25 ounces 25</t>
  </si>
  <si>
    <t>                                           Pilgrim Baptist Church Cails Rev. Thomas                 HIKAllNGHAAl"                 I'lir Rev W. H / .MKloi ~;1 i In.- Pilr.t-im Baptist  Hero hi               . WIS r,.  ipp:  i,r the First Bap!U  at Enslcy.  up i is  on lust Sunclny                 Thp Hcv. Tlioinns. who lius done  work us n  for i several years is prepared to cany en in a     way ;u his new post. He; lias ns..-cl his congregation of his  for grc.Ti things for (lie church .-j year and the membership Sicms much enthused over Ins i . The [   cli-t-tcd for 1936 at the recent  of i  membership: M. m. MarMiall,  of Sunday Seh..~l: Mr. Jlnmii,. s(ln.von.  II Y. P. U.; Mi-o. Mnry Ellis prc-j i- dent Senior Mlssionnry society. Deacon M. M. Colcmnn, : clerk: Mrs. M. T. CnulcY. -i. ~':"C.; Mr. Sam Hnrrls, president Sunlor Usher Board; Mr. H M. Allen, president Sciiio choir: Mrs. Annie Williams pianist cf both choirs: MLss Beatrice McDanlol. pianist, Sunday School and  choirs; Mrs. Ida Rice, pianist Miss-  society and Senior Usher Hoard chc.'rs; Mrs. L. Patrick, president Nurses Guild; Deacon Jerry Harris, chairman Deacon Board; Deacon M. W. Colcmnn. supervisor of Junior church; Miss Emmn Collins, director. The Lord's Supper will be admin. Istered Sunday. February 0 although the usual custom is the first Sunday in each . Mrs. C. t,. Miles Is I he reporter.</t>
  </si>
  <si>
    <t>                                           The Rev. W. H Thomas, former pastor of the Pilgrim Baptist church here in Birmingham, was recently appointed paster of the First Baptist church at Easley, taking up his duties on last Sunday.</t>
  </si>
  <si>
    <t>                                           Occupational Conference Highlights                 By LUCIUS JONES                 Pi-of Ira Dc A Reid's masterful direction of llic Tuesday ,. panel discussion of Hie   conference :u. Atlanta university was the Iftik of tlie day WedtK;Ertuy This  at 8 c dock. the occupational confab group will be  ut tin-                 house-Oxford forensic tiff on ilic question. Resolved:  Tlint a Written Constitution Is a Hlnderonco rather Umii n Safeguard lo Soclnl progress." The debate will be held in Saic Hill on ihe Morchouse Colleen campus Last evening, the delegates were guests at a special music conceit In Howe Hall  Spelinan College campus with Prof. kemper Han-cld In  The conference is moving alone smooth- j ly : with  enthusiasm. Too much credit cannot be given the Local Planning committee that consists of Dr. John Hope, chairman; President S. H. Archer. W. A. Fountain, M. S. Davase, WillisJ. King,  M. Rmid: Director Forrester B. Washington; Drs. Kendall WuMUi-r. Frnnkiln J. Kol- ler. C. D. Hubert, mill Ira De A. Reid; principal c. L.  and B. E. Ushi-r: Supervisor M. Agnes Jones and L. D. Milton" Reginald A. Johnso", and R. L. CoiKiin The i- total of   oti S nt ihc  to elate mounted to J45 Wednesday with the signing up of seventeen additional (Continued on Page 6; Col. Z)                 Occupational (Continued from      1) i I . Thrcp.cf yesterday s;, - Imnt wore . They . Prof, j Tchn P. Whiilnker. .tr of A I- Ir.mri University: Airs. Jessie M'ir- phy Wartmann. instructor of imir.k- in i he colored public schools; and a. U. smith.  in the local public school system Tim  fourteen new arrivals were Dr. fi. L. -Tr'.Hs cf iwlc c-h. N.C.. assist- 1 am stip-.- of  schools, c the State of North. Carolina; D.- i .1. .1. Srnrk.v president of Bcncdi.'i joll.-jp. Columbia, S.C.;-D:\ David .Tones, president     Bcnnet.t Colleire. Clnvjisbora. N.C. Dr. Mary II. Hayes, director' ot -Guidance and I placement in the Nnilonai  Administration. Washington, D.C.: Dr. Robert C. Weaver, Adviser on he Ei'Diiciniv 'Suitiis. or "Ne^rco.-; ni .he Departtne.nt. of Interior. Wash- i HiRton. D.C.; William C. Boimi. i Adminisrr.itive Assistant to the Di- j .TClor of Employment c! thr Ten- i  Vulley Authcrlt.y, Knoxvllle ronn.; Dr. Alfred ISdRnr Smii-h. .V:.si:-.i:ini in tlie Works       :-N Aiiminislraiion, . C. Dr. Charles S. Johnson. Uii'ecu r ot .he Departmeni cf Sociology,. Fisl: Jnivcrsiiy. Nashville, Tenn.; Dr. i-ilU/i .1." Cl:iii:. dean of Soiitlv-rn Universiiy.  1~-O'.ise. La.; Dr. S. McGlice. Jr.. supervisor ~-f -.~ . Tuscalcosa, Ala.; Dr. W. T. B. Williams, dean of TiKkcgee  uto. Titske.n-e. Insnuie. Ala.; and the  Dr. Franklin. J. Keller, director of the .National occupational Conference, New Ycrfc City   (liii- speakers at the morning session which attracted what may prove io oe ihe best attendance of      entire  were lit. Lawrence. A. Oxley. . Division cf Negrn Utncr, U.S.    ) of Uibor, Wnshi'neton, D.C.; Dr. H. A. mini,  cf Fort Valley High an" -  and Assistant io iho Governor in the Farm Credit Ailmini.'.. Wnshinston. D. C; and Drs. Mary 11. S. Hnycs. RGkert J. Weaver, and Churlps S. Johnson in thai  PresidinK over the Wednesday morning session whs Dr. Willinm S. Nelson president of Shaw university. Raleigh. N.C  Prominc-m  the Wednesday invaders was also Dr. Kclscy L. Pharr,  of the National Funeral Directors AstC.viation and of .hi- PhaiT Funeral Home, Miami, Florida Dr. PhaiT will be .trcd by many as a hish- official in the Florida Tennis Af-. He is also u capable ^r. His sen, Kelsey L. Pharr, Jr.. is a Junior -ae student ai Northwestern ....Wi-dnesday war, an eventful day Several group pictures were taken by Mr. K'lley. prominent   rr;pher. who  --s" of the general conference       , another of the coll^^e             and , and a third of Uie  appointed Negrors in Washington, D.C Great anxiety holds  for the closing two days of ilv .'.tin-..</t>
  </si>
  <si>
    <t>                                           Prof. Ira De A, Reld's masterful direction of the Tuesday evening panel discussion of the current occupational conference at Atlanta University was the talk of tile day...This evening at 8 o'clock, the occupational confab group will be guest at the...</t>
  </si>
  <si>
    <t>                                           LAST BITES HELD FOR MR. NEAL                 Veteran Barber Who] Burned to Death is Laid to Rest .1                 WAS WELL LIKED                 . III., Jan. HI.- Funeral services were held .'01 Edward Nc.-,~ who for fifty years I was a resident of ree.ria and at one time u-as a. local barber. Mon- (lay. j.-ui. 13 at the Mi. Zion Bap. j list church. Seventh and State streets. Mr. Neal met his death as the result of a fire which came about while he was in deep sleep. At the time of his death he was residing; I in Mattoon. Ill where he operated n barber shop. At the time of his death which came Thursday, January 9 at 9:30 A. M. He was the victim of a three degree body hum. He leaves to mourn his loss n wife. Mrs. Elizabeth Ncal, a daughter Mattie Ncal, a son Arzani* Ncal. one step-daughter of Chicago. 111., and four grandchildren. C. A. Hazclwood was in charge of the service with Rev. R.. E. S. UtterUHck" officiating" Inter- I mem was in Springdaic cemetery.</t>
  </si>
  <si>
    <t>                                           Howard C. Redwine aud Miss Vivian Coleman were married Saturday evening at eight o'clock in the St. Paul Episcopal church with Father Henry J. C. Bowden performing the ceremony.</t>
  </si>
  <si>
    <t>                                           Brethren be not children in understanding honour an malice be to children put in understanding be men. Therefore brethren stand fast and hold the tradition which he have been might, whether by our word or car letters. Beware best any man spell you through...</t>
  </si>
  <si>
    <t>                                           By L f.                        Brother Ball MlA.lM   in     "   *fut"  in hU  of Um 'ImmmHR tha other* , lw m~'wH door        ^ ^''''"^</t>
  </si>
  <si>
    <t>                                           (RHfii t^** TouriteIf nf *v"      * j     f Sw-fl!i-.irt. T1U*~        I  MVppid      . G**t your ~-     nt one* "~~i; you want r***. ri^CK**t! Pub. Co. 34 u TchoJ^v. CIiJca^o. 1)1. f j j GET M 0 N E Y- L 0 V E I ^* 1* help         a      In      . Na     4*  . Stop      !           . Informatlno : I "~r. TrtLtlAMS.-OTt n.        . I Jrt^r air. x. a.      . s. s. I'</t>
  </si>
  <si>
    <t>                                           SOCIETY IN THE SOCIAL REALM CLUBS</t>
  </si>
  <si>
    <t>                                           SPRING is here. The best demonstration of the fact will be obtained at Ponce de Lenn Park this afternoon just after the lunch hour when the gold plated Homestead Grays and the plush lined Elite Giants ... out to give each other the works. The game will show them that Negro big league ball clubs are far and away better than the type of club found in the Southern (white) League. This does not except the Atlanta Crackers.</t>
  </si>
  <si>
    <t>                                           1935 Ford V-8 TUDOR 1 Day Special No Trade $425 Ift.'U V-S    3i ChcvroConcli. A let MagUr ('-away. Snl.in. $325 $195 Late Mode] - -~~    booking Sedan, perfect      *    "'. HoadstiT. $145 $95 0.0(10 mil**.  pOtO Sacrifice UWi Chuno. 1032 Packard ~(,t         5-Pass. Club Com;), Toupi1. $295 $285 SPECIAL I IS Model A Fordt. all jam up, S2S c*    S2.E0 a week. FROST-COTTON MOTORS, Inc. 430 PEACHTREE, N. E. PHONE WA. 9073</t>
  </si>
  <si>
    <t>                                           Fall on Ice Ends Fatally for Old Drayman Here                 Injuries NiiMntnfcl when hi- lf-ll Ironi hi:; porch .-it No II Oumbry P\:[i-f M'vcril (1:1 V! npr.  filial j       "-cl:~y .     ;;in Tueknr Ill the    . pi :it-:. one of I   h:t\r  Allan- 1 tans during ttir recent windy . Mr. Tucker slipped on j .some ie,. on Ills . l*?ll!ii^ 10 Ill':  nnd in.'4 bulh . Hi: was  on Teb-   :ii Grndy Ilospitul and  to  home where     end rame   evening, Fvhrimry . Mr Tucker, who is 59 ~:irs old. nnd who has been employed as a i drayman fev ;i .rr of year.- lias i tr?ii residing by himself lor some- I jin.-   ore beins completed .it (he Hanley Under- !,' Conip?ny.                 CITY . I AII  City ..  Ilicir pay checks Thursday, ono day late dun to :i fiii:    :il   by Ai]:i 11 1 a Clcirinn Houso brinks. Aj)i)r..x.in;' ri.*~O'l ''1.'; received tin* ^.iUf sum of                 Rush Memorial Will Have Musicale at Eight Tonight j Tcjilghi at R  the Socl:il Service Dcpiirtmoiii under the  of Mr and Mrs. Wcii:ui5 ;uid Mi,; Music Department  the able direction of Mrs. E. ACmes,  music instructor 01 /~;i University, will sponsor a combination  nnd musical  ;it Rush Memorial Congregational Church, HO Chestnut Street. Southwest. Students ol i Mrs. Wcrkin's Rroup will  i in their usual lin,. way.. Miss Harriet Saullcr. member ol the .'Junior cluss of the Labunitay High will     ( In a musical i  during the evening. Miss i Saullcr is a pupil of Mrs. E. A. j coates.  of Rush Church,  lite teacher In the Sunday School :ind pianist of the Church. She is also a member of tl-c V/ccI-  . Literary Chib of the Ciiurch. The Rcncral public i.s  in- I 1 vited 10 witness this program which ,s in be a very enjoyable one I Rev. L J. BCiislcy, n senior .student of Gamincn Theological Seminary. is pastor of Rush Memorial Church, i                 BATTLE IN MEXICO MEXICO CITY- iS N   - In a clash  worker s  ai i San redr.. Atlixco in tlic slate Puebla. Thursday f i vt- ComnnuiisU wore killed and 12 were wounded. F;-.  10 dale )':r i 11 Ulil" 10. i</t>
  </si>
  <si>
    <t>                                           AIR "BIRD"                 Myrna I,oy. starred with Car? Grant in Paramoiinfs "Wings in the Dnrk" now at the LINCOLN Theatre. pl3    adventur. er of the clouds in this new picture.</t>
  </si>
  <si>
    <t>                                           One of the fastest moving melodramas of the year. "Transient Lady", has been booked for the Lincoln theatre today. four brilliant players have the leading roles in this film. They are Gene Raymond Henry Hull, Frances Drake and June Clayworth.</t>
  </si>
  <si>
    <t>                                           Dr. Raymond H. CARTER Practice Limited In Disease of the EYE, KAR, NOSE AND THROAT Hours: 11 A.M. to 3 I'.M; nnd By Appointment. 280 Auburn Ave. WA. 11 BO</t>
  </si>
  <si>
    <t>                                           Turner Monumental Congregation Will Hear Rev. C. S. H. Hunter, Jr. Tonight                 The Rev. C. S. H. Hunter, Jr. widely known young local minister, will be  preacher this even- ing at eight o clock at Turner I Monumental A.MJS. church. He is I bringing many members of his St. John congregation with him as special visitors. Rev. A. I* . pastor                    Turner Monumental church, who is working like a stoic on the $500 drive now underway at the church, is asking all members who were not present Sunday to attend the program tonight and make their reports. The public has been extended a cordial welcome to hear Reverend Hunter . He is a  and Qery young</t>
  </si>
  <si>
    <t>                                           SOCIETY* IN THE SOCIAL REALM + CLUBS</t>
  </si>
  <si>
    <t>                                           Madame Hubert, well known beauty expert; makes Juliet Rankin manager of her institute, believing the young girl's pulchritude will prove an asset and offset her own ugliness. Tom O'Hara, former manager of the Hubert institute, objects to Juliet at first but He...</t>
  </si>
  <si>
    <t>                                           f-u.r i r,rt(,~ Flavor</t>
  </si>
  <si>
    <t>                                           The Homestead Grave of the house of Posey are swinging back into this town the morning. They played the Brooklyn Eagles in Columbus, Georgia, yesterday. Back to their spring training base, they will usher in the 1936 season for colored fans at Poncey de Leon Park on tomorrow (Easter Monday) afternoon. The team is hitting the mark and nearing the kind of condition dear to any manager.</t>
  </si>
  <si>
    <t>                                           THOUGH file central figure of this narrative is only one man it becomes necessary to reason in terms of humanity in order to arrive at the conclusions upon which this story is based. Humanity is neither plural ner collective: it is singular. I mean, that there is no...</t>
  </si>
  <si>
    <t>                                           THAT lovable old three-ring circus condition which swooped down upon us in late September is not yet past. True, there will be a week or so of idling but the big noise will be back with us right away. The Phi Beta Sigma and Omega Psi Phi conclaves ate to mingle here during the Yuletide. This double-barreled program is fetching an excess quota of top spots for, among other things, there will be a basketball game of championship qualities staged between the athletes of the two big fraternities. Sigma...</t>
  </si>
  <si>
    <t>                                           WRESTLING AND BASKETBALL TAKE SPORT EYE</t>
  </si>
  <si>
    <t>                                           N. Y. C.--I am so worried about my boy friend for he nevers acted this way. What is the trouble?</t>
  </si>
  <si>
    <t>                                           TAMPA., Fla--(SNS)--The annual conferrence of Supervisors, managers superintendents and field auditors of the Central Life Insurance company which was held here last Friday and Saturday was a well attended as well as interesting affair.</t>
  </si>
  <si>
    <t>                                           The forth-coming Inaugural ball which will be held at Sunset Casino, Thursday night, December 5, and at which time Honorable "Mayor" George Crumley will be installed as Mayor of Auburn Avenue, has become the cynosure of interest among ... Packing every aspect of color and dignity, this event is expected to attract one of the year's most colorful gatherings. Impressive ceremonies will mark the installation program of "Mayor" Crumley and...</t>
  </si>
  <si>
    <t>                                           ME S BEGIN CONFERENCE TONIGHT                 Bishop Keeney Holds Final Meeting Here As Active Prelate                 j WARREN IS HOST                 Thc rorty firth  session I of the Atlanta Annutil Conference   C the M. E. church will open ai 7:S0 this evening al thc Warren Momorial ME church, the Rev. Evans M. Hurley, pastor, corner Mildred and CIreensfcrry.                 This year s  will IjC unusually significant in tli.it It will be the last . conference to l.c presided over by Bishop E. T. Keency. head of tile Atlanta area "f thc ME church during this active bishopric, the prelate ; retired in May. It is his last conference this year. A number of Interesting programs have been arranged for between  and Sunday thc close "(~~the conference.- and already  have started arriving foi the Mieetinij. 1 Quite a    - general officers will ho In attendance among them F, shaw of New Orleans. La.,  of thc Christian Advorjrtc. Southwestern edition; Dr. It. I.. Holmos, Chicago, 111., of thc board nf Education of the MB church: Dr. N. E. Davis of Columbus. Ohio, of the board of Home, Hospitals and Deaconess Work: and B. D. Kohletead. Philadelphia Pa. or the board of Home Missions ana Church Extension. A program of .welcome . tje ^;f^"^T^e-     -''-Rerri-."K-p.' CTrissom. presiding. Among tiie sneakers will be .1. G. 13l:, president of the AtlunU Negro Chamber of Commerce: Rev. II. Carter, representing the CMK I'hurches, Rev. IT. M Parker, representing the AM li churches: Itcv. C. 1). Hubert, speaking for the  churches and R. C. Tomnkins for the laymen of Warren. Rev. .1. A. Green will make the response. Thc hymn will l.e by N\ A. I.IriilRCs. Hie   KOv. p. U .  the  will bo mad by Rev. s. .1.  axton. Musical  will be   by the Clark University I  anU the Wimiimi Menuirial choir. Business sessions start Wednesday .</t>
  </si>
  <si>
    <t>                                           The forty fifth annual session of the Atlanta Annual Conference of the M. E. church will open at 7:30 this evening at the Warren Memorial ME church, the Rev. Evans M. Hurley, pastor, corner Mildred and Greensferry.</t>
  </si>
  <si>
    <t>                                           Urges Church Union                 Rev, Franklin Joiner I An appeal made by a group el Episcopalian clergymen, expressed j in a letter by Rev. Dr. Franklin Joiner of Philadelphia, above, that their church unite with that of I Roman Catholics to combat rain- I pant anti-Christian forces in the world met  itli a mixed reaction.</t>
  </si>
  <si>
    <t>                                           ..THE.. MOVIE REPORTER                 NEW ROYAL- "So Krd Ilic Hose" with Daniel Waynes' Clarence Mnc, Marnatcl Sullivan, Randolph Scolt and Walter Connolly; P nil Spitalny and his orchestra in .il novelty: and comedy. Feature  nt 1:43, 3:39, 5:3S. 7:31 and 9:27 o clock. Doors o^en al 1:30 in. BAILEY S E1-0NE- "Pursuit" willi Chester Morris and Sally Eilirrs; Chiplcr Five, "Call of the Snv.ico" will, Noah Bccry, Jr.; and added short subjects. Feature starts at 2.08, 4:C3, 5:58, 7:53 and 9:48 o clock. Doors open at 1 :30    m. BAILEY S NEW ASHBY "China Seas" will. Clarlc Gable, Jean Harlow, Wallace Beery and Lewis Stone: and added short subjects. Feature starts 1:45. 3:39, 533, 7:27, and 9:21 i p.m. Doors open nt 1:30 o clock. I  STRAND- "Fishting I Pioneers" with Rex Bell; com- I cdy and cartoon. I Three Famous Stars In Ashby Picture IVHmvii il:          IlirilN : nai.~--!   i--. ih,.   L'vwy  in "China li!i' ni iv -l:il- Mil r. .i;,.l,~. wyn-Alayi.r ilr:nu;i n- npi-us Ui:ii l'.:iih-yV .\,.;v . TliraTin: ~;:u- Jil'i- ~'l:ilji (;;i'.l,.   .aN I  ami Walla,..,.  i,.,...y. "I'liina S,-:i^" il.:iU- with Mi,.  inrj nt' ihi. h.-iiM- vni.ns i -UipiKY hi a ,. ~-,~.ly,,.i an,! ~'Clfina Hi.il" 1,'iv,.. I It n: ii'~- in l In- A-Uili- ^ l-':~~  Miss I 1.-H1..W. l.iv,,~-,-,i I with Ih,. m U -ri.ni.: ir:!  ..~.. Wall:ii:i. UriT.v,  is .~ii..~i,.,~,.,~ ,,r 'U lilt- iii:  !it  a ]ii,"a-\ [inn. .'.i:;:   :al.,-. ~.~:i,v ~.~iiir..~y I the n-ln.' uhl      ,. in l.i;iu-    ii   tlw China s,.;i  s.mvi-i Ii Ili'li^knn- Mini s- in-.'.</t>
  </si>
  <si>
    <t>                                           UNION STADIUM, JACKSON, Tenn. Nov. 28--The Lane College Dragons, playing a high brand of inspired football were able to hold the LeMoyne Yellowjackets to a ... tie here today in an interesting Turkey Day clash. The game, which was the final of the season...</t>
  </si>
  <si>
    <t>                                           When an American Negro becomes the subject of wide discussion because of honorable achievement in span useful endeavor the behavior, attitude and utterances, in fact, the entire life a such person affect the status of the entire Negro race of America, My race needs more achievement by members who are anxious to bring more honor and respect for us all.</t>
  </si>
  <si>
    <t>                                           MAKE A HIT! \V .1 i r l.-ii-i: i'- r i. "..i :i. nl i.il   ;i" II-*-.-' I.' I :;i\-v!i..ii ;..i.~ t-ill.\~.\ III. fl-. M i ".I '  and  INFOR.MATfON :-i*.Hfi nir l-' X.in;.' nn.\ A'lil    tl.in i-lu.H   ..-hI:  .~ uh.-n vni r.-'.'ivi-  rc.'il HIT r.l AIMVTKriV V.'U r.m H.\..VK      jf. It v"'i nr-~ tim ."-iti:ii" your m^n.-y -v.u j... in;-.t. DEPT. NT ~;,n. I1, n.  Vnrli. V</t>
  </si>
  <si>
    <t>                                           FOlffi YEAR MlRUOLLH BY                  LITTLE GIRL KILLED II MACHINE                 Witnesser, Say Crash Was 'Unavoidable'; Driver Held                 ANOTHER IS HURT                 Sli ui I. ;t;ir: k!~   ,vi . n by an iii::nmi]i)ili' a: Si"P.i:wa!l imd Chape! -. - dIH Cit. ' NorwDod. of Ml Chapel siren. ":is  up. .il :ii Grady  late Friday .                 Police- ;.ri- Cornclius Sluzicr. of 486 Lark in street. southwest. ;i; Grady hospital, -.t- Inadmitted that he was the driver uf the death c:ir. He was   without bond pending an investigation of   1L. accident. Witnesses termed the accident "." They said the - i;       crossing Chapel street ! out Stonewall street when slie ran from the path ol .one tar directly into lh.it of the  /i, by Slrozior. Sti-o/ier said lit- Hjiplied hi, brakes and iwt- t.. Mil- right in an effort to avoid striking the Kirl. but  slu; was caught by the ri(!lu Tender of his ear.     said he u-.is .- cast in Chapel street. Di:;ith  from a fractured skull and .il injune-,. according to Grady clinic doctors. Strozier is employed by the Ivey Brothers :.) home, where the child s body u-iis removed I Julius D. White, of Decatur Ga wis in C'.i- hospital in          condition late Fridny after no...,  ho had liji.ireri in an  collision on the highway near Litlnmi.i. Gi. While was a passenger in an automobile driven bv T. Steveni while. ;,!M, ,,f Dct.aur. C:a..  ii Stevens' car collided head-on with another automobile, the name of whose driver had not bee,, learned. Slevn,.. ~.;,s ...d Kmu,y lio.~.p:!al u:  condition White. c;ni,iv surgeons declared, nas s..         w,m a fractured skull ar.ri fr;,ctu,,-, of boll, lc,s  e ua,     .n cvu, dl;n</t>
  </si>
  <si>
    <t>                                           Struck and knocked down by an automobile at Stonewall and Chapel streets, four-year old Geraldine Norwood, of 191 Chapel street, was dead on arrived as Grady hospital late Friday afternoon.</t>
  </si>
  <si>
    <t>                                           I -.-^j^^*^ inq . Mftktt your   xt trip Itt I Healthful, ;,  ir* conditioned I comfort vi* Su3 o*rd. You'll #0(07 111 ^j-- THE ROBERT E. LEE t ~^S!VjHS^k     "  im p. m. (   . mu: /k^MMK^it --  ^ TE COTTON STATES SPECIAL (nnt/^^^ffV ^*v'9* Ailv)tA ^ c^o p. M. (CT).       ^^*gy^^3 iSiP CITY TICKET omCE               ..           0  ^3S H. C Pkaauta. A. G. P. A# .       !</t>
  </si>
  <si>
    <t>                                           FIRE VICTIMS AIDED Friends have ra lied to Mr. and Mrs. L. F. Cults of 3J Chestnut Stre:t. who were m de homeless recently when their home was destroyed by fire. M I Cutts suffered an injury when j he fell from the  of the blazing; house. He was treated j at Grid? Hospital.</t>
  </si>
  <si>
    <t>                                           Seek Citizens' Aid For Red Cross Fund                 At the executive offices of the Atlanta Negro Chamber of Com. merce Monday afternoon It was announced that the Ncerro citizens of Atlanta, particularly the business people are  asked to cooperate  with the American Red Cross and other agencies in their efforts to                 relieve the sufferings or people to stricken neighboring .cities. The  anxious that Negroes be. officials of the Chamber are es. come members of the American Red Cross while they may do so by making donations of one dollar or more which will be used In the relief of suffering At Gainesville ^nd Cordele. Georgia. Persons having old clothing  they can. get alone without' arc ask. ed to communicate with the Salva tion Army or other organizations which have transportation facilities. It is pointed out that a ma. Jority of the fatal  at Cor. dele were colored, and that while accurate Information was not available concerning the make-up Af.the Gainesville casualty list. It was estimated that many of the sufferers were colored.The Chamber Is anxious that colored persons feel a responsibility In these . cles,- and that the racial (Coatinucd on      3, Col. 6)                 Seek Citizens (Continued from Page 1) tlon of the  should not be j allowed to effect this responsibility. The Chamber Is ab  qualified persons, who have the time and convenience to do so. to j visit the stricken areas and offer their services as volunteer workers for such time and In such way as i the local relief directors may think proper.</t>
  </si>
  <si>
    <t>                                           At the executive offices of the Atlanta Negro Chamber of Commerce Monday afternoon it was announced that the Negro citizens of Atlanta, particularly the business people are being asked to cooperate with the American Red Cross and other agencies in their efforts to...</t>
  </si>
  <si>
    <t>                                           Ice Covered Streets Give 2 Broken Legs                 I Ire-crusted Alhinln streets prov od treacherous for several pi iles- lrl;ms Sulurdny Urady Hospital records disclosed 1 Two women were  lo thi'  with fractured le-"s, sus-  in [nils mi the  surface,  many others wore  for lesser Injuries. Mrs. Naomi Prextley, CJ, of OS" Houston Street, sustained ii fractured left lee when slie  and fell ns     was  off n street car at Pone de Leon and Highland Avenues. The injured   'K was placed In n cnsl and she was permitted to return . An ex-ray :it Orndy Hospital late Saturday afternoon  that Mrs. Georgia Xewsomo's left ankle had   when si"1 fell on an ice-covered street near her residence, 12 Harrison Pliicc Site wns also allowed to return  Lawrence, 25. of S2f! Old Wl-enf Street, sprained hi*  arm when he slipped nnd Ml  n  of steps in front of his residence. .Tosenh Wricht. 2  . Inlnrcd his   when he foil Ml" Klizaheth Phnlps, 21, 30.1  Street, hurt her back and left shoulder In fall. John Former. 4S. of ftn Armstrnne Strppt . appeared nt the clinic Saturday to he treated tor a frost-bitten left hand.</t>
  </si>
  <si>
    <t>                                           Laud Dr. William S. Nelson, Outgoing Shaw University Head; Wish Him Success                 By c. c. sPAin.. Trpasiirrr. Shaw V.                 DURHAM. N. C- - Tinannouncement cf Dr. Wm. Stuart Nelson's acceptance of the presidency of Dlllard university of New Orleans was a surprise and shock to those of us who have been closely associated with Shaw  during his administration as                 .  tne term m ui. Nelson* presidency, it has been my I privilege to be intimately connected with the school in the capacity of treasurer and secretary of the Sxecutivc Committee. It j has never been my pleasure lo j work with a more efficient, tactful, yet  Christian - j man than Dr. Nelson. To these at- j tributes may doubtless be credited the progress Shaw university has made during the past "vc years. The physical aspects of the institution  been greatly enhanced which fact is also reflected in the splendid student '*ody and faculty which  been attracted to the institution. Dr and Mrs. Nelson have made a tremendous sacrifice to accomplish what they have. T speak of Mrs. Nelson as she has been one of his         assets,  the splendid faculty with which he surrounded himself. The fact that  1S34-1935 the school operated within its budget, with nn increase in enrollment of approximately twenty-eight                 :ont. is evidence of the tine wort Dr. Nelson Is doing at Shaw unii-. It seems as if the  tradition of the university Has become a part of President Nelson. Breathing the very air of Shaw's great past, he set his face like  to the tremendous responsibilities placed upon him as a representative of the younger . I  add that during these years he has not only worked day ?nd . but has also sacrificed largely of his meagre salary to help perpetuate the work. He has the full confidence or the entire  body, faculty, alumni anil general public. To my mind one of Dr. Nelson's greatest assets is his honesty of purpose and conscientious desire to uplift and train the Negro youth. The  he has had to surmount as a result of the chani,"! In administration have only served as a spur and challenge to carry on and maintain the line tradition Shaw has enjoyed. While we are  a  loss, and sometimes we feel an  loss. I  the trustees, alumni and  of. the university will take  In the fact that, as Dr. Nelson was unknown to many of us before his election, we arc confident as a result of the success he lias Rchlcvd that other (Continued on Page 6. Col. 8)                 Laud Dr. William  from face 1)  men inspired by Llik achievement win doubtless , eagerly ?n opportunity to assume the 'responsibilities so  handled by Dr Nelson and carry on to even greater heights, thus continuing the splendid work of teaching Christian ideals to the youth of our race.</t>
  </si>
  <si>
    <t>                                           DURHAM, N. C.--(ANP)--The announcement of Dr. Wm. Stuart Nelson's acceptance of the presidency of Dillard university of New Orleans was a surprise and shock to those of us who have been closely associated with Shaw university during his administration as...</t>
  </si>
  <si>
    <t>                                           WASHINGTON--A call for a National Negro Congress to be In Chicago, Illinois, February 14. 1936 was sent this week to over tour thousand church, trade union, civic; professional and fraternal organizations throughout the country urging them to send delegates...</t>
  </si>
  <si>
    <t>                                           Lenten Services Continue Today At Butler T                 I The first Lenten  spon- soro-J by the Committee on Church Cooperation was held in the Y. M. C. A.. .Monday from 12:30 to 1 p. m Rev. A. F. Bailey, pastor of Butler Street C. M. K. church, presided. The music was furnished by Lenten choir. Rev. Lewis Poster. Sr., director. The  was delivered by Rev. D. T. Murray, who spoke on the subject. "The Four-Fold Ap(Continued on Page 5, CoL 3)                 Lenten (Continued from Paffe 1) peal." Today's program will bo featured by an  oy Dean E. C. Mitchell, who will speak on the Kiibirrl, "God Reveals Himself to Mnn." services will continue  Saturday. Rev. A. L. Brcwstcr, pastor Turner Monu. mental A. M. E. church, will preside. Special music will be furnished by Morris Brown         i quartet. j</t>
  </si>
  <si>
    <t>                                           H SZ0 or more ,"~,"J'-V """"- WBBti^' I^8B H 2 ",'TOiint. "ale' On'-V  mc To" ai J g P/flH "Si fn Xmas Present for YOUlySk  in tills Kiiud-will  -.irn.-.. '   -J  r Mnmlsiy. It's as good ;   S:J.OII r.isli on _^      i" rt  of S'!ll or more'. Buy  -*       \' lM$%fi$~\ il COATS $~J95 J^^AI f f I'y'e und quality. How "she ^^^^^SwS^HI^itf^^^H^^^ would love onu for .Xumi. ^^~          I :.\m  SIQ95     W, Havr one of these smartly tai- I ^1 MWHBBHj^j B (5   -! ;il   for Xinas. New- I ^J B^^H^^^^H 'f, 3 I V y I cat patterns and colors. Our m ^~BfVV^H it;1  J  credit plan makes it ^^^H ^^B Pi k "4 Come in tomorrow! $1 Weekly ^^m ^m  HER I I ^^^~-'1 I I i 1 ^^B 8 .i S B 9 I imH h .fl  ^  "r) t^S^n         IBHHBHHHiillHlBilliHHl #tic; I Sr^ on  y   -!~2ajM on  1</t>
  </si>
  <si>
    <t>                                           HAPPINESS REMEMBER Thrsc Pictures If Vnu Get No .Toy From Lite I i .1 .1 i I;.. l.nt i k-rr i\ 1.1 I h. H It I,\-'W II ,S It'll-, -I .-'I* ii:;.:;.- n\~ ..-ir ii:iti.) r:u-]ii ii-.-.v (..i ili:l i v. ill n;i\.' 1M-- !.^-l f ii.' i li.it .-i.i'.f j.ji-I i--- It ~;  =y H   l!.-~ i n: i.'.L. l.i^ IlriijhU'n Sit in ...THK.V WIN I.OVE! I-! J.r;-.. ~..il Ill .-^I'l-:. ~.i V. In .(.-I i i;i i t. Si.'i, V\ ti:[.-[i- r li.pi k-;; Best Kenlueky RED ASH COAL 3 LARGE BAGS $1 00 DELIVERED Kindlinv }:ree Call IMa. 7992</t>
  </si>
  <si>
    <t>                                           All American children know the Broker T. Washington as portrayed by UP FROM SLAVERY. They know that he was born in Virginia, in a tenement cabin, of a slave mother and an unknown father. They know that he moved to Malden, West Virginia, attended...</t>
  </si>
  <si>
    <t>                                           .GE TONIC Strength and VITAL ENERGY can be Yours. F-~l yuni; Ai-aln. l:. W.mU Servos iin.l I-~ Kim.   - nn.l IH-U1-. \'-~   '.-*.- Tt'iiK- ui-.-.l Utv yi-;i.^ i:i--n atiii \v..     .-. 1:-.!K^        *" Ifl t)~" Tunii i-r.oii.li.* !i"J(Uh. L'oiir.m.. T-~X\W v\i,z.- tli.'wi n   'i*!y    !lit'*r. '"Hirit*:" V .i^,- l,.-!~ yu 1      :     . In  il ,.r f..i-m i :i l..'. LION LABORATORIES, Inc. 3~# 1.Y  K VKWAItK.    ' J**  *-~ 1     .</t>
  </si>
  <si>
    <t>                                           NINE WANT L l I B 0 W I T Z                 Two Morgan County Lawyers Reported Being Sought MAY CONSIDER BIRMINGHAM, Ala.- (SNS)- Reports from Decutur that two Morj;   county attorneys were being sought for me Scottshoro defense, brought comment from the  in  thut (Continued on P-*o 3; Col. 4)                 Scottsboro (Continued from Pago 1) they did mil c:iro who else 1 Join their counsel as  as Samuel LOIbowotz was In charge. The Associated Press quoted tlie Dccattir dally as saying li had learned from an authoritative . thai two prominent    ; sought, and thai one other attorney hud declined to enter tho rase. LeHiowolz  morn than a year ago that  southern  would bfi obtained. The Scottsboro .nts are to be ar.  in Decolur January d, (or  on chai"gL s of alleged attacks on Victoria Price and Ruhy Baie.s aboard a. freight train March 25. 1031.                 Deacons Union isi Doing Fine Work for Distressed Tlic Dcaccns On on Number One. of Atlanta, met December 22  i the Greater Springfield T3 church with a large and - j tic group In attendance. j Rev. H. Stone, pastor of ihe j Mapleton. Ga. '.i delivered n very Impressive sermon. 1 During the -of' ' one of" the speakers expressed regrets that  deacons in the Ote.-'ox Atlanta are:i did Hot attend these  meetings were 1hcy could see and learn what the union means to the sick and dls-' . "The money ," the  asserted. "Is' not to      nates and bills on churches   ut ro n d 'he sick and distressed members of i' church." Payments were made to Deacon B, Lawson -nfl cue s'.ck sister and the moni icrs ar.~ anxious 10 know  of fl)!; wark       arc doing, jis set forth in the Bible, for the sick and . Tli0 next mc ; of the Deacrns Union wl?l bn held Tucsdav night after tlic second Sunday In .January, 103H, nt the Sr. Jimu's Bnpt'st church. An executive discussion will b*_  nnd till Baptist deacons. "'whether  of th"  or not. .ire invited to fce .</t>
  </si>
  <si>
    <t>                                           Abraham Denny Dies Sunday; Funeral Will Be Later i                 Atlantans will  to learn the dentil Sunday of Abraham Don- 1 r.y, pioneer local resident and f;i- i thcr of Mrs. A.T.Walden. at the; residence. 080 Wcstmoor Drive.. N.W. Funeral arrangements for the dc- parted Mr. Denny have yet to be completed, but will be announced upon consummation, by Ivey Brothers, prominent local morticians, who will bo in charge of proceed- i ings.</t>
  </si>
  <si>
    <t>                                           BETHUNE WHISENANT Five Point Shoe Kclniildcrs 11 PEACHTREE ST. Expert Shoe Repairing 18      * Continuoiu Service i Thousands of Satisfied Customers Bring Your Shoei Hera for QUICK SERVICE j REASONABLE PRICES I We Appreciate Your Trade</t>
  </si>
  <si>
    <t>                                           The Screen's No. 1 Singer Singing 193S's Ac* Songs ^"v vi. "*^^^^^^^5^v ^tv. V^^k. I^^^^^^b  vR**~'^"t^"' A *  set -7^   K. to music ^at doe* things to you .^-^^^JSk the sinking sweethearts of "She Loves S\e N'ot ^y^O^ 5 BING CROSBY PjJ KITTY CARLISLE*'^ ALISON SKIPWORTH ROLAND YOUNG ?,-~j\ J REGINALD OWEN WILLIAM FRAWLEY I ^~~1 NEW LINCOLN</t>
  </si>
  <si>
    <t>                                           FirstAwards Announced in Rosenwald Success Story Contests: More Later                 Tliu Commission mi -                t il a y  twelve of I ho twenty  In the Koscnwnld contest for the best stories of the economic efforts of Negroes- The winners announced, four each In tlic classes of . Industry mid personal                 service', are ns follows Agriculture: It. L- I'lillynw. farmer, Evergreen, Alii Bilbo Ayillls. 4-II Club boy, Wiggins, Miss: B- T,. Colliert. truck grower, Mlnrten, Iji. W. M. Wurc, , Q'uooii City, Texns: Industry: B. \V. Whitine. , Rnlolsli."" NC- Snmson Downing, TuoRtpahon, Ln.: Jnmos A- Parsons, .Tr.,  ,        . Ohio: J. Stubbst, sign , Detroit, Mich. PerBonul Scrylge: Joe S.                 l.i! no. lintel mini, Jncksonvlllc, l''l:i Miss T.uln Rogers, domestic, , Tenn- Miss Josephine Itriti, , Wellington, Kansas: D. M- Marshall, student, Prairie View, Texns. The   In ench   from *2S to $100         to tho winners this week- "The stories In the l'1hssc8 of business n ml the professions "re stiff in the  of Uio Judges, \~   the eight  In these  Kre  In a few   stories were submitted In the  i'~iis(    the judges lind great (MITIculty In choosing between them- Wlint final disposition w(Tl bo made of the stories "bus not yet bwn</t>
  </si>
  <si>
    <t>                                           The Commission on Interracial Cooperation today announced twelve of the twenty awards in the Rosenwald contest for the best stories of the economic efforts of Negroes. The winners announced, four each in the classes of agriculture, industry and personal...</t>
  </si>
  <si>
    <t>                                           Met a the home of Mr. Frank Hutchinson, 39 Raymond street, S. W. A delicious repast was served The club will meet today at the home of Miss Fannie Johnson, 1013 Ashby Greve, S. W. The club is sponsoring an Easter Egg hunt on April 13 at the home of Alfonso...</t>
  </si>
  <si>
    <t>                                           1 1 jMf</t>
  </si>
  <si>
    <t>                                           E. H.--Please tell me if my husband will ever get a job?</t>
  </si>
  <si>
    <t>                                           HOST TO CLASS                 DR. D. T. BABCOCK outstanding pastor of Big Bethel A. M. E. Church will be host to a large Sunday Class stated by Mr. I. P. Reynolds at the Church Sunday morning. The Auburn Avenue Sunday School Class Is expected to draw a huge crowd. Mr. Howard Russell will  the class.</t>
  </si>
  <si>
    <t>                                           WOULD NEWSBOYS MEET Atlanta Daily World hots rnr.  Til! mi Ot this  af the Butler Street Y. M. C. A. The  is  to fict underway 4 o clock. Charles Bronnor. circulation, . wil! ly- m charge of the meet.</t>
  </si>
  <si>
    <t>                                           Wally Beery Star in Royal 's Drama                 Tlio   iT of K'.i^eno O'NhU'x  w uU its poignant i , Us (ld\vn-to- sun- I , :ind 1U dynamic -                 i j  is vividly naught on tho 1 'a"k:ns        In *'Ah \Vililovm*ss'' Metro-~";~       -Maycr'   nan- script inn of tho  *tt:tuc sue- ,   -\v p  ;u H;ulf-yV Now I Rnynl Tlinniro- j At/?'!  n [Ik* stai:(~ whore \i I \v;is  hot h hy Conrw 1 f  and the lau* Will    .~rs. I t lie-  versi.iii uu\\ ruhl-; i!u"       -~~'p*' Si'i'i-'-n  tinn L-' j th'- ir:ini: ~:- It    -:i:     j 1 *.,-,-i rtv in t  .W-w Enplaud j  on  tni), M;  --. ii. j i-'  M'ljii.Mti't**, :mkI it.1* : that '.nly    - t:ili;in^ ~.-ri---ri I  .'* j \V;ill;4 v     \ j.la,*.-, of i'.i.- LTcJitt'Si. i-'iif' h*- tins hit .-n pii tnt OK its ilio iin H"~'t:iiv t\    -o- -' hut luv:*~. TiM.-lf     . run- 1  thu  tr.mi .-.~nt'-tiy t-- ^nant U'a^O'ly wii u Alinv                 Mahnn, who       spinster mint who Nivi-i inn (.~minor marry  P.r., In the role played by Cohan ana Ro-'ors.  ft pi  that rivals  famous  in "A FTeo Soul. In Uic  where hn tells Eri.; f. that n- every j; must       his son a?  stands on the threshold of  he hns onp of hn \o*l  w  in his  i.'. Vr.nne - is '.'. I'.ii- l.ii^l.M, i.!;~ili.ii tl.~r .-oil. who -^ivc, iiu :un:i/ii u ly human Mini  l.il!l nl ]i..'!-t*:iiu:p, ami  P:irl;~ r,  .is iho r.iu h M'imnl .%~'iv(Iiuurl. Mi^~ MacMnhon :is Aunt I.ily, :     Soring Ryhiuimi :is t lie  :ii-.- jili-.- ,:   . .'i ml Mlcki1?       .'.v : i-           rt:- '-l- i!r:ipi-witi. U'ralili Al!~'ri. sun. I'. Nii^i-iit. lii- (- 1 1 : lli-li-M l  aiv 1''' ill SUI P"!'! ' V'-li'~.</t>
  </si>
  <si>
    <t>                                           The delicate tracery of Eugene O'Neill's drama with its poignant humanness, its down-to-earth simplicity, and its dynamic dramatic...</t>
  </si>
  <si>
    <t>                                           MORRIS BROWN IN FOUNDER S DAY GESTURE TODAY                 Ml DEBIT OF MBG IH FOCUS                 Capacity Crowd Seen For Main Address This Evening                 COLLEGE CHAPEL                 Hundreds of Atlantans are  to take all available space in the Moms Brown  chapel this evening for one of the most promising Founder's Dn.y observance to be  at the Methodist  in - years, marking the !ifty-:irsc anniversary of the                 H'.1r.; monument of "self-help." Many Important events will take pl.-ico  this  at ten . hut the 193S celebration comes to a climax tonight at ete'.i' o clock with the appearance here of Atty. Georco Winslow Lawrence, of Chicaeo. who will deliver the -a.; Founder's address. Coming here as principal speaker or the anniversary of his alma mater Is a case of "throwing Brer Rabbit in the briar-patch" for       .ov LDTrcnce. for he is well known and .lv regarded In Atlanta, having taking his bachelor's decree from Morris Brown college -ith the- Class of '19. Later, he earned his bachelors decree In Taw from the Law School of Columbia, university.    the present cime. Colons; Lawrence is president of hr u. S. Ear Association and Is   as one e/ the finest colored lawyers in the country.         prominent bishops, "many  elders, innumerable  from their respective . and a host of faithful alumni and Illustrious notables from t jp public nt larce will be on hand this-  to  .1 Burls likely to be one of trie mast practical speeches heard     - in some time. The presiding elders will meet this :: and will net only report on Allen Dry monies received. but on all educational monies from thr-ir various charges us well. There will also be an   the Executive Board or the African Methodist Episcopal church. Interest In the Founder's Day cxi- is  and indications are that a capacity crowd will be on Imnd    ; hear the fine address .'nd to Join with thr Morris Brown "fathers" and students in   one  and glorious occa-ion ~.}</t>
  </si>
  <si>
    <t>                                           Hundreds of Atlantan are expected to take all available space in the Morris Brown college chapel this evening for one of the most promising Founder's Day observances to be staged at the Methodist instruction in many years, marking the fifty-first anniversary of the...</t>
  </si>
  <si>
    <t>                                           ko i^---8ADIO Ffctura LINCOLN</t>
  </si>
  <si>
    <t>                                           1 YOWSAH  -' IS : j i GLADYS PALMORE I Famous Stage and RECORDING ARTIST,  from j I tin- famous CLUB UtiANCM. New York City j I Will In- (he Featured Artist al the Swank j CLVtt . FRIDAY NIGHT.  1.!. j lU crs Wines Ales Luncheons j j DINK AND DANCE AT THE CLUB ROYALE formerly the Roof Garclcn. I .Music by the Club Royalc Orchestra- 9 "til j HOPKIN S BE. COLORED DOLLS 1# 20 inches, with Movable ey,~**,  ll U. 1. Curl., Voice, open     , with ToiiKUr    "7 25  nd Teetli visible. Bc-      'J. 'J. 20 , Nalural Curl., willi Voice, .-d Lip., Movnblo Eye.. ^'1 SO Beautifully . V"\if\ *1* 21 inche., Movable Eyt.t, natural Curli, Voice, open Lipt, with Toiinue and  SO Teeth vi.ible. Beautifully . -ON SALE AT- HOPKINS BOOK CONCERN Ml  AVK., N. E. ATLANTA, (I A.</t>
  </si>
  <si>
    <t>                                           If there be a God who is almighty and therefore able to save or destroy, a God who can raise you up to heaven or sink you down to hell: A God who is infinite and therefore acquaimed with your whole history; A God who is just and who will one day...</t>
  </si>
  <si>
    <t>                                           NEW LINCOLN "Harry carry hoot gibson " RANGE" Z Kobert Armatrong t J Edward Everett Horton -Gl.nd. f.rr.l! Sybil J.~ou 3"    Little Big Shot"; j,STAGE!B-            JXXTli: ! V.wa Tioum' 5  Hood D.m.,. i. 1 BUtn!</t>
  </si>
  <si>
    <t>                                           CORDELE TORNADO CLAIMS 2 MORE                 AID NEGRO TORNADO VICTIMS                 Two Deaths Early Friday Augments Dead Total                 MANY HOMELESS                 CORDELE. Gn.- ) Two Negroes died Friday from injuries received In the storm that     =, day morning cut u path of death and desolation through sections of Georgia                 Many Negroes refusing to leave their meager scattered belongings huddled In a chill wind all  about the ruins of their shattered homes, or huddled  the fires built by National Guardsmen who stood guard in thc ruined area. They found food at a soup kitchen set up by the Albany Salvation Array. Others huddled in groups around thc doors of the Negro  here or around the improvised hospitals set up in churches and Negro schools, keeping .-i lonely vigil, while inside, relatives, many of them children., lay in hastily  beds, under the ministration cX  more than so doctors and nurses who rushed to the aid of the stricken city Irom ; towns. Pitiful scenes greeted the eye in the improvised medical centers of both races. Broken victims lay  in Wood-soaked bondages while doctors and nurses worked frantically to answer their pleas for aid. Public health nurses, under the direction of Miss Sarah Addison. of the State Board, joined with private nurses from Cordeic and towns In the vicinity, making up a staff adequate to handle the emergency. Deeds of surgery were performed en the rough tables, in thc bare, j^aunt  of the Improvised hospitals, where doctors worked swiftly and surely In the midst of a panic-stricken throng seeking news of relatives. One Negro woman, whose body was pierced by a piece of plank hurled intc. her Lock by the force of the gale, survived a critical operation and was reported resting comfortably.</t>
  </si>
  <si>
    <t>                                           CORDELE, Ga.--(SNS) -- Two Negroes died Friday from injuries received in the storm that Thursday morning cut a path of death and desolation through sections of Georgia.</t>
  </si>
  <si>
    <t>                                           "Good Looking Glasie*-          Fitted" Our slogan l or 18 yaw and we strive to live up to it on every pair of  we make. Colored patients will find a complete optical service in a department of their own. Reasonable prices Weekly terms.</t>
  </si>
  <si>
    <t>                                           93V WHITEHALL ST., S. W. WA. 3535 FO C r EXAMINATION IV t t EXTRACTIONS Our Scientific Pyorrhca Treatment is Folly Guarantied Shii? v.h.'t.'S SPECIAL V^~"~w" {a. As Low as /W.1g a t^^mS   f^gJP OpenSanoaysiOtoi PLATES ^^PP^Q^ We Specialize in Treatment of Children's Teetn^ 4.4 K</t>
  </si>
  <si>
    <t>                                           InstortRdief Mhlgk Coughs Colds K-^^  cjj ~=sj Supplied By YATES MILTON PHARMACIES 228 Auburn Are. 767 Fair St AMOS DRUG STORE 9 Ashbv Streot Madam Mingy THE WOMAN WHO KNOWS Tell. put. present and future PERMANENTLY LOCATED Palmist and Life Reader Citcs  on *U affair* ol life. Lore. Marriage, JHn^B and Speculation* ot HtHj all Idado. Doa't fail  to      thU.   Palmist. Point* the B^~ 91 way to all trouble*. ^g0-^f and snows yon now to overcome  . Madam Mingy  helped  and abo eta.  TELLS LUCKY DAfS AND SPECIAL READING SO* Take Federal Prison ear to end of line. Look for Nam* Sijn Not in Tent. Satisfaction Guaranteed 638 MeDoBovcn Road Madam Miner Mtk- Ma Hone CalU Offie. Hoan. , 9J*.</t>
  </si>
  <si>
    <t>                                           I BAILEY S THEATRES -NOW- '.JOHNNY MACK BROWN Between Men" ROYAL BILL ROBINSON and WILL ROGERS in "In Old Kentucky" ASHBY "Lcs Miserables" Starrinjf Fredric March</t>
  </si>
  <si>
    <t>                                           TALLADEGA GRAD Mb* Vesta Stephana, graduate of TalUdegm College, is an active member of the Delta Sigma Theta Sorority. She is superintendent of the Lutheran High School, Anniaton, Ala.</t>
  </si>
  <si>
    <t>                                           Cousin Annie got a New Testiment when she was expecting to get a dream number book.</t>
  </si>
  <si>
    <t>                                           Frost-Cotton Special* :u CHEVROLETS. '30. -3'.. -32 and 33 models, coup.'.-.. coaches and sedans. Will     sold :u exceptionally low prices or.  to  iai. THESE ca.-s have !~~v:: :i:or.     i or.ri".io:u t!. Mo-: them l-.nvf been  ant! haw ne-.v .      .k ^' I.Vi-r. 15(1 i- WA. 907:? -S^ Dr. Ida tt  'f  After more than 1      of         from a  Bent, Miss Glivar osed Dr. Mika Mervine which gave her auh  results that da  at an enthusiastic letter. you taffer from "Heron? If yo* IU  , start at rudden , tira easily, or* cranky, bhm ad ,   mrm probably oat of order.   and relax them  fta name medicine that "did t^ work" for this Colorado . Whether your "Nervo* hr- troubled you for hours or tot ye.irs,~.-' find this            remedy effective. At Drug Stores 25c and flM.</t>
  </si>
  <si>
    <t>                                           .if'*"'' SUFFER? df! t Take ALKA-SELTZER for HEADACHE. A. -ill /l Cold.-;. NcuralRi:i. Kalis""'. Mils.  . Hhcum;il.ii.-, Si- F;. Plensnnt, Non-habit forming, Non- dops not depress I thp hc.-irl. Grt Alka-Srltxrr  l your dni(T store In 3(k and Me pnd-Jige* for       , I ur Rtl a drink nf Alka-Sr!t7cr ut nny !  Utrr \nda        !n.</t>
  </si>
  <si>
    <t>                                           Health Week Activities At High Pitch; Committees Are Given Technique                 The City Sanitary Dcpartmcnnas pledged Its cooperation In the observance of National Negro Health Week. The attention of the public Is called to the  communication received by the Citizens' Committee:                 SANITARY DEPARTMENT Atlanta, Ga. CLEAN UP CAMPAIGN The Sanitary Department will cooperate with the property owners to the limit of their : nt and men. In the coming Clcnn Up Campaign, and will be pleased to have the cooperation or the property owners along the following lines:       : It Is lifc  to have n regulation  can of  size. with a tight  cover. We ask that the cover be kept on the enn AT ALL . as this Is most Important. SECOND: If refuse, papers, boxes, small cans, small bits or wood, or imy other material lhat will burn *. Is put Into the  I  cnn. or oilier suitable containers, and placed near the garbage can. Hie  collector will take thK- on his  rounds w the Incinerator. TKtRD: Reflisn. ashes. Inree run-;. nr i  pieces of metal,  . etc.. should      In n box or  neir the cnn s^ that it cnn be, ' by special i                 trucks and hauled to the dumps. FOURTH: Refuse- large tree limbs should NOT BE PUT INTO THE STREETS, but be piled In the yard near the drive so they can be load- ed easily on special trucks nnd hauled to the dumps. FIFTH: When largo amounts of rubbish, such as a truck load, hns . a call to our Complaint Clerk. WAlnut 4463. Extrusion 5. will !~e ( prompt attention. DO NOT PUT .  BY OR NEAR THE GARBAGE CAN. H. .r. . Clilcf of Sanitary Department.</t>
  </si>
  <si>
    <t>                                           The City Sanitary Department has pledged Ka cooperation in the observance of National Negro Health Week. The attention of the public is called to the following communication received by the Citizens' Committee:</t>
  </si>
  <si>
    <t>                                           The past week saw the spring recreation program assuming a very definite step with the inauguration of the soft ball league, composed of teams from the seven playgrounds. In addition to the league's opening, the second city-wide tournament was held at Washington...</t>
  </si>
  <si>
    <t>                                           ^^KtB^SToiiiibtallovbobomS SH^TACiA Thrill MIM Mm UlU ImaUIWj JC,~ -i *b3    "ih iIIm*. BS *JQH LsV4#~ Oil to  UM OWN ^-    Wm       Mi'imm**-  1  W^         1IMift. A. '  1\     i J  OIL- Ml OMIMq*      .~ .  t w. H K.a.fAJ Ca=t. 3  TT /nfr^rec Yjursei: of ovl. -    [    5ill t onp; (luster        .. Money. Control HueE^PEE ii in T. ^*. Sv.*~et)icart. TJ1I1 r0iEE boo):    4ree. get vour copy at  no jf you - results. Dnvsott: vuu. Co., 3130 Rhodes. Chicago;. 111.- mF1 MONEY- LOV^ 1 guarantee to help you get a     surt io ,i, ca3e Devond* hope. Stop         SHS1?'. V2~*- "formation FREE! ^R^^S N9 i^,!NO PRINTING job too Iar7e or too imall for- MURPHY S, 275 Auburn Avc. Atlanta, Jmckion 8tI8.'</t>
  </si>
  <si>
    <t>                                           ARREST TAXI DRIVER IK MURDER                 Claim Cabman Took Slayer Suspect From Scene                 SWANN MISSING                 1' out jis Ilic t; who Imtl driven ' old li. Swann away,  warnings Una Swuun hnd  y  killed Ills Ki- old mule, John SSinJlli. of .'WS IMchliind .;, 'J'uesdny    :is 1111 "  Ihu fuel."                 Smith, who drives n City Cab. \v;is JaijiHl  Homicide Detectives ICnglebert mid Ouiiiiy on the  of a coroner s jury which Tuesday conducted n  probe Into the brutal clubbing to death or -Georgia JlroWn, Swann'x "girl bride:"The   u8  lit the Hniilcy funeral homo.'"" "where the;  lny on a slab, her  crush. c;d and mangled _a! beyond recognition. Sun tin wns still mining last night, but detectives were  thill lie would lie under arrest within a few . Swann's trail, according to the officers, led to a south Georgia town. Testimony before the coroner s Jury of two women was believed to have  Hint probing body to order Smith held. The women. Mrs. Maltie Willis and Miss Julia Brown, sister of the_ slain ^^. jury how they liad p endod with SniiHv not to curry Swunn off in his cnh. The witnesses said they warned the lax! driver that Swann had alle^ just killed his youthful sweetheart, and   were en route' to  him. .Siullh. the women s:, ignored their warnings and ; o(f with IIir  s nyer ..'l. Swann had blood on his ;, the women said. Swanu col in I lie cab at I'ied-   and  street, the witnesses . Several hours later .Monday ; the crushed hody lit Swnnu's "t irl bride" was found in on upstairs hotel room, the couple shared al 170 1-2 Houston street. r. In a corner of the room covered with dried h ood matted with human hair, was found a heavy club with which police say Swann heat his youthful bride to death. The . about sixteen Inches In (Continued on Page 5, Col. 6)                 I I Arrest Taxi (Continued from Page I) length, was exhibited to the coroner s jury Tuesday afternoon. Sniitb, asked to explain his actions by Coroner l aul Doueboo.      .il - Tuesday at  , denied  he hail i been warned as to Swanu's alleged efforts to escape police. He admitted carrying tbc suspected slayer away, and said that I the missing husband got out of his will at Jinller and linker streets, i The suspect  on  north on Under street. Smith said. "Sanitary" Peek-, :~.ri. city  department worker  nit me w.is   in the slaying by detectives us a lpu*       "third angle" 10 tlie mysterious .  jis absolved of nil blame j l)y the coroner s jury Tuesday. i A witness had told Detectives KiiK'eberl and Denny that     Peek in Miss Bronhi's r''  a  of ; as if lie wore moving in. Tin: clothes i were later found beneath n bed in i the room. Peek appeared ai tlic '.s iii(~  afternoon and explained that lie had  to i do with the        .      said thn: tie had rented a roo.ni in the ' and liai l left hi? clothes with (lie Urown woman for ^. .Icnlimsy si ill  Hit-, motive for Hi.' slaying. ,-s i Insisted  . They pointed I to the testimony of several wit- nesses who told of other occasion* I  Swnnn In n jea ous ra^e j would  tho . ~-irl ri. severe . Swnnn was  in Knit on sii- I  court lust spring mi  j willi Intent to  i.Oiarce.s. I l"it wns  by a Jurv. Ai j tli.il time he wnR  with   u knife  on a I ini ii  Thomas. Dt'teotives were in  if the ' nian M Ihiirerprlnt*.    nud "Iher  iiix. with whli-li they hope In eap ure him. Copies of Swann's  were  out last  to      I -.ll.Mll! Mill. Ill--     ..ll.l.</t>
  </si>
  <si>
    <t>                                           Pointed out as the cabman who had driven 40-year old O. B. Swann away, despite warnings that Swann had allegedly just killed his 16-year old mate, John Smith, of 388 Highland avenue, Tuesday was under arrest as an "accessory after the fact."</t>
  </si>
  <si>
    <t>                                           Wins Grand National Twice                 In the long hi.-tory of t he.- Grand Notional steeplechase at Aimivi-, England, only  i\\:i  have won the event twice. This y.ar R'.*       (~wn, i-ntry of Maj. Nor-1 Furlong, won the  th? s^.'rond consi-- tin:*- ,\"lt ^int f I'ooihlyn won in 1!M8 and \'JV.*     a Iwivc i.-~i'-ati.-~l in :   - .-;iiv. which i? rf(      -ri :   th^ ^ri-atf.-t test '.f :   Hi-.- li in tin- world</t>
  </si>
  <si>
    <t>                                           Prof. Slade At i EbenezerBapt Sunday Eve j                 Prof. J. T. Slade, head of the Social Science Department of Morris Brown College, will deliver a special address to the B.Y.P.U. at Ebenezer Baptist church. Rev. M. L. King, pastor, Sunday afternoon at 5:30 o clock. He is a very interesting speaker and you will miss a rare treat if you fail to bear him. Other numbers will be rendered by local talents including many students from Morris Brown. A large group is expected to be on hand to witness this great event. President Archer Is Vesper Speaker This Sunday The second in the series of Lenten Vesper sen-Ices at the Hrst Congregational Church w.ll be held tomorrow night at 7:30, Dr. S. H. Archer, president of Morehoase college delivering the evening message. The services are just one hour in length and are characterized by a beauty and solemnity which bring forcibly, to the worshiper the meaning and challenge of this Lenten season. Rev. John Clarence Wright will occupy h!s pulpit at 11 o clock worship developing the Lenten though for the day from the subject The Ministry of Benuty." He win leave immediately after services for Port Valley where he will address the students at their vesper services.</t>
  </si>
  <si>
    <t>                                           1 CHAS. CO-ED  i CAPERS" Eisi or I i java" II :o..~    sim-it</t>
  </si>
  <si>
    <t>                                           One of the most brilliant affairs of the social season was the Thanksgiving dinner Thursday night at Mrs. Sutton's Cafe, when the club celebrated its second anniversary. The Rev. Lewis Foster, Sr. gave vocal selectons and addressed the group. The...</t>
  </si>
  <si>
    <t>                                           miserable skin trouble have found blessed relief ^^Hfl\ vB^yC^^S^ JWlfl^^^^B by using world famous Black antl White Oinl- ^^Mr^JiS^^=^^tf^# l^^^^m ini iil and Skin Soap. ^Hr^ ~^^^^^HH^^^7r 'vf^^^r These I wo proven, scientific products are ^SIS ^^^j^}_E R ^J^^' cfi/^^r praised bv an  of satisfied users because of ^M.F" a rx -./iMS^P^ ^si^A LJ T*LJ C L/^^m^^ the quick, safe, easy way they clear up itchy ^Sss=:===i^^^^  irritations, ugly bumps, dark patches, The 50r  of Mark anil White Ointment mole discolorations and other skin blemishes! contains 3 /,~.r, as sr,r size. Large liar of  ami 11 Itile Skin Snap* 25r. If your skin is tender, clear and lighten it up in an easy, tat? ^^N^^jj ural manner with Black and White Still Whitcner. Large can 25c. Fill 0^1 and  thit coupon lo D*pt. XSTn.  and Whit* Co.,        . Trm.^    ^^^^^H^^^^^^^^^^^HB "260 MILLION PACKAGES OF i^r^''^"^u^T^%,t  i^l^li^HHM^^ BLACK AND WHITE BEAUTY CREA- coupon n,.D b. in.ll.J in la i.e..      . B I H I ^^^A f I I I I TIONS HAVE ALREADY BEEN SOLD" H J M ^^nn\ I I I I ^M ; 1 1 iliin 1 \ t 1 1 1 1 1 J ^^U^^^^^^X^^^U^ SOLD BY DEALERS NAME J{]J^~~^~          ^~~^^[ EVERYWHERE art</t>
  </si>
  <si>
    <t>                                           'I LIKE ALL MEN,' SAYS MAE                 With seven leading men lo keep her company, Mac      is never lonesome' for male companions in "Goin' to Town" her new. action7 film' "playing today and tomorrow at Bailey'' 81 theatre. Part of the picture is filmed in South America.</t>
  </si>
  <si>
    <t>                                           hfW        V 11 \i ^-^"7 With Svnpta  f Swart V         Brown   )r ^~fc- c* n* k Jo(* Lfttil* BfMMtvr.       rl3  3r Iluttoo of  'UrowD *r" s^nri .Ic Stamp for SoudIm  KER Burton 3ihI        ) Agentj onor. Uuit)-' iV-~to  before nil button* uru suo*.  ^ CO. 2241 Indiana Avr. Dept. 808 Chicato. 111. se;t money-love },"*~"- to            t  w Mart b P*\  j[? ^T"") afw- Stop -onr  U*2, 101        X^</t>
  </si>
  <si>
    <t>                                           Jesse 0. Thomas To Speak At Central Church Mar. 29                 Bjr W. B. BAKER                 The S; and crown club ot Central M. E. church will present one of the most up-to-date and modern programs a: Central Sunday . .March 29. at eight o clock that has been had in that community in years. The subject lor discussion that evening will be                 ~'The Demands for a New Day upon Religious Leadership." Unravelling this timely theme will bo the nationally known J. Thomas, local director of the Urban League who Is southern field secretary of the Naltciial NeRro Urban League. He is considered one of the best orators in the R;iee. Many local clergymen, public school administrators, teachers, and students and other figures fron: the educational world win be on band that eventful fifth Sunday night in Murch to hear this fine speaker and to witness the colorful program. Sunday at the church, the. pastor, Rev. J. A. Baxter, gave a fine sermon to his congregation on the subject, "When and Why I Rejoice." He stated that men pay large sums of money for Joy and, after a period of time, there Is nothing to show for it, but that God's Joy is abiding (Continued on Page S, CoL 2)                 Jesse 0. Thomas (Continued from Plifce 1) and is with, us . A lure: crowd was present and hc.ird this thrilling sermon. J. A. Mitchell is asking thai all unit leaders and stewards meet at the church tomorrow (.Wednesday) evening at eight o clock. The Seep- ter and Crown club will meet to- j night :it the church.</t>
  </si>
  <si>
    <t>                                           The Scepter and Crown club of Central M. E. church will present one of the most up-to-date and modern programs at Central Sunday evening, March 29, at eight o'clock that has been had in that community in years. The subject for discussion that evening will be...</t>
  </si>
  <si>
    <t>                                           Famous Oriental Herbs_.Nature's Remedies, Herbs, Roots, Barks And Blood Tonic MESSAGE TO THK  ^sS3$jl$~~~, Yon need not. be discouraged  your SsjjP^^' health. Cheer up. Thern is help for you.      This is Die old reliable Chinese Herb \Ajh Specialist with his famous and harmless r $   roots, treatments which have ~""3    been used ror centuries, and are highly 4^^??~K recommended for any trouble of the sys^~^~fe *    8"c'' Ba'^'lc ). Stomach, Heart, $~~%~~~' ^^1 Livor, Kidneys, Blood Poison, RheumafrS3K3   S  M , Catarrah, Weakness, NervousDOCTOR nos9  Blad'lcr 1'       0. Constipation, ApT v YOI1NP Jr I"""!'0'"8' Skin Diseases, Female Trouble 'FAMOUS HERB *and troubles. S25(Y"UinT To th0se whom R concerns: Cb11 nt Atlanta once. Don't  up hope if others fail.     result is pleasing to all who try it. MALE OR FEMALE- CALL OR WRITE It*- Jawi isM  fff ?fC ^TV'  3      . T. Y. YOUNG, Jr. WITH ORIENTAL HERB CO. CHINESE HERBS- ONLY NATURE REMEDY FOR EVERY DISEASE OF THE HUMAN BODY 132 Ed*~     Ave. Phone: WAlnut 2189 Atlanta, C... Dallr Hnuri: 9 A, M. to P. M.</t>
  </si>
  <si>
    <t>                                           U. S. Civil Service Examinations Are j Open To Typists                 The United Stairs Civil SmMce i Commission announces open competitive examinations for Hlllng the i positions of SENIOR STENOGRAPHER. $1,620 A YEAR.                 JUNIOR STENOGRAPHER. I S1.4-JOO A YEAR. SENIOR TYPIST. $1,400 A I VEAR. J JUNIOR TYPIST. $1,250 A YEAR. m the U. S. Veterans' Administration Hospital. Tuskegce. Alabama for which the receipt of applications closes April L"9. 103G. nnd  must be on Me with the Manager, Fifth U. S. Civil Sen-Ice District. New Fosl Oir.ce Buildlnr:. I Atlanta, G:i.. on or  that Idate. j The U. S. Veterans Hospital it Ttiskogee, Alnbama. Is for colored patients onlv. and It Is the policy to select colored eligible* for appointment when reached for certification under civil service rules. C L RE D PERSONS ARE THEREFORE URGED TO PILE FOR THESE EXAMINATIONS. Applicants must have reached their 18th but not their 53rd birthday on the dote of the close of receipt cf applications, expect that these    " limits are waived for persons (ranted preference because of military or naval service. Pull further Information and apI plication blanks may be obtained from the Secretary. Bonrd of U. S. Civil Service Examiners. Post Offlce, Tuskegee Institute, Alabama, w from the office of the Manager. Fifth U. S. Civil Service District^ New Post Office Building. Atlanta. Georgia.</t>
  </si>
  <si>
    <t>                                           The United States Civil Service Commission announces open competitive examinations for illing the positions of SENIOR STENOGRAPHER, $1,820 A YEAR.</t>
  </si>
  <si>
    <t>                                           WEST HUNTER 8ARIST FLANS ANNIVER8AKY CELEBRATION Observance* of the 541h Anniversary of the West Hnrtter Street Baptist Charch, Bev. Samuel Pettacrue. pastor, bejin first Sunday to May. and will ba in session three months. The Mf anniversary program will  every  of the church, also many invited (nests tram churches, ta and ont of the sUt. Wii^y   ate  planned for  . We extend a special invitation and ask the cooperation of friends, all over the city and else where.</t>
  </si>
  <si>
    <t>                                           After a splendid devotional service conducted by the Rev. E. D. Lawsen. nationally known Baptist evangelist Dr. M. L. King pastor of Ebenezer Baptist church, moderator of the Atlanta Baptist association and president of this large group of divines, opened the house...</t>
  </si>
  <si>
    <t>                                           Last Conference Of AME's Has Fine Climax                 By REV. C. A. WINGFIELD                 SAVANNAH,  3a. -(Special) The old Georgia Conference, the mother conference of Georgia, composing the Sixth Episcopal District held  In St. James A. M. E. church on Arnold street here this week. In connection with toe sessions of the annual conference.                 Bishop W. A. Poutain, the head of the Sixth Episcopal District called a Joint meeting of the presiding Elders of the state, the Executive Board of Morris Brown college ana i he elected delegates from the  conferences of the state (b meet In Joint session, the Presiding Elders and Executive Board completed pastoral budgets and matters pertaining to fostering Morris Brown College, while the ejected delegates perfected a state, organization, i:no]?n as' the  .State Organisation of Delegates from the 31xth Episcopal         to the General conference, 1038, with the following officers: Chairman, Drs. l. G. Glass, E. Saesc; Co-Chalrman. e. Powell and J. W. E. Under; Secretaire*. Revs. J. S. Bryan, ana K. I. Bearden; Cosecreiaries, Miss V. Williams and prof. W. Smith; Treasurer, Mrs. Dolllc J. Alexander. Many  were named. The meeting was addressed hy Dr. R. R. Wright president or WllI  University. Editor of the I Christian Recorder, and candidate icr tlie bishopric; Dr. A. D. Avery, Presiding Elder of the Grcensboru District. Giecnsboro, K. C. Dr. r. D. Scolt.  of ihc       4, (Jruensboro. N. C; Dr. J. Cc.w.in, Durham N. C.           Elder of the  District; Or. T. ^jrd M^!iols, pastor of the Emmanuel A. *M. E. church, New i York City, the ^ pastor if Hie General Conference, Ma^ i 1Q3G  a dark horse for the            ; Dr. N. C. Conner, pastor ' Hope Baptist church, Tallnassec. Florida; Dr. Chas. H. I .  of Ihe first church (Continued on page 3, col. C)                 Last Conference (Continued  Page 1) Wcster.oster. pr.: ar.d Pro!. P. Ti. Stone and Mks Camclia Wccms. Male workers of I lie Agriculture Dopt. of ihe state p.C Oi!Or(.-ia. So  were these addresses ihat it seemed Mai an  comes: was being held. i The delegation from i!ic Georgia Conference was elected on Thursday nnd included Die following: Dr. W. I P. Sherman, J. I,. Butler, S. R. Dinkins, A. L. Sampson, D. W. j Stephens. I. J. Johnson. C. i Hob!).* and J Frank RogCi-s, ati ot j j .vhr.n pledged their allegiance to j 1 Georgia'* program as being foster-! icd by Blshcp Fountain and will co- j operate  the other delegations in seeking his rst tirn. The annual  bX.Rcv. SI A. Denkins pastor of Brunswick . was full of ir. and .nl ,  the c-va  cal  by Kov. E. J. Odoni, p. I Fortyth . was nn  slon for thr outpour of the Holy i Spirit upon the overcrowded . new J. W. Maxwell, tlio i .*"~; pf the .  nn eloquent  mes- Itago,  the missionary ad- j j dress 'by Mrs. J. A. FouiHuin, Con-  i Ti- and state  of the W. H. and F. jM. and Mrs. G. H. Dunn. State j  c.f the W. H. . F. M.. j und the respective district, heads. iv.ilh Mrs. J. W. Bcnucii. con- I  cn ce president.           . President Fountain and  . h. Hill, who  the; institute daily, rendered .le  services to (he          . i 1 Although Bishop Fountain had j been holding ccn.' .seven con/. weeks, it  that ho I was at  best  tin: session lot the Georgia Conference, Die cradle of African Methodism in the I rv.Uc ot Oeorisia. and delivered, j what was termed by many who hoard him. the best address of the I  of  i conferences. j</t>
  </si>
  <si>
    <t>                                           SAVANNAH, Ga.--()-- The old Georgia Conference, the mother conference of Georgia, composing the Sixth Episcopal District held awry in St. James A. M. E. church on Arnold street here this week. In connection with the sessions of the annual conference...</t>
  </si>
  <si>
    <t>                                           ^m [im^^~J^2^J '.Y NEGRO DAILY NEWSPAPER IN THE WORLp i .^ WkHVi^ii VOLUME 9, NUMBER 28 ATLANTA, G.V. 'wi-.       /r.~i:w;~ PRICE FIVE CENTS</t>
  </si>
  <si>
    <t>                                           We're Ready for the Holiday Season! fjm. -M WINTER DRESSES  Sy 1 EVERY ONE CRISPi NEW! ~^^Pfl AND AT DRASTIC SAVINGS! (fc^^yl featuring lilt: outstanding sue- fi^^^ ^W ^TBjXxzK*  $B33     cesses ot  season tunics, *l^ ^M yt tSt       $(ft5A H :;i'M Oo and Friendship ^^0 EVERY ^^SfcUi Kf^ X OTHER DRESSES TO $6.95  fell is I ^ You'll Rave Over These :/B 3    furred coats I fe^W^ 4? MADE TO SELL FOR $24.50 1           AND EVERY ONE SILK-LINED @Sa^Mj^g3^^^ If yuu cl thought of spending SJ5 yon couldn't find better H ^Bum nX/^VJr ' Coats ai anywhere ne.nr this price. Smartly tailored U ^ugl "*^~*KJ '-4C' with genuine pells al! tht- popular styles and" . flj I-^WS*    4 A 95 I fv^'r w fi I ^*fr EVERY :':''r4^S\ I     ^      OTHER COATS TO $35.00 I ^^Sreffi You'll Look Like a Million bBt^UbuB Beautiful New MWB EVENING DRESSES H EVERY NEW FASHION NOTE!   ; THE MATERIALS WILL THRILL YOU! fift Tin' Ilici  has been 'way OT MH^H^^^H up  nnd the dress business Jk \m^\ SI^B^^Sj^A has been 'way down low! The *qf ,^r' m Jf tj JBhHIB^^^B result ol this unreasonable - mr^^ ABBBSt^K^R H er is a sale ot  Mew Evening W  ^^SSh^^^^H-B Frocks. Mnlclnsses- Damasks and '^^^m c*vc4vl' MM^HR Moires, in Haltering styles. SIZE!. M^SS^^^^^k B Remember ^^     ^              Just 15 More '~~~?^L^^~MTb^7^HH SHOPPING DA t:V J^ BEFORE CHRISTMAS H^^RVPiliiflH</t>
  </si>
  <si>
    <t>                                           .,~-*.vy: 3 'V; !^            i k I  .Y NEGRO DAILY NEWSPAPER IN THE WORLD ^Mll );/ VOLUME 8 NUMBER 282 ATLANTA, GA-, SUNDAY. DECEMBER S, 1035 PRICE EIGHT CENTs",</t>
  </si>
  <si>
    <t>                                           SPEAKS SUNDAY                 REV.  .I. pastor of the i:;i*l Ml. Zlon          church. Cleveland, Ohlii. who preaches at tho Liberty Baptist . the Rev, J. J. clow, pus. tor, Sunday. He Is leaving the city Wcrtnesllay for Norfolk,   ., where he will bring- his southern l.)i;r In x    *</t>
  </si>
  <si>
    <t>                                           DIRECTOR                 J. THOMAS Director of the successful mem.  campaign or the 135th St. YMCA In Harlem recently. Nearly S3,    waj raised.</t>
  </si>
  <si>
    <t>                                           BEiM ELDER- worts Kribe for the Memphis World, Memphis. Elder b covering the weekly boxing cmtd at Twin Cabin Inn, and all  fights at the Civic League Athletic Club.</t>
  </si>
  <si>
    <t>                                           Dermis Cura College Of Beauty Culture A School for AipSiti"Ui Vo-.-n-     "n Offering Advanced Courier in Beauty Culture location. \A:;r:?.:.xz\";. ,'.X".. "T":: REASON ABLE "RATES ,*"'l\ 1 a OUR GRADUATES ^"T ZZ  Hv In p.       ^~Hrf^( U'avtnr Si. i. ~.*        '       1     not l-jon         1B)l, ,  ,~nr       to   hn d mind     prepared         n- Curtlni For further information : Facial Shuw Dermis Cura College ^ 479 Tatoall St., S. W... Atlanta,   .</t>
  </si>
  <si>
    <t>                                           After more than three month* of .i'. from a nervous .it. Miss Glivar used Dr. Miles f  which gave her roch ' results that she  \m nD enthusiastic letter. fp yon  u^er /remi "Neryrx." I; j/ou   *  , v Jiart at sudden , ttrr j "Kiisily, ore ,  and t. ^ff^'   v01^        srw  i- probably cm* of order. $- and relax them u-ith the Wpsie -medicine that "did the !!~6rk* for this Colorado girL ft  your "Nerves" havu 'tK- yp*i for hours or for  y!is,        find this             remedy effective.' At Drug Stores Z5c and %1M.</t>
  </si>
  <si>
    <t>                                           NO  job In too      or loo mall for MURPHY S, 27S Auburn Avc Atlanl.ii,         8118. MONEY QUICK SALARIES BOUGHT $5.00 TO $50.00 On Your Own Signature Without Endortert Banks Co., Inc. 99 Ten Forsyth St. Biaff. First Floor</t>
  </si>
  <si>
    <t>                                           PRINCESS NAOMA a PALMIST H^H^^^^^^^^H Princess Nuonii ^^^^1_^^^~ sifted      ^^V^P*H^^H SsL a 11 d lit'.' ^^~^Jt-B^Bj ~-ni    ' . ^^H^V^Ba^n ,  GP^^ ^   upon book. i^k^Tl,. .yuu no mulU i I^L% Sf Afl hope, f ca r, ^^^^~^HHfl trouble or .    ^BIv'TflH bilion may be. n r She will  any three questions you may oak. How to have good luck, win the one you lovo or any wish or I desire. One visit to this gifted woman will convince you. Princess Naoma will give you a full 32. 00 Kending for 60c for a limited time only. Satisfaction . Rooms for colored. Hours R a. m. to 9 p. m. including Sflnday. Tells your lucky days. 103S Marietta St.,    . Look for Palmltt     . One block Pntt Kinj Plough Factory</t>
  </si>
  <si>
    <t>                                           RECENT CULT AHTI- SOCIETY                 'Black Legionnaires' Charged With Death Of WPA Worker                 13 ARRAIGNED                 JACKSON. Mich.- (    - Sta-. end city authorities Pbnduy ni?.;.; were -  all sides til.' inner-working  f the newly- iiL-covered secret "Btaclc Lesion Societjv which is tu- with I!'recent death of Charles A. PcoU. WPA worter. connected with :n.ii:y                 more murders and suicides." and which by its awn ritual and cor. . Is "ready to lake up    .~ against Jews Negroes and Catholics." Twenty-live men. officers of t!i;organization, have been ;charged with the mysterious cm': murder, and.  the wife c.l the murdered mun denies the connection el the society  her fcv* band s death, warrants hive b"c:~ issued foi" alleged . Tliirteen h.-.vc been arraigned. "Hie society Is  to be (Continued on      6. Col. 3) j                 Recent Cult (Continued from pace 1) spread over the nation and  M0.00O- members with no cx- bers. One part of  constitution reads: -We are .. . as guerillas, using any weapons that come to our hands, preferably the ballot.- It Is not definitely known Just when the orf  Is founded, or Its ex*c\ connections. Some claim that the Ku Klux Klon are back of It, or sponsor It but KUn TeaCers continually deny any connection witi the new organization. The gruesome ' taken by all members or the 'society before acceptance, and at the  of u gan aimed at their hearts'. Is as follows: "In the name of Cod and the devil, one to reward. the  U . and by the powers rjt light and darkness, good and evil. ben under the buck  oT-^ea- ven'~ avenging symbol I pledge anil consecrate my heart, my brain. raj body and my limbs, and smear !~y all the powers cf heaven and ht!r to devote my life U. the obedience of ay             !iL$~rit no danger or peril shall deter me from executing their orders: "That I win exert every         means In my power for tl-e extermination rS tie . Communist, the Raman hierarchy ant! their . -I  that I will dlr  Ihote        trail bjs winnowed the fair fields rf our allies and sympathizer*. "J wul  no mercy, but ' with an  arm as lony as breath, remains. J -I further         my heart, rny . my body      mj       tc betray a : nnd that I will submit to all     torture* mankind can  and  Uxr most horrible death rather than reveal a single word cf th r. my "alb. "Before  a single tanner implied  ef thK my         , I  to an  God and an   to im my bean out and       U over       or . -That my head te Kplit open Rttil my  be  nver the earth, that my  be ripped no. my bowels be torn ant and fed to the  birds. -Thai each of my limbs lie broken with stones and  cu: off ty Inehex that they may be food lor the  birds cf the air. "And. Iretly. may my =iul be given unto torment: that my  be submersed in molten metal and  in tlie flames cf bci: and  thb pnrl-. may bn meted Mt to me         all eternity. "In the  of Ood. imr     *  ". Amen."</t>
  </si>
  <si>
    <t>                                           JACKSON, Mich.--(SNS)--Start end city authorities Monday night were uncovering from all sides the inner-working the newly discovered secret "Black Legion Society." which is accredited with the recent death of Charles A. peak, WPA worker, connected with many...</t>
  </si>
  <si>
    <t>                                           Colonial Yd low Cling Dessert PEACHES 2   - 2i  2Sc Full Pack Red Ripe TOMATOES A No. 2 Cans 2^C LAND LAKES "U's il Hl- (.'IlirUSl'" CHEESE Pound ISC .i-'ui .Making .Mayonnaise Wesson Oil 21c r.uiu Shortening L1- 12c Liulk Pure Lard Lb 13c CllI'liHI Pure Lard ^on 52c ni;-tki;at Fur t^^-   r I'ubli- LJmMARGARINE Si.lll.lK-i 11 Ill-Ilc Butter u. 37c A i  (.!]u\i-i    "uni Butter Lb 3sc I.Mlni l-al.es- Su-i-   CrrMiii Butter u.. 43c c..i,.i.i..i r,,k Salmon ^n can ioc (JOI.O LA HE I. Oiii' ill' Our  ll.iuk x FLOUR 12-Lb. Bag ^^C 24"LlK Bag ^1~** Wliiti- l.ily FlOUr 12-Lb. Bag 6lC Whit.- l.ily FlOUr 24-Lb. Bag $1.17 I'ilVlK Flour 12-Li,. oag 4jc I'll.     Flour 24-Lb. Bag 79c  NO. 37 ( Qiinli.v .it. Low Cost. FLOUR nu. B,J ^J^C 24-U. Big  "It Floats" Ivory Soap Mcd- C3kc 6c Good Luck 20c Cheese Bread 10c Ko^crs Pan Rolls 5c DOMINO Oranulului! Clolh Uug SUGAR 5-Lb. B.ig 25c io Li~- Bag SOc</t>
  </si>
  <si>
    <t>                                           m meeting to attract hundred;                 Dobbs Will Deliver Principal Address On Lincoln's Day                 PUBLIC INVITED                 Resident;, of Mil sections nf    " Gall" City, as well as tin: Orratcr Atlanta :t:ca. ;tre bo^'     ^lio v much ;sl in the bi^ Civit.-           mass ^ which will tr  :.l Rig Bethel A. M. E. chinch. Wediipsdiiy . Pcbriiory 12. under the sponsorship of the. Allniun                 Civic and Political Lcagun. The event, which  enough will come on Lincoln's ]3:iy. will i'i: marked by an address by J. W. Dobbs. successor to the Into Dr. H. R. Bullcr. Sr.. as head of the Prince Hall Masons of Georgia. Mr. Dobbs. who .served the Georgia Masons for ninny years as secretary, is nationally recognized a-s one of the outstanding orators of \hv. present day and his address Wednesday night promises to bt.1 one replete with unusual brilliance and information. "Abraham Lincoln put us on ihi' highway to Freedom but. on tho rest of the journey we must rea.l the signs carefully, make the right detours, set back on the conceit.1, and go to town1', is a fair sample of the original statements delivered i-y Mr. Dobbs which set him forth ns one of the greatest speakers of today. Religious, civic, fraternal, and social organizations and leaders  wholeheartedly behind this bis Lincoln's Day celebration at B;2 Bethel and present indications point to a record    caking .cl when the meeting gets under wny at eight o clock Wednesday night. Ai this meeting, according to leaders, a permanent organization ol the Allanla Civic and Political League will be ejected and permanent  named. T. M. Alexnndcr. progressive youni; business man is ;~ as tomi)orary ;lary of the body while Mr. Dob'-s who was n: by a group of wcil (Continued on Page 5, Col. 6)                 Big Meeting (Continued fro.-** Pate I) t  Allnnluiis id iic-.ki up ihc work, was  as  . No r. j.- Ijolng   nil .vns ol AH.)ni:i ore  im-ii.'d     hi lend this      -u-ri to brina new civic .'ss to ihc  j i  or the Grcnlor Atlimtn . I I</t>
  </si>
  <si>
    <t>                                           Residents of all sections of the Gate City, as well as the Greater Atlanta area, are beginning to show much interest in the big Civic-Political mass meeting which will be held at Big Bethel A. M. E. church, Wednesday night, February 12, under the sponsorship of the Atlanta...</t>
  </si>
  <si>
    <t>                                           rr?1- *^T I ""T* x Itev. Taschereau Arnold,</t>
  </si>
  <si>
    <t>                                           Twice the United States Supreme Court has intervened to save the lives of the Negro defendants in the Scottsboro cases. In 1932 the court held that the trial at Decatur, Ala., had not been a fair one because the prisoners had been deprived of the help of a lawyer, to which the Constitution entitles them. This was an 8 to 1 decision. Mr. Justice Butler, who dissented, did so only because he thought the record on the point was clear.</t>
  </si>
  <si>
    <t>                                           THE SUMMERHILL SOCIAL CLUB was entertained by Miss Jewell Mills, 461 Fraser street, on the last meeting day Messrs. James Davis and Robert Adams were awarded handsome gifts as the contest was brought to a close. Miss Mils...</t>
  </si>
  <si>
    <t>                                           QfObY  ^ NMimnK  n tw  Entered In the Post Office  t Atlanta. Ca., as - mail .act of Congrcro, March 3. 1879. PablisM Dally and Sunday at 210 Anfcnm Amnne, N. Ei By SCOTT NEWSPAPER SYNDICATE Tclapaoae*: WAlnut 1459  nd 1460 C A. SCOTT ___ ZZZ         M^Bagsr J. R. PATTERSON A..t. Ceneral      .r LUCIUS I- JONES M- Editor  ~'    RATES: PAILYi l.Yfc $fi-2S; 6 Month.    .75: 3 Months S2.S0; J Mootn 90c SATURDAY ONLY- 1 Yr. $3.00; 6 Month* $2.00; 3 Month. 51.26: Cutb I Yr. $4.50; 6 Month. $2.75;        , 1 Yr. ; 6 Montlu $3.75. MEMBER OF THE ASSOCIATED NEGRO PRESS NATIONAL ADVERTISING REPRESENTATIVE W. B. ZIFF CO- Chicago, IH.. and New York. N. Y.</t>
  </si>
  <si>
    <t>                                           Miss Ruby White entertained the members of her club and a few intimate friends with a delicious buffet supper Friday at her home on Hall street. at 8:30. Dancing and cards were the main attractions of the evening, with Messrs. Joseph Chunn winning first prize for men...</t>
  </si>
  <si>
    <t>                                           In Memoriam                 lu remembrance of my dear Daughter, Anna Belle Nichols      di.-d May 29, 1924. Cone        win today, and may be forgotten by  but not by axe Your Mother. Li'tvna Rubixuoo.</t>
  </si>
  <si>
    <t>                                           jsh_  5    ,_     "WC! :__\3_fB_ I SlQh^a, I No Time for Sluggishness Get rid of constipation by  old ri Iia olc Elack-Dr.. and feel JrcMicr Jor your ,tob    - morrow. V.'ork :^rms rat-ior :md Uiero are more C-. ot -t  when 701: arc really v.rll !  -e from the bad Icc'. and - ness   con.-t:p..l;on. j Tliot:sands of men and w-nun  from     :~?n 11  j Block-Draught brings : j relief from constipation. Blsck- Draught is purely vece- -z-i' table. It is in powdered i form    you eta easily    '-''~j, i' mate the dose jus.t 'J2*   right for you. Sold .^s;-1:: in 25-cent. ^es. .~.~'~iJ BLACK- DRAUGHT! For Constipation</t>
  </si>
  <si>
    <t>                                           MATRON is Mrs. J. H. McGrew, wife of the  of the Y. M. C. A., Atlanta, (jt , who  much to Hie life of the religious unit   with  .she is                 I imI. (Photo by Kelly 7</t>
  </si>
  <si>
    <t>                                           The Junior BYPU met at the usual hour. A very interesting discussion was held on "Honesty in All Things." In the lesson discussion prizes were awarded to Miss Marion Johnson, of the Junior department, first, second Prize to Elizabeth Fowler of the...</t>
  </si>
  <si>
    <t>                                           Ttrst Original Photos of Rhine Occupation                 ;AB enthusiastic  from citizen? of    : Rh tv *fend *Gcrman troops  n  ';~i'.-d the demilitarized area after Hitler ca.-t "IT th"" fin.i1  of the Locarno pact and Versailles treaty.                 Children i;;ir- ti in  at.thr .'topi- *?.   cheered the incoming cavalry and citizen* generally celebrated the advent of, German troops with public demonstration*.</t>
  </si>
  <si>
    <t>                                           CJ  CIRCULAR</t>
  </si>
  <si>
    <t>                                           Speaker At Sam Houston Celebration                 Prof. Sam Houston, n. of the great Texas hero and son of Joshun Houston, favorite body-guard of Genera] Houston during the trying days of the Texas Revolution, is shown here addressing the thousand* of patriotic Texans who thronged to Huntsville to pay homage                 to General Sam Houston on the anniversary of his 145rd birthday in one of the outstanding 1 Texas Centennial Celebration? of the (Jay. Prof. Houston is principal i f the Xt^ro school in Wimtsville. Texas and one of the foremost  of his own race in the state.</t>
  </si>
  <si>
    <t>                                           Candidate For Bishopric In Fine Talk                 NASHVILLE.   -llll. iSN.Si The It'"-' .loM.'ph ('/. p.      ol - SI. Paul A. M E. church. SI. Louis. Mo., addressed Ihr faculty,  body  community of Plsk  k  preacher, in  service. Sunday morning, on the "Menace of Cynicism." The speaker  thai the way on cynicism Wft.*; the  battle of the hour. "We can never       to cure depression and to have . untl we  In a measure stilled the cynic." he continued.  TLIs  Is not to be confused wilh     InlellectunJ , nor with tno Infidel  s such, ' admit of some discussion, research and analysis. The skeptic has a closed mind, .lns nun. knows al. seos all and Is all." Dr. Gomez was  on Snndny (CopUnuod      3; Col. i) I                 Candidate for (Continued from PftKe I) owning of ihp Iwfil -T of the Knppn AIpliii F-si, nmt on Monday  tin.1 rindi-i ilr. of the   A and I. -. up  Hie Silver Annlversnry Sormon of ilio Knppa Alplin P.^i in their recent  Brand con- clave Hi. SI. I/Miis. Mo. He is prominently ini -il for i he l)L-i] of his  til. iiie m-xl   nt m,.1v york Oilv Mnv .</t>
  </si>
  <si>
    <t>                                           "Listen to Lunceford" will be the salutation to radio fans beginning early in June, when Jimmie Lunceford and his orchestra take to the air waves from the new Larchmont Casino.</t>
  </si>
  <si>
    <t>                                           Omegas Honor Their Dead At Meet                 Varying from the traditional memorial service lor Col. Charles Young only, the grand organization of the Omega Psl Phi fraternity, several months ago. amended Ute constitution to the effect that all t)ie fraternity s dead be .                 Monday, March 23, as the local graduate chapter of the Omega Psl Phi fraternity assembled In Its regular monthly meeting, a special phase of the program, over which Harold B. Thomas presided, was given over to a fitting memorial service in honor of Col. Charles Young of the U. S. Army who was one of West Point's lew Negro graduates; the late Atty. Walter H. Mazyk,.who was, for many years. Grand Keeper of Records and Seals of the. national organization; Brother William Gilbert, of Nashville, Tcniu a charter member of the organization: Edward Fisher of Kappa Psi chapter: Dr. R. B. Prultt of Zeta Phi; James D. Barnes of I Delta Omega.; W. J. Pettls of Phi Phi: Judson Lyons, formerly of Psl -at Morehouse, but later of Bpsllon: and William Bush of Eta Omega, Atlanta. The .special memorial program came immediately after business was curtailed by a banner gatherIng of fifty Omega men. J. B. Blayton, Eta Omega , conducted the session. 1 Numbers on the memorial  Included a reading. Why Should the Spirit Be Proud", by William Knox, which was given by H. H. Thomas: a memorial address by the Rev. D. Talmadge Murray, pastor of Radcllffe Presbyterian church; and benediction by     chaplain, Rev. E.-M. Hurley, pastor of Warren Memorial M. E. church. Hosts for the meeting were H. H. Thomas, Dr. G. A. Howell, Dr. E. G. Bowden, T. S. Coles, W. 8. Cannon, C. P. Coles. W. B. Mitchell and Reverend Murray.</t>
  </si>
  <si>
    <t>                                           Varying from the traditional memorial service for Col. Charles Young only, the grand organization of the Omega Psi Phi fraternity, several months ago, amended the constitution to the effect that all the fraternity's dead be memoralized. ized.</t>
  </si>
  <si>
    <t>                                           YMCA Campaigners In Greatest Feast Of Entire History                 The Butler Street Y. M. C. A. campaign that 'netted- $5356 tc. srt a new nation record for funds  also set a new record tor men Inducted Into the Royal Order of Spteerlnktum. the ^Y" gc^ get ten, during a campaign. DirectoDeFrimtz announced last night.                 Thursday. May 28. The points  for advancement were received by the men for' amount of money solicited, attendance, anil spirit. The Director stated the proportion of gold and double gold sUv men to the whole number given citation Into the Royal Order isf Splzzertnktum was the largest hv had ever cited. Out of a total organization- of sixty-seven men. the following thirty-eight were induced into, the order: Double Gold L. D. Milton. W. H. Smith. T. M. Alexander, J. H. Hanley. Capt. T. B. Elliott. Capt. J. R. Wilson A..T. WaWen. Capt. J. P. Braw ley. Capt. J. C. Coley. Capt. W H. Alken. G. E. DcLonne. W. A Ben and Capt. J. P. Whlttaker. Gold C. S. Cox. Dr. A. B. McCoy. J. R. Wilscn. St.. P.. M. Davis. K. E .Tunentlne. S. S. Abrams aud R. P. Johnson. saver S E. Gore. J. C. Johnson. Dr. C. W. Powell. H. M. Ivey. N. P.                 TJllman. A. F. Wcezns. C. L. Gideons. E. C. Mitchell. Capt. P. D. Maise and E. M. Martin. Red Capt. Dewey Watkins. A. C. Rucker. Capt. G. H. Howard. A. C. Murdaugh. R. E. Cureton. J. r GUI. B. H. Reeves. J. p. Gomlllicu and H. J. Purlow. 1936 Campaign Oreanlntion S. S. Abrams. W. H. Aiken ano T. M. Alexander. W. A. Bell. J. H..Bell. J. P. Bravley. C. W. Bronner and J B. Blayton. B. M. Cole. J. C. Coley. D. a. Connally. C. N. Cornell. C. S. Cox and B. E. Curetcn. Drew S. Days. P. M. Davis, G. E. . T. B. Elliott. H. J. Furlow. F. C. Gassett. C. L. Gideons. (Continued on      6. Col. 5)                 YMCA Campaigners (Continued from page 1) John T. Gill. J. p. Gomillion. S. !E. Gore and J. P. Griffin. J. H. Hanley. L. J. Harper. Ji C. C. Hart. J. Hays. John Hcp'.v Roger Henderson. Rev. J. G. Hopkins and G. H. Howard. H. M. ivey. R. Johnson, J. C. Johnson and nidus Jones. F. A. Lawscn. P. D. Malse. E. M. Martin. L. D. Milton. Dean E. C. Mitchell. Dr. A. B. McCoy. A. C. Murdausi". Roy Ncrris. and Dr. C. W. Powcl. B. Henry Reeves. W. H. Rivers. W. J. Rowe and A. C. Ru.-ter. J. C. Sims. B. Smith. W. H. Smith, and C. A. Scott. N. p. TiUnian. L. Traylor. M. E. Turrentine and F. A. Toomcr. A. T. Walden. Dewey Watkli^.                 A. P. Wccms, E. L. White. J. p. Whittakcr, J. D. Wlnstcn. A. C. Williams. J. r. Wilscn, sr. and J. R. Wilson, Jr.</t>
  </si>
  <si>
    <t>                                           The Butler Street Y. M. C. A. campaign that netted $5,256 to set a new nation record for funds solicited also set a new record for men inducted into the Royal Order of Spizzerinktum, the "Y" go getters, during a campaign. Director-DeFrantz announced last night...</t>
  </si>
  <si>
    <t>                                           Lift GIVEN FOR CRIME DF 1935                 Errie Powell Must Spend Remaining Days in Prison                 JURY DEBATES                 Narrowly escaping the  penalty In the brutal slaying last July of Tonunle Pounds, his common law wife, Errtc Powell  w sentenced to serve the remainder of his natural life hi the  Tuesday.                 The Jury was out more than four hours .deliberating Powell'i fate. It was    the Jurors were tied up 10-J for the death penalty at the first balloting. Powell had been the  or long police search : tin death of his paramour from a  wound through the heart, wl".ch he hart allegedly Inflicted -; jealous quarrel on July 6. He was arrested In January ol tills year In connection with robbery cose. Held to tlic grand Jury Powell was In Fulton tower wnen Homicide Detectives Englcbcri and "I Denny, who were InvcstlssJinR  case, chanced to visit the county Jail. i; Recognizing Powell they begun questioning him about the  i of his wife, and he finally alleged- '3 ly confessed, according to the of- fleers. He ntis indicted on January 28 ;j for murder In connection with InO wife s- slaying  for three " charges inclding assault to mur- cj dcr, robbery  attempted rob- 1 berj-. He will race trial on     "J oilier charges sometime  month the solicitor s c.nice announced.      Pounds was stabbed by Powell as the couple, apparently ID a  stupor walked along Edgcwocd avenue near Fort   in bitter quarrel Tlie woman had left Powell, tha .-.tale contended, and he killed hei because she refused to return and live with him. The actual ? occurred at the Edgcwood  intersection. After plunging Hit- blade of a (Continued on p f 5. col. 2)                 Life Given (Continued from page I; swil.ch- through   s breast Powell ran to Bell St where he summoned a Hnnlcy'.* ambulance unc! then disappeared In his unsworn statement. Powell claimed th:il lie stubbed in self defense after another man who w:ia  lso going with the dead woman,  him with a knife. State's witnesses were called in  to disprove the defendant s . Judge John D. Humphries prc- sided, while Assistant Soliclto! Qulncy Arnold prosecuted. Jesse D i Simmons appeared, as chief defense counsel.</t>
  </si>
  <si>
    <t>                                           Narrowly escaping the death penalty in the brutal slaying last July of Tommie Pounds. his common law wife, Errie Powell was sentenced to serve the remainder of his natural life in the chain-gang Tuesday.</t>
  </si>
  <si>
    <t>                                           When Kidney Trouble Causes You To Get Up Nights j Wh*n BUddcr L        .d MEDAL Haarlem Oil Capsules- I When I. Difficult j! When         Bother. I v0" .can"1 WT0"8 Brand j Fhxh   ,,^,,n it- .medicine for u ha.~ been helping' A \*l!~nou-- ,.^,aste and people for 50 -to correct their ACIO r rom Kidneys aches and pains and 10  uric acid conditions, the  of I If vou aren-t  just - T*uT- neuritis.          . lura- .ire - di2=~-  and baSo and rheumatism.  -  your So if you have such symptoms kidneys and learn more about of Kidney trouble as backache.         . nervousness. Retting up two or Through the delicate filters of       times during the night- kidneys, acid and poisonous   "~y  or   are drawn from the blood  se- 1~* cramps-moist palms or and discharged from the bodv thru P""* e-   ~"a M cc?1    .~~e o{ the -- these fil-l  C"nd  nd harmless diuretic :crs become clogged u-ith poisonous a'  drugstore-  t starts waste and kidneys do not function l,h? first on its errand of help. Fropcr.y-they need good clean- P..  medicine. highly j SS^             :cct aca  is COLD in Holiiud.</t>
  </si>
  <si>
    <t>                                           Central M. E.j Bible Class Sunday Host                 W. K. BAKKIt                 Toinorro'.v -ii tr lime- 1 Uurly o clock. -~i  -program, tv.  for Cnur.-il ME church W  '.      Bible Class of th^t uor. -r engages a Joint I study hour ~'i'.h the J. M. Chiles Bible Clxv. of Dig Bethel AME. I'liurch  the Lutclnce of Prof.                 C. L. Hn i-. principal of B. T. Washington HikIi School and  Supt. of the Big Bethel Sunday school. The Chiles Bible Class is  of some of l.':c outstanding I citizens in the Fourth Ward Community and is headed     Mrs.: Viola SuUon. who has made the class n fine president. Mrs. P. J. Coppins. Supt. of ths Central ME Sunday School. Is working with the Scepter and Crown club, of which Augus Harley is president, in quest of   for the program In the ;:. According 10 reliable information, the visiting class is  a  - of visitors with it. Fcllowing the special Sunday i School program tomorrow, Rev. J F Dcmciy. district Supl. of the I Ailanla intM. will deliver a sci- mon nt the eleven o clock  service.^. IK" is an interesting Mx'.- and h;\s pastured In some IliL' Ul-s; ch;irc;L'.s in the stale. He hah boon on the  sever.il' ;. Ijeluir. T!lc public is e. ix cordial welcome. Rev. J. A. Baxter. Central pas- tor.  unr.'.-i that Sunday i* Lmcn!a\ D.\y ami marks the be- ': oi' the dr:ve for World Serviiv. He anxious to have tlr.s  over Hit- (or which I..I.MH, he is   ever: tun;  M'. r\i-i v im- of tlv K'oiiliiiiicd on I'.it-i- :t; Col. 4l                 Central M. E. (Continued from PaRc I) church, and friends of the community to heed ris call. The Quarterly Conference will  he held tomorro'.v. All mem- bcrs of Conlrnl ~.!E church are  to be present in.  . They arc  lo  thr ir friends along too.</t>
  </si>
  <si>
    <t>                                           Tomorrow morning at nine-thirty o'clock, a fine program is stated for Central ME church is staged when the Bible Class of that worship center engages in a joint study hour with the J. M. Chiles Bible Class of Big Bethel AME, church under the Lutelage of...</t>
  </si>
  <si>
    <t>                                           BAGS OR TONS ASHBY ST. COAL YARD Quality and Service FOR PROMPT DELIVERY C.H Ra. 9303. 295 A.hby St., S. W.</t>
  </si>
  <si>
    <t>                                           Baptist Ministers Made Big Showing For NAACP, It Is Learned At Meeting                 By REV. TASCHEREAU ARNOLD                 With snow steadily falling, the Atlanta Baptist Ministers. Union he!d another interes:inc session Tuesday at Greater Wheat Street Bactis: .                 This distinguished body is one ot the largest in the nation and boasts ct" some of the race s most outstanding leaders. AH ministers would profit greatly if they would attend these weekly meetings.      accounts for the tremendous influence this organization exerts upon public sentiment in our city as well as the nation. L-aymer. are also allowed to attend the sessions. Following a helpful devotional, which was begun by Rev. E. D. Lawson, national evangelist Rev. M. L. King, president of the group opened another great meeting for this great group s Baptist divines. Next came the journal of the last meeting. The journal was read by Rev. J. J. Clow, secretary. Dr. Samuel Pettagrue, militant minister of the West Hunter Baptist church, electrified the group with an interesting talk, that was                 .ell received. The Atlanta Baptist Minister*' Union retorted more than all ttw other ministerial groups put together for the . according to President King, who headed the Baptist Ministers' Union. i Dr. S. M Lee thanked the (Continued on Page S, CoL 2)                 Baptist Ministers (Continued from Page 1) ren for their support which was Kiven toward Hie Georgia Baptist official organ of tlie Georgia Baplicts. The group pave President King a rising vote of thanks for his  in  NAACP drive that recently closed here. Tlie Rev. J. It BarnetU president of the fifth district of Georgia Ba, Convention urged the brethren to decide to do something worthwhile for the stale work this year toward the bond sale . Many of the standing committees made their reports. The Ml. Sinai Baptist Church began a great financial drive. March 1G which will last through March 29. Ecv. G. W. Jordan, pastor of the Second Ml. Olive Baptist church announced that the International Quartet will sing at the church Thursday night, March in. which will be Rev. Jordan's birthday. Everyone is invited to attend. Rev. A. V. Williamson, pastor of Mt. Pleasant Baptist church, told the brethren that they could have their church picnics at his country  with no charges attached. Visitors: Samuel Spear Wost Hunter Street Baptist Church.</t>
  </si>
  <si>
    <t>                                           With snow steadily falling, the Atlanta Baptist Ministers, Union held another interesting session Tuesday at Greater Wheat Street Baptist church.</t>
  </si>
  <si>
    <t>                                           MATES GET FREEDOM                 Mean Husband Ran Her Out In Night Gown, Says Wife                 HUBBY BIG LIAR                 "Cruel and Inhunun treatments'* were given as grounds for four persons seeking to have their martini tics severed In Judge ThomM'  Thursday. Two others asking their freedom charged "desertion."                 "Why lie was the biggest liar In Georgia," Mrs. Sadie Powell told 1 the Jury to support her divorce   James Powell, her  husband. Mrs. Powell further charged lhat lior husband s "cruel treatment- also  ot his heavy  physical and mental abuse, and hlr .-.b. from his home all nigh' without even bothering to offer on explanation. The Powells were married on May 6. 1922 and parted September 13. 1933. the court was old. The divorce I ums granted. j (Conlinutd on Page 2:    . S)                 Complaining Continued from l age I M's. Lounlla Booker -ed I thai her husband. John, had  her out of their residence during the i curly           hour? while she was  only u, her  c.oU)ing She  lh:n her mate hnd h mean temper, would stay cut all night and ,.,n  return would      ~~-.d beat- her. Married in J,,iy wjj Mrs. Booker testified thai she left I her husband in August, inn. j Claiming that h... was the  uf continued abuse ul the hands of i his wife. Lillian. P. L. Taylrr. ror- mer Atlanta theatre man, won his! martial freedom Thursday on ihc . of -cruel treatments." Taj lor wa4 married in )9_~j ana operated in 1934, he . He is now manager of a chain c.f  in North Carolina. He  the right to . Three months 01  blis- i?~ was  for Mrs. Lillian y;  - I cty. she told the jmy in Judj;e Thuinas- court Thursday. Mrs. Yanccy said  hai slie w;,i wedded 10 Pat Yanccy in the sprin; of 11134. and Mi him In the (nil of the same year. Her husband, she said, would I   drunk and keep her  all 11I3I11, and she was forced 10 w to work the next day Jn a nervous and sli-epy condition. Repeated  inflicted by her hars-h male, the witness claimed, so affected her health  she lust Wuiglit. She was given her second verdict. Two sought  freedom on the grounds of desertion,  'hat Dielr mates had ~_ft them more  three years ago. Mrs. Nora Stone suid that she 1  Castle Stone in Ocluurr, 1925. and that he  her in June. 1031. He never returned, she Ue- clared. j Julius Jenkins was  his divorce from Delilah, en desertion grounds alter he testified she li'.td left him ill March. 1932. He said thai she told him she was  I to her sister s house at the time. but she never came back. I</t>
  </si>
  <si>
    <t>                                           "Cruel and inhuman treatments" were given as grounds for four persons seeking to have their martial ties severed in Judge 'Thomas' court Thursday. Two others asking their freedom charged "desertion."</t>
  </si>
  <si>
    <t>                                           Cloudy and ; winner witli          snow this afternoon or ; lowest, temperature extremes near 18 decrees. Gcorfe W. Mlndllng United SUtes Meteorolojlst</t>
  </si>
  <si>
    <t>                                           Today, we are writing about Mr. H. Hemphill, pioneer citizen of Atlanta, who is a distinguished member of the deacon board of the Greater Wheat Street Baptist Church, the Rev. J. Raymond Henderson, minister.</t>
  </si>
  <si>
    <t>                                           Just thirteen years ago people in Atlanta were looking at the famed eagers from Wilberforce battling those from Morehouse. The Wilberforce-Morehouse series impelled the most spectacular circumstances ever known in the south. The names of Wu Fang Ward; Hallie Harding, Zip Gayles, Dunson and Melvin Sykes were like magic and brought fans to the Auditorium-armory by the thousands to see the two leaders of the sections cast into the same pit.</t>
  </si>
  <si>
    <t>                                           ^      Hr JrKY 2ZT After more San   of  from a   . Miss Glivar used Dr. M3   Nervine which gave bar   that    * tB as enthusiastic letter. I] yon. suffer from "Jttrvaf: If you lie  , start at * , tin , ere cranky, blaw  wi               of '.  and  them wMi Ruse medicine that 'did tia work" for this. Colorado gJH. "Whether your "Nerves" have troubled you. for      or far years^. find this timetested 'remedy effective. At Drug Stores 25c and fLOO.</t>
  </si>
  <si>
    <t>                                           WARRENS Kyi 1:1 W.lli-y All ColorFRYERS I I.I.-. ;nt.l 1'ml.Mlb 24c FRYERS Lb. 28c Y'Uinsi anil '   '-,   I 1.1^. Avr. HENS Lb. 20c EXTRA SPECIAL ROOSTERS ti. s Li). Avx. LB. 15C Fresh Vnrd EGGS Doz. 20c Day-Old Ga. White Infertile Jusi Laid EGGS Doz. 25c</t>
  </si>
  <si>
    <t>                                           PRINCIPALS IN LATEST "SCOTTSBORO" AFFAIR                 Just a few hours after the indefinite postponement of the  ot the Scottsboro eases last Saturday, another chapter was written Into this internationally famous drama when Q^te Powell, one of the youthful"' defendants was  wounded in an escape attempt by Sheriff J. S. Sandlln or i Morgan county. j The car in which Powell was . handcuffed to two other defendants. Roy Wright and                 ence N'orrls, was the middle machine in the group conveying the nine ScoKsboro boys from Decatur, the scene of the trials, to the Jefferson County Jail in Blr..  7'.i.:,-- Sheriff Sandlln. with Depnty Bla. lock, also or Morgan county, were In the front seat of the car when young Powell Is said to have slipped a knife from his pocket and to have attempted io sla*h Blalock's throat as the anto wended its way through a cut near Cullman, Ala..                 Powell was shot in the heart by the  while Deputy Bhtlock Is reported to have been slightly cut. iVt the left, Powell is being operated  in the Ililtman hospital Jn^Blraiinchain- every-effort humanly possible was exerted save his life. At the right, Sheriff Sandlin may be seen holding the knife with which his assistant was allegedly cut while Sheriff E. J. Pierce looks on.</t>
  </si>
  <si>
    <t>                                           :Crackers Box Score MEMPHIS  b r h po e Marquardt, 5002 20 CotelU. ef 5 1 2 4 0 0 Haley, rf-3b ..501200 Dttka, If 5 12 111 Hmt, 2b 3 2 3 5 0 1 Farrell. lb 4 1 13 0 0 Luther, 3b 3 0 0 0 10 Crace. If 0 0 0 0 0 0 Powell, c 4 0 3 6 10 DreUewerd. p 4 0 0 12 1 Carter, p 0 0 0 0 0 0 Total. 38 5 12 24 7 3 ATLANTA- ab r b po a e Hamel. cf 5 0 2 2 0 0 Hill. 3b 5 12 0 2 0 Hooks, lb 4 0 1 10 1 0 Harris, If 3 0 110 1 Lipscomb, 2b 2 I 1 3 2 0 Browne, rf 4 0 0 0 0 0 Richard., c 3 3 3 6 0 0 Ch.th.rn, 3 1 14 7 0 Schmidt, p 3 1110 0 Durham, p 1 0 0 0 0 0 TotaU 33 7 12 27 11 1 MemphU 000 021 020-5 Atlanta 110 200 03x 7 Run* batted in, Lipscomb, Richard 3, Hill. Dub*, Powell 2. Hamel; two-base hit.. Hook., Schmidt. CotelU; home runs, Richard. 2; stolen base, CoteUe: sacrifice, Chatham; doable play, Lipteonb to Hooks; left on bases, MemphU. 8, Atlanta 7: base on balls, off Dreisewerd 3, Schmidt 1: .truck out, by Dreisewerd 4, Schmidt 4. Dvrhara 2; hit., off Schmidt 10 in 7 2-3 inning, with 5 runs, off Dreisewerd 10 in 7 1-2 inning, with 6 real; winning pitcher Durham; losing pitcher, DreUewerd. Umpires. Aintmith and Campbell. Time of game, 2:10.</t>
  </si>
  <si>
    <t>                                           Arthur P. Davis, a member of the faculty at Virginia Union University, has written a very interesting article titled "The Negro Professor" which can he found in the April issue of the CRISIS........ The Department of Commerce has just released information on the salaries paid sepia instructors. In most cases the average sepia professor was paid deplorably low pay when compared with that paid white...</t>
  </si>
  <si>
    <t>                                           The Watch on the Rhine-1936 Model.                 This symbolic  shows two German sentries in field gray, steel- and carrying bayoneted rifles, on sentry duty beside the historic "Wacht Am Rhine" monument which stands at the                 juncture of the Rhine and Moselle rivers at Coblcnz. The picture was  to London and radioed to New York. More than 30,000 German troops now occupy the Rhineland.</t>
  </si>
  <si>
    <t>                                           Hold Brother In Hammer Slaying Of Sister Who Reared Hini                 BROTHER III ADDON OF GUILT                 Tells Officers How He Killed Sister With Hammer                 SHE REARED HIM                 PEORIA. HI..                 -(    -                 George Webb. 43 year old paroled convict   police how he beat his 51 year old sister. Mrs. Hatlie Webb Black. death with a ham.ncr.                 Mrs. Black at the time or her murder, was living at 423 New street. where sh0 was housekeeper for Eugene Kstcs. The  had been an orphan since he was three  old and his sister. Mrs. Blacjc, had always  him a home. Even hi the time of the murder lie was making his home with his sister here. Eugene's only motive for killing his sister, according to his statements, was ro jet her cut of her misery because she was living in sin. However, the true motive seems to have been robbery that netted  an old watch,  and a suli coat and vest. Webb was arrested by Detective Smith about seven o clock Wednesday night at 201, Norm Washington street where he was trying to dispose of the stolen overcoat for 50 cents and the watch for five cents, to obtain railroad Dire to Quincy, HI. "I may get 14 years of life or I may burn Ii makes no difference to me." Webb said without emotion as he told how It n dually happened. "She was standing at the kitchen sink about 10 o clock washing dishes" he went on "I picked up a claw hammer and struck har from behind. She collapsed in my arms and I draped her into a comer and rained *ni.re blows upon her skull when she struggled to rise. "The household pet. a little white dog barked and howled in terror. J struck the dog. knocked him unconscious, and then I left the house, went to u booties resort for a few drinks and came back." Upon his return. Webb found a!l  was ^so he looted the trunk, which he believed had a large sum of money, and found two dollars in cash, an c.. suit coat, and an old watch. He claims thai ho spent the two dollars with an unidentified woman until darkness. Webb has served time In the stale penitentiary at Mcnard until his parole three months ago. He had teen sent up from Quincy. Mrs.  had helped to obtain his POTulC. Webb was unemployed.</t>
  </si>
  <si>
    <t>                                           George Webb, 43 year old paroled convict calmly told police how he beat his 51 year old sister. Mrs. Hattie Webb Black, to death with a hammer.</t>
  </si>
  <si>
    <t>                                           Society Girl Lightens Skin Three Shades MifexJHf      ^HHI wP  Discovers magic double-acting bleach She bad thought her dark skin was ^-tEal she would never have the fashionable light skin of other girls. And men she found this simple safe way to a clear, creamy skin Nadinola Bleaching Cream. And in an amazingly short time the discovered that her skin was actually three shades lighter! Not only that but it vail far softer and smoother free from blemishes and *. Just smooth a little Nadinoki on at bedtime no massaging, no rubbing. Then Kbile you sleep it immediately begins to dissolve dark pigment. And remember ii has DOliBLE-ACTING qualities fount in no other product  s why it is b*. remarkably quick and sure. Yet it is won JerfuHy gentle to sensitive stein. Satisfaction Guaranteed -or Money Back Get a box of Nadinolu Bleaching Cream it any toilet counter or by mail postpaid. 60c If you are not more than   will be cheerfully refunded. Don't isk your delicate "~m to cheap bleach        .  or        . Insist ur. - ~^~ud and trusted for over ^. Nadinola. Box 16 Paris, Tennessee.</t>
  </si>
  <si>
    <t>                                           [Funeral- Motices]                 - Mr. and Mrs. Willie Mcnefcc, St.. Miss. Willie Mae Mcnefce. Mr. and Mrs. Andrew Mcnefcc. Mr. and Mrs. Raymond Boldcn. all of Atlanta; Mr. and Mrs. Henry Mencfee, of Tampa. Florida: Mr. and Mrs. ClemBurke, of Senolo. Georgia: Mrr and Mrs. Herman Johnson, of Birmingham. Alabama, and other relatives and close friends or Mrs. Mary Mencfee are Invited to her funeral today at 2 p. nL from the Mt. Moriah Baptist church. Pallbearers arc asked to meet al the home. 313 Liberty Strcet.*t 1:30 p. m. Interment, Lincoln Memorial Cemetery.</t>
  </si>
  <si>
    <t>                                           COLUMBUS, Ohio--(ANP)--Demanding to know the ground upon which Negroes can lay claim in culture and refinement when they do not possess all the books written by colored writers within the past decade, O'Wendell Shaw, another of "Greater Need Below."</t>
  </si>
  <si>
    <t>                                           After more than three n  cf suffering bom a nervous         . Miss GJivar used Dr. Mile* Nervine which gave her rod  results that she wrote m an enthusiastic letter. If      from "Nervcm.* If you lie  , $tart at sudden , tin 1 , are cranky, Uu* and fidgety, your nerva era probably out of order. . and relax them with iht sune medicine that "did tb* work" tor this Colorado girL Whether your "Nerves"      troubled you for hours or foi Tears, you ll find this timetested remedy effective. At Drug Stores 25c and</t>
  </si>
  <si>
    <t>                                           Instant Relief Flu and Hi -r?^ BrondMlThahles HItS^-' Suppliod Bjr YATES MILTON PHARMACIES 228 Auburn Avc. 767 Fair St. AMOS DRUG STORE 3 A.hby Street</t>
  </si>
  <si>
    <t>                                           THE CROONING TWELVE SOCIAL CLUB was royally entertained by Miss Helen Hill. Business was transacted briefly. Plans for the picnic on the 15th of June were completed. The picnic will be given at Lincoln Country Club. Trucks...</t>
  </si>
  <si>
    <t>                                           Awakened early this morning by Sam Brown, the interior clecorator (paper hanger, painter, etc.) and discovered him to be an old friend of the family. While waiting for the material he proved to be a versatile talker and told some hair-raising experiences in his life. One thing being the time be was as a foreman ever about 50 or 75 other Negroes. There was one fellow who was jealous of his position and was determined to kill him. One morning on the job, this fellow 'picked' a quarrel with Sam...</t>
  </si>
  <si>
    <t>                                           FOUNDER S DAY A T TUSKEGEE IS BRILLIANT EVENT                 INSTITUTE. Ala.- (SNS)- Extolling Booker Washington as one who has taken his place ameng the immortals In the Held of American education." Dr. Eroett J. Scott, secretary of Howard University, Washington. D. C. delivered the Founder's Day                 Jress here toay. After reviewing the life and activities of the Tuskegec founder.  he served as secretary Tor Mshtccn years. Dr. Scott called attention to the fact that Booker Washington "seemed to have a conscious pride In recalling how he had thwarted circumstance and, overcome obstacles: and he never : to teach his pupils the  qualities of perseverance, self-reliance, self sacrifice, and  ambition. He recognized :he fact that qualities such as these contribute to the 'durable satisfactions of life'." He expressed it as his opinion that Booker Washington's fame would rest chiefly upon his achievements In the field of education,- and referred to the report of Commission of the* "National Education Association which named him ns one of ten educators who hare contributed most to duration In trie United States timing the past 11 years. He also  to his -work in the field of race relations and his tamest "desire and determination to overcome racial misunderstandings and, if possible, to obliterate racial bitterness. Be believed In America: he ' in its opportunities. He was willing to share his portion of Its responsibilities. He felt, with all of his heart, that to achieve a sure economic foundation, the race much pay the price -the price of sleepless : the price of toll when others rest: the price of planning today for tomorrow: the-price of- this year for next year1." "Booker Washington." he said, "never sought to stir feelings b? acrimony and hate, but instead,  it to ameliorate misunderstandings. He knew that the  of mankind is ever, ever upward, and that minorities must win their way not by platitudes and shibboleths, but by hard, unceasing work." Dr. Scott's address was an Intimate recital of the privations the founder endured to secure an education and said: "Tlrst of all. I would have my generation and the one that has followed, and succeeding generations, as well, recall him. not as a legendary figure, but as a man of great simplicity, honesty and efficiency: a tireless executive who successfully guided the destinies of a great experiment in education: ps a - thinker: as n doer of the word; as one who hated pretense, bombast, and all terms of hypocrisy and make-believe: as a deeply religious man who believed ta God with a child-like faith: and finally as one who triumphed over great, almost insurmountable difficulties, and reached the highest pinnacles of fame and success by reason of his ;;;th of character, his skill, his endurance, his extraordinary enery. and his eye- In the prosecution or a great mission. "I would give you as best I can ,-n intimate picture of that . who went among us day by day doing his  with most determined, never flagging;. _            .        . "I would. If I can. have you see him as I saw him. day by day. In the close intimacy of personal and  relationship, and In moments storm and stress, and    went about his self- task of  enduring contributions to human progress, helping to lift a i race from the  swamps of ' and superstition, while always hoping that, in some small (Continued on Page 3. CoL 3)                 Founder's Day (Continued from     - 1) way. he might help forward the common nood of all people of our America." 'Continuing his address He said: Thcre; have been those who often have sought to read Into the Pounder's life a spirit contrary to' the e ; pronounced by Colonel Roosevelt and that is why I am venturing to bring to your attention this Just evaluation of the spirit which characterised his W" and his work. Humility, with him. was not servility, "He continued the even tenor of his way. He was unspoiled by the great honors which came to him. There was In him no room tor personal vanity. Clearly he saw fundamentals. Sedns his way, he could not be deflected into by-paths eithe r by criticism, or unreasoning reviling. He 'continued to hold, and la proclaim, that the members of his race, each individual thereof, must  to acquire basic character,  qualities and fundamental virtues which contribute ta make menand women useful members of society through practical, purposeful work He was not ashamed to  the gospel of industry and thrift He felt that only through them could men an.l woman of his race  win their way. "Prom the very beginning, hi* educational program was more or less revolutionary when contrasted with the traditional scholasticism of the time, for he placed, his emphasis upon and no id more attention to formin?' character than to the precocious aptitudes of his . TWs -was -for trial period, education of a new Mhd. and .1  departure from the  formalism of -trip usual -room. "He was a constructive force Tor Rood. Best of all. he alwavs hod h . The public believed in him. In his sincerity, and the  of his plans and programs. -He followed no labored processes of relationship In the workin? out of his educational philosophy. Intuitively he -felt the needs find necessities of a. race and devoted himself with all of      powers r.J .mind and heart to          effective a, program -of race .advancement. As a result He contributed' more fundamental principles to the present day pragmatic  of education than .any other  individual or school of thought. "I how said he was a. practical, constructive forces. Mirages could not attract him. Rainbows did not lead him to seek mythical pets of cold at their ends. With Cavoiir. who  about national" unity in Italy, he had ' enthusiasm for the possible'. He knew, ss Daniel Webster .once said. There Is nothing so  as truth*." Other, Event* The  for the trustees becan Immediately after, their arrival upon the . The annual Sorlnc  of the Board was held in the Counci' room of the Administration. Building at 10 a. m. Other .-is of the trustee Tmrty were escorted over the  Insnetin?.     Agricultural T)*. the Women'* Industries, the Academic       rx Teof *ments and the site where the proposed new Agricultural BuDdlns,                 sift of the White South, will bf erected. At 4 o clock Saturday afternoon the trustees witnessed physical exhibition by the girls of the Physical Education Department. Saturday evening at 7:30 o clock. Maurica A. Lee. member oS the Department of English. Tallpdega College, member of the class or 1916. which Is  its 20lli anniversary reunion at the Institute at this 'aime." delivered- the Alumni address. Prof. 1~~- i.% tlv son of Dr. J. R. E.    \ president. Floridn A. and M. College Tallahasee. formerly director of tin; Academic Dcoartmont. TuskCKCc Institute. Said Prof. Lee: "An institution: a  of men. a  of ambitions boys and girls, lone since turned men and women: These words depict a progressive panorama: a cross-section of human progress. The institution u Tuskegee Institute. The galaxy ol men divides itself into two trios The one generous, sympathetic and wise- Is made up of Seth Lew. William G. Wilcos and William Jay Schtefielin- illustrious president of our Board of Trustees. T3i" other- lar-seeing interpreters oi human nature, anxious about the rights and duties of a race, of the welfare and future of the South and Nation- is composed of Booker T. Washington. Rchert Russo Moton and Frederick Douglass Patterson, presidents ot Tuskegee Institute. The ambitious boys and girl? of the class of 19)6 are today the sons and daughters of         . American men and women-  years ofter graduation." Prof. Lee's address was followed by the presentation of the Cantata "Hiawatha's Wedding Fonst by the Tuskegee Choir of 100 voices. Otis D. Wright, from Elorodo. Arkansas, a freshman in the Tuskegee Institute School of Music, was the soloist, and the Choir was  supported by a 50- orchestra William L. Oawsois. whose Negro Polk Sympathy is still being praised in music circles, conducted. At 4:15 Sunday afternoon the TuKkccer Bund, under the direction of Capt. Frank I*. Drye. save a concert on White Hall Ijiwn. Some visitors went' to lock into the work being done ut the Tuskegee Self-Help Cooperative, a project that has aroused nattan- interest ond one of the first of It* Kind to show the practicability of this type of assistance from the Rehabilitation PrORram of the Federal Government. The Sundsv afternoon tour also included a visit to the Reforestation" Program of the Tuskegee Planned Land Use Demonstration which is the retiring of   nnl lands from production. At the Vesper services Sunday there was special music by the Tuskegee Choir. Dr. WiUiom J Schlcffclin. chairman of the Board of Trustees, who presided, presented several trustees and other visitors who spoke briefly. Alphonse Hcnincburg. personnel director. Tuskegee Institute, on behalf of the president and faculty, presented Dr. William J. Schlcfrclin with a birthday token, made In the shops at the Institute, as nn expression of their  nt Dr. Schiefrclin's keen interest in Tuskegee and Its workers. Many Visitors The visitors Included: Or. William J. Schlcffelln. New York! Mr. and Mrs. WiUlam M. Scott. Philadelphia; Mrs. Elizabeth Mason. Boston: Mr. Alexander B. Seleel. New York: Mr. Henry S. Bowers.     York; Dr. and Mrs.                 son. Boston; Miss Jessie D. Amffi. Atlanta; Miss Aniy Chadwicic, Dr. Wauter G. Crump. New York; Or. Charles T. Innun and parly of race relations students from the graduate School ot FducaUon. Y:   - Univrrfiiv: nr. EinmeU- J. S"-ol'.. Washington. D. C. Founder's Dav speaker; Dr. :ind Mrs. S''Mc Harris. Blrminclmm: Me. Mauriw A. Lee. Talladepa Colleee. Alumni sneaker; Bishop R. E.      . New Orleans:  Mrr-ClHiidr A. Barnctt.. Chicago: Dr. Robert R. Mot on. Cnpnhcslr. president emeritus. Those rett: for the 20th Anniversary Reunion included: Mr.-. Mary M. Banks.'      :~. Arkansas: Afr. Cli.ir es H. Gibson. Mrs. Ufifn Toylor      '. Mrs. Anita Pius Cox. Miss Minnie L. Davis. Mr. Preston Roney. Mrs. Jnanita Convers Dobb*. Tuslceeee: Miss Leta Stevens. New Haven. Connecticut. Scores of leading  and surgeons, here to participate In the 25th Anniversary of the .'ohn A. Andrew Clinical Society, will br heard during the week.</t>
  </si>
  <si>
    <t>                                           TUSKEGEE INSTITUTE, Ala.--(SNS)--Extolling Booker Washington as one who "has taken his place among the immortals in the field of American education." Dr. Emett J. Scott, secretary of Howard University, Washington, D. C., delivered the Founder's Day...</t>
  </si>
  <si>
    <t>                                           PRINCESS NAOMA I ^^^^^^w PALMIST ^^^B^P^HBjj 1' XuOma I ^^^^~^^^^H gifted      ^V^I^I^BI '-sL and life ^^H^B^H^Vj loader, roads H^~        an open book, l^ma^^JB. ont anci  SmSbI 'C""; cun '1c't) ^k vf U (Vjfl -'ou  l^ty' AjH '1   1-'' f a  H^^/kb^mDB  or amm fr^'ttM bition muy be. t Slic will answer nny three questions you may 8sk. How to have good luck, win the one you love or any wish or desire. One visit to' this gifted woman will convince you. Princess N'aoina will give you a full $2.00 Reading for 60c for a limited time only. Satisfaction guaranteed. Rooms for colored. Hours S n. m. to 9 p. m. including Sunday. Tells your lucky days. IO3S Marietta St., Wc.t. Look for Palmitt Sign. One block Past King Plough Factory</t>
  </si>
  <si>
    <t>                                           JOSHUA JONES                 By i. p. tu?    .                 I Mr Weatherman,  n 1 enough.</t>
  </si>
  <si>
    <t>                                           PRINCESS NA.OMA PALMIST         Princess Naoma ^^^BV^B^H a  palm^^~^~~^H ist a n d life ^^~/~""P-Trefi reader,: reads B^Bj^V^S^ your hand like ^^Hm^SSkJ an open book. ^  ^^9 tells past, ^ ent and future. Igrwi^^^RM She can help BJL*yTc JHl   "~ no   tter ^KvjS^ T^Hhopc, fear, ^B^^fA^BHteoable or     ^BIPTi^B WtSon may be. r- j iShe  answer any three questions yon may tisk. How to -sood-, win      'ne ymt    !e or any wish or desire. One visit to this gifted woman will convince you. ^Princess Naoma will give yon a foil $2.00 Reading for 50c for a limited time only. Satisfaction, guaranteed. .EoomVfoir'colOredv Bonn Daily and Sunday S atm. to 9  Tells- yoor-lucky day*. J 1035 Wm Mkriatte St. N. W. Leek for P*lmi.v2  / Ot*_ block Past 1    Plsagb Factory</t>
  </si>
  <si>
    <t>                                           CHICAGO--(A N P)--Baltimore's citizenry has demanded respect from local radio magnets and consequently WSMB has made its first attempt to build programs directed to the colored population, which is about one fourth of the city's population.</t>
  </si>
  <si>
    <t>                                           PRESENT THREE EXPERT PAINTERS THIS EVENING AT 6 O CLOCK                 The Pain'.crs Association, which Is cc- :i short course this week, will present  paint experts from the Shcrwin-Wllliam-. Paint Company, on Thursday  I                 :it    o clock, in Room 200 of the Odd Fellows Building. These men v.jl! brin!; with thorn a now lino of (Continued on Page 6, Col. 7)                 Present Three i (Continued (ram      1) paint products, both raw and fin- Ished. and will demonstrate their I uses. Tuesday night Sir. Parks from I the Campbell Company   materials used in, the production of paints- His lecture was highly appreciated by the large group of painters present. A ques- tlon bcx period followed the lee- t tan. Wednesday night a general re- i view period was conducted by I Messrs. Sayles and Weaver of the Painters' Association.</t>
  </si>
  <si>
    <t>                                           Jesus, in the audience of all the people, said unto His disciple "Beware of the leaven of the Pharisees which is hypocrisy." Only the out-and-out Christians are Pleasing to Jesus. A hypocrit is an actor with a false face covering his real face. Friend or today, are...</t>
  </si>
  <si>
    <t>                                           CHILLY KISS OF DEATH                 Knrlnff :is the fiendish baron of a ghostly castle is seen hero as lie places the seal of death on a lair victim in ''The  Kimm." the sensational shocker picture playing today through Tuesday at IJailey's 8! theatre. Karloff outdoes ills previous terror man roles, in the  SI picture.</t>
  </si>
  <si>
    <t>                                           They call him 'Red-Hot' Henry Brown, down here on the 'Avenue' And he justifies the name. He is red hot. He's a well constructed, pleasant looking brownskin fellah, with a ready grin and a twinkle in his eye. And the twinkle is not an evil gleam, but a beam of good fellowship and overflowing good nature. He is the living ghost of what Beale Street used to be...the rhythm, the blues, the laughter, the melody, the madness, and the passion, are all locked up in his compact body, to be released whenever it...</t>
  </si>
  <si>
    <t>                                           NEW LINCOLN i EDWARD ARNOLD in "Diamond Jim" HARLEM MONDAY and TUESDAY "THE THREE MUSKETEERS"</t>
  </si>
  <si>
    <t>                                           Crackers Box Score MEMPHIS ah r h po a e MactttanU. s* 4 1 2 1 1 0 CoteOe. ef 3 1 0 4 0 0 Powell rf 4 0 110 0 Duke. If 4 112 0 0      . 2b 4 2 2 TarrHl, lb 4 0 2 5 2 0 .Lather. 3b 3 0 0 10 0 Racier, e 3 0 9 1 0 Nelson, p 2 110 0 0 Totals 31 4 7x25 6 0 I ATLANTA- ab r h po e HameL ef SIMM HOI. 3b 4 0 10 11 Hooks, lb 4 1 2 8 2 0 Harris, If 4 1 1 I 0 0 Upscomb. 2b....4OO5 4 1 Browne, rf 3 0 1 2 0 0 Garrln. c 4 115 2 0 Chatham, ss 4 2 S 2 5 I Durham, p 2 0 0 1 1 0 Total* 3-1 5 11 27 15 3 Memphis 310 000 000- t ATLANTA 001201001-5 Bans batted in. Powell. Duke. Nelson, Calvin 2. Browar. Hamel 2: ttcs- hits, nooks 2. Mantuaxdt. Haoei; three-ba.~~ hits. Marqoardt. Dake. Browne: home nun: Nebon. CiWn; . Dnrb-im 2; doable , LlDscomb to Chatham to Books, Chuthim to.         . to ": left on basest. Metnohls 2: Atlanta 7: base on balls, off Durham 2. XelMm 1: struck out. by NHson 8, Durham 4:  balU. Haley 2. ITmplm. Campbell and AbBworth. That of game. 2 .</t>
  </si>
  <si>
    <t>                                           Roy Morgan says. "Tell Mr. Nank Wilson that it was forty-five years a:o that Fortune Nunn worked at. the Atlanta Brewery but it is a tact that he did work there and Fortune died when he (Roy Morgan) was a small boy." Roy also says tell Mr Nank Wilson that "Fortune" was...</t>
  </si>
  <si>
    <t>                                           *M Nrvfr (tvr upl (or the wlMt fet9  Knowing that Providence     t*v cup; J And all             kMt. H Cb* oldest. "5 Is the true - never (tn UDI</t>
  </si>
  <si>
    <t>                                           WASHINGTON, D. C. (By(Frederick S. Weever for ANP)--Discourtesy to both Mrs. Frankling D. Roosevelt and newsmen marked the appearance of the "First Lady of the Land" as special guest at the regular meeting of the Women's Faculty Club of...</t>
  </si>
  <si>
    <t>                                           JOINT COMMITTEE MEETS MONDAY                 Tbe joint committee on church cooperation Is convening tomorrow (Monday) at 13:30 o clock at the Sutler Street YMCA to discuss Recreation tor Children in Atlanta. This inter- group win be  with an official from the Parks Department of the local  government. Father H. J. C. Bowden is chair, roan of the colored committee on church cooperation here, while     chairman of the white organization is Rev. S. F. Lowe.</t>
  </si>
  <si>
    <t>                                           Well, kind readers, the Old Scribe is at it again. In our last release we discussed "Fifteen Stations to Hell." Each station represented an evil we see or hear of quite often. We will mention only one station, "Christ-less Valley," What ever you do, don't board the devil's train here.</t>
  </si>
  <si>
    <t>                                           The Men's Civic Club had its regular meeting with the Rev. Mr. Reid on Reese Street, Thursday night at 8 o'clock. A large number members were present. Some important business was discussed and two committee were appointed by the president. Two...</t>
  </si>
  <si>
    <t>                                           --THE INDEPENDENT CLEANERS SUITS PRESSED 10c WHILE YOU WAIT Expert Cleaning. Pressing, Altering and Repairing Done at the-Most Reasonable Prices. See Us for Satisfactory Results.- All Work Guaranteed to Please. 1 465:WestMitcheiI  St</t>
  </si>
  <si>
    <t>                                           "Y" MEMBERSHIP DRIVE TEES OFF SPIRITEDLY                 YMCA DRIVE OFF WITH i                  Firrt Report* Will Be Heard Today; Worker* 'Hot'                 GREAT SPIRIT                 The following named ?       of p.i j   goes out  to  good lte pledge to put    .A. RebabOltatlon CunpBlgn "orer the top.- The Tint rep*:  b at 5:90. thh .i: j  TneKlay) and the ?            :   the DWJriciiw ^ntl j                 Team*  in earned, nan .111 *. a tine i- from tlv j the public Is assured. The Divisions and their teams i ore ts fellows: Division **j\"* I F. C. Gassct;. Manager and J. I C. Jchnson. Asst. Monag?r. TEAM I (ConUnoed on Pace 2, CoL                 EXECUTIVE COMMITTEE, 1936 Y.M.C.A. CAMPAIGN                 FRONT ROW, left to right: H. M. Ivcy, Chairman of Organization; W. H. Smith. Chairman Contributing Membership Committee; C. S. Cox. General Chairman 1934 Campaign; Dr. A. B. McCoy. A. T. Walden, Chairman Butler Street YMCA; J. H. Me- j Grew. Executive Secretary. REAR ROW, left to right: L. D. Milton,                 General Chairman; J. H. Hanley. General Chairman 1932 Campaign and Chairman Contributing Membership Committee 1934 Campaign; G. E. Delorne. Manager Division "B"; J. B. Brawley. W. A. BclL S. S. Abraras. T. M. Alexander. Associate Chairman Division "  ; R. B. DeFrantz, National Campaign Director.                 YMCA Drive (Continued from Page J. P. Whittaker. Captain: L. J. Harper, jr.. N. p. TlUman. Roy Edwin Norris and R. E. Curecon. TEAM II J. P. BrawJey. Captain; W. j. Rowe. M. E. Turrentine. J. F. Orlffln and C. W. Bronncr. TEAM m J. C. Coley Captain: J. c. Sims. R .Henry Reeves. Jchn X. GUI and J. P. Gommion. TEAM IV Dewcy R. WaOQDS. captain: F. A. Lawson. Rev. R. G. Hopkins. T. R. Connally and Drew S. Day*. TEAM V H. Howard, Captain: A. P. Weems. J. H. Langston and Dr.John Burney. Division -BC. E. Delorme. Manager; T. M Alexander. Asst. Manager. TEAM VI J.' R. Wilson, jr. Captain; A. C. Williams. C. C. Hart. Rogers Henderson. R. M. Coles and" J. R. Wilson Sr. TEAM VII T. D. Mate. Captain: P. M. Davis. H. S. Murphy, a. C. Ruck- or. F. A. Toomer and John Hope. Jr. j TEAM vm C. N. Cornell. Captain; A. J. Lewis. H. J. Furlow. c. L. Gldeoaand Dean E. C. Mitchell. TEAM XX. T. B. Elliott Captain: S. E. Gore. I. p. Reynolds, and H. L. Couldrcck.  X W. H. Aikcn. Captain: w. H. Rivers. B. Smith. Wm. Drlskcl! and Alfred Angel.</t>
  </si>
  <si>
    <t>                                           The following named group of patriotic citizens goes out today to make good its pledge to put the Y.M.C.A. Rehabilitation Campaign "over the top." The first report meeting is at 5:50, this evening (Tuesday) and the sharp competition between the Divisions and...</t>
  </si>
  <si>
    <t>                                           A tense, throbbing drama of the court will be enacted tonight when two of the best ex-collegiate squads of cakers clash in the. Morehouse gymnasium. This promising clash is a grudge battle. bearing all the ear-marks of a real spectacular exhibition of basketball with the thrill being furnished by the Washington High and Tuskegee Institute faculties. The game is scheduled to begin at</t>
  </si>
  <si>
    <t>                                           RUNS INTO TROUBLE                 John Mulliiis, 37. CS4 Majnolia street, N. \V.. run intu plenty of trouble Friday afternoon when lie ran a  at the corner of Ashby and Simpson. Chased by Ocleetives D. SiiuniN and I. C. Jones. Mullins wds run down and  as lie moved southeastward on Mayson-Turoer road. One salton of corn whiskey n-is fi;uml in the car. He was bound over to the state Saturday  under a S."00 bt:nd on the liquor . ;md uas fined S.10 for spei din; and another $50 for ; the red .  Junior Class Holds Open Forum This Afternoon Miss Martam Ciir..  of Mt. Holyokc University and beloved  instructor cl B. T. Washington High School, appears this afternoon at four o clock ns   fcr an open forum beins staged at Central M.E. Church by the junior preparatory class. A series of  .s will be earned on and win sharo the spotlight with her talk, but Miss Cunr..am holds the central focus this afternoon with her message on the Italo Ethiopian question. A new hot water . ror automobiles thRt is mounted flush with the dashboard includes a detachable hot air windshield defroster.</t>
  </si>
  <si>
    <t>                                           ONL.V       .V MlWSpZVt*. IN nil       PaMUhmi DaUy     Sanday at 210 Aabora Amw, N. E* By SCOTT NEWSPAPER SYNDICATE ToUphonw: WAlnut 1459 and 1*60 .Entered ln"the      Office  t Atlanta.   .. ma second-          i anier act of         . March 3. 1879. I r SCOTT         Ho*' j ^p3A^r?RSON--    ZZI.-g.-t- c-~   M--J^ LUCIUS I- JONES                SUBSCRIPTION RATES: DAILY.- 1 Yr. *9.25: 6 Moott. *4.7S: 3      ^2J0: 1 SATURDAY ONLY- 1 Yr. tt.OO; 6 Monti.. $2.00; 3 Moath, J1JS. Canada! 1 Yr. $4.S0; 6 Months $2.75;       1 1 Yr.    0; 6        O.75. j MEMBER OF THE ASSOCIATED NECRO PRESS ij NATIONAL ADVERTISING REPRESENTATIVE W. B. ZIFF CO.. Cbicaco, 11L. and New York. N. Y.</t>
  </si>
  <si>
    <t>                                           Millions prefer it to f^i0?fj^  ^^^ Miracle Whip Is tf0-    . WSfflSST'^ fl t I  The tinic- Ingrwll1.^^*^ /ImIiH'I en: uf  unU oW-IuliI Vi% Ml If /~1*I 1   in r*  \ Si V* in :i    , Hlclll ful wny.       tho V J J fA/UV*'*^  jfl'\ l^nii. V .J^ .Alln 1 chch recommend for Ifieul  \.Wfld J/**" ..it''  the Miracle Whip</t>
  </si>
  <si>
    <t>                                           Artery Slashed, Young Man Bleeds To Death At Clinic                 QUARTER MAN BLEEDS TO DEATH                 Artery Slash In Leg Too Severe; Youth Fail* To Rally                 LACK OF CLUE                 Atlanta was gir*a another colored homicide late Sunday night. T. Quarterman. 17. 1031 MasonTurner, admitted to Grady hospital in an unconscious condition,      at 10:45 o clock.                 1^^ An artery In Quartennan's right ]er was ^M rut by an unknown at^M ucker.  uid it Is be^^lieved hy hospital physicians the boy bled to death. He was unable to give police any possible clue that would lead to the arrest of the slayer. Detectives Monday questioned lne dead boy s mother, Mrs. Lenora Quarterman. asd she said she knew of so reason why her son might have been cut. She said he had no enemies as far as she knew. Qoarterman's unconscious body was found in the street at the corner of Ashby and Simpson by T. Moore, who gave his address as 3154 Ashby street. According to police reports, Mr. Moore carried the dying boy to Fire Station No. 3 and called an ambulance. A Murdaugh Brothers ambulance carried the youth to Crady hospital where he was  and treated. Willie Wayne, 23. 325 Trayman street, was stabbed in the bock Sunday night In front of 310 Trayman street. He was given medical aid at Crady hospital. William Favors, stabbed in the heart Sunday, was In a critical condition Monday at the local city hospital. Because of the seriousness of his case, police were not permitted to question him.</t>
  </si>
  <si>
    <t>                                           Atlanta was given another colored homicide late Sunday night. T. Quarterman, 17, 1031 Mason-Turner admitted to Grady hospital in an unconscious condition, died at 10:45 o'clock.</t>
  </si>
  <si>
    <t>                                           Amidst soft and alluring decorations and lights in the spacious reception room of the Girls dermitory, Friday evening at Morris Brown college, members of the Zeta chapter of the Phi Beta Sigma fraternity. Crescent club, Beta chapter of the Zeta Phi Beta sorority and...</t>
  </si>
  <si>
    <t>                                           SCw uic Y/O--. st'7 HIS VrT^^T'fp/SMALL PARTJESy^^ 4$ i ooo^l I CiUtL   EDWARD ARNOLD DIAli^D From the   by Parker Morall A Universal Picture -with JEAN ARTHUR BINNIE BARNES LINCOLN THEATRE</t>
  </si>
  <si>
    <t>                                           {World Visitors                 Prof. J. H. Lovell, of Gammon Theoioclcal Seminary, city, was a visitor al the WORLD office Tucsaay with his brother, the Rev.        R. Lovoll, of Los Angeles. Calif.. pastor of the K1^ African Methodist Episcopal Zlon Church, of the "Ancel     -". The Reverend had Just returned from the AME Zlon General Conference at Greensboro. N.C.                 JOSHUA JONIS By L T.         Brother Bell Mjfs the old nan. who spanked his son opon hi* km* probably waa right In      he w*~  but Uut hell bet he had -tho  end to  low."</t>
  </si>
  <si>
    <t>                                           Today, we are writing about Mr. A. J. Lampkin, outstanding member of the Liberty Baptist church, Rev. J. J. Clow is pastor of the church. Mr. Lampkin is a popular member of the Usher's Board.</t>
  </si>
  <si>
    <t>                                           $ MONEY $ FOR SALARIED PEOPLE No Endorser* Siffnatare Only Liberty Investment Co. 126 Edgewood Ave.</t>
  </si>
  <si>
    <t>                                           1 I WE) L/L Vl\ JL V-J^r^  r</t>
  </si>
  <si>
    <t>                                           After two weeks on the road, during which time they tasted defeat for the first time this season, the Memphis Red Sox will return home tomorrow (Saturday) to open a three-game series with the Columbus Giants, or Columbus, Ohio. Not satisfied with the team that...</t>
  </si>
  <si>
    <t>                                           JOSHUA                  By I. P. Reynold.                 -Brother Bell  tlic M/ 'Let your  be your ". u he      back and his  lm with brisk; Jbo bit ' v</t>
  </si>
  <si>
    <t>                                           NEW LINCOLN "Confidential" A *~G-   '* Picture EXTRAORDINARY RITZ Theatre Decatar, Cm.   in "The Big Fight" Abo DUzy and Daffy Dean Comedy</t>
  </si>
  <si>
    <t>                                           .___,v -,;,:n if 41    t I I L.^^J k' I ^^^^m I III ^v^W*/~::^'^y ^r ^^^^^r I ^^r ll oi  III S 1 Cw 1 4* */jd I ~~~~~~~~~~^~~1 'ONl-Y NEGRO DAILY NEWSPAPER IN THE WORLD [              ]~ ""~~*"'"*~*t^ ^^^J^^^^^^WB I. VOLUME 9, NUMBER 24 ATLANTA, GA-, FRIDAY, MARCH 27, 193G PRICE FIVE CENTO</t>
  </si>
  <si>
    <t>                                           MISS GWENDOLYN JOHNSON, . who to  the "8  Bird" of Minrnii School * ih* b to th* Fifth (fade.</t>
  </si>
  <si>
    <t>                                           TUESDAY. .MAY 2171936 THE ATLANTA ".Dt .V. GA. i^\GE FI\'E</t>
  </si>
  <si>
    <t>                                           Annual Prayer Week At Paine College Is Impressive                 AUGUSTA. Ga. (SNS) The week of March 2-7 marked the an.  week of prayer or religious  week, at Puine College, Augusta, Ga. These services this year were led by Rev. J. D. Hudson, pastor of Trinity c M. E. church In Augusta. He is peculiarly  to                 instruct college students along this line, especially Paine College students, having attended that institution for several years himself nd knowing the customs and Idenls ol the college so well. In addition. he has wide experience In church (Continued on Page 6, Col 1)                 Annual Prayer Week! (Continued from      1) I work and In Negro religious movi- j ments. For this reason be is able j to relate the flunking of the  students to the religious ideals and j activities ol the community. :The general theme: for the ser. vices was "The Kingdom of God  od the Power  Service."" Dr. Hudson discussed this subject on  n entirely collegiate level, pointing out  ways and means .whereby  students could serve their 4n a spiritual way and                 i-:r.;ii:as:z:ng ;ik necessity :or .-  iln.- r;shi. choice Hi ri  . He cave- illustration* also of the inevitable and undesirable j results oi ^e experienced  j of poor choice i iid sires-sod, '.\:c t need for faith and  :   j community welfare,  plain the Dlace of the college student ir. i helping to brini?  ideals j ihr public :u . r aiac College lias never neglected j Hie religious fide of education and religion  v.xcl: Mas been. from the very , a salient feature in Us  ghi for a. sanely spiritual .</t>
  </si>
  <si>
    <t>                                           AUGUSTA, Ga. -- (SNS) -- The week of March 2-7 marked the annual week of prayer or religious emphasis week at Paine College, Augusta, Ga. These services this year were led by Rev. J. D. Hudson, pastor of Trinity C M. E. church in Augusta. He is peculiarly fitted to...</t>
  </si>
  <si>
    <t>                                           Minister Stresses Faith In Sermon                 Sunday was a big dav at the Second Mt. OUve Baptist church. Rev. C. W. Jordan Is the religious leader. Pastor Jordan warned his followers to stand by the faith of the fathers, as he extolled about the virtues of the gospel the  services. Tinder the direction of Miss Florence Mortis, efficient organist of the church, the choir rendered splendid nitric throughout the day. The  staged an unique pro(CoBtianad on      2. Col. S)                 Minister Stresses (ContinocA  pan U gram which was a noble achievement to this department. At 8 p. m, the Rev. J*r. Jordan (sin delivered a. soul- message to his devout followers. Beginninff Wednesday might through Sunday the New Hope Association, of which Rev. Jordan Is the moderator, win stage a highly concentrated effort tor funds to be taed for the state work.</t>
  </si>
  <si>
    <t>                                           Joshua jams                 By L F.IumIIi                 They ~.M tha Lord MtaflMgtf who help  imSS* Brother Bell M ht- Ct- aM tue  In , -^</t>
  </si>
  <si>
    <t>                                           The lovely home of Mrs. Emma Stanton, popular Washington high evening teacher, was a scene of Cultural and Beauty on last Friday night, with Mrs. Stanton as hostess to faculty members of the Booker T. Washington High Evening school and Miss Elizabeth Prophet.</t>
  </si>
  <si>
    <t>                                           Tgbadijation I S p  s I       the graduating girl or boy will^^^^^^^^ II receive with "^forg .^^^^^^P^^[ II L grand selection at exception ntf^^^H IE Wrist Watcbes jS^^ I 117 wwt In   Wrfat Watches "'^""j, I W8.50 *e ST5.00 al^^ I AzQiifalUlr  nt^d cm. Marrttooi I  . Wi, (bow     oar      ?~.A. MORGAN I It- -f^/ 118 Alibaiu St, S. W. ^-^Ufc^" II  I .  * Xooiioaiir to *ma Bttp4 Iromi Pu CdriOp. 11</t>
  </si>
  <si>
    <t>                                           FAIR and , but cooler.  W.  muted States Ittteandoglst.</t>
  </si>
  <si>
    <t>                                           MANY AWAIT  TONIGHT                 Recreation Divisions Hold Limelight At Bethel Church                 FINE TALENT                 The climax of the musical activities sponsored by the colored division of the Reereaiion Dsportineni of Pulton and Dcldlb counties wil be the musical presentation at Bip Bethel tonight, starling at 8:30 P M. .                 The department, under the j^; supervision of Leon P. Wright, ha: prepared renditions from the four evening centers open to the public They are E. P. Johnson under th. direct supervision of Miss Lul: Stanley: David T. Howard undo the direct supervision of Mrs. Eiht: Harris, Central M. E. Center under supervision cf Scott Edwardt and Washington High center with M.ss Margaret Wingfleld in  of the music classes. Reservations have been arranged for c:ich center and iis friends. Ai the conclusion of the musical entertainment, an announcement will be made as to the center having ihc largest attendance and a picture will be taken of the group. Come out and support your favorite neighborhood center! At u former musical given at Central M. E. church. uTno nc "the" outstanding numbers was a  rendered by Miss Elizabeth Ray fro.n E. r. Johnson and the male qu-net from Washington High. Both ef these selections will be repeated by popular request. Thp public Is cordially ;rcd to  early as the program will  promptly at 8:30 P. M.</t>
  </si>
  <si>
    <t>                                           The climax of the musical activities sponsored by the colored ion of the Recreation Department of Fulton and Dekalb counties wil be the musical presentation at Big Bethel tonight, starting at 8:30 P M. promptly.</t>
  </si>
  <si>
    <t>                                           HAMPTON INSTITUTE, Va.-- (SNS)--Hampton Institute makes a specialty of singing the Negro spirituals through its choir, Trade School Singers, Folk Singers and its whole body of students. But it seeks to hear all types of interpretation so that its singers may study...</t>
  </si>
  <si>
    <t>                                           Send in your Blank to The Junior Circle It's Interesting!</t>
  </si>
  <si>
    <t>                                           The greatest railway in the world is not from Berlin to Bagdad, from Cape to Cairo, nor from Alaska to Buenos Ayres: it is the railway that runs underground through the catacombs of New York City. Few realize what an enormous complicated, and...</t>
  </si>
  <si>
    <t>                                           1 JL A BANK /} ty and for lP%JR PEOPLE Deposits guaranteed by the Federal Deposit Insurance Corporation up to $5,000 for each Depositor. I CITIZENS Trust company THE BANK ON AUBURN</t>
  </si>
  <si>
    <t>                                           JACKSON, Miss.--(ANP)--Again the race issue has been injected into Mississippi politics by Mike Conner, senatorial opponent of Senator Pat Harrison, staunch supporter of the Roosevelt administration. Taking exeception to a "whispering Campaign" now being...</t>
  </si>
  <si>
    <t>                                           New Roman Emperor Acclaimed                 of Bomana  the plaza before the Qnirtnal Palace to Some to cheer Kin* Victor Emanoel (arrow; a* he wm              Emperor of Ethiopia following occupation of AcUiii Ababa by Martha! Ba4'~ troop*.   '~              *60rMn.</t>
  </si>
  <si>
    <t>                                           He Can Take It                 Prnidrat           Responsibilities of office and th* dc- of the impending political campaign nave failed to       noticeable trace on the *nance of Franklin D. Itooieveh whose  portrait U  abort..</t>
  </si>
  <si>
    <t>                                           RAID NIGHT CLUB                 A score of men were amsted shortly after midnight daring a raid of the Harlem Night Club, located on Anbnm avenue between Bntler and Piedmont The "red wagon" made two trips to the scene of the raid. Members of the Vice Squad be. fan searching the place shortly after 12 o clock and dM not complete the Job until 1 a. m. Those arrested were charged with gaming. As the men under arrest  bronchi down the stain of the Harlem Night Club to Umi "wagon", crowds of onlookers gathered in front of the . Ing and  upon the .</t>
  </si>
  <si>
    <t>                                           Using standard, film pat*Hii. an aerial camera weighing less than tour pounds has been designed lor an-. to use In airplanes. Masons Will Lay Cornerstone Sun. Sunday afternoon at 3 p.  Hall Masons of Atlanta win lay a cornerstone at the Beulah Baptist church. Rev. Davis, , at tee corner of Orlffln and Foundry streets. John Wesley Dobbs. Grand Master ot the Prince Ban Masons of 1 Georgia, will hare charge of the I ceremony. i Other officers of the-state  are: Dr. J. W. Madison. Deputy Grand Master: Dr. B. H. Atkinson. Senior Grand Warden: M. M. Dowdell. Junior Grand Warden; T. B I Brcrn. Grand Treasurer:  R.-JT I Hemdon. Grand Secretary: J. L I Dobbs. Grand Senior Deacon: J. H Golden. Grand Junior Deacon: A. McCendon. Grand Senior Stevard: J. w. Keece. Grand Junior steward: R. L.  Watson, Master          : Rev. D. R. Pobbs. Grand Chaplnin: and John C. Coiry. Grand MorshalL I MA.VS ANKIE  I Cllrrord Wadley. 28. 124 Sprtnjt street. SW. suffered a broken ankle I Friday morning when a       box fen on bis foot while he   , unloading a truck at the corner of Tonyth and Hunter streets. The injured man sent to Grady hospital In a David T. Howtrd       .                 mm Bro. Ben. -OoaU yoa        TK bite.          4r, "m.     , sot rn em     * "^3</t>
  </si>
  <si>
    <t>                                           ji^  + IN THE SOCIAL REALM +~ CLUBS</t>
  </si>
  <si>
    <t>                                           . ACID STOMAOfc GAS ON SXOatACHT Have you tried ALKA- SELTZER? Alka-Seltxer makes a sparkling alkaline drink.    it contain* r- lg- (-          ) tt fiat        the               tbm tar  T*  Ikalia* *.  who do* to ZaM Alod. Oat AJte-Satar at ~~*X?5^</t>
  </si>
  <si>
    <t>                                           ..THE.. MOVIE REPORTER                 BAILEYS NEW ROYAl,- "We're in llic Money" with .lout JJIonucll, Clcmla Farrell, Hugh Herbert anil I'll II Itegan; Chapter One, "Hum 'Km Up Barnes" with Kronklc Darro and Jatk Mul. hull; and l\vo selected shorts.  KICirrV-ONE- -Cohr To Town" with Mac West, I'aul CuvaiuUKli and Six Other I.\k Men; Chapter Ten, "I'lian. torn or thn tlie Empire" with Frunkfc Darro; Paramount  and comedy, a ItAM.EVS NEW ASI1BV- Oinitcr'  Jane Withers. Atlanta's owl  star; Chapter Nine,  Tallsiiln Tommy' with Noah Reery, Jr.,  and . 0 Q BAILEY S STRAND- "S t n 1 e ll Harmony" with Oenrge Raft, Ben Etrnle and his  and Oner nr:     ': Cartoon   .shurts.</t>
  </si>
  <si>
    <t>                                           NEW BRUNSWICK, N. J.--"The Republication Party can only win this November with the organized support of the Negro vote. A continuation of the short-sighted police of encouraging dissension and division among colored Republicans will result in the...</t>
  </si>
  <si>
    <t>                                           rotogravure ^^^^MMCM^\WM  '^S^E^^^^^iW^^^^toL. I T'*-'*~'K.fc5 weekly ever m. 1% ^^k^y 7"! BBmP^^ "5b Bm l^tf /^ ^BUSHED BY V7 1 ~^^T ^Wl^t J^ l^^ffl NEW5 WEEK ENDING FEBRUARY 1, 1936</t>
  </si>
  <si>
    <t>                                           BTB a7a?   HM1LMM   hi UWItKtT Immtmt 1 mmr i-  w 1 BUM  ~*wCTC VBa^H OR^Ht MhBiI sft MM9 V             (Mfco     p, fcr ttk    P*^^~* SKVBf SBntt      VM      i- cay. Beware Coogbs That Hang On job te*e Wed far    m or immm , jim cb         imy bs  md ^^^^^y?^^^^* Ajul ^S^ BOD. TJIlkli BOB* XfgnS     QM MB   to  ld  to ^5* Mttwiwil to  CTBoonuBaa sns to  yov If job an not Mdtitod  Mtti tarn Uw varr flat batik. la^i^iB^^F^^B "Fh as a Fiddle" no constipation Ttot dn. IMA.         bobbin ost In  n       . Sat be*    dnp  wbts out of Ox tnm  Dent let  set jou dawn! Remember to take BlackDimttgbt when you need a . It lias proved 10 (ood for Pfooopc, ;  UB  that  of men and women rely on It (or that . If  has  70a. a few doats of BhtckDraognt   you out. Try It. today! In 3S-cent packages, at drug BUCK- DRAUGHT   Laxathre</t>
  </si>
  <si>
    <t>                                           EVANS FAMOUS for BARGAINS 1934 Chevrolet Std. Coupe $295 1935 Chevrolet Sedan Del 395 193-1 Chevrolet Coach 350 1934 Chevrolet Sedan 385 1933 Chevrolet Sedan 325 '1933 Chevrolet Coach 325 1933 Chevrolet Coupe 295 1932 Chevrolet Coach 225 1931 Chevrolet Coupe 185 1930 Chevrolet Coach 165 Also Many Bargains in FORDS. PLYMOUTHS Many choice larger cars Evans Motors 234 Peach tree 219 SprinK St. Open Evenings and- Sundays for inspection</t>
  </si>
  <si>
    <t>                                           Best Kentucky RED ASH COAL J URGE BAGS $1.00 W DELIVERED KiaJIiof Ft- I Call Ma. 7992 Madam Mingy THE WOMAN WHO KNOWS Tellt part, pment and * PERMANENTLY LOCATED Palmut and LH.  Ufa' Cm adme* *a all   f Ufa. Lot*. Maniac*, aad SparalaHwa ot  HP aD Ua*.    't faU (~^n to     sifted MffH Palmist. Palate Ura k5* way to all . IgjPud abcw. .     MaaWat       ha* Myad  aad aba aaa  mu LUCKY DAj-S AMD SPECIAL  50. Taka Fadatal PriMm  ar ta aad t Ha*. Lack far Mas* S%b No* la Task. ^LstfaJMattfaaVa GBttMaVftSSA 38 MeOraMffc Raad Hadaa Watr  Uk*~ No  Oiflc* H*ani ff AM. 0 PJI.</t>
  </si>
  <si>
    <t>                                           LITTLE RUFUS LEONARD, eight-months' old son of Mr. and Mrs. J. D. Leonard in Fort Worth, Texas. Rufus seems to say, '-Take a look at me."</t>
  </si>
  <si>
    <t>                                           -$75 to $100 per Month Possible. Hiaqm, . *    4       uU4 for   d     . SEND STAMP. THE WORTHY SYNDICATE P. B*x 64, Obariia. R333mAgic Jr. r rr t Jiir  .i., W*~ a^hk. Kill I Ufci.     k-i. lli nil.. Y^.</t>
  </si>
  <si>
    <t>                                           NEW LINCOLN BIG BOY WILLIAMS "DANGER TRAILS"</t>
  </si>
  <si>
    <t>                                           The portions of Homer's narrative which most excited Alexander's enthusiasm were those relating to the characters of the heroes who fought, on one side and on the other, at the seige, their various adventures, delineations of their motives and principles of conduct...</t>
  </si>
  <si>
    <t>                                           NO MORE FUNDS FOR NEGROES AT CENTENNIAL</t>
  </si>
  <si>
    <t>                                           The club will hold its regular meeting on Sunday, March 6th at the home of the president 624 Ashby street, northwest, at 4 P.M. The topic for discussion will be "When Should One Consider Life?" Bible quotations will start with the latter "E" Visitors welcome.</t>
  </si>
  <si>
    <t>                                           Jesse Owens, the fastest human in. the world, and celebrated Ohio.State University field and track star is to speak to the nation over WLW Sunday, March 29, from 5:30 to 5:45 Eastern Standard Time. it was learned today from I.J.K. Wells, of the State Department of Education of West Virginia. Owens has been: scheduled by the Division of Negro Schools, of the State Department of Education to tour West Virginia High schools and to make four radio addresses in West. Virginia during NATIONAL</t>
  </si>
  <si>
    <t>                                           Ethiopian Conquest Incomplete                 -^~~f3?r; Typical plain country 5 v:- '^~~'~;..J,* ::~.~~+.~~ ~.~rrr--.-' .-rv:-: :.'.'.;V,.,^1. j".                 ___^^^         5r ^'M                     City of Aduw.                 Now that the African campaign is virtually over and Italy is in control of the entire Ethiopian territory, the question arises as to whether the newly acquired colony can be made successful commercially One of the major problems which Mussolini faces in developing the section is that of financing. The campaign was extremely expensive, gold reserves dwindled, and Italy must raise huge sums for irrigation projects and other improvements before even the most fertile sections can be made profitable for farming. The climate is another adverse factor since the intense heat makes it impossible .for other than natives to subsist. in , sections. Much has been Baid of the mineral and oil resources of Ethiopia, but the value of these hag yet to be determined. In one sense. Italy's conquest of Ethiopia ha? only begun. Only the future will determine whether the Roman legions will succeed.</t>
  </si>
  <si>
    <t>                                           ACTIVE in Beligious organizations is Miss Emma Thcart of St. Petersburg, Fla.</t>
  </si>
  <si>
    <t>                                           D. W. McD.--Will I be turned away from the lady I desire if I make known to her my request, or will it be accepted?</t>
  </si>
  <si>
    <t>                                           BROADCAST - TRAINING NEWS                 NEW YORK- Station WHN has contracted irith Mike Jacobs, promoter of the Louls-Schmellng fight, to broadcast dally from     camps of both fighters at four o clock each afternoon. A description of tie fighters oni their condition by         writers will be given. Nat Fleischer, editor of "The Ring", win comment dally, alternating from both camps.</t>
  </si>
  <si>
    <t>                                           The gala attraction of the commencement season in Atlanta win be the First Annual Graduates Festival of the Atlanta Tennis Club which will be held at Sunset ... no the night of June 9.</t>
  </si>
  <si>
    <t>                                           Prof. Starling Will Return To Old[ Post                 Prof. Earl A. Starling who was given a leave of absence from Morris Brown college two years ago to study at Columbia university, returned to Atlanta Wednesday wilh his Master's degree. Prof. Starling said he received the degree in sacred music at Union Theological Seminary, the religious division of Columbia university. The professor said he win return to the faculty of Morris Brown next fall.</t>
  </si>
  <si>
    <t>                                           The members and friends of Wesley chapel C. M. E. church in South Atlanta are pleased with the progress the church is making in carrying cut its general program.</t>
  </si>
  <si>
    <t>                                           fey Thomas Jefferson Fiahnagan wL*~\?\ GROUND HOG RHYME We're 1 mighty ;ir, r. ,,i' ^, (1 hoi l.-i" lii-'    !,.v.\-n ^.,n,- in p..-! 1 '.1 weren't no su;i in .-.cure 'ini lurk in his hole, we re set The Dcmnerats have ted 'nn nn ih:ii soup n' : t. Blesb        bi -r?. mi;; ql.irl lie let"' his ! your relief visitor t,-, ),m him Ol,    . jMe: Per nex' N'ovcmber we ll m.'i:d "im.  his hoof to squeal. To help Irkcp en Jim Farley fave u-  \o\v Deal. Grcnin' hog, iiii(; fell,r. ^ot (lie ' . Han' that  some fl;     . frr lie may have sonic pull Wilh them fellers that s ' our alphabet en rime. Out the Supreme window three letters at a time. Ei we don't do somethin" tbc way that swi-ep-head s set Ot.r children on behind us won t "have no alphabet The XRA departed when our ' sick chicken died, En that triple *'A" procession took the wildes' sort ride En Mistor Groun'  as yen ' roof  the fiel,1 Ain't there sonic nice ^ you can say ter this New Deal?</t>
  </si>
  <si>
    <t>                                           Bp^reL^sM J ^U4D9E^3^^^^^^^h</t>
  </si>
  <si>
    <t>                                           Big Boy Williams, ace rider and gallant scrapper of the screen forged to the front rank of special thrill-providers at the Stand Theatre last night with a whoopem-up, wild action Western appropriately entitled. Danger Trails" that kept the onlookers, young...</t>
  </si>
  <si>
    <t>                                           ONE DEAD; 2 WOUNDED                 I JEFFERSON, Ca. (SNS) A group of Negroes killed one white farmer and wounded two of the farmer s companions In a roadside gun fight Saturday night near Jefferson. Pour Negroes were quickly arrested after the incident and posses spread out over the country side in search of two others. At the jail it was said that officers believed those held were not directly implicated In the slaying. Investigators said they were informed the shooting followed a quarrel which  between the white men and the Negroes in town earlier in the day. The farmers were on their way home when several colored men in an automobile passed their wagon and stopped. The shooting followed, the investigators . QUARTET SINGS AT ALLEN AME The Morris Brown University quartet will be presented in a recital tonight at Allen Temple AME church, it was announced last night Under the auspices of the Junior Allen Board, the musical will be started at 8 o clock. Allen Temple is located  l the corner of Clark and Fraser streets and Is postered by the Reverend W. R. Wilkes. In streamlining their steam locomotives to reduce wind resistance German railway engineers enclose even the driving wheels with metal sheets.</t>
  </si>
  <si>
    <t>                                           Mabel Brown sauntered over to the win dow and looked down upon the milling crowds that flocked to Auburn Avenue in the early hours of the morning. For some obscure reason crowds of penile from all walks of life fascinated her. She stared for a moment then returned to her desk:. Presently she lifted her brown eyes and stared fixedly at the flowers she had placed on the desk opposite hers. She sighed and smiled dreamily.</t>
  </si>
  <si>
    <t>                                           ETHIOPIANS SEEK MONEY IN LONDON TO BU Y 100 PLANES                 l.i J\'IK)\ iSN Si Tin- i;           i -, Sum!.iy  its  tu limit Britain, Dr. Azaj Martin, appealed f.r a loan i,l ?5,(~X).(H)() tw.i  kt    100.0CX)  !ir  :i :iip  il w.is fit i.illv -d                 lu war ul final* throughout 1 1 it- nation,  move * ;ir. Klhiopia's first bin (-(lull lu remedy      weakness in - lary aviation. I Jr. Martin Said, "Already several thousand pounds have Ik en -. We want 10U planes Jo deal effectively and    with our enemy and we already  an offer of 12 new planes. I don i  any 1 in KelnnK planes when we  the money." During the ; of the war, foreign countries offered ti. sell planes to the Kthiupian (, bin it    believed by i  officials that ('.thio]~ia had i it r desire of ; the high costs. I'. felt it could win the battle against Italy without planes,  me London authority said Sunday. Kven though Klhiopia is heinn pushed t(i the capitol wall by Italian , Dr. Martin still has hope of getting the desired Mnoiint of money.                 ITALY PREPARES FOR SMASHING DRIVE  (SNS)- It was reported here Sunday night that Italy's East African army was ready for Its smashing offensive against Horor and Jtjiga In the east, and Addis Ababa, the Ethiopian . In the north the Sabaudu - Ion. attached to Marshall Plelro Badogllo's command, reportedly occupied Ankober. only 80 miles from Addis Ababa, without resistance. In an official communique. Grazlanl admitted that Jn two days of  on the southern front his columns suffered 11 white officers killed and 17. including two airplane pilots, wounded. Approximately 750 white and native soldiers were wounded. Ethiopian losses were described ns "tremendous." One thousand dead were reported counted on the field In the region of Hamanlet. south of Sasa Baneh. . Unofficial reports that the IltilInns captured Sassa Baneli -r severe fighting with an Ethiopian  under command of the Turkish General Waheb Pasha persisted here. But official announcement of Siisn Banch's fall was withheld until the high command, is  there will be no chance in the situation .It wns pointed out that danger of Ethiopian counter-attacks remains. The Tevere division, commanded by General Vittorio Verne, was fighting its way toward JIJlRa, encountering heavy resistance from Ethiopian forces battling stubbornly in a denting retreat. General Pruscis' forces were still fighting large Ethiopian (Continucd on Page 5, Col. 5)                 GUARDING ADDIS ABABA                 WHERE ITALIAN SOLDIERS REST                 THOSE BLACK FOLLOWERS OF IL DUCE                 ...Ethiopian soldiers fi^litin^ under the Italian flag who are pre- I paring for the final drive against the Ethiopian capital at Addis j                 Ababa. These blacks lined up with Italv near Ihe outset of the -Jtalian \\~  .                 Ethiopians (Continued from Piirc 1)  in \hv S:t^o Mant'h . GciHTjil Aucislini -c  -liji'^ii. nn the cnsi of Stusp Ranch. (~:' Ciiunu Godo. Cirn7inni  in Biriocllo that  columns '  !ly l ifi -s   tln-r.! . Thus (mi. Iluiv's  nO vmv" ~'Oiiiliwnrtl  I ho Im""~inl hi  hns been . Tin- Itnlinn column which  Wnrrch Allu Into yesterday. tt-~s rM    today with Us Hank -oled by   '      of Erltri'iin;;. Tliolr ( was nut -il</t>
  </si>
  <si>
    <t>                                           LONDON (SNS)--The Ethiopian Government, Sunday through its minister to Great Britain, Dr. Azaj Martin, appealed for a loan of $5,000,000 at two per cent interest from 100,000 subscribers to buy a large air fleet it was officially reported.</t>
  </si>
  <si>
    <t>                                           FROM time to time we have watched Georgia's strange political complex. While it has been delicate and highly intricate at times, the tangle, if closely watched during the weaving will of funk: an interesting narration. From the time the governor fired off the old highway board to his present status as one man, carrying on the ship of state there is strata after strata in the layers of his career, exposing a condition of unrest and mistrust on the part of those who have not agreed with the governor.</t>
  </si>
  <si>
    <t>                                           Baptist Ministers Observe Many Anniversary Events During Current Month                 By KEV. TA8 ARNOLD (Official Reporter of Union)                 The Atlanta. Baptist Ministers' Union met Tuesday, March 10, at Greater Wheat Street BapL church, with the Rev. M. L. King  ing. -~                   As usual, the program of activity during ihe session was a motivated one, a fact that accounts for many constructive Ideas being carried forth. An announcement of Interest was that dealing with, the celebration of the twentieth anniversary of the Union Baptist church, the Rev. S. M. Bryant, pastor, March 16-20. Rev. Lewis Foster, Jr., acting pastor at Wheat Street Baptist church, will deliver the opening night sermon, being followed by Rev. A. L. Collins at Bethany Bap. tist church, March 17; Rev. J. D. Sims at Piney Grove Baptist church. March 18; Rev. C. H. Holland at Mt Morlah Baptist church, March 19; and Rev. George W. Jordan at Second Mt Olive Baptist i church the closing night                 The forty-ninth anniversary of Sbcnezer Baptist church and the fourth anniversary of the pastor, Dr. M. L. King, is "now in progress. A great birth month drive of tha Antloch Baptist church, Dr. T. H. George, pastor, opens March 16 and lasts  March 27. Dr. S. E. Gore, chaplain, has been ill, but the ministers' are glad to see him out again. Dr. Samuel Pettagrue, pastor of the West Hunter Baptist church, electrified the group with his powerful message. Dr. D. D. Crawford, veteran executive secretary of the Slate Baptist Convention of Gcor. gin, presented the resolutions on (ho passing of Dr. John Hope and Informed the group of the appointment of Dr. S. M Lee as a representative of the Georgia BaptlBt, official organ of the state connection. Rev. V. A. Edward,  lot adult education for the state, urged the pastors to request their                 members to attend the school. Rev. William Lysles is now conducting n great revival at Uie Bethany Baptist church, . J. M. Gales, pastor, and the people arc urged to henr this fine preacher with a burning message.</t>
  </si>
  <si>
    <t>                                           The Atlanta Baptist Ministers Union met Tuesday, March 10, at Greater Wheat Street Bapt, church, with the Rev. M. L. King presiding...</t>
  </si>
  <si>
    <t>                                           TIM TYLER  By      JfeMg                 FELIX, THE CAT -By SulK*   -~ l                 -By Cy Hnngeford                 DOROTHY DARNIT -By Charles McMjbft*                 PETER PEN -By Nick Nichol.                 JACK SWIFT -By Cliff Farrell and Hal Cpbob</t>
  </si>
  <si>
    <t>                                           "By one man sin entered into the world, and death by sin.--Roman 5,12.</t>
  </si>
  <si>
    <t>                                           The Atlanta Back Crackers, your Crackers and my Crackers, step out again today at Poncey. Our boys are leading the Southern League if you didn't know it and have yet to taste defeat. They trotted over to Athens the other day and took the "Classic City" boys into camp by a score of 6 to 4. This was done just to keep in trim for the invasion of the Birmingham Black Barons here today and tomorrow. After the games here with the Barons our boys take to the road for a trip that will last 15 days and carry...</t>
  </si>
  <si>
    <t>                                           Q-S-5 Kemabb. Xena.</t>
  </si>
  <si>
    <t>                                           .=?~ 9       EWU-r WlWfPyOfg* IN THl WOM.O Entered in the Post Office at Atlanta. Ga., as second-class mail under act of Congress, March 3, 1879. Publitbed Daily and Sunday at 210 Auburn Avenue, N. E., Fuamo By IcoTT NEWSPAPER SYNDICATE Telephone.; WAlnut 1459 and 1460 j^ SCOTT Genera! Manager J. R. PATTERSON*     . General Manager  L. JONES '"I--"""-"" Manasring Editor SUBSCRIPTION RATES: :- 1 Yr. $9^5; 6 Month. $4.75: 3 Month. S2.50: 1 Month 90c .'SATURDAY ONLY 1 Yr. 53.00; 6 Month. $2.00: 3 Month. S1.25; Canada: 1 Yr. $4.50: 6 Month. $2.75: Foreign-. 1 Yr. S5.50: 6 Month. $3.75. MEMBER OF THE ASSOCIATED NEGRO PRESS NATIONAL ADVERTISING REPRESENTATIVE W. B. ZIFF CO.. Chicago, III., and New York, N. Y.</t>
  </si>
  <si>
    <t>                                           The Ten Cinderella Girls staged their first anniversary prom at Sunset Casino Monday evening. 10 'til 2. which scar largely attended by members of the social realm.</t>
  </si>
  <si>
    <t>                                           "Science of the SOUL", the Rreatcst book written since the Bible", tolls you what thu Soul island shows you how to develop its Power. It tell hown the Masters, Disciples and Prophets of old used SOUL Power to perform miracles. It tells why we lost this Spiritual Power and shows you how         it back. SEND NO MONEY! Fill in the coupon below, ; it in ti.e  and we will fiend yuu this marvelous . Pay postman $1.'JS plus a lew cents postage. If you are not satisfied return it within 5 days and we wili refund your money. Mail  TODAY! ,Ancicnt SchooU. P.O. Box 24! East Orange. N. J. Please send copy of Science of tho Soul C. D. I will pay Postman #1.98 plus postage. Name Aiiiirc.-s City State-</t>
  </si>
  <si>
    <t>                                           Starr Confesses                 CHICAGO. HL (SNS) Thomas Starr it alleged to have      "?~.-d Snndar  to the slaying cf Mrs. Lillian Guild, 50year oW widow, who was branded to death May 9. In her TMCA hotel room. According tv reports  by the attorney general, the colored man contested to  ether minor .</t>
  </si>
  <si>
    <t>                                           Keep Skii Lively WHfc 3 Faans Black art White  Cnaat lere s the FOOi Yeir Skii  Tom fine 4       nourishing oils tint your skin needs and when 700 give your skin this kind of food, wrinkles and age Hoes   and your ikin become* nrm. youthful and attractive. The larce jar of Black and White Cold Cram ii 25c Trial age. 10c AveM "WMlhfftatei"tth  it took*. Be . Protect ion  ilu and  Pcrouoe       line j   an invisible veil over voor  kin to   complex* ion. It also just  h  to  lighten voor ikin and it is an ideal powder base too. Large jar of Black and White Peroxide Cream 2Ic Trial age 10c Sold everywhere.  Yeir Skii aid Keep It Levely doming Cream. This fine cream gets deep down into the pores to remove all dirt and impurities. If you allow these impurities to remain, your skin charm suffers by raving Meratsbes, blackheads, pimples. Get a large jar of Black and White Cleansing Cream today for 2Tc Trial sae 10c</t>
  </si>
  <si>
    <t>                                           Joseph F. Fielder WATCHMAKER 307 Peters Street. S. W. 400 SPRING ST. MOTORS " ARROW SEDAN A fine  powered automobile*       now approximately $4J)00. ReCinuhed ia b-anli. fnl color af      . Can be bought at a real  of $275.00. E*~y terms. WA 6992 WA. 6993</t>
  </si>
  <si>
    <t>                                           CAPITOL THEATRE NOW PLAYING  W^B WAS A HIVECq ^~^^S^~^t^^' Colored Balcony       Jf'  S^- ^^^^m^^^^^^m adults     STAGE ,S-ACTS OF -8 -with 15-PIECE STAGE      -15</t>
  </si>
  <si>
    <t>                                           Cab Driver Is Robbed; Take All His Cash                 A Cry Ci'ii driv.-r. Hrnry John- i] ~:-s S'.;::d.~y ::uc1ti:^Hl i.y :;n-.-- co).ri"i :r.o:: Arr'-;; 10 :!!~i:r:u::"i -i:  by ;K'!'.iv      tr;o mil :i; :::f c^ilj aim  .'.-cm in :io to o.rni U;'. ~( Upon ; :i; :hr .-.pet. one ol the mni fl:  !io'! pistol w!       t!i- drive: ..f $1.50 of hrs oun  and $1.30 cS the C:ty C:iu company Joluusoii said  lu* moti  l;iin 30 ccnu for the ndi' Cnt Mocn. 187 London Lane. NE. was robbed cl his h;it and vest and $2.70 Sunday night. The victim told police he was forced into an a  off of Piedmont avenue near the street Cat barn and robbed by three women and a nun. Mo.se McCoy 17. 495 Ennie Alley. Monday confessed to the theft of a bicycle, police reported. Tne vehicle had teen stolen from Ray I Woods", of  5 Peoples street.</t>
  </si>
  <si>
    <t>                                           J\ Perfection v^j j?J Our service is VJS C  B conducted with a CB standing perfec- ~,M tion. We arrange a all details com- I pletely regard- I less of the price you pay. SELLERS BROS. Funarml Diraclen A Mortician. Atlanta Office J. H. Salkn aad L. C Salkra 851 Haslcr St N.W: TU. .2144 BRANCHES: Newnan Office 31 E. Broad St. J. W. S.U.T,    . d Phon. 673 Nicbt 565-J I Carrollton Office I Crot-un      ^ Mar- 4 Jobuoa St. Pbetw 553 1 1</t>
  </si>
  <si>
    <t>                                           Practically every one of the numerous settlement houses in this country falls short in its work in one respect. Little or no consideration is given for the youth once he has reached 18 or 19 years of age. Settlement workers feel that boys in their early adolescence need...</t>
  </si>
  <si>
    <t>                                           QUITE to the contrary of a glory in holding up the frailties of individuals and institutions to public gaze, it is with feeling tegrer that reports are coming in a disappointing tenor from the general conference of the A.M.E. Church, now in session in the metropolitan city of New York.</t>
  </si>
  <si>
    <t>                                           ONLY NEGRO DAILY NEWSPAPER IN THE WOM-P VOLUME ;MBER 73 ATLANTaT GA^..      iZ J'JSfi PRICE FIVE CENTS</t>
  </si>
  <si>
    <t>                                           iom                 Br L F.                  Brother     m to    n be  Mind bm wm ado -j</t>
  </si>
  <si>
    <t>                                           GOLD MEDAL Haarin Oil Capsules Fine for Weak Kidneys and Bladder Irritation STOP GETTING UP NIGHTS One 35-cent box of these famous capsules will put healthy activity into your kidney.i and bladder flush out harmful waste poisons and acid and prove to you that at last you have a grand diuretic and stimulant that will swiftly cause these troubles to cease". But be sure and get GOLD MEDAL Haarlem Oil Capsules safe and harmless the original and genuine right from Haarlem in Holland. Millions have kidney and bladder trouble and never suspect it some symptoms besides visits to bathroom at night are backache, moist palms, puffy eyes and scanty passage that ofttimes smarts and burns.</t>
  </si>
  <si>
    <t>                                           miti- lynch protests FILED                 Prominent Woman's Society Draws Up Resolutions                 MILITANT STEP                 At lu annual district conference i In    -itur on . May is. tlv Women* Missionary Socirty of Hie DcnatUfOxford DiMrict of th.1 M. E. Cliurch. South,  roo-  condemning "unreservedly ihc three h- rh!ch h:     committed In Ceorcia thU                 year." The Society pledged itself "to stand foursquare against mob violence for anj- cause." It ^r went on record -    "all emotional * based on racial prejudice in onr State, in our country.  nd in enr church." The  follow: ~"'I'hcut "  excuse for people e{ our Stnte -we. mem- bers of the Methodist Missionary SiTlctv. working "Toward a Chrl*-  Americn". condemn Tinresrn'-  the three =s which h!~vp been  In Gennl^ this year. We  that such  of all the  es for which we stand as Christians anr! i Americans will not cease, but will I continue to  In number as lone as hatred, fear and  prejudice are used as weapons iu political . "Resolutions  Jrnehinc arc' Ineffective unless we  our   =' Dpssionpfe *on i which will not let ur- hold our pcar.^ ?s lone  s l\Tichincs are committed. -      to -tar'! foursquare "gainst   !i violence lor any c";s* W5 shall c-Dpoj* nil "motion?!      "a's   ":ed on   In rar s*ate. in our country, an* In our church</t>
  </si>
  <si>
    <t>                                           At its Annual district conference in Decatur on Wednesday, May 13, the Women's Missionary Society of the Decatur-Oxford District of the M. E. Church, South, passed resolutions condemning "unreservedly the three lynchings which have been committed in Georgia this...</t>
  </si>
  <si>
    <t>                                           Among delightful affairs of Thursday evening was a formal party at which Mr. and Mrs. Nancy Jones celebrated their first anniversary at their home on Terraie Drive. Many lovely gifts were received. Guests for this occasion were the members of the Morning...</t>
  </si>
  <si>
    <t>                                           "PRINCESS NAOMA PALMIST -^Hl'-^H a fc  palm^^^HLl*fla^B isl and life '^^^~^~^~^^n render,  ls ^^H^4^L^~ your .hand like   ^^Mm1      mi open.' book, 'lal JT^BI tc!'s        "rcs" k^VflBMBil ont and- future. Il tt^^^br^ SIu! cnn '      ^k *Tpn^ jBU V" "n wittier K^X     w !i u I. your ~^^!ji^ Him 1      'r n r* ^^SjM   -nul)lc or nm^^^Kktf'^ Ii'iLion may be. She will answer any three questions you may ask. How to have Rood hick, win Ihe one yon Yove or any wi.th or desire. '.One visit to this Rifted woman will convince you. Princess Nnoinn will- give, you a full $2.00 Rending for 5Qc for a limit-, ed time only. Satisfaction guaranteed. Rooms for colored. Hours Daily and Sunday 8 a.m. to p.m. Tells your lucky days. 1O3S" Weil Mnrielln St., N. W. Look for Pnlmiit Sign. One block      Kine PIoukIi Factory</t>
  </si>
  <si>
    <t>                                           ^ .                 GRADUATE of Delaware Stata College and student of Atlanta University ii this charming- young member. Hin Dorothy Bansley of Dover. DeL                 (Photo by KcDy)</t>
  </si>
  <si>
    <t>                                           Baseball Summary SOUTHERN LEAGUE The Standings Clubs W L Pet. Atlanta 2.r, 4 .802 Nashville 18 12 .GOO Little Rock 15 II .577 New Orleans lfi 1.1 .!~22 Chattanooga 12 If. ..~.~~l Birmingham 10 20 ..'132 Memphis U 111 ..'!21 Knnxvillc 0 20 ,:tl(l Yesterday's Results Birmingham 7; Knoxville Today's Cames Atlanta nt New Orleans ClwiUnnoojM nt Little Rock Knoxvillc ut Birmingham Nashville nt Memphis AMERICAN LEAGUE -i The Standings Clubs W L Pet. New York I II 0 ,(i7!l Boston J'l 10 .OOfi Cleveland 10 10 . Chicago 12 10 .n.~   Washington J.~ ir, ...'S Detroit 12 II .1K2 Philadelphia 10 in ..~0Q St. Louis I 2:! .~.~S Yesterday's Results New York 7, Chicago II Washington 10, St. Louis !i Pliilnclclphiit U, Detroit, Boston 2, Cleveland 7 Today's Cames Washington at St. Louis Philadelphia at Detroit Boslo nat Cleveland New York at Chicago NATIONAL LEAGUE The Standings Clubs VV L Pel. St. Lnuis 13 .(^5 New York 1!~ io .IJ00 Pittsburgh 10 ..ri8.T Clncngo 12 II! Boston 12 l.'i CiiK'innuti 12 J.~ ..~.M Philadelphia 12 lfi ..12!) Brooklyn 10 1 (i ..~    Yesterday's Results St. Louis S,  7 Brooklyn 2. Pittsburgh li Cincinnati 0. New York 2 Chicngn li. Philadelphia 1 1 Today's Games Chicngn at Philadelphia Pittsburgh at Brooklyn Cincinnati at New YorkSi. Louis at Boston</t>
  </si>
  <si>
    <t>                                           BAKING IVV POWDER Same Price Today. j*45 Years Aqo 25 ounces 25*</t>
  </si>
  <si>
    <t>                                           It is the desire of all law abiding Negroes to see Negro criminals given the penalty of their crimes. This paper has expressed the sentiment of the best thinking element constantly and consistently. We have tried to arouse a greater interest on the...</t>
  </si>
  <si>
    <t>                                           MANASSAS HIGH school boasts of this leader, Miss Bernice Vincent, of the Industrial club who has a most  .                 Courtesy "of The Memphis World).</t>
  </si>
  <si>
    <t>                                           YMCA GROUP PEP MEET TONIGHT                 Challenging Wire Is Received From 'Y' In Indianapolis                 WORKERS SPRY                 CSer.rr.-: c:;r:r:r. m L. D. Milton Inn n,]]n! upon every - lo 15 " Imm 7:o9 to 9:IS ".; 'YMCA Time tor fellowship.  and -tio:: All former campaigners will   much !nc "Prp"  :nc:~   to irte mo rc*s of      r:. Til?        ..i                 nt - important .g :' riw* to   and n full at- . of each     1  Is ;'ed. Tlif Captain* arc: DivLMon A": .1. P Whittnkr.i. J. r Browlry. .1 C. Colry. Dcwcj i WntfcniN and A F. Wcancs. I Divlvinn "B": .1. R Wilson 51 i D Malsr. C N. Cornell. I. P. Rcy i  nnd W H. Alkcn. A         Telegram I The -spre:id lnt! in iiw Builcr Street McmbcrsWp Financial Etfcri is Illustrated l.y a .u Jtwt  from Mr. J. A. Par ton. a leading undertaker cf Ir.di;in*pcMs.   - has led the ^ ": of that d'7 f"r six year: Althoueh l:c iras in attendance at the Qusdrcunlal of the Mfthod'i' Eplscopn' church In Colnmbtw. Oiilc  learning thai Mr. Milt or i headed up the  In Atlanta land In view of the f:ict that l.c jle- that 'he Builer Street  wiis orf to  his Iremrrl ho  ent the  (Continued on   *c 6. Col. 6^                 YMCA Group I 'Continued from  1/~  rt TmiUnTipolK v- holds I ihr  ~*f tVw   * fhr  i  ~**-^ly Minr4         xt5 f fh" BvtW Strri .      . *h^ m**n of  snd T wHh v*~ti If y*-n can gx**~gd onr Mr. MHt'n plaits to pine? thb ^v t^forc !   Fx^ Con* I  at their meeting today.</t>
  </si>
  <si>
    <t>                                           General chairman L.D. Milton, has called upon every worker to assemble from 7:59 to 9:15 tonight (YMCA Time) for fellowship, song and inspiration All former campaigners will recall how much the "Pep" meeting means to the success of the campaign. The interest...</t>
  </si>
  <si>
    <t>                                           GOVERNOR TALMADGE ON AIR                 Gorernor Kugenr Talmadc? will be heard In a special  . tonight at 9:30 o clock over Radio Station WSB.</t>
  </si>
  <si>
    <t>                                           Prof. J. De Koven Killingsworth, sporting a smart white linen front an air of aristocracy, played the the role of elegant host for the Clark University Philharmonic Society Saturday morning, 4:30 ... 7:00 with fitting music and an appropriately decorated hall to entice a...</t>
  </si>
  <si>
    <t>                                           YARD EGGS 19s Dsz. AT ALL 5 W^ STORES POULTRY OF ALL</t>
  </si>
  <si>
    <t>                                           The N. C. Mutual Life Insurance Company is celebrating "A Quarter of A Century in Georgia" during the month of May. The Company began business in Savannah in 1911 under the leadership of Mr. J. H. Whittis, from Greensboro, N. C. Later in the same year Mr. M. H...</t>
  </si>
  <si>
    <t>                                           In Memoriam                 In  memory of our doar j father and . Mr. Clyde Cullons. Sr.. who departed this life March 9. 1033. A place is vat-ant in our homo Which never can bo filled  I More and more we miss you i Tho our hearts arc heavy laden I Wo ask  to  us  j And we shall meet you on the morning Ol the .-da.v. j Mrs. V. B. Cullens. wife.. Clyde. Jr.. Willis and Herman Cullens. j .-oils.</t>
  </si>
  <si>
    <t>                                           DON'T FAIL TO SEE These Unusual Values 760B 7 2B DeSoto Sedan 1929; Chev. Coupe 1931 Finished in black, motor check- RafinUhed in black, engine ed and tuned perfect. Seat  and tuned perfect, coven. 4 good tire. tood tire*. Seat covert.- $135.00 1 $195.00 1103  lO47A Ply. Sedan 1932 Ford Spt.C'pe 1929 Hyd. brake*, floating power, i New gray fini.h. good tire.,  in black: motor tun-  eat cover*, dutch and         and . Tirci k.          have been overhauled. Seat cover*. E"v  $235.00 $125.00 838B 864A -Chev. 1931 Coach Whippet Sed. 1929 New black fini.h. .eat cover*.     "    ,    *~" motor, brake..     .mi..ion   oi.d.i,    . motor  1932   a S pa.*, family sedan, .bed CheV. Coach 1930 in Hnpmobile bloc. motor Refilli,     bUck. motor checked and  perfect, .j,,,),.,! ,     V., good completely  interior. Kre,t covers$175.00 $175.00 R139 102* Willy. 1934 Sedan Ford 1931 Spt. C'pe 25 mile, to  gallon, - Ref  in new Ford blu., ed in blue, engine in A-l con- motor, tran*mi**ion and clutch ,- "cover*, good -tirer. .      i. a clean car. Price only $60.00 down. $13.32 month $295.00 $195.00 DOWNTOWN CHEVROLfiT CO. 329 WHITEHALL. S. W. PH. MA. 5000</t>
  </si>
  <si>
    <t>                                           JURY MAY DECIDE GIRL SLAYER S FATE TODAY                 1 3-YEAR-OLD GIRL TAKES STAND                 Dead Victim Had Ice Pick In Hand When Killed-Report                 FUSS OVER MAN                 Lulu Moon, alias "Lulu Moore" went on trial Thursday for the murder cf 17--old Jennie RusscH last January. The cose win be continued this morning with the  ! prosecution presenting  to the Jury. According to reports received by police. Miss Russell who made her  at S50 Hunt street. NE. was stabbed In the left side with a switchblade knife. The stabbing occurred on Mcrrltts avenue   distance of  who were parked In front ol 343 Merritts avenue. Tlie officers upon their arrival, reported : the  woman  her left side in an effort to hall the How of blood. Miss Russell was carried to Grady hospital where she died January 20. Miss Moen who is 19. tied after  the girl. It was reported. She appeared in court Thursday ait:rcd In a deep-orange colored dress. i It tks  out in the testimony Thursday that the deceased had an Ice pick in her hand at the :tmc she was stabbed by Miss Moon. The two had been  over man.  to have been paying his :;:ons to both  women. E. E. Andrews is the prosecuting attorney In the cau.</t>
  </si>
  <si>
    <t>                                           RITZ Theatre Decatur. Oa. PROGRAM WEEK MAY 18 MON^TUES. Barbara Stanwyck in "Annie Oakley" Also Comedy 10c- 15c WED.-THURS! Stepin Fetchit in "THE BIG FIGHT" Also Dizzy and Daffy Dean Comedy Friday and Sat. Richard Oix m "WESTofPECOS" Also Comedy ^Next   *fc- -Mori.-Tues. Paul Robeson in "Emperor Jones" AH Colored Cast</t>
  </si>
  <si>
    <t>                                           The Octavian Dignitates Social Club, one of the Gate City's most outstanding social organizations, is sponsoring a fine program this evening, starting at 3 o'clock, at the Amanda Flipper AME church located at the corner of Davis and Foundry Street. This program will feature several pleasing numbers. The general public is most cordially invited to attend this affair.</t>
  </si>
  <si>
    <t>                                           Death made a sudden claim of David Curry, veteran Peabody Hotel waiter, Saturday morning, February 28. at his residence, 585 Stephens Place, Heart attack was given as the cause of his unexpected demise.</t>
  </si>
  <si>
    <t>                                           C. R. Brown and Wesley Redd were bound ever to the State by Recorder Court Judge Tuesday morning on lottery charges. Bond for each was made at $200.</t>
  </si>
  <si>
    <t>                                           W. Mitchell CME Church Drive Is On                 The "Upstairs March" that has been underway by the West Mitchell Street C.M.E. Church has been progressing rapidly. There Is an effort of the church to complete the second unit of the church. The drive Is well underway with pledges up-to-date of more than $2,000. Reports began coming In last Monday night that brought In cash more than twenty-five steps, it is  that the goal will be reached this week for the $2500. Interest In this drive will Increase each night of the reports. The sec(Cootinuod on Page 6; CoL 7)                 W.Mitchell (Continued from      i)  of the church will be .  by captains, who  vie with each other In the march. It Is hoped that large number will be present tomorrow night In triweekly mass meeting to witness the continuation ci the drive and  Instructions of the complete plans.</t>
  </si>
  <si>
    <t>                                           SEE THE CHAMP IN ACTION AT "81" THEATRE TODAY k STRAND THEATRE ~:l-sA. I WEEK OF MARCH FIRST</t>
  </si>
  <si>
    <t>                                           MOTHER S DAY IS MURDER DAY HERE                 Mother's Day In Atlanta turned i out to be "Murder Day!"                 The most sensational crime oe- curred when Will Goodson hacked 1 to death his wife. Sallie Goodson. mother of eight children. The fatal stabbing took place at the Goodson home. 821 Welch street. Goodscn was arrested last night by Detectives Ellderbrand and Holland. Two other gruesome murders taking place here yesterday involve the names of Lillie Passmore and j Ed Taylor. An argument over the date of j the showing of a moving picture is said to have caused the death of Miss Passmore. IS. of 147 Cain street. She was stabbed repeatedly about i the body according to police, by hT J uncle. Clarence Hudson. 16. of the i same address. I The girl died at Gradr hospital Sunday afternoon at 2 o clock. De- j  Hilderbrand and Holland arrested Hudson shortly after noon. Ed Taylor, alias Reuben Washington. 45. was found dying in the rear of 1132 Oglethorpe avenue. His neck had been slashed from ear to ear. He died at Grady Sunday morn- I                 ing at 9 o clock. Mab'.e Tuggle who lives In the rear of the 1000 block of Gordon street, was' taken Into custody. The arresting officers     blood ': of violence were found in her home. Mrs. W. H. Bradley. 1132 Oglethorpe, told the officers that Taylor lived In the rear of her home and that be recently had taken out as Insurance policy """'"t Mable Tuggle as beneficiary. The Tuggle woman declared her husband cut Taylor, police said.</t>
  </si>
  <si>
    <t>                                           Mother's Day in Atlanta turned out to be "Murder Day!"</t>
  </si>
  <si>
    <t>                                           Manhood Supping? MakeThisTestatOiirWk To Restore Lost Youthml Powers ^^^~~M^BB^H wy.tr* Nn r-  * Look oot rr ^~~~~~V^^TI th* *rul- will rail TMI (^~~~~Y" 2KMP   . tt*     ~~-u*ii so ^S^^^~ J H.r.~~          9rrT...~    ^W 1^. J  h) h^ whippy)! Afljnw TK^i ~.                 *~~^ C^Elhf  fMk that havn      AU            10 .~ . In ^TT* in.  MW.       .      u"4" ~'~u'   PP-J 1 :Wa// 77~/s Coupon TODAY ^elD6!*- NP-2 1   lrv*   Pur* Ot*4  1 ST.I^-illi "into ,~~.~r  1 ..l        I I  m -.tl-IM wm r-. 1 j J r.,.M m; J 1 s*Mi: I</t>
  </si>
  <si>
    <t>                                           TIM TYLER S LUCK -ByLymYoui*                 FELIX. THE CAT -Fy Sdlivan                 By Cy Hunger*                 DOROTHY DARNIT  Charles McManu*                 JACK SWIFT By Ciif f Farrell and Hal Colson                 PETER PEN -By Nick^Nichoj.</t>
  </si>
  <si>
    <t>                                           MUSSOLINI S GREATEST ENEMY SEEN AS GENERAL ), HIS RIGHT-HAND MAN                 r AN? :~-c:;.i Crrcric-"  ::~-~~ M'l .~-]!"r:! rr"-.in-.t ,^T,.i,n,... pf;,,T1    r;T-:f:i:n nor '  * ,Tll";-^-;f-p ll/-r \tiv.---.i.;ii !.im-.-ir ji k ht^ r:r:  . n: I'^l:nn :"v .rhn                  ~.~icr-- of':'.'-- on to A'WIs Ahab? .~f er nerv-.T-l de Ronn hart failed ;t-ir! *.v:ir. r.-^nri TM". m li-h tins he"n        . T nv real 'null (rem th"'-'  ' t)*o ?n '^   * ^nd iv^o nrr r!n*:** *!tt]Honfs of Uip t -'-' '- I ifn.   Its nsr . Hr hn.s      -n and will nor s!vv thr  ^.. He I*  the only m^n tn Italy n hn op^nlv  to f^.  r"t,-iins his j freedom ?nii .-: He "cht"; j not for Mwseiini.    ' for lit.-. King. And ho Is so ir.      -''le  i Mus* dnn- not Miper^ede him. I Tn 1022 the f; nibble, led hy General de nono and ( hv Mii^^ from Milan,      "! . made   j march on Rome I Looks With Scorn 1 Badopllo looked on them with 15W3 W}4 Sty'- "Glve Te on(! SOTl"                 pony  i scl Vrs and drive a!3 f!i" Bbcksl-ir' ^rf. into the --a. F.i. mil   %       nt the r-r-.f -.hr.r." Fadnsijr. - know. He is con- r.tfor-rt    of      st .irv  i; in thr  He it was t'i". in N'ovotTibrr of 191R. te!-'f fo G'-ii?;lmo Poch a !'- for .i    .~v  on  fron'.-:. Ho ~-ni It 1   n  he \rr-ei- r li- CTninnx  nof -~~~T       i,^ur.~       aime the    ^i r^r an armistice. when 'io Bono failed in Ethiopia. Mtiwitini turned to the only m-~n !n Truly who could .-BpcioKMe. Tl Duce  fc-cot it was due only to the personal influence of the Tfinp(with whom BRdogilo often plays )  the military  sun- the  years of fascism. The summon* came to the war ofi:t n-hcr- Rxdoctio 11 T5 when In Rome n n't has his ^. Bado-tin       not care     no out for fear of- accident.-!. Too many rabid fascists  him.             Strmtcrr Mursoluit knew that BPdogll?  the only man who had a (Continued on     $$ 3}                 Mussolini's (Continued from     - 1) j     .T in    Etliioplit Br- j Jell's, tf    " iH M-mnr-hal  w* j a'-. li" ou d not. m thr event j of n T'sriM f ll.tpw and Civil IT- volt, heart   who  hii" r-aa!tv;t Mussolini. B:irto?lto Immedlntrly  '-. In Afrirn. He reversed df     .'-. "       and put B1?* n^'^~*l of  troops In the i front       " cut down on dud- j   the -exploits" oi th'1 JtmlT Mussollnls and Count Clnno. Miissollnl's 5On-in-1  .   s p  to T] Dues  h"  to be publicised. BMIxv  of IfeilVs nlr fore".  B'rtocllo's : " -Ducr. B.1I00  to i o-cr^- Mitwollnl and vnr ""-     of ^he  Irvo-tn    - " of Utm. Ri-wir to ficht Ksi^     Botli Bnlbo  n l S-  Mirlr           ^ In        !~ t-~    '~ frn ii^ck to Bern*      thr hour i liMl strike, when the -fin I  only  Rty'ed by thr cr. of Addis Almb* shall I  its head. Balbn      hU own i*rir: 1 BidosMo     two Rons  h'm. Both arc - and  t.hcy are t In AM-~~!nla thev      "t b" hrW ho^ for their  . And If thr hour fin*"* rome      " o'- of M;   "~"nl      -   ) returns         thr -lt)rn  Italy In'o a rl-1' Mil         thr  hu* "Hyw             from  a    to   lost Iry'ljrrKirnry? Mcan"-   'r. . BndoitH"'11 n;exe?!K ha*  h*m rwm morr to -Tv tn"n.               :     1n*r)  0' Ws lost p"""tif^~ *~t hoin*'. The        pronounced notr  -vrr ".        ! Or     I Rut     "?* w*~h M11-I ' FoHrvrli"       ~'nr In Arnfoi" "win t-lmr to direct. nn*~raI      "i.     Ab-^ h  J      s.nnn          - the sf I Hriirht Is Mri for hearts. I /"in         '!'?~ h"~rt 1  n-oa c i f;,,     ~~-        .  d B"'       $ - wiped out rn oon^- and  mutt sti l be  before thr     completely  wec!.  1I   or no      of  will cet to the  world sine? Ttnlians no"v control e!?~1  *- what   I  Mu^ smd to keep the I conquered Ethiopians In check?</t>
  </si>
  <si>
    <t>                                           PARIS--(ANP) ) -- Mussolini's greatest open's is not Anthony Eden of Britain nor the ... nor Mussolini himself it is the right-hand man. Field Marshall... Commander-in-chief of the Italian armies who droves...</t>
  </si>
  <si>
    <t>                                           The 200 voice chorus composed of adult students from the various, WPA schools in the fifth district of Dekalb and Fulton counties, which will be heard at the Ebenezer Baptist church. the Reverend M. L King. pastor Priddy evening. 8:30 o'clock is working hard under...</t>
  </si>
  <si>
    <t>                                           Jody Bunch Social club met last Friday night with Miss Louise Mims, 606 Julian street. An interesting meeting was held. The next meeting will be with Mrs. Beatrice Ware, 461 Linzey street, Friday evening, (today) at 7:30 o'clock.</t>
  </si>
  <si>
    <t>                                           Bapt. Women Hold Session At Ebenezer                 The Croup District Meeting of Baptist Missionary Women whs held at Ebcnezcr Baptist church Tuesday afternoon. May 12. The afternoon program featured a ten- address by Miss Ida V. Rhodes 'white) who said, : many  things, thai "prayer for power equal to the task". "If you lack wisdom ask of God". She stressed work as the way to accomplish any task. Another feature was the address j of Mrs. L. U Craig, president of the Atlanta Association Women's i Deportment and National Younz I People's Directress.        music for the occasion consisted of - i  Rnd revival hymns. A solo j was rendered by Mrs. Jessie Parks. Reports from special committees were . Prominent amone those In at-  were Mcsdamcs A. D. j Williams. Geneva Hill. Geneva Hnug-.i brooks. Pannie Baker. Jes- sle Rohcrson. N. W. Crawford. W. j E. McKlnney. Marlnh Johnson. Ida M. Brown and Miss Madeline Graves. Remarks   -rc made by Rev. J. T. Dorsey  Rev. King, pastor of Ebcnerer and president of the At-  Association. Mrs. I. P. Henderson presided at the meeting.</t>
  </si>
  <si>
    <t>                                           ^ ' KB.GRO DAILY HEWSPATPIeR LK^TJHt WO.RJ-D               VOLUME 9, NUMBER 71 ATLANTA, GA., MONDAY, MAY 11, ? ~"pRICE FIVE CENTS</t>
  </si>
  <si>
    <t>                                           JEFFERSON CITY, Mo.--()--Lincoln University feted the varsity foot-ball, basket and track squads at a very lovely banquet held in the beautiful Lincoln university Cafeteria. About 75 persons were present including the athletes and their company, coaches...</t>
  </si>
  <si>
    <t>                                           I HUGHES LEADS IN VOTING I                 I . (FLASH)- With the elections moving along at a hlL- pace in the polls fnr a Nt^ro bishop, the M. E. Conference here  a  point of interest for tbe colored press. Dr. W. A. C. Hashes took the lead In the preliminary ballot i ine with IIS voles, followed  by Dr. Willis J. Kin? tilth 179. Dr. L. H. Kin? with 98: Dr. T. IL Harcus with 21: I Dr. A. P. Shaw with 26; and several others with less than trn vote*. WU'Ls J. Kin*, of Atlanta.      hi president or Gammon Theolodcsl Seminary, is considered a formidable rival co the favored Dr. Hughes and the ballotine report of Tueadaj afternoon will be watched .</t>
  </si>
  <si>
    <t>                                           WAIF BECOMES VOCAL PRODIGY- Lauretta Boston, a         --old Sengalese girl wbo wa* abandoned in London when an infant, is now be ing tutored by Madame Kate Opperman, famous Sooth African contralto, who believes the  a Toeal 'Tind".</t>
  </si>
  <si>
    <t>                                           IH JoAKD       ' AA.KA-SELTZER for COLDS. Acid Indigestion. Headache, Neuralgia. Fatigue. Muscular, Rheumatic Sciatic Pains  nd other disorder! due to an over-acid . of the body. The .  :-            . The  help to comet the  of thos* pains dxm to Excen And. Get AlkM-Stltm at your  itora In Me mnd Uc  tor home use. r *ik (sr a  of Allu-Seluer ml the soda fountain. I3Si3B3E!33!FT5 KEEP BATHROOM Clean Smelling and SANITARY Guard .m un^:ca^un:  :t your bathroom          ~. rt\L'larly. l uur it imu I'.ic   i...l . Put a  Ci^oli-- rj o ti:;'  ?    a   Seorf      ,~~ nb. !t bi=     odors -^  nd . Buj Creolin  drug store ;- it ha% m.tny   and -I uses. OoiDPl'      -'"-"~      -   1-  1~.</t>
  </si>
  <si>
    <t>                                           It has been for a long time man's desire to placate his queen. queen. He is at his best when he knows he is making some woman happy. Every woman wants to look up to the man, but when he fails to he a man, she looks dawn on him.</t>
  </si>
  <si>
    <t>                                           Lincoln Theatre HfsBH^Y^ Pieslon Foster Ep^^'   Aim Hale. Basil  .JohnWood.louis    %Gr CjIlit'"- ~"'d       T^^J^ Corolby Wilson. ^Eft%l2  ~~-5Sl l"y:ley Biicb By^r i ii  i radio</t>
  </si>
  <si>
    <t>                                           Treated At Grady</t>
  </si>
  <si>
    <t>                                           When neutrality interferes with business, then abolish the neutrality--but keep the puhlic fooled. Accordingly, while the U. S. makes a hullabaloo about a hands-off policy toward the Italo-Ethiopian fracas and impending European conflict, declaring it will be...</t>
  </si>
  <si>
    <t>                                           'SKY PARADE' A T CAPITOL WITH STAGE REVUE                 The gallant epic of the heroic men and \:i who Uam] a pathway across the  kics is thrillin^ly brought to the .screen m "The Skv Parade" which open-  at the CAPITOL Tlma'.n1                 "The SUv P;      " Ts based   n tile currently-popular null'. :.erial. "The- Air Adventures iif JitmmV Allen," heard 'nightly over  net \vi irks, and features Jiuimie Allen, hero of thr  ^torv. in ihe ~;unu role        him the idol oi           of radio  s (ni.ht.-i' u                      wlir. h's turned lu commercial flv- j Ina since Hie war. is killed as he I  s to '    off on a flight I for Paris, lust, before Lindy's hop.      Jiniinic t; "" by his I dTd s associates. William Gantar. and Kent Taylor, who wont       "   til"* war      him. prid Kolherine DeMUc. stunt parachute ' wlio is  by the fly"f; :is on" of themselves. j Gnoit Withers, another of 'Me n rt wartime cane in France, has 'MinVil in the employ of a  ~^*in- tn .       trw u ans ol an  .'c  wh ch Gar^nn ?nd     ^-e invented, nnd JhtimV; in   "t the a TOOrt. I           !~nv tip^ Withers off to       the new device will be j    :  -fl. Withers 1     his plan':, and : the first stage of the      j "(~ht. succeeds in cunt.urine      ef Mi* ? inr^ Gnr- fan and Katherine DeMllle. and 1  t/~ flv the test ship, r-  with the new pilot, to hlc I own linn^nr. Jlmmiv. concealed in a  "n Ixiurd ~.ho .       his on- I  after  off. and fcr j  nise. succeeds In   of the plane. Flvinc is "iust. for the automatic Pilot kens the ship on Its even course, 'mt how to Innrt? Jlmmie has not yet le: d that. Suddenly he   news: Gargfn nnd           have freed themselves,  located a plane, and have          to ecl in radio communication with nim. Through short-waves radio. Gercan Rives Jimmle full directions tor ench .~tcn of the job of  the plane back to the home                 I hanger, and landing her safely. I This accomplished, be turns to Katherinc. folds her In his arms, i and their romance comes to as j successful conclusion as Jimmie Allen".-, first test as a pilot. On tli? stage with this  nir  the Capitol  pro j    -~n Pitch's "Dtdana Revue." This       rc\-ue is  ald to be oue of the most outstanding units to may  he south this season. Amone j the outstanding acts    be seen on i the stage are. The Three Arnolds aristocrats of the -. WilItams Sisters, ladies of Rhythm. Beb Fisher, crown prince of      . Torfc McBee. popular versatile . Dan Htch. .i. I Trevor Lswa,. N. B. Q- . - - with              m Wboopae and B34 Bootc     Carohna I OcjTegians. a fifteen piece suce bow*   tar the  show. Tills gala program starts nt I Ihc CpjHcI  for 9  nin.</t>
  </si>
  <si>
    <t>                                           The gallant epic of the heroic men and women who blazed a pathway across the skies is thrillingly brought to the screen in "The Sky Parade" which opens today at the CAPITOL Theatre</t>
  </si>
  <si>
    <t>                                           NEW YORK--How odd--night clubs deserting Harlem, the Jazz Capital.</t>
  </si>
  <si>
    <t>                                           The country which was formerly occupied by Macedone and other states of Greece is now Turkey in Europe. In the northern part of it is a vast chain of mountains called now the Balkins. In Alexander's day it was called Mount Haemus. This chain forms a...</t>
  </si>
  <si>
    <t>                                           Murder Trial On Docket Today                 I One person Is scheduled to b: tried on a murder  and twj others arc slated to stand trial for as.':auli v:lth Intent to murder today in Fulton County Superior Court rooms. Willie Jones is to take the stand In the case of John Thomas who was killed by u  April 25. The trial Is to be held in Jud;:c Pomeroy's court with Solicl'or Anflmcs prosecuting. Arcllia Ashley and Rosa Jon"-.. b"th held on charges of assault with intent to murder are scheduled to appear In the court of Judno Howard. The prosecution will be under the supervision ol Solicitor Arnold. I Rosa Jone:;. who Is to be tried for ;.'.~rd murder on    : person of Klzzle Williams. March 15. I will ly.' defended by a prominent 1 Superior Court Judge. It Is . Arri!la Ashley ir, to Iw; trial for the attempted murder of Will I Harper. February 22. Dismiss Youth In Serious Condition j A nine-year-old hoy,        I Adams, of 279 Newport street. N. j W.. was dismissed from the Crady I hospital clinic In a serious !tion early Wednesday morning because his parents refused to permit hospital attendants the right to preform an  on him. I The boy was carried to Grady I  hours after he received a blow on the head by a heavy Instrument. According to the parents of the child, he was struck 8 o clock. The7 visited the clinic shortly after . The Injured boy was carried home at 1:23 o clock Wednesday morning. James bu a lacerated scalp  nd a depressed fracture of the skull.  attendant* reported</t>
  </si>
  <si>
    <t>                                           This is MOTHER'S Day and churches all over the country are having their sermons and programs in commemoration of same. So Central M. E. Church is acting like-wise in that there will be regular Sunday School at the same hour at which there will be programs...</t>
  </si>
  <si>
    <t>                                           A "LOVELY DAY" IN "TOP HAT"                 ilN'.KK    ;;-:k-s ::u.i         the hit .-.i u. '"l-:i i I:::. i...'.,-iy ):n l-.!     .-n! ..^ for them i.~ h\ui\:  m I1 T." l:n.--f K'k'~) [ u musicom'"If!- in .trr :l,.- "~,   .       "No .Sitii.i-.". -l-:iv M,-. Saian.- li:,t" and -Cheek ;.:ul link. A-::.in.- :n:.j Roijt-rs jr.; C""t:irri.-J in this successor t.. -'H..- i \r,:..,\-i' :m.J RgJ-tm NoiV -? at the Harlem</t>
  </si>
  <si>
    <t>                                           I COMMENT EDITORIAL OPINION</t>
  </si>
  <si>
    <t>                                           for you ffl It i P1"0^' our better     ^MMjjWT ami different            and "skin  face Holder   *nfl fnr free larKo trl^l pac;jat:es and  bis money ?  m pro5       . Write LaJq-       Lab.. Dwt. Q-S5. Memphis, Tenn. Rev. I. N. Demy says I have jou-nd  nothing m      I pasr 20 years that ccn take t7   I place of Dr. Mile* Anti-Pam j Pills. They ore a sure relief for i my headache," Sufferers from Headache, i Nraralgia. Toothache, Backache, i Sciatica, Rheumatism. Luznbago, i Neuritis, Muscular Pains, Peri- odic Pains.  that they hare used Dr. Miles Anti-Pain: PiBs j with 'better results than they bad i even hoped for. Countless" Amgr-ra^ house- j wives would no more  WnV I of keeping house without Dt i SDles Anti-Pain PiUsQian with- j out flour or sugar. Keep a pack- i age in your medicine  j gave yourself heedless ,  At Drug Stora- 25c end JXflO AMU-BMW</t>
  </si>
  <si>
    <t>                                           Detectives Believe Murder Committed Mother's Day' Solved; Follow Blood                 Dertctlves were oS the  Wednesday that (another at tfce four "Mother* Omy"  had been  up. UsJui; Wood trails      doe.          Pooir and Taylor tracked down and     :ed Jack Sheppud. 31year-old colored man of Tyler 8t_                 nnd booked him on  of murder In connection with the            Haying et a white painter. Johnnie H. Jenkins, 37, ol POwler Street. The detectives said that           is nursing severe cuts of the arm. shoulder and back, put denies he waged a bloody duel with the deceased white man. Sheppard said he was attacked In an attempted holdup, the detectives said. It Is  that tests  be made ..with hopes of matching the suspect s Wood with  found at the scene of th* murder. Following a trail that began at the scene of the fatal attack. West     " near Unrejoy Street.               traced the spots of blood to a house la Uwtar or Tjler 8^                 They found sad arrested Sbepperd In the . The Wood  led down Vanjor street to Techwosd Drlre; tram there to Cain Street and on down to Peachtree 8UeeL The                  Detectives 'Continued from pop? 1.~ led to Houston, tru-n to Luckle and th-n to Houston Street. i The trail  off or Simpson I and formed a course to th? Tyler Street residence, tile detectives said.</t>
  </si>
  <si>
    <t>                                           Detectives were of the belief Wednesday that another of the four "Mother's Day" murders had been cleared up. Using blood trails as their strongest clue. Detectives Poole and Taylor tracked down and arrested Jack Sheppard. 37-year-old colored man of Tyler...</t>
  </si>
  <si>
    <t>                                           Buenos Aires at last! We opened the day after we arrived, and began broadcasting the same night. I am quite thrilled at the way everything as being built around me. The papers are more than kind: the notices have been marvelous and the photographers act as...</t>
  </si>
  <si>
    <t>                                           The world today is suffering for the cause of leadership. Leadership is what the youngsters need they are looking for something to go upon this day and time. There have been more youngsters to go astray en the account of leadership. Life is great, but it is mostly what...</t>
  </si>
  <si>
    <t>                                           BLUE RIDGE CAFE 443 MITCHELL ST.. S. W. "The House of Home Cooked Food" SPECIALS- Chicken Dinners 25c Plate Dinners 15c Cigars. Cigarettes. Gum. Candy. Cakes. Pies "..Miss 'Ruby .Mack. Head Waiter Serves With A Smile CLARENCE WISE, Mi-r.  8      S Sifcfl SdS 8 B M IjS^^^KjS   f ^33 3 1 ia Sa 5 kEb ^w ^v Tti_L#i._^.^_l I  k ^K H ?3v. .     S. W. B S 3 MORE DAYS ONLY g I  Plates I pj^Eg I ffi "vva1." A6out Oar Roofless Or.  j ffi 3535 Platss Pesoody K i</t>
  </si>
  <si>
    <t>                                           ISOBEL CHISHOLM--Ray B. Ware.... Geraldine Allen-Herbert Roland ... Sadye Carter-Robert M. Ratcliffe ... Ruby ...-John P. Jewel... Minnie Calloway-Jesse Burney ... Leila Norwood-Bootee Coleman ... Cleater Christler-Will (Cab) Hall .... Ruth Scott-Russell Simmons... Marian Hargrove-Charles (Cuz) Walker ... Ruth Toomer-Charles (Blondy) Boswell ... Elizabeth Sterrs-Dosh Jackson ... Kathryn Toomer-Leroy Haynes ... and here's one and how! ... Thelma Milner-Red...</t>
  </si>
  <si>
    <t>                                           Ill JUNIOR CIRCLE                 EDITED BY I GAMEWELL VALENTINE I                 Circle Members! Guests At Royal                 A wholesome recreational treat was enjoyed last Saturday afternoon by members of the Fourth Ward .Junior Circle group because of the kindness of the Bailey theatres through Mr. Harold Spears. The film, "This Is the Life." starring the talented and youthful Jane Withers. Atlanta juvenile, at the Royal theatre was seen_by fourteen members and guests. Mrs. Elsie Foster Bell who wOl not ba forgotten by all Junior Circle members who attended the first Thanksgiving party. Accompanied the members, and a good time was reported by all. The selection of this fine story featuring a child actor was ideal for young minds, and the entire show seemed to be specially arranged for young folk. Their response to everv scene of this appealing story showed that each boy and girl almost lived with Jane amidst her trials and her joys. Each member expressed thanks to the management of the Baileys theatres, and promised to write a personal letter attesting same. The party In- 'luded Fannie Wright. Janic Crowley, Esther W.. Cecil Bess,! Hattie Hurley. Laura Lee Peppers. J- C. Peppers. Cleveland Lyons, Ruth Ketchen. Ernestine Bryant.! Homer Thomas, Geneva Duncan.! Geneva Elluon. ana Mrs Elsie</t>
  </si>
  <si>
    <t>                                           I ROYAL THEATRE* Today CARY GRANT in "THE LAST OUTPOST' Also The 3 Stooge.     . 3 "Law of the Wild" 81 THEATRE+ "STORMY" With Noah Beerjr, Jr. And Chap. Two of "The Great Air        " ASHBY THEATRE* Stcpin Fclchil in -STEAMBOAT ROUND THE BEND" Tonight On Stage THRILL NIGHT</t>
  </si>
  <si>
    <t>                                           BRITISH REPORTER, BACK IN LONDON, REVEALS SECRETS CONCERNING ETHIOPIA                 I.- .Rv Rudolph D-.:r.bar f--~r AN-  ._Kow the Ethiopian Crn-.r- Prince, son of Hailc Selassie -.i-a.- shot, the  three .h:ql: Ethiopia::  for treason, i'.ow jealously of native generals . to the rapid advance ol  Itaiians and the sale                 "clue!" bullets to natives was  here iast week a few days ho lore the fnl! of Addis Ababa. The man responsible for these sensa ional revelations Is D Onllashcr. star  for one ot  London  most favorable t'- the Abyssinian cause, who returned here recently from Addis Ababa where he had been  since the outbreak of hostilities. Failure of the world to be  of this news was caused by 'he strict censorship ordered by the " within the first few weeki "f the mr alier correspondents. In " of sensational news, sent 1'sck recor; of bloody battles at In-silos -y'-rrr no E:               were .rd. Both  saw to i: thai no recognizable "" news was sent out over ::l ~*: Kvptems. Mcssa-K Retmea On.r in s'.axe  by Gnlbshei n the ccr.sor. Ato (which is the                 .Unharlc equivalent to "Mr.") Lemmer. read: "THREE   OUnVfPED TODAY 5ES  ..." The suspicious censor refused to passage the message which would hove been published something     this: "Three leading officials of the Abyssinian government accused of MSh treason were executed today. Their heads were backed by swords. i According to the newspaper correspondent, this was only one of several good stories which could not be sent through Ethiopia* Italian-bunt radio. Others he revealed here Included: Headed Remit "The Crown Prince, a dull,  young man. not favoured by his father, the Emperor. ras persuaded by Italian agents to lead a revolt two months ago m. Oessye. Halle Selassie's Imperial Guard enraged the rebels, and the Crown Prince was shot by one of the guard he had hoped to command. The Tvound was not serious the whole affair was denied by the Abyssinian Government. Ato Lemmer told me I could send nothing but th- official denial. I did not send that. Emperor  "Many black Government officials blame their defeat on the Emperor. They accuse him of (Icing his country for principles "In order to cultivate the sympathy of the Leagn* of MaUons the emperor gave strict orders at the outbreak of war that Italian prls1 oners should not be .    threatened with death those who disobeyed. Uany Abyssinian soldiers were executed. "If we had [ought with the gloves off and allowed our men to fight ; to old traditions *n 1  rould have broken the morale of (Continuod Paga CoL 1)                 British Reporter (Continued from     1  s troop -sav r^ these protesters. Jeatotu; Aided "And here Is one reason (or the  s rapid advance- Jealous? "Hie Emperor had a score of small, bu! powerful, flc'.d radios, with French-trained abyssinians w operate them. He sent them to various armies, with Instructions to the rases to report  dally. "Not more   of       radios nver uttered a single Mors*       .    "  black warlords dirt no: We., them- because they       by white men. Secondly. th?y  ro-:)on irith other armies  In case "f  :he credit ^rould have to be shared xt'.h the co-         . "To the  s urgent requests to use    - radios,  stolid  replied bv   to thr distant G.K.Q..       preferred to ?.cht as Menellk did. So thr . much of thr time.      blind, not  ~-here armies, of  en ond !^Tnt7 thousand men were or what thcr  . Sold nnd RnDets Tn      days of thr th:        ns serious  In dead                 'n  rmr Tn Its first  not  -"hot       by the Abysstnlans. Instead nf the  chorus  vr ln.nno rifles there were a series nf  pHc*s...iiT1 the  carried  Jud" . "Trrestlration showed that thes*  had  from a      *     war. An Armenian  in Addis Abate had rot  from  he Abvssmlan          ^t to refill them with fresh pa! i sl ves "Thxt was      before the war. ThlnklTi'' to make  profit.     contractor hud fll ert the ruses   i   n-"  rhl !-</t>
  </si>
  <si>
    <t>                                           LONDON-- (By for (ANP)--How the Ethiopian Crown Prince, son of Haile Selassie was shot the beheading of three high Ethiopian officials for treason, how jealously of native generals contributed to the rapid advance of invading Italians and the sale of...</t>
  </si>
  <si>
    <t>                                           \ 3^ iff FECT GO^r</t>
  </si>
  <si>
    <t>                                           ESCAPES                  Ben Hughes. 35, of Atlanta. SL-rving from 35 to "0 years for robbery in the Ben Hill convict camp, escaped shortly after 8 o"clock Monday night by breaking through the roof of the sleeping barracks there. He was reported as hiding in a wooded section of west Fulton county last night with officers and camp guards with bloodhounds dose on his trail. It was his second escape in 6 months.</t>
  </si>
  <si>
    <t>                                           M. L. W.--I read and enjoy your column and I want to know if I will get fixed to go on the trip that I am planning?</t>
  </si>
  <si>
    <t>                                           Looking back at past records it would seem that the college basketball standouts of this southland become 15 per cent improved basketball players when set to work on the annual proposition of winning the inter-fraternity basketball championship. Fellows who hitherto were only average performers because super-over night and did things far in excess of the fondest hopes of frantic coaches. The fraternity spirit eclipses by many spans the usual college or alma mater spirit.</t>
  </si>
  <si>
    <t>                                           MEET IN FOCUS F TONIGHT i                 Open Forum Will Be Form Of Session; j Expect Crowd j                 AT BUTLER "Y"                 Discus-ions from  member:  be permitted at  meer nc at the Atlanta Branch of the V-?!~nn! As-w-cSa ion for     Aclvnncenieiu of Colored People. For- -tf-r B            . president., says. "We are very anxious to ob-  iin the reactions of the rank and i                 He members of the Branch to the I ~~*ps already taken by the       '"~nt and executive committee In - with the Caivert      -**vn. Oorgin. lynching and most i specially are we  to r*- i 've    ?"rf  'rom 'he "oor     -ew methods of . not onlv ~% "un sh     D-"Tw"      ; nf tV ""ent Ivnchln*^. but tn n even' ^'hers in the " To this en*   s    ' be     -f     most ' and "- I -nnt of the Branch in years, and ""pry member is  to t* or^^nnt  at the Butler Street YMCA  at 8 o clock. I I A report of the Inter/lew hci l !    Friday with Governor ^UTenT TUmadse in connection with the  epidemic which h.is grip- ned Georcria within the past few weeks, will be made by Attorney T. W. Holmes, chairman of the Crier- mce Committee. Another important feature of the meeting will be a report by P:of. E. Luther Brookes of the  Rectorial NAACP Conference held at Mobile. Ala., for the purpose of speeding the    i in this section as well as other I forms of discrimination, from which (Continued on Page 6, Col. 2) J                 NAACPMeet (Continued from Page 1) j Negroes are suffering at tbe  time. The chairmen of several lm-  . appointed to ?cc immediately on  that .-re before the association, will make their reports. The full cooperation of every member of the organization is         in order to make the vork of the Branch a success. There- fore, each memi-er    being asked to bo pn-si-nt and bring another j member kv.\i him. i</t>
  </si>
  <si>
    <t>                                           Discussion from floor members will be permitted at tonight's meeting at the Atlanta Branch of the National Association for the Advancement of Colored People. Forester B. Washington, president, says. "We are very anxious to obtain the reactions of the rank and...</t>
  </si>
  <si>
    <t>                                           Mr. Murray Mizell and charming Miss Johniper Davis, a Spelmanite, are the latest couple to join the ranks of the "wedlocked".........Ian Garber, celebrated orchestra leader, once made Atlanta his home and there is a dance hall named after him in in this city.........The University Players are presenting three original plays of Negro life tonight in Howe Hall. Spelman College, starting at 8 o'clock. The plays were written by Mr. John H. Young Miss Hazel Washington, and Prof. Ira Dc A. Reid...</t>
  </si>
  <si>
    <t>                                           J3reak-Up of Ice Gorges Threaten Serious Floods                 Ohio river near Evaniviile j                 In the wake of blizzard ...i'.hir which held               of the  ;:i :us icy grip for weeks, nature '. to go on a new rampage in other districts  thaws brought flood waters to                 alarming heights, especially on the Ohio river near Evarisv-lio, Ind.. above, where thousands lined the river banks to watch the break-up of the ice gorge piled up in recent weeks^</t>
  </si>
  <si>
    <t>                                           Bearing out a contention by this obearver in a column several months ago that. Atlanta contract bridge players ranked with the best in the nation, two talented local combinations, with capable alternates. defeated the invading Mobile (Ala.) bridge aggregation...</t>
  </si>
  <si>
    <t>                                           BACKACHE Flak Kldaeys  f Waste Matter.        aad Add a*4 8     Getting Vp Nights When your kidneys are dotted and your bladder is irritated and * scanty and often smarts and burns, you need Gold Medal Haarlem Oil Capsules, a fine harmless stimulant and diuretic that always works and costs but SS cents at any modern drug store. Ifs one  ood. safe way to put healthy activity into kidneys and bladder- you ll sleep sound the whole  thru. But be sure and get GOLD MEDAL- from Haarlem in Holland- you are assured of results. Other symptoms of weak kidneys and irritated bladder are backache, puffy eyes, leg cramps, moist palms, burning or scanty passage.</t>
  </si>
  <si>
    <t>                                           PROMINENT EDUCATOR- Mrs. L. T. Moore, Dean of Paul Qninn College, Waco, Texas, is  as one of the Sooth's leading educators.</t>
  </si>
  <si>
    <t>                                           Stage Revue Starts Today at Capitol; Tasty Pictures on 8 Scr^j^                 Th  Starts Today at Capitol                 What is heralded :in : smashing newspaper drama,  d Willi romance :ind .ib:'' . iho Fir.-l National production. "The P.'." opens today at                 the Capiiol Theatre.                 The story by Gecixo Bricker. tcr many years a newspaper -r center*  Joe McCoy, an hon- cm sports rc--r. whom ihe gambling  c;   neither - nor intimidate. The sports writer is madly in with his . a bt- . in whom he  implicitly. Hr not  blind to her faults but also to the love ol one of his fellow newspaper women. Whi'.e Joe is on a trip he is double- by his wile, who plays into the hands of tin- "bi-r  hot" 'Mmblrr.  Jiim so many I. U.'.s  the sports writer i* forced to le:      his column tu pr"f 't her. He is  and is  do'.vn and out. when a .'v lie Imo . tips Ir.m oil 10 raw . i He tells his former editor and on I the days of the bit' . lie .-eoo:~                 10W11. James Dunn plays the pan of ii:~  \vr:ler. with Claire Dodd ir. Ihe role of his wife and Patricia Ellis, the other woman. Others include Akin Dinehaxt  Kir.i; oi Gamblers. Joseph Creh;.n    the ; editor Jimmy Dunns    ;K.-r. and Frankir Darro    the .-y. In -' with  : :e"nr'' . the Capitol   biu-  . "Moden: Ki-i iie InteruaUcnal" with  biu' :~cis :l and :,' a li teen [ju ir .-. band. Amon;; ihe   ut.--Uind:   acts '-d in  aiv. "Tn ." a i. bird act. "Eli Pass and Co." novel:.. comedy act and "Faiuasif Ru.**-." Vfry  dance act. The ~.ho\v :n ! -.viiii i^ :     . ."-inui;;'-: and .-. all . !  ' and scenery.                 "The Payoff" at the Capitol                 James Dunn (center) shown above with Frankie Darrn. ::nd Joseph C'rehan. has the leading ro!e in "The Payoff." i.-' Natii.nul s unique and  story of a reporter, who :  .- the rackets until his wife betrayed him. which is new playing: :'t the Capitol Teatre.</t>
  </si>
  <si>
    <t>                                           What is heralded as another smashing newspaper drama, spiced with romance and considerable comedy, the First National production, "The Payoff," opens today at the Capitol Theatre.</t>
  </si>
  <si>
    <t>                                           Popular Salesmen                 FRANK LEE AND CLIFFORD BURDETTE                 -popular ice servicemen of the Atlantic, Ice Ji Coal Co., No. 1 Station. Piedmont Avenue, who are both waging a heated battle with other ice men of the city for supremacy in the Ice Refrigerator Sale* Contest. Lee and Burdette welcome their friends to visit the showrooms and see the new ice refrigerators on display. To get all the details of how these beautiful refrigerator* may be purchased at small cost on a low down-payment plan, see Lee or Burdette.</t>
  </si>
  <si>
    <t>                                           JOSEPH LOUIS BARROW has his double-barrelled shotgun loaded for full barrage on Max Schmeling, the "Black Uilian," and Jimmy Braddock, the present heavyweight title-bolder. But the "Brown Bomber" is making a serious mistake indeed if he isn't giving at least a fleeting thought to this Leroy Baynes and Lorenzo Pack, the sensational Negro pair who are slowly but surely warring their war to the top rung of the...</t>
  </si>
  <si>
    <t>                                           Fraternal Heads Confer Degrees On 20 Men                 At the invitation of John Wesley Dobbs. well known local Iraternal leader. Honorable* \Villord W. Allen and James T. Beason of Baltimore and Washington respectively, stopped over here in the Gate City Wednesday and conferred the thirty-second degree on a class of 20 local men. This morning at seven o clock, the two prominent Easterners left for Tennessee, next leg of their journey, which, all told, takes them as far west :is Arizona. Before the close of proceedings Wednesday night. Messrs. Allen and Bcason were entertained regally by the local Masons. The class of 20 men upon whom the thirty-second degree was conferred Wednesday night are. C. L. Walker. Charles Green. I. L. Stokes, and Dr. B. H. Atkinson, of Griffin. Ga.: A. L. Roberts and Moss of Buford. Ga.; and Drs. H. R. Butler. Nathaniel Lamar, and J. W. Madison, and M. M. DowdeU. J. C Coley. T. E. Flournoy. H. M. Ivey, W. L. Murdaugh. Raymond Simmons. Joseph Crawford. J. I* Dobbs. Sr.. R. H. Gassett, F. L. Coggins. and H. G. Griggs. all of I Atlanta.</t>
  </si>
  <si>
    <t>                                           GEORGE SCHUYLER, in one of his grippings of biting satire has lashed back at the practice of college men of the colred race overloading four professions. The ministry, teaching, any, and medicine were pointed out.</t>
  </si>
  <si>
    <t>                                           Mr. Milton Downer senior in the Booker T. Washington High creating school was a congenial host Friday night to Delta Mu club at his Simpson street home. About twenty young men were present to take part in the round table discussion led by Messrs. Numon Welch and...</t>
  </si>
  <si>
    <t>                                           The Claybrook Tigers and the Chicago American Giants split a twin bill before 6000 cash customers at Russwood park last Sunday. Paced by the club work of Tate, Moore and Radcliffe, the Tigers salted away the first game with a score of 12-3. "Double Duty"...</t>
  </si>
  <si>
    <t>                                           SsPORTSg$ MONDAY. MAY 4. 1936 THE ATLANTA DAILY WORLD. ATLANTA, GA.</t>
  </si>
  <si>
    <t>                                           CHOIR DIRECTOR'                 WILLIAM L. DAWSON -director of the celebrated Tus- I  choir that will fill a Iw61    i  at the Ellis Auditorium Saturday  nd Sunday, April 18.1!). A special concert will be given (or colored people SundaJ  lit R:30. Mr. Dausmi wrote the first Symphony based entirely  m NCRro themes: It was rendered by the noted Leopold Slokowsky, conductor of thr Philadelphia Symphony Orchestra in Owrnetl": Hall, New Vork.</t>
  </si>
  <si>
    <t>                                           ^^~=~' iii i ivy;. \ ^^^^^^ites^^iD^i^r^ EtSffiB [{^l^ ONLY NEGRO DAILY NEWSPAPER IN THE WORLD till Til II iV If MjMJMil</t>
  </si>
  <si>
    <t>                                           GOOD LOOKING CLASSES PERFECTLY FITTED If your eyes arc bothering you. come to Dockstadcr's. Our -d patients receive careful, personal attention in their own department. Complete optical service reasonable price*. Weekly terms.</t>
  </si>
  <si>
    <t>                                           THE IDEA OF INSURANCE  E are beginning to awaken ourselves to the indispensability of Insurance. Thousands of Negroes who dir? not have Insurance last week have it now. In this world 100,000 people die every day. 150,000 are bom every day. We are increasing in totals by about 59,000 per day. Dying is expensive and someone has to pay fcr it. whether a person carries life insurance or not, the loss is paid just the same. If the deceased had insurance, then the insurance company pays. In the other case the family pays. possibly by the children going without education, forced to join the great army of  earners. The growth in popularity of Life Insurance has done much to allay the suffering of dependents; through it they re t:~e:ng left more and more with the means to prevent them from becoming public charges. Life Insurance is the only safe investment in the world that you can buy on easy payments. that is sure if you ?i Te and sure if you die. [^^^r^^PENDEAf^^^^^. Atlanta Life is now better M ~^^^^^HlEAHhMteh^^^BI outfitted than ever to give vou I the best insurance possible in /Gli I accord with the rising tide of m       insurance education the ^J f" J^. I ri:rht time to get in touch with a l^*^~ I r nc  f our rePresentatives is I N\\/ R J\ NCt P N0W-  National Nejrro I J Insurance. Week. May IHh ^^^^~~^f\\ IB y^ Through     lGth. Atlanta Life Insurance Company A. F HERNDON. Founder N. ft. . Prea. 148 AUBURN AVE. ATLANTA.</t>
  </si>
  <si>
    <t>                                           TIM TYLER S LUCK _By Lyro Youiig                 FELIX, THE CAT -By SuIHvm*                 -By Cy Hungeford                 PETER PEN -By Nick NichoU                 DOROTHY DARNIT _By Charle, McManu.                 JACK SWIFT -By Cliff Farrell and Hal Cohon</t>
  </si>
  <si>
    <t>                                           JAPAN IN WAR MOVE                 (By SNS Senrlce)                 Encouraged by Italy's annexation or Ethiopia in  of the League of Nations, Japan, yesterday, moved 7.600 soldiers into Morth China garrisons. Chinese officials expressed fear that the move was i a tirst step towards the ultimate conquest of China. The  were moved Into Chinese garrisons and Japan now has. together with these. 15,000 troops in China, south of the Great Wall, an estimated 80,000 north of the Great Wall and several thousand at other points of Inner Mon;olia. The move was thought to mean  the ultimate occupation of China or preparation for future war with Russia. The Japanese ore also consolidating the forces already on Chinese soil, with the probable hope of over-running the country before them. As in the case of Italy. Japan Is building modern highway systems in the wilderness areas over which to quickly move supplies from the 'uses to fronts. The immediate reinforcement.; have not injured China's sovereignly or vested interests of other powers.</t>
  </si>
  <si>
    <t>                                           The Deborah class had an interesting discussion on the lesson Sunday. A cordial invitation is extended to visitors Sunday. The president is asking all contestants to contnue to work.</t>
  </si>
  <si>
    <t>                                           Open Up Federal Survey Probing Job Vacancy                 WASHINGTON- (SNS)- The Unlted Slates Chamber of Commerce, in session here, has ordered a nation-wide survey, possibly with the cooperation of the American Federation of Labor, to a.* the number of unfilled jobs thai are available in private Industry. A special committee was appointed to make the special study. It Is thought the movement is in answer to the demand of PreslI dent Roosevelt that business absorb more of the unemployed, or face higher relief costs. No exact procedure hns as yet been outlined by the committee.</t>
  </si>
  <si>
    <t>                                           j BRINGING YOU  j GREATEST VALUES 1 The 1936 Kelvinator definitely answers every question wise buyers ask-  temperatures. operating cost, service. It gives you Visible Cold g^^^^^^JUfiSBHUmBBH I -a Built-in Thermometer       yon that your  B ^ ^^3^1 H  T yOU VUible Protection for a 5^ear **    =S5y ^m I ProtecUon Plan brings yon assurance of Jong ill t-^SJ ^B^^^l Furthermore, yon get Flexible Rubber Grid* II HHH Wt $~!$~ I - ^'8 a bigger,  Kelvinator of higher    I   9-^R^~       balance  ver 36 months. See ALL the nei* ~^^^~   ^ Georgia Power</t>
  </si>
  <si>
    <t>                                           WASHINGTON --(ANP)-- Representative Arthur W. Mitchell, to whom his friends here and in Chicago where he represents the richest district in Illinois are won't to refer as "Lucky Arthur," addressed congress recently and caused a 10-minute unanimous...</t>
  </si>
  <si>
    <t>                                           WORK STARTS ON LOW-COST HOUSING PROJECT                 City Commission President J. M. Jones is  ; 1 1  ltj the fir-t spade of flirt         :iy for Smitlifield Court, Negro Iow-cosi housing project near Industrial High Sclinol. -Mr. Jones, second from the right, is being observed, just to lie sure he does a  job of it. by A. M. JmoiiiIutZ' district inana jer for the ;                 (. standing on the left: T. C. del-Toll. clir ) of the housing authority and Cliarles K. IViiclion, \V:i-1;ti-.ii.  011 (he -mc ri^'lu- Mr. Pynclinn  Honsnif; l)        Director A. 1\. Clas at the program lu rr.                 Conrirsy The Birmingham Age- Herald.</t>
  </si>
  <si>
    <t>                                           Sunday Is MOTHER S DAY REMEMBER HER WITH A GIFT HOSIERY LINGERIE 59-69-79-S5-S1.00 S1.50 59c to 51.95 BEAUTIFUL FULL CUT j COTTON DRESSES $1.00 j v THE STOCKING SHOPPE 1 Broad Street  t Viaduct 14            Arcade</t>
  </si>
  <si>
    <t>                                           It's easy to keep floors L-S5~~*~5     in the pink of condi-   tion, if you use the ~^H^^^ffl^    I right materials. Cool- ^~L^ S-'^'B edge Hygrade Wax and ^^ Sjt^^k I Polish will do the job C^~~ \/^d^^B i thoroughly and eco- ^/  ^^^^^* nomically. ^*s*^/^ g^j^ FLOOR Wax Ills pin fin x.i*. o^H No better Qoor wax can ~^~H ~~-=   be had at any pi ice. Water.^^f-Ke. proof, transparent, lustrous, ^^^^  ^~~^^ durable. Gives floors, rural- ^^^^^k^ tore and automobile! a ^^^^Bj ft n_   beautiful ban* .' that ^^^V ClO-~nxe  ln a few  to Liquid a rich, high gloss1. FLOOR        x ^a^^m^ (\t c-h *fm "~85c JSIl No rubbing. No . B^^^^li j-^S BM Apply Glo-Brite polish to ^^g^~L JW painted or varnished wood. ^^^BkTVil'^EiEir'flfl linoleum or rubber tiled ^H^^       *_    floors ind it       in S" ^H^^BF^^TS' ^.'SAr'.V, C^. Hy^d, .. like water. So I Liquid      or soiling the hands. No polishing or '""T??.^ buffing necessary. I i^ 1 75C I aim   nd         Kripr.     .wlli liquid polish.... w.x on mi you.  mu Apply .        . laur  a floor, will       sooth.</t>
  </si>
  <si>
    <t>                                           "But that's not the worst," O'Hara hurried on, determined to get it over with. "They insist upon putting Miss Rankin's ideas into immediate execution. That part's fine. We do need more mob appeal, but, according to these contracts, Miss Rankin is to be in executive...</t>
  </si>
  <si>
    <t>                                           Georgia State To Hold "Ag" Day                 By JOSEPH T. McMIIXAN                 INDUSTRIAL COLLEGE. Oa.-       In a  of activities marking the second appearance of the agricultural department In public performances, the college observed "Ag Day", here Friday. May 1.                 TTjc opening event was the presentation of a program at a special  exercise which wms sponsored by the  association. Many Interesting speakers participated on the program. Those participating were L. Coltman, chaplain of the association. (Cogtuwad on 6, Col S)                 Georgia State To (Continued from P*fe 1) who read the scriptures and offered prayer; Ellis WhittaUcr. a member of the senior class, and secretary ol the association, who gave the history of the organization: Alexander Hurse. state assistan' * of extension services; F. Marcellus Stalcy. director of the agricultural department: J. V. S'rickland. head of the poultry department: Dr. B. F. Hubert, president of the college; and William PnTker of the freshman class who held the audience spell bound through the rendition of a vocal solo. "Somewhere a Voice Is Callins". The feature of the program was the principal address which was delivered by P. H. Stone, state supervisor of extension services for the state of Gcortna. in which he warned the "aggies" and student body against tee dancer of  "A Has Been". Ridles- Stripline, president of the agricultural association, presided. At 4:30 o clock in the afternoon, a baseball frame was staged between I the "aggies" and -tradesmen'. The game  was replete with thrills and i stellar performances. The "" were leading unta the ninth j innin? at which time the "Trades- men" staged a rally knotting the game with a 5-5 score j The activities of the "Ag Day" were climaxed with a  so- Sal in Adams Hall, at which tlmi the association entertained their  and guests.</t>
  </si>
  <si>
    <t>                                           INDUSTRIAL COLLEGE, Ga.--(SNS)--In a series of activities marking the second appearance of the agricultural department in public performances, the college observed "Ag Day", here Friday, May 1.</t>
  </si>
  <si>
    <t>                                           Invitations to compete in the Tuskegee Relays were sent to 83 colleges and universities and to 130 high schools and preparatory schools Acceptances are still reaching the athletic office. Indications are that more than 500 athletes will come to Tuskegee to...</t>
  </si>
  <si>
    <t>                                           "aII HJIILJkl (OML.Y NEGRO DAILY  UA.THE WOR,WD VOLUME 9, NUMBER 65 ATLANTA, GEORGIA, TUESDAY, MAY 5, 1936 PRICE FIVE CENTS</t>
  </si>
  <si>
    <t>                                           ONE MURDER INDICTMENT RETURNED BY GRAND JURY                 Charged with the murder of Miss Beulah Wilder on June 15. Johnnie Johnson was Indicted Friday by the Pulton County Grand Jury. The knife-slaying Is said to have taken place at midnight at 368-B Hllllord Alley. Two others indicted were Joe Chandler and John Franklin. Chandler, according to police, was found asleep In a cafe after entering the place and stealing a bottle of milk and some cakes. The incident occurred on June 20. John Franklin. 23. drank too much wine on the night of June 2. after he broke into a  room and .stole 12 pints of wine and $22 in cash. Police are said to have found him in the place In an intoxicated condition. .The Jury returned a "true bill" against Abraham Hill. 17. who on May 27, allegedly broke Into a                 parked automobile and removed several articles. The boy Is said to have confessed. Robert James. Willie B. James and Clyde Beasley were indicted on charges of breaking into a commissary nnd stealing goods valued at  $35. The grand Jury was in session yesterday until niter 4 o clock.</t>
  </si>
  <si>
    <t>                                           The Girl Reserves of the YMCA held a very impressive service at the Branch Sunday afternoon at four o'clock. Despite the rain over seventy-five girls representing the following schools in the city were present: Ashby Street, David T. Howard, Laboratory High, Crogman...</t>
  </si>
  <si>
    <t>                                           'Mad Gunman" Said To Be Amuck In Atlanta                 Mysterious Shooting y Arouses Suspicion Of Local Police                 REDDING VICTIM                 Not since the "Catfacc Man" I scattered fear in the SummcrhiU section has Atlanta been aroused i and terrified to the extent that it is sow undergoing.                 This time, the "Mad Gunman" is spreading terror in the vicinity of Peters and Beerman streets. Some call him the "Mad Snii^r" and others have dubb"d him Ihe Mad Rifleman*. Police, detectives, relatives of the alleged "killer" and kin of the youth who met his 'death at the hands of this "madman", all express the belief that the suspect is r mentally deficient. Officers are searching for a man known as "Preacher" Bloodwortn. t who is said to have residence on Liberty , "Preacher" .became a. prominent figure last Friday when he stood ou a hillside and  from his rifle a. bullet into the back of 18-yearold Leddus Arnold of 384 Beerman j street. Young Arnold died at Grady hos- j pital Saturday noon, failing to rally after an emergency operation and a blood transfusion. The  { from the  split bis liver and spleen, hospital physicians said. There was no cause for "Preacher" shooting Leddus. witnesses and relatives of the dead boy said. According to an aunt of the deceased, the alleged killer aimed his  at Arnold and said, "I believe 111 shoot Brother Goo and see him fall." "Brother Goo" was the nickname of Leddus Arnold. Funeral services for the dead boy will be held at one o clock from the parlors of TompWns Funeral Home, the Reverends Frank Pastor and I. D. Bolden officiating. The body will be forwarded to Newnan. Ga. for burial. Detectives Tuesday said if -Preacher" Is still In the vicinity or the flrst shooting, he should be wrested by the end of the week. Humors intimating that "Preacher' had fled town were scoffed at by the detectives. A mysterious shooting occurring Jhunday night within three blocks of the scene of the downfall of Leddus Arnold, was believed by a few the work of tne "Mad Gun" man*'. Detectives investigating the crime said they were not convinced that "Preacher"  on James Redding who was treated at Grady hospital "(Continued  m Page 2. Col. 7)                 Mad Gunman (Continued from      1) (Continued on Face 6, Col. S) thigh. While the sniper packs a-rHUe,, it was reported that Redding, was  by a pistol Redding  into his automobile at HIUs avenue and Chapel street -when he felt, stabbing pain in his leg. An investigation revealed that he had been shot. Redding works at a. Gift Shop on Peaehtree street.</t>
  </si>
  <si>
    <t>                                           Not since the "Catface Man" scattered fear in the Summerhill section has Atlanta been aroused and terrified to the extent that it is now undergoing.</t>
  </si>
  <si>
    <t>                                           USED CARS ARE RELIABLE ZR Chevrolet 4-door CQ Sedan "Ill Chrvrolrt 4-door CQ Sedan "it Chevrolet 4-door 20 Sedan "27     *k 4-door 45 Sedan 'IT. Kuirk 4-~loor Sedan. ^45 nrw  We     - thr      .t  nf anj "5 Plymouth*. Fordt and Chrvrolrls in Atlanta for your      * at very  prices. FROST- MOTORS, INC. 4S2 PEACHTREE. N. E. PHONE WA. 9073</t>
  </si>
  <si>
    <t>                                           LAUDS SERVICE                 OK. A. B.  -an efficient local vhy^elan who is ready m Us  for the remarkable service extended him at the Coodxich Tire Store, corner Pcacbtree and Baker Street's. Dr. Harper says, "I have used Goodrich Sllrertowns with the-           golden ply the past six years and can truthfully say they bare proved tile best tires at any price I      ever used. The . rendered a: the Goodrich store h*. bren excellent. I recommend this popular tire store to all my friends. Von won t -et  on Coodrich Silvertowns."</t>
  </si>
  <si>
    <t>                                           r/^ BAKING IVV POWDER ij/we tef JoJoifas 45 " 25 ounces 25*</t>
  </si>
  <si>
    <t>                                           From a pamphlet published by the National Tuberculosis Association, interpreted by Dr. Thomas.</t>
  </si>
  <si>
    <t>                                           MAY DAY AMATEUR NIGHT CONTEST BENEFIT ST. PAUL S EPISCOPAL CHURCH MAY 1, 1936 8 O'Clock St. Paul's 1'.sh House 130 Auhby Strvct. N. W. Prlto '7:80, $5.00, $2.50 and  Dancing After the Contest AdmiMien 25 Cenli</t>
  </si>
  <si>
    <t>                                           Ifty Thomas Jefferson Fianmagan wl^yC! THE ROSE SHOW AT THOMASVILLE  around old Thomasvillc in the springtide s glow, In varied colored petals the ruses stage a show broad the perfumed breezes i!i mellow richness sway Hie long gay line of lovers that come to crown the May. 1 here s a club of Cherokees, blue ribboned and afloat, those American beauties come in with grimson coat. And there re the seven sisters, drew kissed and goodness knows, Tlionuisville is dressed in her finest Sunday clothes. The queen of all the pageant all wreathed from head to feet, Conies riding in a wagon all covered with roses sweet, The grand escort is hailing in soft South Georgia tune The bright brigade that s headed for flowered ports of June. Queen of all the flowers the roses light the lane Where heaven comes to christen the march with April rain, I The         of the  tint the blooms in bliss Tiiat  thro' the shadows a beautiful world like this.</t>
  </si>
  <si>
    <t>                                           Expect Noon Verdict Today In Britton Case; Trial Resumed This Morn                 HJgh  the busy streets on the ninth noor of the Fulton Coun- ty Courthouse, the trial of a crippled man. Albert Lucius Britton. will be resumed this morning.                 Britton who b being tried for the I fatal shooting of Robert Harris. March 28. shuffled into Judge Davis" court Thursday afternoon with his four legal representatives and sat patiently while witnesses were cross-examined by the state and defense attorneys. Attorney Robert Giles, who  the GUes-Scheclc-Hall law firm, which with the cooperation of Lawyer T. W. Holmes, represents the defendant in this trial, was successful In having the case continued until this morning. The case win be resumed at 9 o clock with one or two witnesses taking the stand ahead of Britton. The court expects a verdict from the Jury by noon today. Robert Harris was shot on the night of March 28. on West Ranter street near Taliaferro. The bullet struck him in the shoulder and formed a groove through the  cavity. The shooting occurred at 9 o clock and Harris died at Ondy hospital about five hours later. Shortly after the trial got underway. Attorney ones announced that his client would admit that he shot Harris. In his opening explanation to the jury, the atorney said he would prove that Britton VIS protecting     1f   op                 more men at the time of the shootIng- It is recalled that on the night of the West Side shooting. Albert Brltton vent to the police station and surrendered. At this time. Brltton said he had just shot man and was almost sure the victim was dead. As an explanation to the shooting, Brltton said two men attempted take some money from     and he shot one. Brltton Informed detectives that he had recently inherited a large sum of money and he thought the two men were trying to relieve him or the ran. Albert Brltton Is the son or the late Mrs. Sallle Brltton. Be lives at a Leach street residence. The state Is endeavoring to prove that Brltton shot Harris as the deceased darted back and forth behind a parked automobile. Thr car was said to have been located on the north side of Hunter  and pointing towards the west. The shooting took place a few steps from the corner of Taliaferro street. Robert Rhodes, one of the nrst to take the stand for the state, declared he saw Brltton with pistol In hand, and heard him say to Harris "I'm going to kill you when you come out" Rhodes said he did not see a knife in the  of Harris, but saw Brltton  his Run three times. George Flagg. mend of Harris. .(Qoatfauod 05 Pan ft CoL 4)                 Expect Noon Verdict (CaatimMd tram 1) i iod k witness for the Hate Mid be and Han* were  down i the  rtm Britten Waited an . -We had just left the golf course where we bad been ." Flaw ,aJd. i Arited IT Harris had a knife Fimtr mid the  had nothing bur *ome meat in hi* hand, which he hprf  UDtown and was c- to his . Mrs. Lnum Harris. 79!) Ponnrtnstrut,  of the dead boy.   *  or. the stand, bat  \    Utt'c information. Britton who hod been rxh   of  * f^** i .  nt ea.v  Arthur nn.son took thr stand and inf.- mated       Harris was the :~c7   - sor in tho . Glbwn said    w;~s not  with either oi' rh*1 men involved. Gibson  he  Brittnn   'i j Harris not to "come on me" .nd rh t Hnrris was  towards Brltton when the latter  his pistol. In another statement. Gibson !Mid. "I heard Harris say 'Crip wants to be a sniper.' Perrv Lowe, a 14-vear-old      '. w?s a star witness.       said he was standing behind Brit- i 1 ton " thr  occurred. i Lowe declared that Harris bad i                 knife in his hand and after Britton had snot Harris. 4 boy by ihe name of George Flasg look th* knife from Harris' hand. Johnnie Bass who said he wps in a pool rcom near the sccr? of the  tola the court that he went to the wounded boy s side and touched him and while he wan there Gcorg; Flagg walked tip. holding a cap in his hand and took the knife and placed it In his own left hip pocket. Dr. M D. Barnes said hr was :n a cafe and  Britioc tell Harris to "quit following me." The state Is expected    present a near   today.</t>
  </si>
  <si>
    <t>                                           High above the busy streets on the ninth floor of the Fulton County Courthouse, the trial of a crippled man. Albert Lucius Britton, will be resumed this morning.</t>
  </si>
  <si>
    <t>                                           Knoxviiie M e e t sj Two Debate Teams The Week End                 K..LE. Tcnn.                 -(SXS)                 All opportunity to hear two tint'' ly subjects discussed pro and con will be given to .students and . by (he KnoxvlMe C?11~?!S'" debaters Friday und Saturday evenings this week. In the Chapel on the hill. TomorroT evening the   from Xnoxville will -J with n team from A. M. and N. Pine Bluff. Ark. on the question "Resolved that: the several stales should  legislation providing for tree medical sen ice for all citizens." Three men from the city will oct as Judges (or the debate. Nuthnnlel Crispins and  Suiinders will debate for Knoxvllle. (Continued on Pflge 6, Col. I)                 Knoxvillc Meets (Continued from Piifr 1) TMe Kiiuxvilli-     u II aii:ti t\ j 11 1  from Vir-i:n.i y1:;!' Petersburg Vu. SuUK'b'  April l J hi IJ-1.1. Kiii-wiii.- "11 iii. hold  :itl rnm ivr ut th' 'MMtlon: "n^MiUTii.  Cm;:-!'-*  lo  c  ti-i1^.1' of thr Sup'.'' Own l"il:ir:i: arts rf Cn?i^ ^ i"'";!1 NalliUDirl Cril)~iin.- :nrl MiUi-Jeter will 1m- nit iho ~,::;u:ni in I Kno..</t>
  </si>
  <si>
    <t>                                           1 I , MARCH IS. 193B THE ATLANTA DaIlY WORLD. ATLANTA. G.\. PAKE FfVK</t>
  </si>
  <si>
    <t>                                           ! lfc*l . Stir ( KlfeSiCalC/        .\Urrlnil       Wl"~~  I. ink line.           \lfc. 'JV 1 1  mi Hii'h^uig.OlMinwfii nil ll- Honk ^R"\5   GnMm Druwii (luni. WJgW [HM* MlND.IfWMV S"    ? 6 T    17     EAO- ?*_- T-T Take ALKA-SELTZER for HEADACHE, Acid Indigestion, Colds, Ncuralgin, Fatigue,    . ;ular, Rheumatic, Sciatic Pains. Pleasant, Non-habit forming, Non- docs not  I the heart. i Get Alkn-Seltzcr nt your drug sfim I In 30r and S8c  for home am, i I or cri a drink of Alkn-Sellxer at *mf dru** A*  rc ~(N)a . y?ev. N. Demy uyk I have found nothing te dU past 20 i/eare  can. take ,tka place of Dr. Mile* Aaii-P^m Pills. They art a Mure  my headache.* Sufferers from        % J Neuralgia, Toothache,   ^-  ^    Sciatica, Rheumatism, Lumbago Neuritis, Muscular Pain*, INati* odic Pains, write that they \mm used Dr. Miles Anti-Pain Pub with better results than tiMOr.QM even hoped for. Countless Af^^fl^n ^BVl^ft wives would no mar*  of keeping house without"- Efc Miles AnU-Paln PlDs than  flour or sugar. Keep - ngo In your medicine cabinet  I cave yourself  ^, At Drag SiOTf-rSk tnd fig)</t>
  </si>
  <si>
    <t>                                           JESS HOLLINS AFRAID TO SEEK NEW TRIAL!                 FURS CHI MAY BETE OUTCOME                 Okla. Man Claims He'll Never Get A Fair Hearing                 I'M INNOCENT!                 . Okla- 'AND- With his face up. and looking squarely into the eyes of Judge Harvey Smith of the 9th Judicial district. Jess Hoilins. Creek County Negro, was sentenced to life Imprisonment Friday .                 "Your HoDor, I have this momIng placed in the records :i motion for a new trial and arrest of Judgment." said W. Shearer Brown, i leading coumel for ibe defense, and employed ty the N. A. A. c. P.. "but- since I .have talked with the defendant this morning I am asking permission to withdraw these paper: and we are ready for sentence." Following a permission to withdraw preliminary appeal papers Judge Smith pronounced sentence. HoUlns. according to Editor Roscoe Dunjee, president of the Oklahoma Conference of Blanches. N. j A.A.C.P.. when seen a few minutes after the jury s verdict a week    , expressed Die -desire-cot to: have the  appealed, fearing, he said. that another Jure- . again give him the death penalty. Dunjee told him at that time to think the mutter over for a week and Insisted then that the N.A.A.C.P. be given the right lo appeal the case, because of Jury exclusion of Negroes, the unusual penalty assessed and other reversible errors in the trial. HcJlins quite evidently had seen a copy of the Otanulgee daily pap- crs in which a Jury poll had shown that six of the Jurors sought this I time to  him the electric chair. According     this dally the life Imprisonment verdict was a compromise between these who sought to give him the chair and two others who felt that IS years would serve the dictates of the law. A letter received from New York by Dunjee from Atty. Charles Houston of the national legal stall insisted that the appeal be made If the defendant would agree to same Walter White also wired from New (Continued on Page 4, CoL 2)                 Fears Chair K'iMitniurri from t acr li Vi-.-k ill s hop*' th:it thr ca.~c be ?ar.:-c! up. "i m-ivr onn former the X. A. A. C. iv .-.tvd Holliiis lr. a *.v.i-- s-';ti,ri  m!.^r ro..:n-; .Intl-,v     !:!!'~ .lwr.1. *I f-o lint 'A-.int : oil'1* tr x^. Jli.ii i.  :   .- I am .s .!i:.M'.ii- I ;01YlC( KUill I i'.ii! not r:  .-. Alt:! Mi-Colhmll ;i!1fl vr:\ ; I ~.uil :ii '    t   ;i 1      I  biM-n in tlio . :lv  ch;iir lor more ilian tp'.ir  ami th.'  now :lia: I i-  ::  is loo nric.1-.. I can": w.-i.v in lft -lifr Jurj" ^ with :ny :i:o." Mid I'o  to bo i :;:i.oc: pr[~ ir.  lo .~hev: :l'.a-^ v.ho h:~ri b. l:im ihn; he ^-r! li Mr o:'.ort.' a".! That 1:.- v;-,::M :~Vfr .it:v-'..:ti^ t.* ?'? ri-vi-.- t :i :!:r ii.i;: u'. il-.fi^ *\    ~":i:.- -~i .i  i-:;:iu-</t>
  </si>
  <si>
    <t>                                           OKMULGEE, Okla--(ANP)--With his face up, and looking squarely into the eyes of Judge Harvey Smith of the 9th judicial district, Jess Hollins, Creek County Negro, was sentenced to life imprisonment Friday morning.</t>
  </si>
  <si>
    <t>                                           The last letter of the pile was evidently from a woman for it was in a pink envelope and addressed with a fattish handwriting. The only thing that gave it distinction was the word "Personal" written diagonally across the envelope and underlined three times.</t>
  </si>
  <si>
    <t>                                           CHICAGO.--I consider it a privilege this week to turn ... this space to Walter R. St. Clair of the National Military hospital in Los Angeles. This gentleman has written a most interesting article on baseball just as the national pastime gets under way in the major leagues this week, and one which merits more than passing consideration.</t>
  </si>
  <si>
    <t>                                           J DRUGGIST FOR                 ^Stmrr f-lHl  CONTAINS ~'/7 fi"        '~?te8S!Bl .' ~-X *S MUCH AS THI 4c SIZE ^^^B^    8</t>
  </si>
  <si>
    <t>                                           Writer Tells Of Strike                 MEMPHIS. June- (ANP)- Gardener Jackson, a member of the Southern Tenant Farmers' Union  Chairman of the National Committe.- on Rural Socinl Plan- "Ing. in a  article based on peonage in Arkansas among tho sharecroppers, detailed tin- series                 ef events which led up to the pr;~SLiit general strike in that state of Hie efforts of the Tenants' Union to improve conditions. Jackson declared: "No federal law recognized agricultural labor numbering around throe million until belated legal status was accorded in the recent CostiganJonos Sugar Control Act. The hopeless condition of southern sharecroppers was shown in the I repeat of the Industrial Relations Commission- appointed by President Wilson, nearly a quarter of a century ago. F. lit Improve Conditions Fail "Efforts made by a group cf us working in the Consumer's Division of tlv AAA to obtain a fair medium of benefit from government alliance with agriculture s owners, fcr these never-remembered men. women and children In I agriculture, failed. Mass action at  time, when it would be most effective, was clearly the only wav to win even approximately docent wages nnd working conditions. "The r.rea selected was several counties in northeastern Arkansas, including St. Francis and Crlttendcn. Tlie strike was called at one of the most earnest meetings in the history of the Southern Tenant Farmers' Union. Strike committees Wei" established through- I out the affected area nnd scores of I men and women scoured northeastern,  the strike. P.ilic,, Officers Aid Planters "On several plantations, offices have united with plantation 1  to force the striking cotton (Continued on page 5; col. 4)                 Writer tells (Continued from Patfe shoppers hack into the field. A j concentration ramp for striker? I Ji.is b'-L'n found by Union  in CritlencU/ County .vl.ere 1.  ivn ii if  and I'    pvu. (1 Our (. .) lo the - to n:\ve the  invi  by one of his .v aff fron.  part of the country, iv I  in the '.'-ri, 10 tins I task of Sam Wl'i'.in' spr?cia! assistant to f'.ie -Bfiiiwa! j of Clmtlancioi.a. Tcnn. I "Eiirlier w"~   f. Jw U. S. attorn^y-Bcncral Die  i; any help from  D.-p.'- Jir'.ie: officials.  in-;: Jlu;  Ilii'  in which hn cO  those of us in WfishingECn v.lu sci-k to aid the piii ul .' sharecroppers and other fi.i;l workers in  lins beer tills very  of '. local :uu!  offiCi-rs completely  with the   lat  class   specific and fair-minded ord'-i's l?.fl by .'.? official' Iiitc In    i.hini Uin hn'-c mii Iji'cii i:: out in til,, field! I "Mosl of Llie strikers held in concentration camps nml stockades are Nu!4rec:i. Southern  officials refuse to tak,.  word."</t>
  </si>
  <si>
    <t>                                           MEMPHIS, June--(ANP)--Gardener Jackson, a member of the Southern Tenant Farmers' Union and Chairman of the National Committee on Rural Social Planning, in a recent article based on peenage in Arkansas among the sharecroppers, detailed the series...</t>
  </si>
  <si>
    <t>                                           WILL REPEAT 11.11. PLAYS                 University Players To Occupy Stage Again Tonight                 The three original plays of Negro life which were presented  week Tor the first time onJ any stage by the University players, will be given their third performance tonight in Howe Menjorinl Hall. The enthusiasm which greeted these  short plays, all of which have                 been written by  and a faculty member In the Atlanta University system has led to the repent performance. The plays In order of their presentation are "Toussalrtt I/Ouver. lure," by John H. Young, a scn(Contlnucd on page 4; col. 7)                 Will Repeat (Continued from      1) ior in MorehouM! College; "Murglrrn Man." by Hazel Washing on, I student in Atlanta University: and "Jolin Heniry:1 by Ira Dc A. i Reid, professor of sociology in At-. lanta University. The plays nrc be- itiK presented under the direction i of Miss Anne M. Cookc. director of dramatics, assisted by John M. Ross. At the two performances last week the audience enthusiastically  the production of each 01 these plays, and paid special tribute to -John Henry." a dramatization of the fabulous Negro hero of the  construction gangs. In this Play, which is (riven In two scenes. John Henry Joins the crew of a railroad building camp and turns the- table  his employers by defeating single-handedly the rail-laying machine which Is built to do the work of five men. l A cast of seventeen students. Irii- eluding John H. Young of More- house College, in the title role. Is used In this  "Marginal Man." an ironic come- dy of We along the margin of the races, was also a great favorite with      week s audience. This play tells the story of a colored football i hero In a white college who on the day of the big game Is forced out or i the game by a sudden flare-up of j racial feeling. Played by an expertly directed cast, In which Will- l lam Beachem of Morehouse CoU lege, and Sarah Murphy, a student of Spelman College, are the outstanding members, this play re.  enthusiastic acclaim. As the curtain raiser (or the , the students will repeat the episodic play of the lfe of the Erest Haitian liberator, Tousulnt VOverture. This play is in two scenes, In the first of which Napoleon Bonaparte hears or the rise cf the Black Consul and plots hla military destruction, and In the second scene Toussaint resists the advances of the French and is trapped by them. As Toussaint, WIUiam H. Pipes, of Atlanta University. Hives a strikingly dramatic , while Benjamin In.  plays with effectiveness the difficult role of Napoleon Bonfcparte.</t>
  </si>
  <si>
    <t>                                           The three original plays of Negro life which were presented last week for the first time on any stage by the University players, will be given their third performance tonight in Howe Memorial Hall. The enthusiasm which greeted these three short plays, all of which have...</t>
  </si>
  <si>
    <t>                                           $153Rcbbery Cleared Up By Detectives                 Detectives Chester and Nahllk cleared up a $153 robbery Saturday with the arrest and" trial or Roy Warner, v.-ho Is said to have  removing the sum from the pocket of Will Major, 612 North avenue, at the Terminal Station last Thursday.                 Tried in Recorder's Court, Warner was bound over to the State under bond of $300. A taxicab driver and another witness said they saw Warner take the money from Major who was drunk at the time. The detectives In their report to th0 Chier of Police, said Warner confessed and returned the money to Major. Minister's Car Stolen The Rev. J. H. Cunningham reported to polices Saturday that his automobile was stolen during the morning. The minister who resides at 444 Irwln street, said the machine has a value of $250. Loses Trunk, Money Miss Amanda Wiley. 42 Manghiim street. SW, said she awoke earlv Saturday morning in time to see two colored men dragging her trunk through a bedroom window. The trunk was valued by the victim at $24. and contained $63 in cash, she said. Burglars Recognized j Robert Charleston. 455 Martin street, SE. told police he recognized th0 two colored men who broke Into his house Saturday morning and stole $27 of his money. He said he went to the home of the two men and tried to get the money from thorn, but they refused. Three Dresses Stolen Miss Jlmnlta Evans, rear 647 Boulevard, NE, said thieves entered her home Friday night and stole three dresses.</t>
  </si>
  <si>
    <t>                                           Detectives Chester and Nahlik cleared up a $153 robbery Saturday with the arrest and trial of Roy Warner who is said to have admitted removing the sum from the pocket of Will Major. 612 North avenue at the Terminal Station last Thursday.</t>
  </si>
  <si>
    <t>                                           SALE! NEW SUMMER  5* COTTON DRESSES I^IL till BE^^^lj Guaranteed Washable! All Sizes ^^S^^^^^^P^^^^H 1 Batistes Never more            array of StripCS ^TiR^^^^^" "^^S^^Ij^^^^H i of  r"dy {or          - Solids ^^^v^\ ^^^B Rff ^^^^B</t>
  </si>
  <si>
    <t>                                           Magnificence Of Pompeii Seen In Georgia Film                 SPECTACULAR SETS, giant reproductions of entire sections of the  Roman city of Pompe.l, arose in Hollywood to provide -n tremendous background for "The Ltist Days of Pcnipeii," which has come to the sound screen with lavish realign, :il the Georgia                 tre. today. The  of the sets was only half the problem. Once built, they had to be destroyed before' the cameras in the  oX    ! historic destruction of the luxurious Roman resort by Vesuvius. One of the most magnificent of these sets was the Temple of Jupiter, including most of the  end of the PompcUan Forum, the open square before il. and the market place. The temple. Its splendid while columns rising from the top of u majestic flight of stairs, was a careful reproduction of the original building as the ruins indicate it appeared. As shown In the Him, the steps are Honked by giant statues of spirited horses, eac!^ with a' rider. Two stone horses' drawing fi chariot, and several other  statues add the linal much to tin-  of tile scene. The .second of the  reproductions is tin; Pompelinn arena.                 The boxes for the wealthy, the  of scats for the mob. the 78- colossus standing over the * ators' entrance, all were reproduce* td nlm the thrilling battles between] gladiators, barbarians and  battles invariably ending In  ter. .$ Highly picturesque Is the set representing the shops.. Occupying two entire stages, several quaint' crooked streets lined with tiny, stores were constructed. Here ,WM the blacksmith s -forge, the potter?* shop, the '8. silversmith s and wine shop, and the silk merchant s booth. Soldiers, slaves, nobles and peasants pass through these cobbled streets. U n d o?r quaint, vine hung bridges,  throng, post high walls, crooked nights of stairs and tiny gardens, bringing to life an old world atj mosphere lost for centuries. '5; A complete house, copied  by rocm from one occupied by as ancient Roman of considerably wealth, was also built for the  Pillared halls and marble  courtyards,  statues, lust gardens, fountains and Etatelj nights of stairs, all overlooking th( blue Bay of Naples, create a story;  illusion of opulence and Rie* beauty. riil</t>
  </si>
  <si>
    <t>                                           SPECTACULAR, SETS, giant reproductions of entire sections of the ancient Roman city of ... arose in Hollywood to provide a tremendous background for "The Last Days of Pompeii," which has come to the sound screen with lavish realisim, at the Georgia...</t>
  </si>
  <si>
    <t>                                           Barnes Shoe Shop EXPERT SHOE  Work Called For  nd Delivered Phone: JA. 8599 343 Auburn Are., N. E.</t>
  </si>
  <si>
    <t>                                           The Delta Mu Club of the Booker T. Washington High Evening School is sponsoring High School Night with the seniors as honored guests, May 17 at 7:30 o'clock at the Central ME Church. This high school night promises to be one of the best that the school has ever...</t>
  </si>
  <si>
    <t>                                           9HUY       5v .NiwiwffiK. fa th^ v ITwFlife W. A. ScotV p, Founder and Publisher (1928-1934) Pabllsbed DAILY and SUNDAY at 210 Auburn Avenue, N. E. i By THE ATLANTA WORLD PUBLISHING CO. h.\ Telephones: WAInut 1459- 1460 ~"Affiliated with THE SCOTT NEWSPAPER SYNDICATE MEMBER OF THE ASSOCIATED NEGRO PRESS C.; A.- SCOTT I "General Manager J. 'R. PATTERSON Assistant Manager LUCIUS L JONES Managing Editor SUBSCRIPTION RATES: DAILY:- 1 Yr. $9.25; 6 Months $4.75; 3 Months S2.50: 1 Month 90c SATURDAY ONLY:- 1 Yr. $3.00; 6 Months $2.00: 3 Months $1-25 Canada: 1 Yr. $4.50; 6 Months $2.75; Foreign: 1 Yr. $5.50 ^National Advertising Representative: W. B. ZIFF CO., 608"S. TJearborn St.. Chicago, 111., and 381 4th Avc, New York. N. Y. Entered .In the Post Office at Atlasta, Ga., as second-class mall under the act of Congress, March 3, 1879 The ATLANTA WORLD is Bn independent newspaper, nonsectarian and non-partisan, printing news  and supporting those things it believes to the interest its readers and opposing those things .against the interest of its readers. Address ALL COMMUNICATIONS to and make CHECKS payable to. the ATLANTA WORLD rather tban to Individuals. The WORLD  repudiates responsibility for return of unsolicited pictures. manuscripts, etc.. unless stamps arc sent.</t>
  </si>
  <si>
    <t>                                           tf OCIETY IN THE SOCIAL REALM + CLUBSf</t>
  </si>
  <si>
    <t>                                           TIM TYLER S LUCK -By tym Youhi                 FELIX, THE CAT -Fy Kdliyan                 By Cy Hungefordj                 It's A Great Life If You Don't Weaken! -By Jack Rabbit                 THE BIMBO                 PETER PEN ByNick Nichoht</t>
  </si>
  <si>
    <t>                                           PRESIDENTS VACATION IS                  WASHINGTON- With plenty nt muddy waters lapping near i the White House grounds. Presi- dent Roosevelt took charge of the Federal forces f  against the neatest national f.cod in the country s history. The Associated pre:s reports boiling -.vaters raged in four rivers: Ohio, Potomac. Susque- hr.nna snd -.he Connecticut. Known deaths numbered 131; many probably are ye: to j bo coun:cd. Property damage mounted over $150,000,000. The Ked Cross counted more than :00.000 refugees. The flood centered around Pittsburgh, Pa.. Wheeling. W. Virginia and other cities to the vicinity.                 Two Are Freed (Continued from      1) Ur months in jail Three received sentences ct  ninths for gamin; They were Artls 3rown.. June Wilson and J. D. 3 Others      ?nccd :ind fined were. T. R. Therglu.s. * . three months. Lcnnlc Thompson.   . I. Liquor. .v n:.~. suspended. M. C. O'Brien, larceny.. 12 ;. Rchert Jacksor.. larceny, six . J. W. Williams, P. I. Liquor, fo jr months, suspended.</t>
  </si>
  <si>
    <t>                                           TEAM STANDING Team. W. L. Pet. A,cipco S 0 1.000 L and N 4 I .800 Ensley 3 2 .600 Walls 2 3 .400 BrlMrJicm House 1 4 .200 Stocllham 0 S .000 GAMES SATURDAY L -~d N at Enjl-y W-tts at Stockhain Bethlehem House at Aeipco</t>
  </si>
  <si>
    <t>                                           "A man is a man; a woman is a woman. They are unlike in their very make up. One is a member of the male sex; the other falls in the female category. This is stated to support our contention that men and women are quite different in their nature. One is rude, hard and warlike; the other is kind, sympathetic and consoling. They have a definite place in our social order, but not the same place. To support our contention one only needs to be a keen student...</t>
  </si>
  <si>
    <t>                                           ALABAMA STATE DEFEATS MOREHOUSE FOR TITLE                 IMA WINS 1836 m CROWN                 Morehouse Fails In Second Half Rally; Lead Too Great                 ' THIRD                 By RIC ROBERTS                 TUSKEGEE. Ala.- (SNS) Alabama State Teachers college of Montgomery. Ala., defeated Morehouse college of Atlanta. Oa., to win the 1936 Southern Conference Basketball tournament in Logan hall on the Tuskegec Institute campus.                 Alabama's smooth functioning team had little regard for the celebrated Morehouse team of spirit and dash during the first hall at their- dazzling game In Logon Hall to determine the basketball champions of collegiate Dixie, and led at the pistol, 22 to 12. All Time. All Southern, Carlos Parker of Alabama State, was a riot with his  shots from every angle while Turley's passing was brilliant. Beard's breaks for the basket were like lightning while Tucker's pop shots from IS feet out were murder. i Morehouse traveled at halt stride and Felix Harris was Jerked after several bad  from the Mahon point. Dawson replaced him:" Clark bagged several baskets via the sneak routes and the house was wild. i The Maroon Tigers  Alabama In the second half, making IT points while the Hornets were = but 13 tallies. However, the lead was too big to overcome, end with Alabama making a last minute spurt to put the game on Ice. the final score ended. Alabama State Teachers college. 35: Morehouse college, 29.  (29) ffl B F T Oslin 2 3 ITarrb J S rase 4 0 3 Bush 2 3. S Clark 3 11 Xix 0 1 Echols 0 -~-8 Bennett 0 0 Dawson 0 0 ,0 Total 11 7 12 ALABAMA (351 B TT Heard 3 14 Tucker J 3 2 Moormen 0 0 0 A. Johnson 0 0 4 Graves 0 0 0 Parker S 2 1 J. Johnson 0 6 3 Pant 0 0 1 Turley 0 1 2 Moore 0 9 I Total 14 1 IS I TUSKEGEE GETS  Tuskecec's five defeated Florida A. and M/s quintet here before 2.500 rabid fans Saturday night to (Continued on Pace. S, Col. S)                 Bama Wins (Continued from Page 1) take third place in the third annual Dixie tournament. Th.- first  wxs a thrilling sin-sav :ti':i!r.  nip and tuck action  featured all i.tw way. Only  beautiful baskets by Tliaddeus Oreon kept Tyskegeo In i he running. HLs last effort carried Tiukcgec 10 tlv  at hall lime by a 1G to 15 ratio. Green was  . last camp for Tuskceec. The Florida team surprised the fans with its clock-like passing and dribbling gestures and threatened ig bo. the team of the tournament. On sheer conduct, as a unit, the boys from "F-." loomed-  better unit as the period ended. j In the  half Florida evened I the count on a free threw to start the ball rolling. The Tuskegee Tigi f r;. checked up and started        dividend.-. The Florida Rattlers lound their offensive; game had bcci; .-topped ~-old while ThaddeusOreen !iop?d          for 17 points. Johnson, another Ti?er forward. 'nmc irto the '.am" '.ate but ! bv ? up three baskets for his team. TIIE LINEUP Tl.' (351 B. F. P. Johnson, f 3 0 1 K. Maekey. 0 0 0 Kun.m-11. e 1 1 4 i K Rclilnsnn. e 3 0 4 K. Ail j ins. g 0 0 0 K. C'lt- 1 0 0 K. Crren 8 1 1 li. .v I) Q 3 1 K Scisro 0 Harris 0 2. 0 16 3 13 FLORIDA (25) B. F. P. "'lfN f 0 1 1 Ilaiilx f f q .     -s c 2 2 X \Villi;ims k 0 1 0 Parson jr j 2 1       0 Stone 2 2 3 Eratldock 0 0 Lmmond 110 i HW,l y.'.'.'..'..'.'.'.'.'.'.'.'.o ft Q 8 9 6</t>
  </si>
  <si>
    <t>                                           TUSKEGEE, Ala.--(SNS)--Alabama State Teachers college of Montgomery, Ala., defeated Morehouse college of Atlanta, Ga., to win the 1936 Southern Conference Basketball tournament In Logan hall on the Tuskegee Institute campus.</t>
  </si>
  <si>
    <t>                                           In complete contrast to anything ever presented by the Atlanta University Summer Theatre during its two previous seasons will be this year's opening play. "Seven Keys to Baldpate", which on Monday evening will inaugurate the 1936 season. Labelled as "a...</t>
  </si>
  <si>
    <t>                                           MODEST and demure is Mrs. Ruby M. Jackson, widow of the late Dr. F. L. Jackson, Athens,                 Gb. Photo by Kelly.</t>
  </si>
  <si>
    <t>                                           Today is Mother's Day and all the world worships at her shrine. To be called Mother is one of God's accomplishments and a choice blessing bestowed on humanity. In all phases of life, no matter what. Mother can always be relied on to give succor to her off springs. IN...</t>
  </si>
  <si>
    <t>                                           A muffin mixture is a batter in which the ingredients are combined in a particular why, and that way is different from the method used for either cakes or biscuits The main difference is the method of introducing the shortening in cake-making, the shortening is...</t>
  </si>
  <si>
    <t>                                           Charlis Banks Passes Wednesday, June 24                 \EW BERN. N. C. (SNS) The community was shocked last Wednesday !  6 a. I m. June 24th. at the sad news that j Mr. Charlie Banks, well known resident of Bsirllett Sireel. was found dead in his bed. He was around Oil at Ins . and was one of New Bern's most well known citizens. Funeral services were held at the St. Joseph Catholic church at 4 p. I m Wednesday afternoon. Reverend Father Julian Endlcr, officiated. Interment was made in the Green- wood Cemetery. "May   * "est in peace."</t>
  </si>
  <si>
    <t>                                           Last Thursday night elaborate plans were drawn up for the annual "Open House" which is to be held early in May at E. P. Johnson Evening School.</t>
  </si>
  <si>
    <t>                                           NAACP Drive Is Getting Fine Support                 Tlie membership campaign of the Atlanta Branch NAACP will  Friday night March 6 with a mn.-s meeting at Wheat Street Baptist church. Rev. D. T. Babcock will speak on "The Church and the NAACP": Rev. M. L. King on the subject "The NAACP before the                 Supreme Court." Mrs. Daisy E. Lampkin.  secretary, will have charge of the closing of the campaign, at which time tinal reports will be made by all captains and workers. Music will be furnished by the Wheat Street church choir, under the direction of Mrs. W. F. McKinncy. One of the outstanding features of the campaign is the cooperation given by the insurance companies of the city. One hundred per cent membership has been unanimously pledged by the agency and  forces of the Atlanta Life Insurance Company. Pilgrim Health and Life. North Carolina Mutual and the Guaranty Life. This pledge was given by each of these groups, with expressions of confidence and loyally to the work of the NAACP. In an interview with Mrs. Lampkin, she stated: "The insurance companies of Atlanta arc not only trying to protect the health am! life of the citizens, but are willing to give them the added protection of 'Liberty Insurance", which is what the NAACP is attempting. I am deeply grateful to these companies for the line spirit they are showing." Report meetings will be held Monday and Wednesday, March 2. and 4. 7 p. m.. at the headquarters, Butler Street YMCA.</t>
  </si>
  <si>
    <t>                                           The membership campaign of the Atlanta Branch NAACP will close Friday night March 6 with a mass meeting at Wheat Street Baptist church. Rev. D. T. Babcock will speak on "The Church and the NAACP": Rev. M. L. King on the subject "The NAACP before the...</t>
  </si>
  <si>
    <t>                                           Madam Mingy THE WOMAN WHO KNOWS Tells past, present and future PERMANENTLY LOCATED Palmist and Life Readar Gives  on  I1  ol "'   Lotto. Marriage, .IBV^V Speculations ot Hnn all kindi. Don't fail (VjEfiM to no  gifted  Palmist. Points- the KrcM     to            l^i^p and shows you how to overcome enemies. -Madam Mingy has helped 'thousands and she can help yon. TOLLS LUCKY DAYS AND SPECIAL READING 50e 'Tales Federal Priion car to end of line^Look for Nam* an Sign Not in Tent. Satisfaction Guerantoed 638 McDonoagh Road Kadam Mingy Makes No Hone Calls Of fie. Honrsi A.M.ts (P.M.</t>
  </si>
  <si>
    <t>                                           RICH S BASEMENT] Extra Savings Thrift Thursday! "lee Cream Colors" In Summer ft jr Vj [^y: ~:'% Bf^ E^ I? 1^^ tf^ H^ v% LJ if Cp 3 3 21 I llM=SsD[w L  ar.'! Jl. ALPACA- coo! ?.:~.cl \B w fiF3!0~%~\ soft- in str.n'- pi ik. ~"f "'bite,  I Pi it- S" S!'ei?n. and ? ic.v      All sizes 14 to 4G: ~?'$~ w ^w 'ri"vn, li I ii f n n J ~"W ^1 V^"^~ Hiivy. Pl:iin or  HHffl LINEN ^X  K^~^fU SUITSfiPs  fk f Tor . I v/if 1    n .r-L Pre.SI.unk! \W *2%M 'jsj^ Guaranteed for ^"fe ^"W tf%    H\h$~ Five Washings! J_ ^W#C I' ' ~~~%/%# i i I  T Reg, 1.19 Ruffled Regularly 5.951 T "^  **S Organdy Curtains Ouly of  s;';ts j ill 1  or double- H Sj'B-^H j-, j-, , with  lijA If^sSi 89C     cr -v  I   :^l 1 Siren 34 to H KfflB Fluted ru flics. White, pink, maize, Regulnr and   fl*ES!  ii ;i lit] pi  li',i yai ils luin*. si/i*s in l!ir ^. H ;^~2 ^J</t>
  </si>
  <si>
    <t>                                           HlSdflUlAgilJJj   DAILY JMEWRgRBR IH_THS WOJVJLDf ~^^~~j^      ^~    .VOLUME 9, NUMBER 117 ATLANTA, GEORGIA, FRIDAY, JUNE 26, 193G PRICE FIVE CENTS.'</t>
  </si>
  <si>
    <t>                                           GRAY!) WIN                 Juijc Pomeroy;" superior court Judge, handed down' a decision Wednesday Infavorof Julius Gray, owner of the Pictorial "Theatre or tf.fls city. The Judge rulled that (Contlnv.*d on Page 0, Col. 7)                 Grays Win (Continued from pa*e D 0'ic thea re continue operating I without Interference from the city until the case of the city of Atlanta against Julius Gray, Jr., is definitely disposed of. Attorney J. V. Pocle Is representing the Grays. Julius Gray, Jr.. was arrested recently for operating Uie projectiles machines  t the Pictorial theatre without proper license. The ca"c wfls appealed after Cray was fined in Recorder's Court.                 ETHIOPIANS SWOOP DOWN ON ITALIANS                 fJ3     ABABA- - A largo army or Ethiopians apparently  on cutting the A'8dis',Ababa-Dcssye motor highway,- swooped down on an Italian garrison," south of. Ad. dls Ababa Tuesday and only after severe losses     ?. sides,' disbanded hastily In retreat. The army  was 'divided Into numerous small groups and was reported as led bV Dedjazmath Abarra, son of Ras Kflssa, military leader during the Italo-Ethloplaii                 war. The losses were heavy to  sides.</t>
  </si>
  <si>
    <t>                                           OLD PEOPLE find way to keep breath wholesome i Halitosis (had breath) quickly yields to Listerine, safe antiseptic and deot        \ of * 6l8tu_-     , fao4 . or       of  teeth, old people rrt-qiK  buve MUtOttU (Lad ). No wonder others consider them a * Bui dot-         has found tbat      use cf Lisit-' r.'ill ofl*?r           7? mouth odors  in the  of  bits of Toad on mouth, teeth, or   surfaces. This Fad- un'. and quick '        ^iy- It cleans*^ , , *cd (rum  . Ualt.i fermentation and  (, a major cause of odors* and Cite  the odora . Try usins Lislerinc every two or       *        how  more whol  it    \~~a . How it sweetens your breath. Lamlrar*        *l Co., SL LouU. Mo. I Don't offend others Check 1 halitosis with</t>
  </si>
  <si>
    <t>                                           And Lombard Star p In "Rumba" Starting Today At Harlem                 Assembling :i .rr nf the ~;r:.i;j;i: aii-1  :- ,iin ms usi-il in ^ tin-       :i pn.ivi.-il ; n^ [lit :*ii: of :i         :i'l     ,c.i!i"ii l rir thf  ?t:ifi l':ir:i- Mi.'inu s Kimilin." -l.inin:; i\r-r^ Krii'l :nnl Otruk- 1 ..   .!;     :   :il llu- il.ARI.KM Tli'-itrc. .Most        :uil llu- -   in llu- KuiiiIki UiikI :iii J        in ii-            llu- "~ui_irn.K--" KuniK-rl iMn ;Ik-  .~- -.'I' :i . ii .1' ' ihc i-  .-~lr:i ;ind sets l!:r .                 Next in importance ;ire thv  gourds ur . In the  . a pair uf these is handled by ~*ach woman dancer. 1\  in" ;i native West JiKtian . * Guiru. they arc made by :i process uf sun dry i uk. To m:ike each pair, one ~{ is dried for ^live days and the other tor three                 in  in  ;i difference in ki.v. thru a small hole is  in  ;utd ;i fixed number of shot inserted. The finished product ;;ives Ititrnbit  its  * ;i:id ' '-" sound- Stll  , :i reUe oi' the days when tin; ICutnbit was Uiiuwti ;is the vM ro-Cubun' .                 arc the bo.1-0 drums. These, like Hie gourds, arc only used in dif-  keyed pairs. They are created frum Koutskins. the skin i of the female  used for one drum and that ~.f the male for Uic H.rr. The   r the two  creates the weird Run.- lia . so different Iron, all other dram tones.</t>
  </si>
  <si>
    <t>                                           IT IS A COMMON THING with police reporters to observe flagrant examples of the law's "glorious uncertainty". The nature of their work throws them into close conversation with just such eerie legal aspects. Crime reporters are usually stocked with information about many novel and interesting court cases and, as a rule, are among the most absorbing and engaging narrators one encounters. Nothing is quite so interesting as the unusual. Good news borders...</t>
  </si>
  <si>
    <t>                                           Specialized Training Vocational Courses Leading To B. S. DEGREE Offered At TUSKEGEE INSTITUTE SCHOOL OF AGRICULTURE SCHOOL OP MUSIC Four Year Courses in Vocational and Full Courses in the Theory of          Technical Agriculture. Composition and, the Technique of  m? TitisiNPRa Piano, Voice, Violin, Band Instruments: SCHOOL OF BUSINESS al)d Pipe Organ, along- with Special Four Year Courses in Accounting and Courses in Public School Music  Administration1 Commercial jng to the Degree ol Bachelor of Music. Teachers Course and Secretarial Course. SCHOOL OF NURSE TRAINING SCHOOL OF EDUCATION. A Three Year Course Leading to a DiFour Year Courses for High School and Ploraa- Elementary Teachers. SCHOOL OF .MECHANICAL INDUSTRIES SCHOOL OF HOME ECONOMICS Pour Year Course" in Architecture and A Four Year Course for Teachers of Building Construction, Industrial Arts, Home Economics and Home Demon- Power Plant Operation and Journeystration Agents. man Trade Courses. HIGH SCHOOL A Four Year Accredited High School Offering Specialized Vocational Courses., Leading to Diplomas. Forty-one Different Trades Are Offered for Men and Woinen SUMMER SCHOOL SESSION OF TEN WEEKS: JUNE Olh TO AUGUST 15lh For further" information address: P. PATTERSON, Prulitzi ALBERT' , RafiUrar TbO^m IstUlaU. AUbam*</t>
  </si>
  <si>
    <t>                                           JEW YORK ACCLAIMS "THE GREEN PASTURES"                 Writer And Actor Open. Smart Club In London; Theatrical World Mourns Death Of Rose McCfendon Annie Bell Hunnicutt Sings Prologue To "Pastures''                 BY FRANKLYN FRANK                 CHICAGO, (ANP) Rudolph Dunlnr, noted- British musician' and correspondent for the Associated Negro Press, and. Sam Manning, otic of the first acton of color to be employed by the U. S. Theatre Guild, have just opened a smart new night club in London Billed the "Florence Mills Social' Parlor" which is expected to serve, ax a sort of headquarters (or Negroes in                 the Etigliili metropolis. By way 01 identification, "Onnbar was clarinetist and first  fur ilic late Flo, and is famous as both a jazz and concert musician. Manning stayed and produced 'Kunykiner' which ran for a year on Broadway, and was in ll:~ music department of Warner tros. Films iri Hollywood for some time- This Flo Mills club, according to its sponsors, will endeavor at all [times to reflect honor on the late actress whose I name it has taken. Among: other things, the clnl) will further the cause of 'swing" music. And on Thursday nights in particular, when dance cocktail parties are featured, all the boys come around for a good jam session. On one night lately when the- house was full ~(rf Suctrmusieinns;  as Tke Hatch, Kenny Carter, Reginald Forsyllic. Ivan Anderson, John Payne and the Marino Norris Trio, Leon Goodman, a white writer, dropped in for a visit. Forsythe, you know, is England's nearest approach to Duke Ellington: He lias authored, "Dodging a Divorce," "Serenade for a Wealthy Widow." and the Earl Hincs theme song; -"Deep Forest," among others. As Goodman came in, Reggie was wearing a monocle in sophisticated British fashion. The while writer was told on i          that Reggie's, eyes were weak. Whereupon Goodman asked Forsythe if he wore a glass hat.. ..but Reggie refused to answer. Happy Blake also sported a monocle on this , if you re going to London, it might not be a bad idea to drop by (his spot. 00O00 CHICAGO S CONGO- Dave's Cafe, tl:c Soufhsiric's No. 2  spot, closed up last week because of poor business in the hot weather. It will probably reopen in September Latest additions lo local show circles are the Three Golden Browns, a talented gal dance team from TTarley way. Charles McHridc, the Sepia Bitig Crosby, is now warbling at Bartcll's an ofay spot en the Norlhsidc...                 And Bill Thrcalkill, the singer willi the original style, has 13ing s spot at the Club DcLisa. Hay Nance, who directs one of the best  bauds in Chicago and who aired recently over WIND, wants' to locate. out of Chicago. He may be reached at!5852: South Parkway, Chicago, if anybody wants a real bunch of swingsters Oran "King Kong" Lovett has been turning in a fine, job as manager of the intimate 29 dub Mawinc Johnson, the lovely singing lady, is thinking of going, into the Annex Cafe. If what Valda says is so, it may be a longtime before Chicago again. sees this' queen of' the torso-twirlers who is now in New York... .Warren "Mr. Pork Chops" Patterson took the heat in stride :tll 240 pounds of.- him. The 100 degree weather didn't even phase this dancing ....Augustus Shields, staff  of the Memphis World, looked Chicago over last week and insisted he wanted to play tennis with Anhur Lee Simpson.' the Grayd Terrace tenor, and your columnist. The match was still pending when Shields .went back to Tennessee00606; ODDS AND ENDS- Death last week of Rose McClciidon, the First Lady of the Negro stage, has been lamented by the entire theatrical -.world. -It -is unfortunate-, that the happenstance' of color  her from achieving the fame her ability warranted. But  was a pioneer, and pioneers' do, not' reap the rewards, of their descendants;: She must- rest content in the certain knowledge thai she has paved the way and has opened new vistas, for others who conic after her: and  these others may eventually be acknowledged on merit alone and not race. Strange things in Atlanta: films of the LoilisScliiuelingifiglM shown in the three colored Bailey theatres are claimed to be bootleg pictures taken secretly and unauthorized. Whites, who saw the "official" films, applauded every time a Caucasian fist landed on Joe's jaw and the audiences were overjoyed at the knockout demonstrating 'white supremacy". Meanwhile "at "the big Fox theatre in Atlanta, a Major Bowcs- amateur. Annie Belle Himnicutt, sang the prologue to "Green Pastures'.' She is one of the few sepias to appear mi a white stage there Lew Leslie's "Blackbirds'" finally opened at London's Gaiety theatre on July 9. Critics call it a fast stepping show and expect it to be a hit.</t>
  </si>
  <si>
    <t>                                           CHICAGO, (ANP) -- Rudolph Dunbar, noted British musician and correspondent for the Associated Negro Press, and Sam Manning, one of the first actors of color to be employed by the U. S. Theatre Guild, have just opened a smart new night club in London called the "Florence Mills Social Parlor" which is expected to serve as a sort of headquarters for Negroes in...</t>
  </si>
  <si>
    <t>                                           Noted Poet Gives Negroes Credit For The Greatest Music In Tuesday Talk                 America's great contribution to the music of the v.-erl:l, known va. riously as rag-time. jazz, onr!  s-rtr.g" has been brought into being by the head-on meeting of two American minority groups, the Negroes and the Jews. Louis Untev. meyer, poet, critic and anthologist.                 told a large audience of students and faculty members of Spelman nnd Morehouse colleges and Atlanta university Tuesday morning. Speaking in Howe Memorial Hall on the general -subject of "'A Critic'? Half Holiday". Mr. Umermcyer re. viewed the development of th-~ American arts of architecture, music and literature since the  of the century, paid particular attention to th(.. risc of the new American poetry, which was marked, he said, with ". vulgarity, vividness, and variety", and concluded with the reading of two of his most famous poems of protest. ~'Prayer" and "Caliban of the Coal Mine". Negro spirituals and jazz hnv-been the great gifts of America to the art of music. Mr. Untermeyer said. Jazz, which represents the true tempo of the hurried life of America, has been developed by Jewish composers, such as Irving Berlin and George Gershwin, from typically Negro themes. Necro spirituals, when they have been left in their native simplicity and beau. ty  come to be acknowledge;! everywhere as great music. Mr. Untcrmeyer said. The two noteworthy operas written by Americans. "Emperor Jones" and "Porgy and Bess" have been the work of Jews who used ICcgro                 .'oik music ar- their thematic ma !. he pointed out. j In introducing Mr. Untermcycr. Dr. William Stanley Braithwaite, of the Enelish department of Atlan::1 university, described the speaker %- n very significant  in modern American literature, and one who was "not only a poet, but an inter, preter of poetry, a discoverer of ports and a sustainer of poets." Mr. Untenneycr in  stated that Mr. Bniithwaitc had been a pioneer in modern American poetry, whose services to the advancement of the cause of poetry would have n  part in any history of this epoch. Mr. Untermeyer"s life has been unique in that he has had two distinct careers and achieved success in both. Enterins the jewelry  i. at 17. he became n hish executive in two large manufacturing enterprises. In 19"!3 he resumed from business to devot? his entire time to writing and ;. Tn the last twenty. five ^     has  Titten and published 19 vo umes of verse, travel, . and . several volumes of  n have run ir.to n number of editions, has -'d  collections of po. etry.  have become standard anthologies and has translated      cml books from the German and Swiss. In addition he has been a voluminous contributor to contem. porary . and the contrib.  editor of several o hers.   ' was "d on his trip to At- i lar.ta by his wife. Esther Antin TJn- . who at 2") years of    \ won distinction by  made the ;:e of the municipal court of To. ledo. Ohio. Si-.e is now practicing in that city.</t>
  </si>
  <si>
    <t>                                           America's great contribution to the music of the world, known variously as rag-time, jazz and "swing" has been brought into being by the head-on meeting of two American minority groups, the Negroes and the Jews. Louis Untermeyer, poet, critic and anthologist.</t>
  </si>
  <si>
    <t>                                           WORLD CARRIERS MEET TODAY The newsboys of the Atlanta Daily WORLD will meet this afternoon at the Butler Street Y- RL C. A. at four o clock for business of Importance, accordIng- to on announcement by Charles Bronner, circulation manager.</t>
  </si>
  <si>
    <t>                                           Convention-Bound Special In Wreck; Memphians Hurt                 MEMPHIS.                 -(SNS)-                 A head-on crash of two Missouri Pacific trains, one a seven-coach passenger wl'/Ii bore one hundred Memphis delegates and visitors to the Sunday School and B. Y. P. U. congress, In session at Kansas City, Kas- early Tuesday morning caused anxiety and consternation                 all over tlie city. As the passenger traveled down grade and rounded a curve, a 43-car freight train nosed onto a single track and the two steel giants crashed with a thunderous roar. The collision occurred aboout 18 miles north of St. Louis. Mo. at Valley Park. Mo. Among the Injured were a number of Memphlans. many well known as teachers and religious leaders. The list of Injured, dispatched to the World at this writIng, Is as follows: The Injured Mrs. Idclla Dean.^ll, teacher at Greenwood School; Eddie Davis. 52, writer, Memphis: Laura Hnrrls. 34, teacher: Mrs. Cleo Dooley. 36. Memphis; TProf. James L. Buckner.  IKOTtrec.Tit Intermediate School, Memphis: Joe Cooper. 46, laborer, Memphis; Mrs. Ullle. Wilton. 46. Memphis; Mary Moore. 38. Memphis; Helen'Nclson, Memphis: Lonnle Johnson. 24.., Memphis: Adeline Smith. Memphis; Rev. and Mrs. P. W. Williams* Memphis: Prof. T. J. Johnson, principal of Klondykc Grammar School, Memphis: Misr Mattle Doggett; Memphis; Man-el Cotton. 45, waiter. Memphis: Allen Campbell; 38. , St .Louis: Jack Shelton French. 29. waiter, St. Louis: Woster Lee. St; Louis, Mo.; Rev. Oliver W. LeNolr. 53. .Greenwood. Miss.; Irma Moore, 29. Indianapolis, Indr:' Mrs. Fannle W. Lard, 40, Tschula. Miss.: William B. Bracey, 38. of St. Louis. Enoch Whlteslde. 25, waiter, St. Louis: Maurice Overhart, 53. Greenwood. Miss.; Miss R. B.                 ley, 57, Memphis; Grant Parker. 43. tailor, Greenville, Miss. Most seriously Injured of the six members of the passenger train crew were Jesse Carter. 48-year-cid engineer, of St. Louis. Mo., who suffered a fractured right leg In jumping from the cab a moment before the crash, and Benjamin F. Schneider, 38--old fireman. of St. Louis, Mo., who suffered n fracture of the collar-bono, likewise leaping from the cab. The wreck occurred a mile and a half east of Volley Park at the point where the road s double I track system Is Interrupted by a single track which stretches  miles toward the city limits through a series of tunnels to point  double tracking ir again resumed. Ttils -mlle stretch has not been .; tracked because the construction cost of  two tracks through tunnels Is great Preliminary Inquiry Into tho head-on crash disclosed automatic block signals were functioning perfectly just before Ihe collision, according to P. M. Gault, ch'.ef signal  of tho Missouri Pacific Lines. The Investigation Indicated the engine crew of the east bound freight train failed to heed an amber "caution" sign 6500 feet west of the switching point, and  the red '.'stop" signal 450 feet west Df the switch too late to bring tho fullly-loaded freight train to a halt, according to Gault. However, the freight train narrowly missed stopping In time. The powerful locomotive came to a halt four and a half car lengths beyond the switch. I', then stood on the track on which the passenger train, the second section of Train No. 15, which left Union Station at 9:05 a. m- was heading west at a speed estimated at between 70 and 25 miles an hour. The relatively low speed was in compliance with a regulation which restricts the pace of outbound trains at the point to 10 miles an hour- a precaution necessitated by the fact the trains are obligated to awing to the right  a getting onto the - tracks ol the double track system.</t>
  </si>
  <si>
    <t>                                           A head-on crash of two Missouri Pacific trains, one a seven-coach passenger ... bore one hundred Memphis delegates and visitors to the Sunday School and B. Y. P. U. Congress, in session at Kansas City, Kas., early Tuesday morning caused anxiety and consternation...</t>
  </si>
  <si>
    <t>                                           NOW WE CAN HAVE ALL THE BREAD AND NEW  WE WANT. MAMMA SAYS IT S SO GOOD FOR US, TOO! MflHft^ *3n^^HP^^Ai Bat ^Bl^. .^^^^2 j yS^ k MARVELOUS SPREAD FOR BREADS, N^i (The NEW  V IS PERFECT FOR y N^^ COOKING, TOO! It saves you so much money- this wonderful new vegetable margarine, made from pure vegetable fat, pasteurized milk and salt. MRS. S. R. DULL "TD7HAT an amazing product 1""""""""""""^""""^"^ W the New Nucoa is! I know ~~,.-v,-. you will be simply thrilled with it! IDEAL roR  "You never tasted such a deli- AND        USE. cious spread for rolls, hot toast or ^l^^^^t any kind of bread. And this won- derful new vegetable margarine ^V actually saves you 1 K to lit a ^fcL _~*^^B pound over the most widely used ^^^S^^^rf3B5~. spread for breads. ^^~~~i^^^S* "Try the New Nucoa in your Delicious on all bread, kitchen, too. See how marvelous it is for baking cakes, flaky biscuits .~~^rw;*j!~~~ a ad tender pastry. It's perfectly ^flK^^~JH.^ delicious, too, for seasoning vege- ^S^^^BsStPJ? tables and for making , \^^IB^^-;~ candies and for frying. ^     .'-~-^ "And you mothers will be glad Joosoning to know that the New Nucoa is for vegetables splendid for growing children. ^~~^^^fc*~^.  ach pound is rich in food energy {^^^fe furnishes 3300*calories. Why JS^  ^H9H  fKS2    \itl/\ ^'"ent for frying   ^^^^^iS*N                  ^  ^^ KST FOODS REAlMAYONNAia</t>
  </si>
  <si>
    <t>                                           A new two-story train makes its fine ran on che Lntwck-Bachener Railwmy Comply Lines. (Wide World)                 TWINS AND LIKE IT"- Horace and Forrett Tibbs, whose father is Samuel Tibbs of Atlanta. Ga., seem to like the idea of                 twins.- (Photo by Kelly)</t>
  </si>
  <si>
    <t>                                           MEMBERSHIP APPLICATION ^LANK {~ Cut out and mail or .to" junior circle editor 210 Auburn Avenue, N.E. I Atlanta. Ga. Name v,. Aje.....;.:.." Address Grade Birthday Boy or Girl Town V81?'*</t>
  </si>
  <si>
    <t>                                           CHICAGO--Filing of defamation of character suits by John Roxborough and Julian Black against Sheridan A. Bruseaux, and by Bruseaux against Roxborough and Black is about the best thing that could happen in the face of well publicized charges...</t>
  </si>
  <si>
    <t>                                           On Sunday afternoon at five the Calhoun residence, 354 Pine street, northeast, will be the place of the Bon Mot Musical tea.</t>
  </si>
  <si>
    <t>                                           WPA Evening School Holds Program                 An interesting program holds ths limelight In Dccotur.   .. this Friday evening at seven-thirty o clock with the announcement of a tine program sponsored by the W. P. A. Evening School, of which I. YT. Broughton is principal- The program will be staged at Herring                 Street Hlcii School. Principal among the W P A teachers who have worked hard with the principal to round out the- many promising numbers on the program are Albert Brooks, instructor of general adults: Miss Ruth Thompson, instructor of general adults: Miss Janet Clark, instructor of general adults: Miss Rosa Wilson, instructor of elementary education; Lama rD. Minatee. director of the commercial department: Miss Beulah McDowell, head i of the home economics department: and Mrs. Helen Brewstcr. pianist and instructor of parent education. The program of the evening is as follows: Song, America. Invocation. Rev. J. W. Wilcher. I Song. Negro National AnLhem. 'r .Welcome Address. Lamax Ferguson. superintendent Decatur schools. Short Talk, Dr. M. D. Collins, state superintendent of schools. Selection, Chorus of Evening j School. i Short Talk, C. D. McKenney. I president. Board of Education, De- catur. Ga. j i Headings. Students. selection. Quartette. Introduction of Speaker. Mrs. Ed- i die N. Anderson, supervisor of Aduit Schools, Fifth District. Address. R. R. Paty. state - j (Continued on      S. CoL 4) j                 Evening /'Continued from Pa**** 1) lor of W. P. A. Adult Education. Si-!~".n. Chorus. Slio.-i T:ilk. Scott C:ui(il^r. Mayor of    # Ciiy of Drralur. St'liriion. Quanoti^.</t>
  </si>
  <si>
    <t>                                           An interesting program holds the limelight in Decatur, Ga., this Friday evening at seven-thirty o'clock with the announcement of a fine program sponsored by the W. P. A. Evening School, of which I. W. Broughton is principal. The program will be staged at Herring...</t>
  </si>
  <si>
    <t>                                           I FRIDAY,      20, 1936 THE ATLANTA DAILY WORLD. ATLANTA, GEORGIA IV GE FIVE</t>
  </si>
  <si>
    <t>                                           "And the eyes of them both were opened, and they knew that they were naked; and they sewed fig leaves together, and made them aprons" Gen 3.7--This subject, "Naked Women" is very important, dedicated and evoking.</t>
  </si>
  <si>
    <t>                                           NEW LINCOLN TARZAN      HIS MATK j HARLEM today "CHINA SEAS" WUh Jean Hmrlow, Wallace Beery and Clark Gable BBBiBMaBMBaaMBBa^B^BMaaaa^ If JAMES  Ty DUNN E1LER3 "Don't     " J BIG ACTS 1L-* I</t>
  </si>
  <si>
    <t>                                           THE ATLANTA SCE DEALERS EXTEND A CORDIAL INVITATION TO YOU TO VISIT THEIR SHOWROOMS See the Newest Thing in Pure Ice Refrigerators Then Ask Yourself: Does Your Refrigerator Have All These Latest Fe? tures So Vital to Food Purity          (1) AIR CONDITIONED AND - ^B^^^H^^ (2) FOOD ODORS AND GASES ELIMINAT- If y -~~~1 (3) FOODS KEPT FRESH NATURALLY!  i I^J (4) PROVIDE LOW EVEN TEMPERATURE! :g^ You Can Purchase the New and Modern ap SSS Ice Refrigerator as Low as $2.50 Down I I $3 -00 Per Month   ^~m^.:! On our Small Monthly Payment Plan. "W  4^   CONSULT YOUR ICEMAN OR VISIT OUR SHOWROOMS 819 Gordon, S.W., RA. 4717 56 Broad St. MA. 2912 Atlanta Ice Dealers i</t>
  </si>
  <si>
    <t>                                           The following subjects wil bn discussed by the Assistant Directors which should prove beneficial to all recreational workers:</t>
  </si>
  <si>
    <t>                                           4H Club Work Has Helped Many Young Georgians Writes J. Thomas                 By JESSE THOMAS                 I Some of the results that have been revealed by the activities of 4H Club work among Negro Boys in the State or Georgia are most encouraging and show promise of a more intelligent and self-sustaining agricultural population in the .                 The Stan: Club Agent for Georgia is AlcxiuicJer Hursc. who operates j from Georgia Stale College us a base. During 1935. thirty-rive Negro  worked with boys and girls' 4-H Clubs in Georgia In 1934. 19.345 club members were enrolled in farm ;.nd hi.ine . The; year which has just p;, 1935. 20,023 club members were enrolled.  shows an increase of 680. Of ihL". number. 7.524 were under the direct supervision of the state club agent, comprising cc.unt.lcs in I                 the Savannah territory. Sixty-six and six tenths per cent of the club members enrolled carried their demonstrations tu completion during 1935. Three thousand, three hundred and thirteen club members were enrolled in wheat, corn and cats projects. Of this .cr, 2.477 completed their projects making a total of 74.7 per centi completion in cereal projects. In Mcriwethcr county the Beard Education aided sixty boys in securing pure seed corn. After the agent. F. R. spencer, explained his plans to the Board, it was agreed upon without further discussion and eight bushels of Hastings Prolific seed corn were purchased directly from ihc Hastings Seed Company, and each boy received seven pounds of (Continued on Page 5, Col. 3)                 i 4-H-CLUB WORK iC..-d from l':ier 1  1 com with which lo pl:ini his arce. Al the one! of iho year ihe records nf then- boys were fj satisfactory I thai, Hie Board of Education re- 'fused hi accept pay lor the corn which they had advanced. Nineteen .-.d and twenty-five buys were enrolled in pi;; clubs and S72 in call ^. Trn hundred uid  -fr.iir pj^ (Mub  carried  .irion.-. to r-ir.pH lin:i     - per cent, of completion \r. livestock projects, oilier thai" p..uiM\v. was -five. Calf club work ; 4-H   in S'.-er county has only  l.ccn .-il. During tin; year  boys conducted calf projects in that county. The educational features in  with these projects werf.: Sh"wm^ the value sf pure bred animal.-, proper feed- in;:  and . During the past year outstanding i 4-H club work has been done in -jhh county territory with poultry; j Ealdwin county territory with curn; Burke and Jenkins counties with j i;arden)   and . and in Brooks ee. territory with corn, f Willie Sherman, of Grady county, i won  place in the state for j 1935. Sherman will awarded a pure bred calf as prize for :                 achieved because of his outstanding club work nnd leadership. Acent. S. O'Nen!. of reach. Houston and Macon counties led tho state union!: tlu1  agents, with an -n: of 8:21. ci this number 02.^ p;.r  completed I heir .. Two thousand, five hundred and five girk were enrolled under the supervision ol* farm agents in par- !en. pc:   - and  clubs. Ol i!-.is        . 1.881 completed their .s creditably. The outlook fur 4-H club : fur 1936 is \-   - promising. Leaders ire more intelligent and arc anxious tr. assist with 4-H club work. Par- i  n's can' be ea^Iy convinced and sre  convinced to the point where  are : their children io p: in this  of work. County officials and leaders f j both races are In accord with 4-H club wT.rk and arc giving more as- distance toward the  oi such wi.rk than ever .</t>
  </si>
  <si>
    <t>                                           Some of the results that have been revealed by the activities of 4-H Club work among Negro Boys in the State of Georgia are most encouraging and show promise of a more intelligent and self-sustaining agricultural population in the future.</t>
  </si>
  <si>
    <t>                                           NEW LINCOLN JOHN WAYNE ut "Lawless Frontier"</t>
  </si>
  <si>
    <t>                                           The city of Tyre stood on a small Island, three or four miles in diameter on the eastern shore of the mediterranean sea. It was, in those days, the greatest commercial city in the world, and it exercised a great maritime power by means of its fleets and ships, which...</t>
  </si>
  <si>
    <t>                                           Morehouse Studes Enter Essay Go                 Dean Brazeal has urged every Morehouse student to wholeheartedly cooperate In the Essay Con*~st on "What the Nesro Should Know About Tuberculosis."  launched by the National and Suite Tuberculosis Associations. The Educational Department of the Atlanta Tuberculosis Association is striving to the best OX Its ability to make this contest a successful one throughout the city. Many students under the supervision of Prof. Lindsay of the English Department have already responded and are eagerly  In studying the problem, of tuberculosis as it affects them. and their  emphasizing certain aspects which. are particularly significant to the Negro group. Keen rivalry Is being displayed as each (Continued on      5, CoL 3)                 Morehouse Studes (Continued rrom pae* 1)  Js working  hard to bring the State and National 'prizes to "door ole"" Morehouse Contestants arc asked to hurry nnd submit their manuscripts to Uic Georgia Tuberculosis Associa- tion. 608 10 Chamber of Com-! merce Building. Atlanta. Qa The closing dote Is May 25. j                 JOSHUA JONES :t$M By L P. IUjmW*       Again. I  W bdp tte Bad C^K the need U urgent.</t>
  </si>
  <si>
    <t>                                           Following the appearance of Jimmie Lunceford and his orchestra at Sunset Casino the past Friday night, 9 till 1, the 'boys' were given a royal treat at Club Royale at the invitation of Manager Alfred Angel.</t>
  </si>
  <si>
    <t>                                           Baseball Summary SOUTHERN LEAGUE i The Standing! Clubs- W L Pet. Atlanta 67 38 .638' Nashville 62-44 .585 Chattanooga 52 49 .515 j Birmingham 53 50 ..515 New Orleans 49 53 .480 Little- Rock 45 55 .450 Kiioxvlllo 41 .00 .4011 Memphis 41 01 .402 Yesterday's Results Atlanta 8. Chattanooga a Today's. Games, Atlanta nt Chattanooga Birmingham at Memphis .-Knoxvillo at Nashville New Orleans nt LIUle nock NATIONAL LEAGUE The Standings Clubs- W L Pet. Chicago .')7 :~5 .620 St. Lculs 5  3B .590 1 New York 5a 44 .542 1 . 40 46 MG j CinclrjuUI 45 40 .4.05 Boston 4f. 50 All  Phllndelphln 30 55 .300 Brooklyn 3D 50 .308 Yc- i .Results iF  1- 10, Boston. 4-4 i St. Louis 7-5. Brooklyn 22-4 Chicngo 2,. New Ycrk 7 CinclnnnU-Philndclphla irain) Today's Game* Chicngo nt New York St Louis at Brooklyn .Pittsburgh at Boston Cincinnati at. Philadelphia (21 AMERICAN LEAGUE The Standings Clcb.- W L Pet. New York G4 33 .61)0 Cleveland 50 42 .571 Epstqn 53 45 .541 '.Chicago 30 .-15 .520: Detroit 50 40 .521 -Washington 40 48 J523 St. Louis 32 63 .337 Philadelphia 32 04 .333 Yesterday's Results Philadelphia 5. Chicago 7 Boston 3. St. Louis 9 Washington 0-5, Cleveland il-G New York 13. Detroit 3 Today's Games 'Washington at Cleveland New York at Detroit P!]~)Mln nl Chicngo i Boston nt St. .Louis j</t>
  </si>
  <si>
    <t>                                           DEAN CHARLES L. Hill of Morris Brown college, Atlanta, Ga.,- Islanding on the platform) preached the baccalaureate sermon for the -100 members of the graduating claas of Booker T. Washington High achool, May 3 1st. Lack of auditorium space forced this                 large gathering to their "Open Air Auditorium."- Photo by Kelly.</t>
  </si>
  <si>
    <t>                                           New Lincoln "Waterfront Lady" with ANN RUTHERFORD and AllSUr C.it</t>
  </si>
  <si>
    <t>                                           By J. JACKSON                 TIM TYLER S LUCK --By Lym Youngr                 FELIX, THE CAT -By Sullivan                 -By Qy Hungeford                 DOROTHY  -By Charles McManus                 JACK SWIFT -By Cliff Farrell and Hal Colson</t>
  </si>
  <si>
    <t>                                           Quick Thinking Of Lowe Prevents T Accident                 The active mind of Isaac Lots, j local ice company employe, prevented an automobile from crashIng Into a plate glass window early Thursday morning. Lowe, a passenger In the car ol Benjamin H. Hughic, white. Jumped oui of the machine and kicked the steering wheel of the vehicle. causing it to come against a telegraph post, after the white driver lost control. The white man died while driving his car. A cerebral hemorrhage was believed to have caused the man s death. The Incident occurred on Ijee Street, officers reported. Navy Officials Praise Local Recruits MEMPHIS, Tenn.- (SXSi Captain H. A. Badt. Washington. D. C, OMicer in Charge of Recruit- i ing U. S. Navy, and Commander A .5. Wolfe, of New Orleans, Inspector cf Recruiting Southern Division, were In Memphis Monday i to inspect the local recruiting sta- tion. Captain Badt commended the station very highly for Its work during the past fiscal year. Ho     : -'Especially am I pleased with the quantity and quality of colored recruits sent us by the Memphis OiHce." One hundred and seven Memphis colored boys have been enlisted In the navy since April. 1934, two years ago. Tommy simms, mess attendant. U. S. N., son of Arthur Sims, ol 1105 Texas street, who is back home on a ten-day furlough, .a one of the  youngsters to be enlisted through the Memphis station. Sims enlisted January 5. 1930. Officer B. E. Ellis Is In ch.iree uf the Memphis RecrultlnR Sta Hon.</t>
  </si>
  <si>
    <t>                                           Baseball Summary SOUTHERN LEAGUE I The Standing* I :lubs- w. l. Pd. \ 4 1 .800  J.. 4 1 .000 New Orleam 3 2 .600 Little Rack 3 .BOO j Memphis Z 3 .400 j 3 2 3 .400 i Cnoxville 1 A .200 ;(Ji{a 1 4 .200 Yesterday's Result* I Mlantn 6 CIialtnnoogA S *Jew Orleans 4- B'ltam 5 ICnoxvillo 4 Nathvillo 5 Memphis 8 Littlo Rock II Today's Came* Atlanta at Knoxvillc New Orleans at Littlo Rock Nmlivillc at Chattanooga j Memphis at Birmingham AMERICAN LEAGUE The Standing* I CLUBS- W. L. Pet. Boston 2 1 .1000 { Chicago 2 0 1.000 I Washington 2 1 .667 Detroit 1 1 .500 Chicago 2 1 .GG7 i New York 1 2 .333 St. Louis 0 2 .000 Philadelphia 2 .000 I Yesterday's Results New York 6 Washington S Philadelphia 4 Boston 10 Detroit-Cleveland (cold) St. Louis.Cliicugo (cold) Today's Games Washington at Philadelphia Cleveland at St. Louis Boston at New York Chicago at Detroit NATIONAL LEAGUE The Standings CLUBS- W. L. Pet. New York 3 0 1.000 Philadelphia 2 1 .667 CMcnco 2 1 .66? Pitlihuritli 2 1 .~T.7 St. Louis 1 2 .333 Boston 1 2 .333 Cincinnati 1 2 .333 Brooklyn 0 3 .000 Yesterday's Results Brooklyn G- New York 7 Chicago 5 St. Louis 3 Boston 5 Phila. 7 Pittsburgh 4 Cincinnati 7 Today'* Games Phi'odelohi.i RrooMvn ."St. Louis ,-it Pitl. Cincinnati ftt Chicago New York at Boston</t>
  </si>
  <si>
    <t>                                           BAILEY S ROYAL-4 Bays simi.g Today "MAGNIFICENT 0    8!  " Tlic Successor to Back Strir.-l With IRENE  and ROBERT TAYLOR Bailey's SI Bailey's ASHBY vrt,. WALLACE YOU MAY BEERY BE NEXT j. A r r y m r e a cni-.tcr Picture Ah Wilderness Will, -youth s First Temptations" LLOYD "Tex" NOLAN OUR GANcTcOMEDY        TAKES UP WHERE HE LEFT OFF/ Fred MacMurroy   of ^'Tht Gilded Lily". comes to the. screen again in the -~        drama of the devil- of the highway. radio patrol '-  action packed, with romance. /~/~/pA.ZS*'o?    '  '"w trl a                 *l p.^... ;-    '.t:~ A Po r m un f Picture with FRED MacMURRAY SSR GUY STANDING ANN SHERIDAN  FRAWfcEYv HARLEM THEATRE</t>
  </si>
  <si>
    <t>                                           Arrest 2 Negro Men, 2 White For Liquor                 When federal ATU :uvi!ls  DtKalb county officers -u twu lan:e stills W.-.iy. afternoon in Cwinnett County near Duluth. they had to wait while one of the Colored prisoners dressed 0 carrying the four suspects, two white and two Colored, to jail. James Reev.s is said to have caused the delay. He was taking a bath in a  still bucket, containing water from the still s 12horsepower boiler, when the officers mad0 te raid. The other Colored man arrested was Roy Hidgins. Reeves, Hidglns and two white men. Sam D. Johnson and Will Smith, were placed under S500 bond each by the U. S. Commissioner. The two stills were about one mile apart, the  said. Two men were a' each still, a white and Colored man in each pair. Atlanta police reported that a Colored man fled on foot Wednesday night, leaving his automobile which contained a i;allon of liquor. The car became Pntancled with  at the corner oi' Glenn and McDanlel streets. RALEIGH. N. C.--(C)- The summer enrollment of 543 made 1  necessary to increase the Shaw university summer faculty from 11 to I 17 instructors. Prison Evangelist Scores Again In Fervent Sermon                 "Wisdom and where To G?t If was the  developed by the Rev. Win. Lysles. prison evangelist. Thursday night as he continued his lOO-night campaign against crime at the Tent Revival on the Streets. Auburn Avenue. I Rev. Lysles warned his audience that too many cf our leaders ro to the wrong source for wisdom, and that God. . can give wisdom. Many while visitors, some prominent in Atlanta's educational circles were present, and commended the Ideals of the meeting. The^ (Continued on paReT; . 5)                 Prison Evangelist CCcnlinui'd  Page 1) i  I'Uiuiinu's lo draw  from the lora! -cl popul:~cf-. Toniiihl. I30iiii Hill of Mti* Brown  W H    Hit* - p-.il .speaker. A I'ip Ijarbccii"' f"nsl will ] in -iion v.itli tho regular        :, on      4tli of .. I</t>
  </si>
  <si>
    <t>                                           SO GREAT HAS BEEN THE RESPONSE  FOR MORE!' NEW SHIPMENT! jfe 3,000 NEW, COOL^p Cotton Dresses^Mk: Exact Copies of Dresses Selling from  l.98-$3.98       1 These Materials ^tfl^k. *~~=~~* Ores* Guar- \     9 i ^BH^^^^Bk  Colorlnst to ^SB FI..OCK DOT BATI5TF, i^BP^^H^ Sun or     M HtjHg  j n.!) voiles ^^WmBk ^tO^^^ W  SsSh I PASTEL EYELETS E^V 1H9 ^SmB^. ^^^^P        . jMB gBP^Bm m^HE BLISTER SHEERS  8  O^B i^ ^^wl . cottons -^^EBSKr^ MB^^^ ^B^^  FRIENDLY FROCKS 'HBS^^ ^Bt TWB IBL^ *$~~~~$~ PEGGY PALMER HSL ^HH ^^P'' W*ra^^Rwi SUZETTE FROCKS Wk^^^ ^hHI ^^^^^tW^^^S^^f selection  complete.  M^   ^^^^~w Ycs' wc  3,000 morel Plenty Sixes ^^B^^P^S^S. I' SPECIAL GROUP! i to 52 T^^^^^m^F-     SAMPLE "f #%~ v Plenty of ^^~kS^^H^ VU I IVjINb #Q * WBmssmKM M-de tQ s-?n^A$:i.?.s,,-2 for.$i.B6</t>
  </si>
  <si>
    <t>                                           At the residence of Mrs. Susie Davis on S. E. Jackson Street. Dr. D. H. Stanton of the American Bible Society brought to the class a beautiful message of "Social Service in the Church and the Power of the Holy Ghost". So enthralled wins the large number of members...</t>
  </si>
  <si>
    <t>                                           ASTHMA PATIENT DIES                 Daisy Jackson, address unknown, j died at the Orady Hospital clinic Saturday night at 10:45 p.m., a  of asthma. She Is the first victim of asthma to die "t the clin- lc.</t>
  </si>
  <si>
    <t>                                           Linton Shaw Fund Starts Off With $5 Cash; More Is Asked                 The Sunshine Floral club, tirs"Atlama organization t0 render financial old tin*  fw.'.'.v of the late Lint Sl'i'w at O'lbrrt Geprcin. T"        Mir sum $5 from its treasury :^nd ;0 .'. tr  the  to Mrs. Gcorcia Sliaw nrd her eleve:1                 children. Mrs. Lulu Lovett.  of tl c Smisli:nr- Floral club, told th" World yesterday that, the 125                 anci il  of tlio .vr have promised to  Jimds anl ; fnr the fa  and hus- !"--."! . Lint s law n-~s IviKhod at Colbert ne.ir !'i" home almost a    -k aso on the day hr was to have boon ri^r; Or an  attack on trh:'c ctr1 Shaw di nied choking  lie girl. (Continued on Pagr S. Col. 6)                 Linton Shaw Fund (Continued from P^s^ I) insisting that he was home witn    nfc and children a'. t"   time he heard, the  -cream. The wi,V who did nol see her husband trom ne time he was taken from w heme ai:d i ler. to .-.'c.ih :.y mob of white men. corroborated ii-~ iit. Mn. Lovcti who has      corresponding \ Mrs. Shaw loi lier club li  that as : :.thc- clubs as will, take interest iii ~\v. family and send thorn money cr : through ihe Atlmta Worlc;. The sunshine Floral club s dona ion will be sent through tile Wori'J. Mm. Lovctt  the first ; i vill bj .submitted this morning. In a letter received Mrnday by he Atlanta World. Mrs. T.iav said: j "We .ire  vcr\- well, omv ve arc in need of clothes anu food md we arc very much in nect c.r . I haven't a thing t-.  io. i can do day wore, dul     -c is l-thing  fcr me. "I am not       to larm z laven t   ot .  - to hcl,~ me vi:h n iarm. "I thank you lor !!," lo lor me I  you for  ;."       vL r~- truly.                 GEORGIA SHAW.</t>
  </si>
  <si>
    <t>                                           The Sunshine Floral club, first Atlanta organization to render financial aid to the bereaved family of the late Lint Shaw at Colbert Georgia. Tuesday drew the sum of $5 from its treasury and authorized officials to send the same to send the same to Mrs. Georgia Shaw and her eleven...</t>
  </si>
  <si>
    <t>                                           . LOGAN  NEGRO TO GET HARVARD PR D.                 The distinction of  the ninth member of his race to receive the degree of Doctor of Philosophy from Harvard University, oldest American institution ol  learning, was  accorded Rayfr-rd W. Lcgan. professor ol history In Atlanta University. The                 degree was conferred In  at ceremonies at Cambridge. Massachusetts, which marked the ?Oth anniversary of the  nf Harvard College. The roster of these who have received the Ph. D. degree from Harvard University Is a notable c.ne. Following In chronological order are those who have received this highest academic honor: 1895. W. K. D. DuBols. professor of sociology. Atlanta University; 1D1".                 Carter G. Woodson. director. Association for the Study of Negro Life and History: 1018. Alain LoRoy Lc.ckc. professor of . Howard University: 1925. Charles H. Wrslcv. professor of history. Howard University: 1932. Robert C. Weaver, advisor on tlie economic status of the Ncero. Deportment of the Interior: 1B33. Robert P. Barnes. assistant professor of chemistry. Howard University: 15)34. Ralph Johnson Bunchc. associate professor of political science. Howard University: 1936. A. A. Tnylor. professor of history. Fisk University. Mr .Logan's degree was gre.nted for work In the department of history, nnd his dissertation was written under the direction of Dr. James Phlnney Baxter. 3rd., professor of diplomatic history in Harvard University. Mr. Logan was graduated from Williams College with the degree of Bnchelcr of Arts in 1017. He received the Master of Arts degree from Williams in 192D. and from Harvard University In 1932. Prom 1030 to 1932 he was at. Harvard University ? his residence study requirements for his doctorate. He lias been a member of the Atlanta University faculty since 1933.</t>
  </si>
  <si>
    <t>                                           The distinction of being the ninth member of his race to receive the degree of Doctor of Philosophy from Harvard University, oldest American institution of higher learning, was today accorded Rayford W. loran, professor of history in Atlanta University. The...</t>
  </si>
  <si>
    <t>                                           Mrs. R. M. McLean And Ten Children In Family Reunion                 Tlie ten children of Mrs. Re!:ccca Morgan McLean and tha !ato Jim Morsan will meet in a .ion this week at their home In Griliin. Da. for the first time sincethe ir father s death, sixteen years Ti:e  site: Otis and BUI, iif Now Castle, ra.: J. H. Hay.v.od. Waller and Lillian, all or Now York city; Grnntland of Jer;:cy City. N. J. Marvin of Greensboro. N. C; Prof. j. Stanley ot Calersville, Ga.; nnd E. T. of Atlanta, Ga.. who was a '36 graduate of Clark university. Others to be at the reunion are: John, of Baltimore. Md.; William. of JJew Vtork Oitv: Richard, 01 Harvey, 111.;. Thomas and Mrs. Dorothy Roberts of Atlanta  Mrs. Lena McEllivny of Porsytn. Ga. They are the children or their mother s second .</t>
  </si>
  <si>
    <t>                                           HAMPTON INSTITUTE, Va--(SNS)--Columbia University conferred the degree a Master of Arts upon Miss Fannie Irene Sanders, at its recent commencement.</t>
  </si>
  <si>
    <t>                                           MIAMI, Fla. (SNS)- After serving notice that it is "riding again." the Ku Klux Klan of this city has embarked upon a vicious anti-Negro campaign. Klansmen have beaten Negro workers in the white sections of the city and also In the Negro quarters.</t>
  </si>
  <si>
    <t>                                           Pythians To Celebrate Sunday                 TIi" Atlanta Pythlnns and Calaniheans will          their S8t!Pythian Period anniversary Sunday afternoon at Allen TempiChurch. Program beginning promptly at o clock. Copt. R S Cdcmnn. D. D. C. and Mrs. E. L. SpralMn-;, D D. W C. with the cooperation of Rcnerul comm'.ttee have left no stone  f make the celebration one of history. Rev. A. J. Edwards (Continued on      6, Col. 5)                 Pythians (Continued from Pace 1) Athens, Ga.. will deliver the annual sermon. Sir J. W. Reese, the old Warrior I will be the Master of Ceremonies, i Promptly at one o clock   I the famous Dotty Band the parade will move  Auburn Avenue j and Boulevard, all departments of the Pythian family will be in line, j All our  ore invited to come.</t>
  </si>
  <si>
    <t>                                           PARTICIPANTS IN LEMOYNE COLLEGE S SPANISH FESTIVAL                 Standiiii;. Icfi tn right Willard Wu'-ds. .Marjnrii' .Mcl..Waller . Di-Wti- Lie. I :m (Hover, .Mary l ower~. Harvey Williams, Luevada McLin, Charles Spearman- Lillian Carnes. Siaiiiliiij- mi throne, li-i't in  Kdimuul Kikjx, l-' !-',_Marion Speiglit, Mcnry Ryan (King), Anna       6on (OncL-ii), IJrofcssor Juan (Jaivia. Jrs-if Wood fin, Kathurim- Perry. Carrie Naburs and William Nabors. Standing to  of throne, lull to  Christopher Kouliiac, Vivian Clark. Chalmers Hammond, Franlde Fields. William AlcXeely. Mallic Miller. Charles Smith. Gladys Wilson. Frederick Bradley. Blanche Taylor. Mildred Daniels and John Jones. Seated lo left of (Juecn's train1 l. Dotielson. Co-Operative School  : Sealed on floor, left to  IV'lty Juan Anderson. Gillie Daniels,              Li-wis. XVeldon Sasjariiion, Clivella Stuart. (.Iracu Woods- Kzellc I.anier and                 1 1'~ l.i Uradley. Standim;. iil M     Diamond. Kli-aimr il..il. Dorothy I. anil A. I'. Mal'ti-. II.   :ni.~. ..ruud j inw Mar/. and l.oi-, l.. ,,O.i I'lic    Dci:il HTilurc ni t lit_- ~.; ,.jci,-il c.il- uul:ir of Li-MuviiL' Colk'yc w;ii  Spanish May l; which   ;is            Ijy the Spanish department under the  of l'i"     '-r Juan Gan.-ia. Tl:-j ^ nf the festival were a c   precession. Spanish dances and bungs by the stn- dents of Ix.Moyne College ami die Co-Operative School, and the i presentation of Cervantes .Medals to outstanding students in Span- isli. I'ollowiny the . die participants and their quests enjoyed  formal dance with Dub Jenkins and his orchestra  the music.</t>
  </si>
  <si>
    <t>                                           JUNIOR CIRCLE                 EDITED BY GAMEWELL VALENTINE                 ASSISTANT EDITOR WRITES                 Dear Members: This Is my . .e ter as assistant editor of the Junior circle. I am enjoying It very much. You will enjoy It Inter yourself If you arc not now. I would like to mcci the officers of the different sections. I have met a few. I  been Introduced to Miss Clco Sutton. Riddle editor, who Is very nice girl. I hope  you arc enjoying the warm school days. WiUcli the paper for better surprise. Remember the rules you mode when you Joined, and keep them In mind. Always      .                 George Olasa, Assistant Editor, j</t>
  </si>
  <si>
    <t>                                           Left Holding Bag, Boy Is Jailed For 'Numbers'                 Louis Smth, a 41 -year-old man of Ira street, left nine-year-old Bennett Davis Jr.. of Georgia avenue, holding the bag Wednesday afternoon, but is was just a matter of time before he was in jail himself, charged with lottery. Detectives Crnnkshaw' and King who reported they saw the man give the boy a sack, arrested Smith after a brief chase. The boy was nabbed at the corner of Welch and Stevens streets. The sack found In the bov s possession was said to have contained five lottery books. Smith !s ar. alleged lottery pickup man. The boy !s being held at the Juvenile Detention home as a material witness. Five Are Injured In McDaniel St. Catastrophe Five persons received slight injuries Tuesday when an automobile in which, they were passengers crashed with a switch, engine st the McDaniel Crossing, police reported Wednesday. Julius Guy. driver of the car. and Mi's. Annie tou Beadley and her three children suffered' the injuries. They were treated at the Grady Hospital clinic  dismissed. Judge Cone Sends Man To Stockade Recording Judge Cone sent Fred Terrell. 32. of an Ira street address. to the Stockade for 30 days and added a fine of $102 Wednesday at the afternoon court session. The man who gave his name as Terrell was hailed before the Judge for speeding through the city i streets at an approximate rate of 75 miles per hour. In sentencing the man. Judge John L. Cone said. "I do not get any pleasure out of fining these violates, but I do get pleasure out of ; someone s life. Any person driving; a machine at a speed of 75 miles an hour, endangering the lives of innocent people Is  to get It when brought to this court.'' I P-TA Congressls Coming To Atlanta With the National Parent-Teacher Congress, of which our own Mrs. Willie Daniels Is president, meeting In Atlanta July 26-29. an Important meeting has been called tomorrow (Friday! afternoon at 4:30 o clock by the committee on Drrangements. The Carnegie Library Branch on Auburn Avenue at Hilliard Street will be the site of the meeting tomorrow which brings together the local planning group. An enthusiastic session is the forecast.</t>
  </si>
  <si>
    <t>                                           FIFTY-FIVE THOUSAND NEGROES ENTER EXPOSITION; IMPRESSED                 FT. WORTH.                 remaps me   or Negroes ever assembled at one place in the history or Texas visited the exhibit grounds and Negro exhibits building yesterday. Beginning as early as 9:00 in the morning, a steady stream of men, women and children crowded into ths                 Ire known as the Hall of Negro Life and rejoiced In the evidences  of the progress that had been made In tho nast 100 years.' Exhibits were assembled from every state and represented ^ of Ne(trc culture. There were  real.masterpieces of art  t and  pr9. The entrance to. the.   the approach to art art gallery. On the 10 Inch pff-selt in .the loBby and over the doors .of the entrance to tho exhibit lanes were painted  names of 11 of the most outstanding Negroes of- the past, Including-. ChrlspusAttucks who -was the first man to shod' his blood Tor American Independence. on Boston Commons; Colonel Young of military distinction; trett Douglas, the most prominent Negro   Jeader of his day:  T. Washington, the apostle' of. indus. education: So-Journer Truth, outstanding advocate of woman  of the 19th century; Harriet Tubman. one of the famous conductors, of the "underground railroad": Paul Lawrence Dunbar, an eminent poet: Dr. Daniel Williams who performed the first successful operation, on the human ; Wrighlt Cuney who was a                 member of the Texas Legislature and one or the members of the first labor  organization established In Toxas: Richard AMen, the founder of the A. M. E. church  colored people In protest against segregation imposed by a white church where he wns a member In Philadelphia; and Benjamin Banrcker the man to Invent the first clock to strike and tell the hour. The c: of   carry the composition from a large number of Negro composers and a book exhibit containing all books of note written" by or about NegroesAn agricultural exhibit showing the transition through which Negroes have passed since 1865 to the present time, together with one of the most comprehensive health exhibits anywhere, are displayed. Among the most prominent persons to visit the exhibit were Mr. W. B. Yeager Executive Secretary of the United States Centennial Commission: Mr. Will Klttrell Jr., As^stant General Manager for the Texas Centennial Central Exposition; his Honor. Hal Moscley. Mayor Dallas: and Honorable Cullcn P. Thomas United States commissioner General. The orderliness which characterized the movements of this large number of Negroes through the grounds and In the Negro exhibits building provoked a comment from the officers who were stationed at the building and who exercised vigilance in that neighborhood. One of them remarked to Jesse Thomas General Manager, that this .has been the most  handled large crowd of people that bad been his privilege to deal wt h. The exhibit represents the most comprehensive accumulation of Negro progress and achievement ever assembled In America.</t>
  </si>
  <si>
    <t>                                           Perhaps the largest number of Negroes ever assembled at one place in the history of Texas visited the exhibit grounds and Negro exhibits building yesterday. Beginning as early as 9:00 in the morning, a steady stream of men, women and children crowded into the...</t>
  </si>
  <si>
    <t>                                           Just Arrived! THE NEW LARGER Gypsy Dream and LUCKY NUMBER BOOK! TelU lucky number of your dreamt, bow to read hands, how to hypnotize, telU fortunes and dozens of interesting  GET YOUR FREE COPY TODAY, with the purchase of ar.y two 25c  of our well known beauty preparation*) hair dressings, etc HUSSEY DISTRIBUTING CO. 168 Hunter St., S. W.</t>
  </si>
  <si>
    <t>                                           Here's Queen Tennis With King Nei                 Helen Jacobs                 FMd Pern'                 Relgnlne royalty of. the * world. America'* Helen Jacobs, who recently won the women'* crown at Wimbledon and Fred Perry, winner of the men* title and No 1  player of the world "held court" when they were honored al a  party at Lady Croufleld'a in England.</t>
  </si>
  <si>
    <t>                                           The feature sports program on Atlanta's weekly calendar of events is the 1936 installment of the Georgia State Tennis Tournament. This always intriguing affair is set fer presentation on the Atlanta University courts facing on Beckwith street just east of the Chestnut street intersection.</t>
  </si>
  <si>
    <t>                                           Tuskegee's swashbuckling globe-trotters, those deft wielders of tennis racquets, who may be found at different intervals at Tuskegee, at Columbus, Ga. Daytona Beach, at the Nationals, in Texas, and many other high spots of the tennis pursuing industry, are on route back to the states from Nassau. In Nassau they managed to win just about all that mattered. McCampbell, Lula Ballard, and Russell, and the rest of the troupe had a nice time putting a dent into the outer armor of the subjects who live on...</t>
  </si>
  <si>
    <t>                                           HOT WEATHER  1KANS MORE DRIVING Ccl *w;.y from the heat of the  today Drive  lo the open road Enjoy the coo! refreshing  as you drive alone; the country side View some of Georgia's historical and picturesque sights of interest But first drive by 295 Aihby Street, S. W., fill your tank with that GOOD GULF GASOLINE IT INSURES SMOOTH OPERATION ASHBY STREET GOAL YARfr -A WEST SIDE INSTITUTION' GAS OILS ICE COAL WOOD  35 ASHBY STREET, S. W. RA. 9303</t>
  </si>
  <si>
    <t>                                           ggf MATHER Cooler, with more showers in sight  W. , \J. S. SfeteorologUt</t>
  </si>
  <si>
    <t>                                           MOVES OUT                 FLETCHER HENDERSON</t>
  </si>
  <si>
    <t>                                           COMMENT --EDITORIAL OPINION PAGE SIX THE ATLANTA DAILY WORLD, ATLANTA,~GA. WEDNESDAY, MARCH 1.1, 1936</t>
  </si>
  <si>
    <t>                                           Repeated By Request The University Players will present 3 ORIGINAL PLAYS OF NEGRO LIFE "Toussainl l.'Ouverture" "Marginal Man" "John Henry" HOWK MEMORIAL HALL SPEI.MAN COLLEGE SATURDAY EVENING, APRIL 25 Admission 2.1 cents</t>
  </si>
  <si>
    <t>                                           MEMBERSHIP APPLICATION BLANK Cut out and mail or bring to JUNIOR CIRCLE EDITOR 210 Auburn Avenue, N.E. "V V ,"y Atlante, Ga. Name Age Address Grade Birthdaj Boy or Olrl Town State</t>
  </si>
  <si>
    <t>                                           The Junior Circle announces tickets for one month to any of the Bailey's theatres to any Junior Circle member who sends in all correct answers to Arithmetic problems beginning Sunday. July 5, and other Sundays following through Sunday, August 2. Here...</t>
  </si>
  <si>
    <t>                                           Mrs. Ada E. Simth and Master J. E. Smith left the city last Thursday for Chicago, Illinois to spend the summer vacation with their niece, Mrs. Ernestine Watson.</t>
  </si>
  <si>
    <t>                                           To that long list of Clark University athletes who have excelled at two, three, four and sometimes five sports endeavors now comes that one of "Snook" Wellmaker. The distinguished Clark senior who was the choice of the coaches for the fullback position on the 1934 All-Southern team has become now a big league baseball star.</t>
  </si>
  <si>
    <t>                                           BETHUNE I  Five Point Shoe Rebuildert i 41 PEACHTREE ST. Expert Shoe Repairing j 18 Yean' Continuous Service Thousands of Satisfied Customers Brine* Your       Her* for QUICK SERVICE REASONABLE PRICES We Appreciate Your Trade</t>
  </si>
  <si>
    <t>                                           "NEW HATS FOR SPRING" MEN, THEY RE HERE! The theme of Auburn Avenue's smartly dressed men III is spring ^^   --^x will I. HATS. T.' ;iiv C'^^^^^T smai ily  and styled in ^T^^^H^--. your individual s:s i. ist :u-l ion ^^-  ds dt  s to si l.-tl - 4~^^Hp $165 ^Sk YOU CANT fiO  IF YOU SEI-ECT YOUR  OF TIES AND SH1HTS FROM THK "SHARP" .KS SHOWN IN OUR :i STORES.  OF STYLES TO        $1.25 t TIES 5Oe Irvings Hat Stores PEACHTREE ST. ATIyiVNTA'S MOST POPULAR IUT STORES", ;i</t>
  </si>
  <si>
    <t>                                           GREENSBORO, N. C.--The Bennet College basketball team, with the exception of a single return same verses Shaw University, Raleign, which, will probably be scheduled the third week in March, has completed a season of eleven games. Continuing us winning...</t>
  </si>
  <si>
    <t>                                           The home of James Zellas, 500 Auburn Avenue, was entered Wednesday by means of a pass key and two suits and two dresses removed, the victim reported to police.</t>
  </si>
  <si>
    <t>                                           I'm entitling this baby, I mean this article, splurge, or what-have-you, the Bonus Blues, because along with all the rejoicing land grinning down here on Beale Street in regard to Uncle Sam's latest will and testament, there's a lot of weeping, and moaning, and gnashing of teeth. Cullud 'boys' who didn't go 'ovah dere' are cussing the luck that made them dodge the draft or stay at home. Because everybody would like to be riding on the gravy-train now. And when a guy just cant think up something to get on, there aint...</t>
  </si>
  <si>
    <t>                                           NAOMA PALMIST i flH^ Princess .N'aomn ^^^^V^^^B u gifted ^^^~^~fl^^Jfl ist u ii life ^Hl^BBjT reader,  ^^O^V^I^BU your hand like I^HtH^l^m an open book, ^BH Tf^jGf tolls pa ft, ^Bj^DMn^ cnf nn l future. ^*3n^      you no mm tcv J^k \V^ ^MH \v Ii a I your ~^L^ jf sLI hope, f i_- u r, ^^^^aL^4Bfl )    nr ^^MH  mny be. .She will answer nny   you may idk. How in Imvp cor"l luck, win the          lovo nr any wish or iler.ivp. Onp visit to this gifted i woman wilt convince you. Princess Naoma will give you a full $2.00 Heading for 50c for a  time only. Satisfaction . Rooms for colorad. HoUra -I day. Tells your lucky days. I 1035     MArietta St., N. W. Look for Palniit Sign. One block Pait Kiat Plough. Factory</t>
  </si>
  <si>
    <t>                                           JOHANNESBURG South Africa, (ANP)--Under the ... lions which is the price the African has paid for daring to survive the Western Civilization, African woman lead hard lives. They are in many respects five hundred years behind their menfolk. Funny...</t>
  </si>
  <si>
    <t>                                           The "Mayor of Auburn Avenue" drives down the "Ave". Have you ever seen him in that DeLuxe Ford? Those air horns, and he goes by us if riding on velvet! Though just a "Mayor" in name, from looks he would make a real Mayor. "George" really creates a sensation...</t>
  </si>
  <si>
    <t>                                           Fourteen Negro athletes, the cream of the current athletic crop. have qualified for the final trials at Randall Island in New York on July 11 and 12, a survey shows.</t>
  </si>
  <si>
    <t>                                           A DISTINCTIVE  ARTS SCHOOL Knoxville College KNOXVILLE, TENNESSEE I'our year  leading lo A.0.( B.S., and Bachelor of Music Decrees. Wholesome * atmosphere. Co-educational. Full credit for teacher'* certificate in Tennessee and other southern states. Pre-*iona) training. Music school  emphasises ) instruct id1*.      -t unities Iw * in Dramatic*, Dcb-'c. . WRITE FOE FEEE CATALOGUE TO, DEAN HARDY LISTON Ksorville College, KBoxville, Tsaa* i</t>
  </si>
  <si>
    <t>                                           Children 's Music Classes 6 Weeks' Instruction (Dully Attendance Rvquin.-ii) Beginning Monday. June 15. Ending July 27 Classes Taught at BUTLER ST. YMCA St. Paul's Parish House 22 Butler St.. N. E. 135 Ashby St.. N\ \V. 9 to !1 A. M.-daily 4 to 6 P. M. daily 9 to 11 A. M. 1 Enrollment Be- j 10 A. M. to 12 2 to 4 P. M. gins June S j Noon. 2 to 1 I'. at Parish House to 13 I M. at YMCA INSTRUCTION OFFERED Primary Piano Course Tuition 58.75 For children 6 to S years Elementary Piano Course old who haw had no prt- For,  h}MTn wh" are able vious musical training. I t" ^\n 1ls.t. Kra' c n\usi(j study, including 2d ;uid 5d Tuition $5.25 j grades. Instruction in Violin. Clarinet, Saxaphone and Trumpet. For complete information and description of courses. Write to Gamewell Valentine. 22 Butler St.. X. E.</t>
  </si>
  <si>
    <t>                                           DR. MM. MOORE MUST STAND TRIAD                 GRAND JURY INDICTS HP  COUNTS: RETURNED TO JAIL                 Tlie Pulton County Grand Jury returned n. "true bill" against Dr. M. M. Moore. Friday.                 The Atlanta physician. ~-ho is alleged to have performe d an i! operation on Miss Elln Lee Benning. 931 Desota Street. S. W.. wax Indicted on two counts. i He was indicted on charges or murder and involuntary man- slaughter. Nc. bond was set for Dr. Moore, i It was          . There is slight possibility of the physician obtaining release by bond if he  for such. If ii petition for bond is filed.   . de- cision will have to be made by a high court. i Dr Moore's was the only - dor case considered Friday by the Crand Jury. i Friday's session or the Moore j matter was a continuation from j last Tuesday, at which tltn". thr I I jury held up Its decision, prefer- 4 I  to make Its report,  t the next  of tlic Fulton grand jury. Last Tuesday when the jury fall- cd to make a definite derision in this case, it was reported that other evidence in the matter was  sought. At the Tuesday morning session. bond was set for Eric Roberts, who was arrested June 2. and held as a "material witness" in the affair, i i A five-hundred dollar bond was i made fc- Roberts the  day. The bond was signed     C. R. Yalos and W. Dobbs. Miss Bcnning.  Ir alleged i 1  died from the ll egn! open'.- j 1 Hon. passed at Grady Hcspltal j las^- Suntio.y morning. Funeral j i services lor the deceased were I held from the Hanky's funeral home the following Tuesday afti . I The Atlanta Police Department j I recorded the death ol the  j woman Tliursday felonious homicide. Cornelius Bennlns. father of the dead Rlrl. swore out. warrants for the arrest, of Roberts and Dr. Moore.</t>
  </si>
  <si>
    <t>                                           The Fulton County Grand Jury returned a "true bill" against Dr. M. M. Moore, Friday.</t>
  </si>
  <si>
    <t>                                           MC BAKING liV POWDER Sjmr Price /  /ol/ us 45 *)        25 ounces 25$ ^^^SJL Action/.</t>
  </si>
  <si>
    <t>                                           . tat no  in sight. GEORGE W. . L. United States Meteorologist</t>
  </si>
  <si>
    <t>                                           Appoints Body To Investigate WPA Discrimination                 A large ant! .sia.stic assemblage of loading men and women 01 Atbnta were in attendance oi the regular monthly meeting cf the A'. Branch of the National Association for the Advancement of Colored Pecplc. la-st night ai the Butler S'.ret YMCA.                 Tile meeting was  :tnJ well participated in by all *. os ha.s been      case ot all -, 01 tlie .'Usocioiioii si:icr tli-electio-i Fonv. E. Waslunston a.-, pie.-'. Discu.*^iO!i   tu-:                 themes:  li Discrimination of W. P. A. worker^ lu slate,  and city projects; and i2i the Georgia Insurrection Law. H. V. S;'.'cs led the discussion 0:1 WPA worker discrimination and reported en the actions of various Federal project head* in successfully excluding Negroes s rom jobs. He showed that tl:e 12 per cent minimum representation agreed upon through the \i\-.k ot Robert C. Wfi-vor. ri-t,    ::i.' for NciC'uiitiltuod on       li. col. 4                 NAACP Appoints (Continued from Pace 1) i sro Relief Affairs in the Federal Administration, is not being ad-  to. He pointed out many cases of flagrant discrimination, especially using the case of the project at the Butler Street  where seven Negro workers were hired only after much pretest on the part of the citizens. C. W. Weaver, who is an unemployed painter, related that he had complained and protested to the employment heads fcr relief, only to be turned down time and time again. It was pointed that when calls were sent out for workers on certain local projects, that -r ently only the most Incompetent an  Negro  wire tried and after failure to fill the positions,  workers were ruled out completely and white workers substituted. H. S. Murphy lead in the discussion on the Georgia. Insurrec- tion Law and referred to Judco DorscVs  of -  en the law In the Hern- don case. He showed that under i this law ~.ny group is  t-j arrest merely for meeting, which is In direct violation to the " to assemblage" clause of the federal constitution It was especially j pointed cut that any Interracial                 meeting may be termed as -Ted.*' and that officers often use the red flag to brand any liberal thinker as a "communist' or liberal meet- ing as "communistic." Forrester B. Washington, in commenting, slated that he thinks we are going backward in inter- racial relationships in Atlanta and Georgia as the result of this law. It was shown that the Commission of Interracial Relations has been dropped from the CommunityChest because of pressure brought to hear by certain groups. J. C. Gray told of the fight he Is waging to operate a theater in Atlanta and use a colored projec- tor. He asked the aid and support i of the Association. The case was i referred to the Grievance Com- i mittee. cha.' by Attomev T. W. Helmes. The Grievance Comlttce was also instructed to investigate the shooting of a young boy recently !~y a sheriff near Atlanta. The committee w?3 further praised for its efficiency. Rev. M. L. King, president of the Baptist Ministers' Union made a bid for the support cf the N. A. A. C. P.. and pledged his moral and financial support to help re- j move ;he  law from the Georgia statute books. Mrs. Leola V. Crosby, who has been secretary for a number of years. p.nd C. A. Scott were voted j membership en the executive com- mittee,</t>
  </si>
  <si>
    <t>                                           A large and enthusiastic assemblage of leading men and women of Atlanta were in attendance of the regular monthly meeting of the Atlanta Branch of the National Association for the Advancement of Colored People, last night at the Butler Stret YMCA.</t>
  </si>
  <si>
    <t>                                           1 Spine: l^^^ff^TVWPiHHMH Fibor I B $14.75 ^'^^WWiPffBHMttJ A H ?~r,; I  fl -.m. I    il .1 t\ T      7* ^^H^H^mL^^^H^H^HiHI H  j buy? (- *y* \_T.. In -^B^B^Mj^^^^^WK^M^^M^M^M^M^Mn ^B :  l 'OjL^^^^^HEilTTk^BHHHflBflHM^ u Irll il Irnm % (~i^C^?*^^^^   .^HSikl2^^^^^^^^^^^l MopiC  rw. j-o.:.o v^~P/f^r'^^^P^H^^^^^^HV^P^^V^~ Chest I j i ^^*^^^S5s^tt3^1^^^^B $15.00 I H Hundreds Itcmi Good  v New and ^^^^^^?^^~h^^^n^^^B w t^ 'n I Yc(     So Much Less. Anything Thai ^^^^^?%^^~      .('d'.L'- Goes in Home to Be Found at Bass'. ^^^^^3 5 I B RLfrigcrators Dressing Tables Chifforobe I    '''-~~  rick. up  i ^ f WM-V I Bedroom Suite Buffet Dining Room Suite I B This I. .r.ilit.llr -ft T     . Ilk. AA A Til. I.  AA*  Jk.~ B S"*!1 vt J.Jv ^0.93 1:..*.1!?. W5f wj I SsT h. "7T.?1001"1 China Cabinet Kitchen Cabinets I ^rz^rz. $1* ca r^!:.~:1.1;.1 Cio en ^-k; .Krftfe qcI Gas Range Electric Stove* Day Bed and WtattTCM-l An all-           tn* AJA AA A Jam-ott 4Md tMrt AA JkJk n r I n4-n#v  . A^^ Br-L-'-11 JiO.00 r.i"'-:;r_"""le ""-59.00 S"^flM" A $11,951 R       CotS We Buy, Sell and Exchanse New Utility CoWtratS 9 ."Ai- $2.95 nm  M ar^- t2.~Si 1 146 Mitchell St. DflOO .UU.   50 H^ ^t. W</t>
  </si>
  <si>
    <t>                                           Specialized Training Vocational Courses Leading To B. S. DEGREE Offered At TUSKEGEE INSTITUTE SCHOOL OF AGRICULTURE SCHOOL OF MUSIC Four Year Courses in Vocational and Full Courses in llic Theory of      ;, iir Technical Agriculture. Composition and the Technique of  nr  Piano, Voice, Violin, Band Instruments SCHOOL OF BUSINESS and Pipe Organ, along with Special Four Year Courses m Accounting ami. Courses in Public School Music .ncss Administration' Commercial ing to lhe Degrcc of Bache)or of MusicTeachers Course and Secretar.al Course. SCHOOL OF NURSE TRAINING SCHOOL OF EDUCATION A Three Year Course Leading to a DiFour Year Courses for High School and . Elementary Teachers. SCHOOL OF MECHANICAL SCHOOL OF HOME ECONOMICS Pour Year CouSe^T  and A Four Year Course for Teachers of Building Construction, Industrial Arts, Home Economics and Homo Demon- Power Plant Operation and Journey- stration Agents. man Trade Courses. i HIGH SCHOOL A Four Year Accredited High School Offering Specialized Vocational Courses Leading to Diplomas. Forty-one Different Trades Are Offered for Men and Women SUMMER SCHOOL SESSION OF TEN WEEKS: JUNE Gth TO AUGUST 15tli For further  address: I F. D. PATTERSON, FrsdHesl ALBERT L. TURNER, R**'~t.-~? To.kec** Iaititnto, AUbwna</t>
  </si>
  <si>
    <t>                                           CItASSlFIED V. STOKES BONDSMAN Im JofcaM* H. J.  SeprsMBtatim 'M         3t-     71W $ MONEY $ FOR SALARIED PEOPLE N.FnJor.^    -     Ortr Liberty Inyestment Co. 126 Edgcwood- Avt.</t>
  </si>
  <si>
    <t>                                           There is so much prattle about "races" by laymen, politicians and eugenists who are not anthropologists and who have never, apparently, rend any authorities on the subject, that it is a real pleasure to rend the opinion of a man who is at the top of this profession.</t>
  </si>
  <si>
    <t>                                           G. H. HUNLEY FUNERAL HOME 371 Chanel St., S. W. OPEN DAY NIGHT People are dying now that have never died before. We  in  now and have never been before. Ambulance Service We aUo have an Ambulance Service Club (or l*ie whole family. Office Phone MA. 9945 Res. Phone MA. 3127 Jno. B. Watson. Mgr. C. H. HUNLEY, Pret. C. L. Billups, G. W. MeKissac, Reps.</t>
  </si>
  <si>
    <t>                                           THE BROWN BOMBER- ON THE ROPES                 Near the end of the twelfth round -loc Louis looked like this. He was on the ropes, bea en. unable to rise. From hanging on he fell, rolling on his right side to the resin, lo be                 counted out. Schmeling's blasting rights  were far deadlier than the lightning lefts' which Louis peppered at Max's face.</t>
  </si>
  <si>
    <t>                                           LONDON--(ANP)--Unknown to all but a few professional musicians a year ago, the Negro-coined term. "swing." has taken all of England by storm within the past couple of months. Now there are over 110 swing clubs in the country, totaling over 10,000 members. The biggest...</t>
  </si>
  <si>
    <t>                                           YOUR EYES MAY BE THE CAUSE OF YOUR TROUBLE Trade where you are  ure of receiving good service, quality . If your eyes are Riving you   our colored de*      nien t roi" An ^* Reasonable prices. Weekly terms.</t>
  </si>
  <si>
    <t>                                           Labor unrest on Eastern Arkansas plantations, aggravated by reign of terrorism that has resulted in bloodshed and murder, has precipitated one of the most serious problems the midsouth has faced in many years. During the past several weeks, a number of...</t>
  </si>
  <si>
    <t>                                           Sam, the Bonus Boy, who was kicked out by his sweetheart Hannah, when times were hard and the snow was on the ground, has been worried by Hannah for the last four or five days to come back to her. Hannah has found out that she made a mistake since Sam is...</t>
  </si>
  <si>
    <t>                                           Final Rites For The Late Or. John Wragg Will Be Held Tues.                 Funeral serviced for  lute Dr. John P. Wragg. New York City, win ue held at 2:30 o clock tomorrow afternoon from the South Atlanta M. E. Church, with the Rev. N. J. Crolley officiating. The David T. Howard Funeral Home Is in charge of the burial. The tody will be laid to rest In the South View Cemetery. The deceased was secretary  or the Haven Memorial Agency of the American Bible Society. A former Atlantan and at one time a member of the Atlanta Annual Methodist Epic-opal Conference. Dr. Wrantg was the first secretary of the American Bible Society in this section of the country. He died Friday lr Methodls' Hospital Brooklyn. N. Y.</t>
  </si>
  <si>
    <t>                                           Clftarlnc and wanner. OS3ROE W. BUNDLING!, V. B. Metoowflogtot.</t>
  </si>
  <si>
    <t>                                           Odd Fellows Reinforcing! For Future I                 A forward step of deep significance was taken In this state the Fouth of July . under the leadership of G. P. Lowe,  known Atlanta citizen, n Ornnd       for ths Stnto of Georgia was organized In tli; City of Atlanta, with n fine staff of officers                 cd to direct the growth of the organization In Its concerted reorganization' drive. 1936-37 officers of the  an c. F. Lowe, of Atlanta, district grand master; George B. (Continued on Page 2, Col. I)                 Odd Fellows (Continued from Page 1) Jones of Savannah, deputy-district Bttmcl Twister; William 'DrtekrtJ," of .Atlanta,  grand secretary; J. T. Hill or Atlanta, district grand treasurer; Thomas Jefferson Ran- asan. of Atlanta, district grand director Col. a. T. Waldcn of Atlanta, district grand attorney; an Dr. 6. M Lewis, of Atlanta, district Brand medical examiner. The character of the men composing the official personnel is proof positive that the new organization is getting off on the  foot. Grandmaster Lowe Is well .known In circles of Kovcmmcnt employees, business a"d  men. His experience in the economic field in various capacities assures the new  of sound leadership. Willie his avowed purpose Is to place local leadership at strategic points so as not only lo bring buck j tbc leadership of Odd Fellows in Georgia, but lo so line up the  with         thought and modern needs as to make it of  practical" worth to the citizens. There nrc in Atlanta three active I Lodges of Odd Fellows: Kins Ed- ward Lodfte. Ben Williams Lodsc. "and Love of Freedom Lodge. There j are n^so three active lodges in Sa- varmah. while several lodges from the riral sections of the stats ai^f. knocking on the doors of the Grand I Lodge for admission. j</t>
  </si>
  <si>
    <t>                                           A forward step of deep significance was taken in this state the Fouth of July when, under the leadership of G. F. Lowe, widely known Atlanta citizen, a Grand Lodge for the State of Georgia was organized in the City of Atlanta, with a fine staff of officers...</t>
  </si>
  <si>
    <t>                                           Missing Girl In Love Nest, Panic Mother Believes                 By STAFF WRITER                 MEMPHIS, Tcnn.-                 :sns)-                 Troubled with the belief and apprehension that her daughter has been lured into a "lave nest" on the pretext of a Job promised her at Raleigh, Tenn, Mrs. Sarah Cooperwood, of 650 Washington Ave., sought the aid of the police department in a desperate effort                 to locate the Elrl. She Is only iG yean of ags, and the name mke of her mother. "She Iclt home Saturday morning to sec a Mrs. Roulhac about job teaching at a night school at Raleigh. "Mrs. Cooperwood told the Memphis World. "After she failed to return home Saturday night, I had a feeling that the whole thing was a frame-up to get her away." The young woman Is described to be about five feet In night. 110 pounds In weight. She was wearing a yellow dress, and oxford shoes when she left home Saturday. Jack Cooperwood. 12-year old  of the girl said that he and his sister  were out looking for a Job Friday when a woman, about thirty-five years of age, stopped them or Adams Street, near the                 Juvenile court. "Girl,  you like to work with me at Raleigh,?" she asked SariUi. She gave her name as Mrs. Roulhac, and said that she lived on Polk Street, but was a teacher in the county school system. The woman told the girl to meet her early Saturday morning on Polk Street. Mrs.  said that the girl wns very much excited over the fact that she was about to get a Job, but that she didn't like the Idea of working out in the country. "She didn't have any clothes or even a comb with her on leaving home Saturday." the mother said. "I felt certain that she was coming right back." Mrs. Coopcrwdod stated further that when she lived In Jones Bottom a man, about thirty-nine years of age, had tred to sec her . but she told hm to stay away from her home. She learned from neighbors that this man, Prince Robinson, alas "Duck,1 'had been to her present residence to see Sarah. This was about two weeks ago. She thinks that "Duck" probably used this woman as a ruse to (Continued on Paga 6,    - 7)                 Missing Girl (Continued from Page 1) get her daughter from, home, When asked about the children s father. Mrs. Cooperwocd said that her husband has practically deserted her. "He has a WPA Job but doesn't contribute one cent to help support the children. It has been a terrible strain on me. I have     be away from home, laundering here and there to pick up enough money to meet expenses. I -would have brought the case In Juvenile court force my husband to support the children, but he s one or these men who believes in slipping behind you doing dirt. He told my son If I ever had him arrested on charge of nnn--t he was going to kill                 I Die. Mrs. COoperwood stated further that her husband Is a minister, and has a. church on Pay Street. Waymon A. M. E. Church. She asserted that she was going to present her case to the Bishop when ho comes 4a the city. The Rev. Cooperwood lives at 210 Wellington St. The missing girl finished. Cnrnes Onunmnr School, and went to Ihc 11th grade In high school. "Alter my burden became so heavy, I hart lo take her out of school," the mother sold. "If I can only locate her before something happens to her." the mother cried. "It Is hard, almost Impossible to try to rear children under these ." And with a worried expression on her face, I she turned and asked the writer, j "what would you do."</t>
  </si>
  <si>
    <t>                                           Troubled with the belief and apprehension that her daughter has been lured into a "love nest" on the pretext of a job promised her a Raleigh, Tenn., Mrs. Sarah Cooperwood, of 650 Washington Ave., sought the aid of the police department in a desperate effort...</t>
  </si>
  <si>
    <t>                                           Dr. J. W. Allen To Lead Atlantans To Griffin                 Dr. J W. A.Iimi prominent Atlii:!.i i:;i il:io niid 111-, I'liumliiu- wile will I) I'.om ana host sn at a gala ;iit - 'lid wiener roast Fruluy .I w:lh tlu-  ii:ii s~)       m Cinllin. Gi'orgln. A   will  ut (he livi i- or Auburn and PiiMinom and Is scheduled to get (Continued on Page 6, Col. 8)                 Dr. J.W. Allen t (Continued from      1) under way at       fifteen o . Huge trucks with a straw covered floor wl}l be on hand for thow who  to'. ride in regular picnic style Mid-. private ears  be on the scene for  who  them. Mrs. Allen, is a member of thn Parish Council and this occasion Is one of tli* projects  for the benefit of the St. Paul Episcopal church. Many prominent Atlantans are pfenning" to. make the trip and It may be mentioned here that there will be plenty of room and If you wisti.to go, phone Dr. Alien at Walnut. SeoiV If you wish to drive your car.. Join the giant motor caravan. Prises will b* awarded at the old time square dance and BUI Rann'wCl calt.lt! Wieners and lemon. sde"        . all you need Is a small basket and to be present. A 'grand time may be had for a- song. Can you sing?                 DETECTIVES SAY NEGRO SHOT IN BOTH LEGS WAS SELLING RINGS                 Dctcctlws EnRlcbcrt and Dennv revealed Wednesday that Will Robinson of 57 Brown street w:m :  Monduy when he was shut In both lens by T. B. Hafts, white "f 340         street, apartment 21. After shooting the colored man. FT.irts reported to police that Rob' Innon had been soliciting sales for liquor  the workers on the I  rnment project near Greensferry  Lawshe. and  he shot the Negro because lie failed to "~'~y from the scene of the pr"     aft r he had been naked to refrain from coming there, official pn!lce records . Detective       In s  to he World Wednesday .said "         wns  to sell two  at a profit which he purchased from a n lire on          street." A case  m mnd' mr- both Harts ai d n^ Wrdncsdiv    " trial to b- held      1ny afternoon at 4:30 o clock In Recorder's court.                 Robinson waa reported In "fair" o. /We*ie.    at Owuftr hospital.    received Hein wounds in both legs  report* .</t>
  </si>
  <si>
    <t>                                           Wisconsin Judge In Negative Reply To NAACP Protest                 NEW YORK, (SNS1- Judge August C. Hoppmann of the ninth judicial circuit of Wisconsin hns written the N.A.A.C.P. that he has I no apologies to make for his statement from the  In a recent case involving a young Negro and a white Ctrl student nt. the                 sity of Wisconsin as follows: "In many places after what happened you would not have the chance to be brought before a court you know what I menu by that. All the gods of fate were in your favor." This statement appeared in a Milwaukee Daily paper and was 6ent to the NAACP. The association protested to Judge Hoppmann stating that his  were an encouragement to lynchers. In the case before him the  colored man had been charged on the word of a policeman with lustful assault, after being shot near the scene of the alleged crime. However, when the case reached court.the defense  three witnesses who said they were present when the officer shot the boy. This circumstance prevented the charge from being sustained anc" the defendant was given a much lighter sentence. In his remarks from the bench Judge Hoppmann plainly Indicated that he was sorry the orderly processes of the law by means of witnesses and testimony had prevented him from sentencing the defendant on the original charge. Hi!                 reference to mob vengeance Is a plain Indication that he regretted that the defendant had had tha benefit of a trial. In reply to the N. A. A. C. P. protest, he wrote: "I was correctly quoted in the case you referred to, I have no apologies to make foe the language used. I win use tha same language under similar circumstances whether you or your  protests or do not protect. I have not asked for nor do 1 cure Tor your  nor the  of your association in the conducting of the court over which I hive the honor of presiding- Any furth- er communication from you will go into the - without being read."</t>
  </si>
  <si>
    <t>                                           NEW YORK, (SNS)-- Judge August C. Hoppmann of the ninth judicial circuit of Wisconsin has written the N.A.A.C.P. that he has no apologies to make for his statement from the bench in a recent case involving a young Negro and a white girl student at the...</t>
  </si>
  <si>
    <t>                                           CRD05E AT CARDS corny                 They were gathered around a table playing cards. Then someone hollered  crooked." A  was flashed and Douglas Brown, 40. of 491 Dover street, southwest, wm a. In the right shoulder, the  of tlic switchblade penetrating his lung. They rushed Brown to Grndy hospital where lie was  in serious condition. Officers were summoned to the scene of the stabbing mid alleged (Continued on paire 2; col. 3)                 Crookedness (Continued from Page 1) "crooked** card game and there they met Mrs. Ruby Adair of 501 Dover street. She is alleged to heve inform ed the officers that her husband, George Adair. 30. carried the wounded man to the hospital. The officers continued the investigation and arrested Adair and Charles Hart, 38. 38 Electric AveI nue. Both  l clc' on suspicion of stabbing. I The police later found a knife. they say. which had the name of Charles Hart carved on the side of the weapon Hart admitted stabbing Brown  further investigation, the officers reported.</t>
  </si>
  <si>
    <t>                                           235 SAVED AT SEA                 (Inv. Nia- : Ji?  ~.vnl ~'-  'ii liu-M- li-at- rni^hol ; .,,,,         '(..Ul-UI-.N HAKUUli, ti'~ ~\\W\:  U' i VIRGINIA is  1 in  :'i-ri;il view firmly .-tuck on llic j.- of the ii--r- '\h: .scur-i Mi     (i wa- in tin: Upper      ;i]-.'al;e. 1-1        from L'.:.-. with many notables ah"aril. in- - Governor Harry \V. Nirt- of Maryland, wlu-n she was . Tightly .  Bliips    luss                 . .il Illusrlatcil News,</t>
  </si>
  <si>
    <t>                                           BERRY OUT ON BOND                 Caught In Chase In Druid Hills; Was Carrying Liquor Howard Berry has been released under $500 bond by United States Commissioner Ed s. Griffith oh charges of transportation ol liquor. According to police, Berry was chased through Decatur and North Atlanta at a high rate of speed before he was apprehended. He was overtaken on Ponce de Leon tu Druid Hills shortly after the   his automobile and attempted to escape, it was . Alcohol tax agents sold they found 152 gallons of liquor In Berry's car.                 JOSHUA JONI8 By IF. *arnal* Bra. Ball uld Jidirtjtfy           tho best  but ho  0uld (tick to playing            , ~,_^1</t>
  </si>
  <si>
    <t>                                           PORO COLLEGE  TRIP TO CHICAGO To tlie dealer in every town mimI city, telling the largest number of tickets for program to be given in their city. In case of tie duplicate prUes awarded. Write for information. 441S S. Parkway. Dept. M. Chicago, Illinois.</t>
  </si>
  <si>
    <t>                                           LADIES Use That FAMOUS   Hair Drcsainf ON SALE AT ALL DRUG STORES AND 5 10c 3</t>
  </si>
  <si>
    <t>                                           FOOT ODORS ARi OFFENSIVE S BANISH THEM IN h  BATH You  not worry about foot       if you bathe your feet regularly in two  of  water containing  of Creotin. Thti Creuita bath in aUo wonderfully effective for excessive perspiration  nd in giving } quick relief for itching, hurn mg feet. (iei j hottle of Ocolin today. Al all I drug  tore*     complete .</t>
  </si>
  <si>
    <t>                                           To*      W. A. Beott, 0, Founder and PublUher UM8-1M4) FaMlsfcad  tad StJNDAT a* 111 Atfmn Aveue, H. I. By THB ATLANTA WORLD PUBLISHWa CO.              WAtant UM- AHUUted with THE SCOTT NEWSPAPER SYNDtCATB  OF THB ASSOCIATED  PRESS ;C A. SCOTT         Minaer i. B. PATTERSON AKUtant Uaniffer  U JONES Muu(    Editor SUBSCKPnON RATES: DAIliT:- 1 Yr.  25; 6 Months I4.7S; 3 Month! ~.50: t Month Me   ONLY-.- I Yr. $3.00; Month* : I Months I1JS Canada: 1 Yr. $4.50: Months tZ.T5: : 1 Yt. Nation*! Advertising Representative: W. B.  CO. BO! S Dearborn St. Chicago. I1L. and 381 4th Avt, New York. N. Y. j VV_KWW^~ w.n_KH^- ^.*-M_ i BfcMred in the Pott Office at Atlanta. Ga, as -dats m*0 under { the act ot Congress, March 3. 187V i The ATLANTA WORLD lt an Independent .- non-  and non-partisan, printing news  and supporting those things It believes to the Interest of it, readers and opposing  things against the Interest of Its readers. Address ALL COMMUNICATIONS to and make CHECK8 parable I U  ka ATLANTA WORLD rather than to *. The WORLD I    for  of            . etc   are sent. j</t>
  </si>
  <si>
    <t>                                           The constant changing the Child's study from one teacher to another is most harmful, unless all teachers involved instruct along similar lines. Bill very seldom is this the case.</t>
  </si>
  <si>
    <t>                                           FIRE ADDS TO HORROR OF TORNADO IN GAINESVILLE*                 Fire added it- terrors to the toll taken by the tornado in Gainesville, Ga., where flames swept scores of ruined buildings, above, increasing the death tol} of more than 2U0 in that city, and                 w J  tlic desolation left by the twister. Scores of volunteers aided firemen in their efforts to check the blaze and free victims trapped in the wreckage, of demolished buildings.</t>
  </si>
  <si>
    <t>                                           DRUGGIST FOR MOROLINf                 PAY I f *-f fm m.~-^^^=vj V MOftf?     lQt -~ZE COUTAitU  HMti H^B^xJBS^^H</t>
  </si>
  <si>
    <t>                                           Miss Jane Marshall, young society "deb" was entertained with a farewell lawn party given for her by Miss Frances Peters at the home of Mrs. Harry Newman 253 Ashby street, N. W. Monday evening, July 6, from 8 till 11:30 P. M. A whist party was the main event of...</t>
  </si>
  <si>
    <t>                                           SPECIAL BARGAINS % -at- OLDSMOBILE h '33 Auburn Sport 8 Sedan $375' '3S Chryiler 6 Coupe 575 '34 Dodge Touring Sedan 475! i '35 Ford Fordor Sedan 476 '30 Packard 8 4- Dr. Sdn.195 '34 Graham 6 Spt. Coupo 475 "34 Ford Coupe 335 '35 Plymouth D. L. Sedan, radio 575 I '35 Oldimobile 6 4-Dr., I Trg. Sed. 745 '35 Oldimobile 8 Touring Sedan 795 V: '32 Ford V-8. Coupe 246 i '34 Plymouth D. L. Sedan, I radio L I. 495 '32 Studebaker 6 Spt. -Sad. 275 '35 Oldimobile.8 Bui.    . 796 i '32 Reo RoyaU 8 Sedan 295: '33 Ford Tudor Sedan- r_ 2 8' 6 '34 Oldimobile 8 Coupe 478 % '33 Terraplane 8 4-Dr. Sad. 375 f '33 Terraplane 6 Sedan... 298) S '33 Plymouth Coups 348; '33 Chevrolet    . Coup* 325 '33 Chevrolet w.w. Sedan 3T8, '31 Buick Bui. Coup* 198, Many Othan at 15% To 50%            '~'"'} i MITCHELL 1 MOTORS, IHC J 33O.;;!~~fi WA. 3909 .^^^ffl</t>
  </si>
  <si>
    <t>                                           MASONS GIVE  POST HI                 More Than 300 In Attendance At Americui                 ILLUMINATING                 By LtJCTTJS JONES                 Marked with a great demonstration of loyalty and a well founded prophetic outlook for the future, the recent sixty-sixth annual Grand Communication of the Moat Worshipful Union Grand Lodge at Americus, Georgia, attended by more than 300 Masons of Georgia.                 was one that, la some phases, bordered on the epochal. All report! showed that marked progress has been made In the order over the past twelve months and all the officers guaranteed even trigger strides In forthcoming . Acting on what Is to be an universal precedent the constitution and by-lavs, during the sixty-sixth annual session, were revised and the name of the Grand Lodge was changed from the -Most Worshipful TJnlon Grand Lodge" to the "Most Worshipful Prince Haft Grand Lodge of Georgia.'- Several of the Grand Lodges In America among Colored people are already so designated, among them are the Prince     Grand Lodge  f Massachusetts, the Prince *  " Grand Lodge of Illinois, and the Price* Hall Grand Lodge of   '"'*~The Masonic Borne School at Amerlcus. headed by Superintendent K. c. Chliders. continues to wear the hue of a modem structure, being manned efficiently. At the recent closing exercise* at the Institution, five students received certificates from the ninth grade. An Illuminating spot during convention heats was the presence of the Eon. John L. Webb, of Hot Springs. Arkansas. Grind Master of the       * Jurisdiction of Mississippi *wbo was special guest of the Masons at Americas. Grand Master Webb has traveled extensively In Europe and the Old World and is essentially a profound scholar. He holds membership on the Masonic Research Committee of Leicester. England. Honorable Webb brought the delegates a psychological experience destined to remain Indelible in their minds for years when he addressed them and disclosed, in many singular ways, myriad wonders he has encountered ic the magic carpentry of the Masonic faith. He challenged his fellow Masons to be scholars In Masonry. All Grand Lodge officers were . John Wesley Dobbs, of Atlanta, being restored as Grand Master of Masons for the State of (Contiouad on pat* 5; cot. 2)                 Masons Give (Continued from     - I) Gnrri':;( Thr Most Worshipful Union r.rsnd Lodcc (Most Worshipful Princo Hall Crnnd Lodco of Ccorcin wns ??^ in 1B70 nt Snvannah. Corjiri by Rov. J. M Slmnv. .1 Bnpt^L  ist^r. who wrt:; it* !ir.-l Or.-~nd Master.</t>
  </si>
  <si>
    <t>                                           Marked with a great demonstration of loyalty and a well founded prophetic outlook for the future, the recent sixty-sixth annual Grand Communication of the Most Worshipful Union Grand Lodge at Americus, Georgia, attended by more than 300 Masons of Georgia...</t>
  </si>
  <si>
    <t>                                           I CLUBS + IN THE SOCIAL REALM + SOCIETY</t>
  </si>
  <si>
    <t>                                           TRULY THE Ways of the fistic Gods are stranger than that immortal character of fiction, Brete Harle's--"HEATHEN CHINEE."</t>
  </si>
  <si>
    <t>                                           THEIR LOVE FLAMES AGAIN                 U'lll-l) l.  il. wllo ll.l'l Iliilliilij; In  iw fur. KjiAi-iI ilt.-t.-Jj I Iiiki tin- ryes 'if I't-ttc- Davis, hi-  -^ in die  and !t yl:idly  i:iid tlic price in "Tilt- 1'i- l-'"' in which tin- I tv.o lovers of "Of Human Homl.-iHr" an- soin';^ :i In'i ;n -y's ASIIIiV Tlicata-. I</t>
  </si>
  <si>
    <t>                                           ALBANY. N. Y.    - A bill to (trip remove the stigma of - marv from children bore out of wed ock try providing that birth certificates need not disclose the marital  or status of the mother was  by Governor Leh- maa Tliursday.</t>
  </si>
  <si>
    <t>                                           KIP S WILL IGNORES COLORED WIFE                 NEW YORK (ANP) When Kip Khinclander's will was made public here this week, do mention was made of his former wife. Alice Jons Rhinelander. His  estate, valued at about 55,000 was left to his "dearly beloved father." The elder Rhinelander declared that his son was a devoted son. and although he had made one btR mistake, be I tried in his later years     for the misdeed and live down the reputation he had acquired.</t>
  </si>
  <si>
    <t>                                           They'll all grow up! In the spacious and palatial living room of Bishop and Mrs. W. A. Fountain maree was ushered to await the appearance of Miss Sujette Fountain. While waiting one could not resist admiring the good taste with which this room had been...</t>
  </si>
  <si>
    <t>                                           Johnson and Crogman continue to lead the Playground League with Howard in third place. All leaders won during the week. Each team has two games to play to complete the second half. Besides, those already named only Washington has on outside chance...</t>
  </si>
  <si>
    <t>                                           F  ffi i tl  v^P^^Sft Style /.cac/crs wJ  a. i-  V^ IwB^S m m M. A 4* MM* MSBi P. Jvt^i %     JarmlDLtCrl ~//l g^HHg I A r^ s ^^ot StH  3fl$~ *^r^ Vfr *^$ ISBul va a R(H VI [TOR ;Mp-r- Model 4T Here's your ringside seat to P ^i^ JB ET  1  big fight! This remark- S; JH jll able little radio has a superb T B . It's a superheterodyne     with domestic broadcast B5H ff band including one police band. Yes- you ll enjoy hav- jm ing ihis convenient radio        around for.a long time to I 1111 ?ZX WeCk come. Not a midget-height 14 %"; width 11 'A"; depth C'/~". A Champion value. BAME S, Inc. inv p^ -T H ,..r U/yf</t>
  </si>
  <si>
    <t>                                           Jesus said unto him, thou shalt love the Lord thy God with all thy heart and with all thou soul and with all thy mind, and with all thy strength:</t>
  </si>
  <si>
    <t>                                           PREACHES NOVEL SERMON                 "Three Strikes and Out" will be the  of Rev. A. J. Kirk'* sermon Sunday evening at 8:15 p. m. at Franklin Memorial AJkLE. Zlon Cnureli. 101 Boulevard. The sermon will be demonstrated. The public Is Invited to come out and bear . Special music will be furnished by the choir.</t>
  </si>
  <si>
    <t>                                           The South's Verdict                 Should we purchase goods  In the South, when they are Just as cheap and Just as good as foreign products, or should we  our money out of the country? .ending Southerners have given  verdict Ibis important mutter In a booklet being distributed Dy the Agricultural Development Bureau of The Barrett Company. Sneaking of     movement started                 a year uro by Dr. Chnrles H.       when be  a  to  borne Industries, the Bureau r StuiSupervlnor      that all Soiithm ers "have rd unique ' contribute to their nun anil  ol the emir-  thm movi'-u. ,i Many men  -i  of the Stule are  the weight ot    Iod should make Itselt widely     .                 l</t>
  </si>
  <si>
    <t>                                           KNOXVILLE, Tenn.--(SNS)-- This afternoons session marked the close of the National Association of Deans and Registrars in Negro Schools which was held the campus of Knoxville College here. March 25, 26, 27.</t>
  </si>
  <si>
    <t>                                           BUSINESS LEADER, BENEFACTOR                 .l.'/v. C. S. COX far-.- cx  m the C"~: Jin*, l .-il Home which, this ,  its thirty-sixth anniversary. Mr. Cot;, besides a  nin- hi Atlanta''- leading business men and most influential cili/.vns, is known widely for his    l)           , having  $1,010 yearly in ihc  "f '.s.  , Iratcrnal c:    . and   Imal . He has alho   ^aml  tn  Hutlor Street YMCA. As general chairman of the 1V.54 YMl'A Membership Campaign, "the Liltlc I Jiant" Bi-t a record unparalleled in local colored YMCA history when lie surpassed by far the goal of 1,000 memberships and $2000 cash. I Ic not only chalked up well over one thousand membership*, bin a No  over $.^.CKX) in cash. That figure, doubtless, will stand for many years to come.</t>
  </si>
  <si>
    <t>                                           Cash, Rings Stolen From Denny Burke Past Tuesday                 Thirty-five dollars in cash and rear diamond rings, valued at approximately $375 were reported stolen from the room of Denny Burke. 310 1-2 Auburn Avenue late Tuesday niht or early Wednesday morning. Burke made the report to police Wednesday morning at 8:45 o clock. He listed the missing objects as ?ne $2 bill; three dollars in nickels, thirty dollars in dimes; one dinner rin. containing a diamond and carrying the initial. "DMB". and three other diamond rings.     dinner ring had a value of $150, Burke told officers. According to police reports. Burke gave a party Tuesday nigh: in his room. He went to bed about j 11:30 o clock, leavins two or thre? couples of the party in the house. I Burke said he did not miss the rings and cash until Wednesday morning. Ralph W. Bullock Speech Enjoyed rhe Atlanta Forum under the auspices of ihe Butler Street Y. M. C. A., discussed at length this d;ep but most interesting subject Tuesday night at its regular ses. son R W. Bullock of the Nation, al Council of the Y. M. C. A., a  of Knoxville College an! Northwestern University, who has made considerable studies m     field of Sociology and Economics at Columbia University, handled his subject in a most for- and prac (Continued on Page S. Col. 7)                 I I I Ralph W. Bullock J i i (Continued from  II I  manner. W. E. Henry. L.. R. Henderson.,1 A. W. Wrighc. R. E.  antl J. B. Blayton contributed to the discussion period. Many .s questions were discussed. Others j presort were Miss Prankie Adam-i 'nd Mrs. Canady both . the Atlanta School of Social Work. t L. Da\-is. W. A. Shields. B. I, Davis, p. Birchett. A. Smith. J. D. Winston and R. MacI:. If you like to think out loud. come to the "V next Tuesday nicht at  o clock sharp. i The- Permanent Forum Com.  is A. A. Reed, chairman. J. H. McGrew. John H. Bell.                 Dr. Willis J. King In Fifth Lecture This evening at eight o clock at the YMCA.. Dr. Willis J_ King, president of Gammon Theological Seminar}' ~"U1 S*ve the fifth of a series of lectures on observations in the Holy Land. The subject for to. night will be "Bethlehem, Nazareth and the Sea of Galilee." Special music will be rendered by the female trio of Morris Brown. University, under the direction of Prof. Hathcock. Members of the trio are Misses Mamie Smith. Ruth Toomcr and Lillie Glass. Mr. James Hlnes. student of Clark TJni. versity. mil also render a vocal selection. The lecture will start promptly at 8 P.M. and last only one hour.  EARNS PH.D. Howard D. Gregg, Dean of Education, Wilberforce University, who will receive the Doctorate from the University of Pennsylvania in June, maintained as "A" average during bis  time in tha Institution. Mr. Gregg is alto a trad, uate of Yale and Columbia Universities. He is a former Atlantan. Having taught at B. T. Washington High school.</t>
  </si>
  <si>
    <t>                                           Bishop Host To Pastors May 5-8                 MARSHALL. Tex.  SNS'- De.-cn H. M. Siimli of the School ol He- . Bishop College announces ,i forceful ILst of  und subjects for the Sixth Annual Minister's Institute which meets on the i Bishop Campus. May 5-8. I                 ThP speakers and their subjects I are as follows: Dr. E. L. Harrison. Washington. D. C. Four Messages, General Theme The Modern Preacher and His Preaching. Rev. N. Y. Beall, Atlanta. Georgia, Pour Messages- The Holy Spirit and His Instrument: The Holy Spirit and His Agent; The Holy Spirit and His Enemies: and    . Holy Spirit I and His Task. Dr. W. R. White, Oklahoma City, Oklahoma,- What Must America Do To Be Saved? Dr. C. T. Alexander, Dallas, Texas, Four Messages, General Theme Five Portraits of Jesus;- Matthew, The Rejected Saviour and King: Mark. The Lord of Authority and j Obedience;       and John. Tlu1 i Divine Human Christ; Acts, The i Continued Ministry from on High. Dr. J. M. Davvson. Waco. Texas- What Chance Brotherhood? Rev. Anson Plielps Stokes. Jr.. Shreveport. Louisiana. Two Messages- Christianity  jiri a New Vision; nnd Christianity and a New Heart. Rov. R. H. Hines. Marshall. Texas. I Pour Messages- What a Garden Did for a Preacher; Whnt SO Hens Dirt for a Pmirhcr: What u Cow Did For u Prrm-her: and What a                 Sow Did For Preacher. Mr.-, M J. Brockway, Oklahoma City. Okla- I homo. Pour Messages. Generil Theme- Reaching und Organizing Women For Christ; -Woman's Place; Gathering Up the Frag- menis; Holding On; and Woman's Opportunity. Rev. J. N. Hughley. Marshall. Texas, Pour Messages, j Oeneral Theme- A Way Out For Negroes Community Cooperatives President Joseph J. Rhoads. Bishop I College- Welcomes The Institute. No  are made to any minister lor lectures, room, meals or registration- the entire Institute j Is absolutely free to preachers of nil denominations. It represents a contribution which Bishop College is making to the Negro Church of . Here is a brief but. clear statement of what this meeting offers every minister who Is present from I Tuesday. May 5 through Friday. I i May 8. 1.- Personal contact with and Information from n dozen ol America's great religious lenders. 2.- Four days packed with ideas and spirit, which help you to solve i the problems of your church. 3 A chance to get  from your job  to fellowship with 500 I other preachers for a week. 4 The Book Exhibit. Here you will i find Hie newest books on the work of thf Preacher. S.-Knll      of] 1 (Continued on Pan,- 4, Col. 6) i                 Bishop Host (Continued from Page 1) (he  Ubrnry. Bishop':; new library Is one or the most beautiful  best stocked 1n nil tha South. 6.- A chance to study lor lour days at close ramie ;i group of young college folk. 7.- The Pastors Discussion Hcur where you will learn how other men have solved the problems you now face. 8- A deep spiritual undertone IhroiiRlioul the   will help ycu to luce these days without feir. 9. Good-Pellowshlp Facts- Fiilth. 10. A royal welcome -hospitable- entertainment mid "That Good Old Bishop Spirit" trom every pcif.cn on the Bishop Campus. Reservation.-; can    '  by  Drnn Smith Bishop College. Marshall. Texas.</t>
  </si>
  <si>
    <t>                                           MARSHALL, Tex. (SNS)--Dean H. M. Smith el the School of Religton, Bishop College announces a forceful list of speakers and subjects for the Sixth Annual Minister's Institute which meets on the Bishop Campus, May 5-8.</t>
  </si>
  <si>
    <t>                                           IN BUSINESS NOW- Mr. C. J. Chuholm, a former all-American end at Clark University, who has entered the field of business, opening a modernistic tailor shop in Atlanta, Ga.</t>
  </si>
  <si>
    <t>                                           CONSUMMATE PLANS FOR REGIONAL MEET                 The above croup is perfecting plans for i a Regional Conference of the Zeta Phi Beta Sorority to be held here in May. Rending from left to right arc Misses S. Grace Bradley, Regional    ?ctr.r; Hazel VauRhn. Bii i- 1 leus of Epsilon Thcta Chapter; Mrs. Mabel                 Fountain. Mitfs Frances Bfook*s, Mrs. A. W. Childs. Ton tow: Misses Dora Harvey, I, Younp, and Lila Henderson, Mrs. tana Davis. Misses Lillic M. Smith and Catherine Rembert.</t>
  </si>
  <si>
    <t>                                           Ministers9 Institute Is Announced                 A four   Institute for ministers and religious work- er.s. which will be open 10 men unil women  In religious  Irrespective to , will be Incorporated this your In the Atlanta University Suiaincr School,  to an                 ment from the office of Jolin P Whlltaker. Its director. The curriculum of this short course for ministers will be organized lv   '. students in carry on their work through three summer sessions. For the satisfactory conclusion of three summers' work,  will be given certificates. The ministers summer course will continue from June 15 to July 10. Instruction will be given In Bible, rural church. English, preparation and delivery of sermons, religious education. and  subjects. Ench student will be  to Hike on,, course In EnrclLsh. history sociology or economics in the Atlnntu University Summer School. All the  features of the regular six weeks summer school, IncliKlIng entertainment,  facilities, lectures and plays, will be open to those enrolled In the ministers summer course on the same  as to those In the regular summer session. No tuition will be  those enrolled in this Iu.' for ministers. LmlKliiK lor men students will be provided ul More-house College mill lor women student* nt Speltnun College, nnd meals will i be served oil students ut Bpelmnn College. A  rate lor living expenses will be charged. The faculty participating In the Ministers Institute will be drawn from the seven Atlanta Institutions which lire  in tin1 summer school, Atlanta University. Morelioiisc College Spelmau Col- . Ouminon   Seminary. Morris Brown College. Cl:irk University .nnd the Atliinta School of Soclul Work.</t>
  </si>
  <si>
    <t>                                           A four weeks summer institute for ministers and religious workers, which will be open to men and women engaged in religious activities Irrespective to denomination, will be Incorporated this year in the Atlanta University Summer School, according to an...</t>
  </si>
  <si>
    <t>                                           S pel man Graduation Colorful Occasion; 34 Get Degrees                 'To come ol a?e is to live wisely to live wisely is to consider what we are and do and where we hope to gc." with these words Dr. John Jacob Coss. professor of philosophy and director of the summer  of Columbia University, set forth his advice to the graduating class                 or  College yesterday I . A class of 34  I women was presented for 'Ik1 i bachelor's degree by Dean Jane Hope Lyons, and the degrees were conferred by Pres. Florence M. I Read. One of the largest or Spelman Commencement audience* gathered fn Sisters chapel to witness the exercises. Citing the Greek maxim. "Knov.Thyself" as the touchstone cf human knowledge. Dr. Coss declared 'hat to know oneself requires both balance and courage. It means, he said. "to  at yourself honestly to sec the good and cherish and nurture it: to mc the bad and fight it and outwit it by  hard to Increase the good." If. moans further, he said, " and not raging against but  overcoming the things which limit you. and forever and forever keeping intelligently 'busy i in  the things which you can do. and in working away to push back the things which block your way." I In a whimsical apology for making a commencement address in which there was no mention .of world problems, no word about the the issues of war and peace, the national debt, tenant farmers or the bad manners of the present age. Dr. Coss explained that while he realized the importance of these issues, he believed they could be solved  ily if the important matter of growing up. or becoming of age firs? had -consideration. "No problems ! national, or local." he said, "are really going to get settled 'till a good many more of us grow up In the fashion which I have been describing. Tou Me I think growing up 15 hard work.  nd I am pretty well  that most folks never do." The commencement exercises  which concluded the week of festivities on the  of Speiman colege opened with the formal academic  Into Sisters ChaDel led bv the candidates for degrees and followed bv the faculty  nrl speakers' . The Speiman College glee club then then sang Brahms' "Father Almighty." Scrlotures were read by Reverend John Moore Walker. Rector of St Lukes*                 Episcopal Church of Atlanta, and the audience sang the ode of Horace. "He who is upright, kind, and free from error." The prayer was offered by Dr. Chirleg DuBols Hubert, director of the School ot Religion of Morebouse College Preceding -the address the audience sang the spiritual. "Lord I Want to be a Christian," and afterward joined In the. hymn. Lcrd All Glorious." The speaker was introduced by President Read ax one who through his work at Columbia University and his membership on the boards of numerous .       north and . has long expressed     ideas and Interest in the advancement of education. She' cited the fact that he was a member of the board of Bennington College, newest of colleges for women. Dillard University, newest of Institutions' for the Negro student, snd of Atlanta University as wen as a trustee or the Julius Rosenwald Fund. After the decrees had been presented the Spelman College quartet sang 'To A Voice to Heaven Sounding" (Boctniansky). the audience Joined in the Negro national anthem, and the benediction was pronounced by Reverend C. N Ellis, pastor of the Reed Street Baptist Church. Decrees of bachelor of arts were granted to 28 young women, as follows: Helen Irene Andrews. Atlanta: Prances Bdnah Bethea. Southern Pines. North Carolina: Frances Juanlta Brock. Pasadena. California: Johnnie Mayme Childress. ClarScsdale. Mississippi: Bessie Juanita Clark. Jacksonville. Fla.: Cellestine Ramona Davenport. Americus. Georgia: Lorraine Frances Dlxon. Atlanta: Rcoeland [Frances Dlxon, Atlanta: Madelyn I Cornelia. Cray. AtUnta; Augusta Mae OusUn. Omaha. Nebraska: Grace Hojue. Chattanooga. Tenn Dora Boyd Holman. Atlanta; Elizabeth Mae.1 JafltKnt^JoBeW-Ullnols: Anita Ethyls Lain. Atlanta: Emms Carolyn Lemon. Savannah: Naomi Lavernia Malone. Mtalfee. Arkansas: Hdra Laura Monnnto. St. Thomas. Virgin Islands: Annie Louise Motley. Fitzgerald. Georgia:     Ludle Murray. Nashville. Tennessee: Minnie Lee Flnson. Atlanta. Georgia: Jamie Lawson Reddldc. Atlanta; Gladys Olga Shirley Dawscn. Georgia: Catherine Boyee Walker. Savannah. Georgia: Ruth Mae Westmoreland. Atlanta: Dorothy Odells Williams, Annirtor.. Alabama, and Anne Elizabeth Wright. Albany. Georgia. I Degrees of bachelor of science were conferred  seven youn? women, as follows: Rosebud Cor=e!li Btoxb. Atlanta; Hatherlne r. Few. Albany. Georgia:  --i Fert. Peewcola. Florida:  3e"e Harjy. K^. Te=: ClsadU Cornelia UcQcxans. Andersen. South Carolina: Birdie Cornelia Wallace. AtI lante, Generteve Joaepjslae WheeI !er. AHinta. Etgat were    co=i     Frances JaacJti Brock. Mad1 e!yr. Cornelia Gray. ZUrtbetfc lln Jackson. Emma Carolyn Lemon. Eldre Laura Monsanto. Anr.le Louise Mc'Jey. Dorothy OdelU Williams, and Birdie Cornell* Wallace.</t>
  </si>
  <si>
    <t>                                           "To come of age is to live wisely, to live wisely is to consider what we are and do and where we hope to go." With these words Dr. John Jacob Coss. professor of philosophy and director of the summer session of Columbia University, set forth his advice to the graduating class...</t>
  </si>
  <si>
    <t>                                           Young and beautiful Mary ... secretary in the A. A. Heeley Steamship Company is broken-hearted when socially prominent "Jamie" Todd, Jr., becomes engaged to Nesta Grainger, one of his own set. To add to Mary's sorrow, her Aunt Willie, brooding...</t>
  </si>
  <si>
    <t>                                           CIRCLE                 ^' I  VALENTINE\                 Contest Corner Of Arithmetic Problems                 ARITHMETIC NO. 3                 By .Mildred Hargrove Contot Editor 89S Foundry St., N. W.                 Addition (I 1 A.lil: 2U.575: 2S.312: 17.004 121 Ailrl: l.i.liSI; :~-J.0H7   -l.l20. CD Ailii: :M.:ifi2: 17.530: 18.U78.   ) Add: S J.'ITS: 10,230; 7~,5I.'I. Subtraction (It .Subtract: U,7(M- 8,275 (2) Subtract: li.'.IOS 2,1)51 .Suiitracl: 5,iaS- 3.122 (1) Subtract: 7,!M3- 5,20-J Multiplication (II Multiply: 25.-13S by 243 (2) .Multiply: 9 Mo by 380 Multiply: 8.7!~5 by 72 (I) Multiply: G.U81 by 86. Division (1) Divide: 717,1.60 by 32-1 (2) Divide: 2'J5.S72 by 6-1 (,'l) Divide: l,  92 by U (I Divide: 1R7.2G-1 by 38 ^Bc ture to tend in your jmi-weri to ^ problems before next Sundar to the Contest Editor. Anjwcci will be published at end of contest. LasI set of problems will appear next Sunday. FIERCE WAS THE WILD BltLOW (An.., 8th Cenutrr) 1. Fierce wbj the wild- billow. Dark on the night. Oars labored heavily. Foam glimmered white! Trembled the mariners. Peril was nigh* Then said the God of Cloth, "Peace! It is I." 2. Ridge of the mountain., Lower thy creal Wail of Euroclydon. Be thou at rest! Sorrow can never be. Darkness must fix, Where saith the Light of Light, 'Peace it is I.' 3. Jesus. Deliverer, Come thou to me; Soothe thou my voyaging Over life s sea; Thou, when the storm of death Roars, sweeping by. Whisper, Truth of Truth, 'Peace! It is I.' Cut out for Junior Circle Song Book.</t>
  </si>
  <si>
    <t>                                           Professional Directory Office Wa. 11 RO Re   . 4126 Dr. Chas. H. Johnson 250 Auburn Arc. Special Attention Given to the Treatment or Women. Office Hour. 12:30 to 2 p.m.; 5:30 to 8 p.m. Dr. Raymond H. CARTER l '.-u Limited to Uiseaso  j! (, LAR, NUSE AND THROAT Hours: 11 A.M. lu 3 P.M. and By Appointment</t>
  </si>
  <si>
    <t>                                           Prof. Luther Brookes was guest speaker for the science classes on last Tuesday night. Prof Luther Brookes, of Clark university made one of the most interesting talks to the science classes Tuesday evening. He gave illustrations on the black board and answered all...</t>
  </si>
  <si>
    <t>                                           The City Health Department food inspectors have been instructed to close immediately all "vacant lot" and "street corner" melon stands selling sliced melon, without proper serving and sterilizing facilities. Last summer, according to Dr. L. M. Graves...</t>
  </si>
  <si>
    <t>                                           $ MONEY $ 120 Edpowood Ave. FOR SALARIED PEOPLE No Eodorurt- S!(    * Ombr Liberty Investment Co.</t>
  </si>
  <si>
    <t>                                           It is never known just what a child may accomplish in the study of music, if he is not given a fair chance to study. He should be given certain considerations and definite conditions befort some oracle in the form of a parent or teacher predict that the child does not...</t>
  </si>
  <si>
    <t>                                           C A. Bacote World Peace GuestSpeaker                 Young \vj..;cns Buvi-.:-;.1 and r-.il CluL of ir.c Y \V C is .p-..i-.:i-i/ ;i pM^iv.m a! -wide    a. four u' clock ul ilic Fir.-~1 Cnnyri Buiioi'ial church, corner Frusuri and Courtland ., wilh ih' prc.-i^ of i roi. c A.                 vow .'i All:nUh Li 'JverMy as ;il . on \   World Pfiiii? -.. lit-Mtles Professor Bucotc, a iium(Contlnued on Page 5, Col. 6)                 C. A. Bacote (Continued from Pajtc 1) lier of oilier  speaker I     fie city, ! In  ; of endeavor  roar. :i: I - on the Iri-mls in i.IipV I tl iwr  line, will appear on tlv:  ami will discuss - ~(i .s of universal pence. Amon': I these sp"^k-..\ will be Col. A. T. Waldcn.  the  p ol'.": Dr. Prcntics G. Yrncnv. tc ^ rlu:  proft-s- ..inn- E. M. Murtin. ot tin: AUimlri j Life  the .  i Held Dr. J. H. Hninillnn. -  Die  pursuit: antl C A. S(.-;tt. ; tlv i.evv.sp::poi- . I 1 Tlifii'i! will be mi ; pi'.i- gram of u-dl selected  nuni- . ; .several .songs by llic ^mion. mi  solu by Miss M. WlnfielU: :i - phone M.lo by Mr. Brown; "nd v.m:i1 i.l :. -Tli.- l. Ir My Light." by AIILmhi. -il by     C. B. Ri'ver~. Prol^.voi : needs u^ m-  to l In; local     ;m  on I'olitic-.U Scii-nci*. I His  in Ui.-~tor.v i.nd I'n- -iil '  due   K- wlu-n In:   ol llie Natiuna; Nc-Ki'o History Week  1 tin-  Cuy. I A ri lie crowd is -'.'ti aL lh'.' proi^iain -y ami a silver ui:er- inj; wi.l be . I</t>
  </si>
  <si>
    <t>                                           The Young Womens Business and Professional Club of the YWCA is ... a Diagram of a city -wide interest ... afternoon a four ... clock at the First ... church. corner of Houston and Courtland streets, with the presentation of prof...</t>
  </si>
  <si>
    <t>                                           HOLLYWOOD --The latest fashion note in the film colony has to do with the popularity of period designs for those graceful summer formals so popular with milady for evenings at supper clubs or resort chances.</t>
  </si>
  <si>
    <t>                                           ATLANTIC CITY, N. J. (SNP) The holiday week end was a gala event at Pine Acres Country Club and Tourist Club. West Pleasantville. where the charming Grace Boyd holds sway as hostess, and dispenses to the hungry public all that the heat desires in...</t>
  </si>
  <si>
    <t>                                           f y You can t ro wrong if you invest your ~^^H \'l fl Bcnus money in one of our Highest I^^B I QUALITY GUARANTEED ~^H kj DIAMOND RINGS B H $10 to $500.00 H; WRIST WATCHES I With all the newest designed bracelets ^^B ~$5*oo to $i5o.oo S H TERMS TO SUIT YOU. K P^H BRING THIS AD- $1 JO OFF ON I Q p "T1 "T1 D Q ^K HB 110 WHITEHALL STREET</t>
  </si>
  <si>
    <t>                                           Baseball Summary                 j The Standing* Clubi- W L Pel. Atliint.il 0(1 :i:i .IMfl I Naslivillu fil .17 .571 i Birmingham -IH M ..12-1 Chattniioogii Hi .11 .Soil I New Orleans 12 l'.~ .0ii2 Little Rock II IS .I'll Knoxvillo 118 51 .4 IB Memphis :)7 !~l .107 Yesterday's         { Knoxvillc 'I, ChiiLlniicoKii .'I Today's G*mei I Alhtnln New Orleans i  nt. Nashville j Chulliiiiuugn nl Knoxvilli; Jicnipliis at Mlllu itmk AMERICAN LEAGUE Tile St.\;~ Clulji- W L Pel. Ni-w Vnrli   (! ~:    '      1C. IIS Mb KiiKlon I" ."i-IO DuLruil l!~ :i!~ .i"~:iB \Kisliini; I'l 10 M-l Chicniro 12 10 .-".li I'liiladulpliiu 28 5:J ..'MO St. Imu'is (55 .ai.'l I Yotordny'i Results I ('^o 1 IJ, \V; 5 CK'VcI.- fi, Philadelphia 1 IJuli'iiil I, New York !i Hi. Louis 1, Boston 2 Today's Game* Chicago at Philadelphia St. Louis nt New York Detroit lit Boston Cleveland at Washington NATIONAL LEAGUE The           Clubs- W L Pet. Chirnifo -r,l :;u .f.:    St. Louis -r l :t2 .lil-l I'iiLsbuiglv II :m .r.:io Cinciiiiiiili II .'Hi .Sl.'t New Yovk 1" H .S 2 Boston 10 II .17(1 :-                2 r.o .~182Brnolil.ru 2S .15 .337Yesterday's Results New York C, PittsliuiK-li 0 Brooklyn   , Cincinnati lin.slon   . CliicuKO 1 Diiladelpliia 'I. St. Lnuix    Today's Games Koslon nt St. Louis i  at Pittsburgh J Philnilolpliin at Chicago j New York at Cincinnati</t>
  </si>
  <si>
    <t>                                           A** you in BAD I.UCK? If 90 write n.e a.id no ni'.er ~~'hat your troubles arc 1 will guarantee to help you Smd 10 cent* in coin foi ma.lin:% Dcpt. S. S. Anthony Georpc, 526 N. S8th St.. Phil*. Pi. I AND HIS FAMOUS I ORCHESTRA* SUNSET CASINO Friday, June 12 I a -til z Adm. 55c1</t>
  </si>
  <si>
    <t>                                           The screen's most unusual banquet too place at Universal studibs recently, with the guests confined to synthetic gangsters from the underworld of Chicago...</t>
  </si>
  <si>
    <t>                                           WINS DELTA SCHOLARSHIP                 MISS . l    bii the Delia Si^ma Thela       'il%       :       award for hif-h scholastic achievement. The daughter of .Mr. and Mrs. C. M. Peek, of S7S Keckwith St.. S. \V.. and a recent B. T. \V;ishin;;ton High School j;       \ ~]jss Peek made an enviable record to merit the arant by the Ir.ta Si^ma graduate chapter of the sorority. She will enter the c;il Ie;re of her choice this fall in pursuit of higher learning.</t>
  </si>
  <si>
    <t>                                           BRING THE FAMILY TO SMITTYS GRILL FOR A PALATABLE      Specialize in Chicken, B^7lil^NB Cliops, Slcahs and Ski ?*~jj/Wf' 2'JO Auburn Avc, N. IS. '!^3^-S Louis J. Smith, JIgr. i 66*^ i</t>
  </si>
  <si>
    <t>                                           To the people of Atlanta and especially those that hate to use street cars for their transportation: There ought to be something done about the treatment we receive. I'm quite sure everyone will agree with me in my statement.</t>
  </si>
  <si>
    <t>                                           Parental objection to boys choosing music as a career or vocation nothing new. Many of the great composers and musicians as far back as the 18th and 10th centuries became musicians again the wishes of their fathers, and in several instances ran away from...</t>
  </si>
  <si>
    <t>                                           LADIES Usr ThM      ;s DOI.LY DIMPLE Hair Dresslnr ON SALE AT ALL DRUG STORES AND 5 tOc STORES</t>
  </si>
  <si>
    <t>                                           In a few days your information will be back at the ringside to see satisational Brown ...--Joe Louis, tie up with Herr Max ... the Black ... If are to judge by past ... Harlem is Joe Louis mad. The last time we were there Fred Williams proprietor of the Yeah Man, and one of the best known sportsmen in the city, and your pen-paster were practically deluged with Joe Louis...</t>
  </si>
  <si>
    <t>                                           87-Year-0ld Former State Hireling's Death Lamented                 Bill Yopp, Erstwhile Author Of Book He Sold For Dime; Had Active Career On Battlefield In War Of States                 RETIRED AS PORTER 8 YEARS AGO                 By ROBERT M.                  "Cld Man Bill Yopp Is dead." Porters and executives mumbled the^e words in the corridors and offices 01' the Georgia State Capitol Thursuav.                 The passing of this 87-year-old j mulatto a: the Confederate SolI * Homo Wednesday touched the memories of these governmental employes. Bill Yopp. a former . had been a picturesque character at the . He had been liked by all who knew him. It was easy for his colored and white friends to point out the outstanding points in bis colorful career. They said Biil Yopp had been a slave: was horn en the Yopp plantation in Laurens countv of this "ate. Thov pointed out that "Old Man'" Bill went to the -war with his master and served him faithfully. It wa.~ not hard for C. P. Johnson, cf 51 Fort street. SE. who has been  at the capitol  20 years to remember that BUI Yopd was the author of a 20-     pamphlet which he sold for the price of ten cents. h This lit le Nyilc contained dot? that told of Bill Yopp's   on the  in wars with the states. The book also' carried I  accounts of the captains and leaders under whom he worked. Charlie Justice of 223 Port street. NB. a porter in the Stat* i Treasurer, office, said Bill Yopp j went North once and made lots of i money. When he came back, he divided It  the inmates at the Soldiers' Home. He  cn the name of "Ten Cent" Bill Yodd because he had ths monev changed into dimes before he  it to the soldiers. Mr. Justice sold. For years he attended session* of the state legislature and he often I urged members to   money fcr the inmates of the Con- i federate Home. I Bill Yoop is believed the onlv I colored     the State of Georeia has taken care of at a Confeder- ate Soldiers' Home. He lived at                 -he home even when he wu employed at the CapltoL It has been nearly eight Tears since he worked at the capital *3 a porter. It was reported. In 1920 the legislature voted "Old Man" Bill a gold medal Tor his efforts and a borne tor life with the old soldiers. When BUI Topp was working at the . he was porter to the clerks of the House of Representatives. He was dubbed the -father of the porters." Those who knew him well, said he was outspoken. The lost Speakers cf the House BUI Topp served under were Speakers Neal. Burwell and Russell, one of the present employes said. Ivev Brothers' Funeral Home Is In charge of the burial of the deceased. The  uw-'-*~"'~nt of the -Idlers' Home Thursday night, said burial arrangements had not been completed. A niece of the dead man lj here aid with the arrangements.</t>
  </si>
  <si>
    <t>                                           "Old Man Bill Yopp is dead." Porters and executives mumbled these Words in the corridors and offices of the Georgia State Capitol Thursday.</t>
  </si>
  <si>
    <t>                                           Chicago is proud to greet Miss Fanny McConnell who has returned from Iowa City where she was just graduated from the State University of Iowa. Miss McConnell majored in dramatic art and received a Bachelor of Arts degree. She is now one of the few trained...</t>
  </si>
  <si>
    <t>                                           Jjearn a {^Profession Earn $5O to $75 Weekly AFTER LEARNING THE APEX SYSTEM at Scientific Betulf Culture .^tf^^k^- 1 OtheoAre Doing It-SoCan You^^Bg^Hfcj I OUR              upo* t, 9* H i      ew*        , you     \r^~   . i bility lo      an        V^^bhJ Bnng, to h*r* your  j\ I i/^                 *9e it /i/\ \d Jvl /j Enter Class NowOs^fT^f LjJL COST        .BLS ^V ^f[ ^--*S*^~ SMALL DOWN  j^L^^^*^', ;~[h       FAY AS YOU  y ^Xf^mk lift 1  FOR A SHORT TIME ONLY fll 1 6100.00 COURSE FOR 0 LY $60 1 111 ( Fine Kil of                     )      I       $10 DOWN Jl 1\  AS YOU LEARN fil 1\ Register Now! Don't Put Off! Bf I APEX COLLEGE Aubarn at Butler Jackson 8252 Bl (Hcrndoa BWf.)       U</t>
  </si>
  <si>
    <t>                                           Weeks Bible Verse I "Every tree that  not forth good fruit is hewn down, and cast into the fire." Matt. 7:19.</t>
  </si>
  <si>
    <t>                                           Devil's Island Hit At Lincoln Will Thrill Tm                 A : i;ilc nf the Frwicli DfviV.s I-l:inc1 p.nal colony cal'.rd "E: cape Frcm Devil's Island" f-.!1 Victor Jmy. Florence R'~-'*-' i. Nnriiinii Kosir.-. will head  new    -f\:ram at the Lir.coln Theatre  . The film'-  is -pi au-ainst a r. .l of - KWRmpland and alii- -- .1i. .vs own barri- i cade-, a- e '-ape from this  le:i('\i!t- p'*nal . .In- mac:- tin1 i-~1p  f an a.^fr-.nv rnr..-d In .s -nl H:i!i'\-. afti r ii thwarted att'.-nip' t    !nr  M-.~ TO""tiv- 7,-iij, S'.in'.i y ~%'(!~ \vs. M; !"" .mil laih T 'it Horcni'iP!rc mim! \ninr* I'o'-tn. :-' n fur mine ii. l.t vcr  Jnv ~-', lor  l mi T'r'y. r r I rsi'-lili- Iliar.-liV Jllll-ll1    h;:i"\',n ''i oth.-r.       ,lo:; 'I !m.I. lal1. ill  With ;l:. !'U' !v Ml Hie\Y:M rr-11'!"!!! mum: 1 1 I' i '1  n".r.: !i- cir 1 a -'  " ('.moulT siU1!!'. v.  i-.'-r'\ Ihc -cent1 art ion back I" t!ic pri'.ni'. ci-inn *'- 'vi-jt: I!'.'1 cn:i.  h i' I Til 1 f^pe l Aihi1.-! I?"-."'1.' ('ir T!'.' i 1F-c:  % 1- n^-.-ir i F-iric S'nrll anil       N'iblo. .1 "tl ;iif '-f"-  .ti i mi an  .' by Fred Dr G.-CMic.</t>
  </si>
  <si>
    <t>                                           Tim Tyler's Luck By Lym Young                 FELIX, THE CAT -By Sullivan                 ItV A Great Life If You Don't Weaken"                 DOROTHY DARNIT -By Charle. McMamu                 METER PEN -By Nick NichoU                 JACK SWIFT -By Cliff Fairell and Hal Colson</t>
  </si>
  <si>
    <t>                                           The colorful Parish HOuse, located at 135 Ashby Street, N. W. is cynosure of all eyes among smarter realmites tonight. The lovely popularity contestants will be swelegantly entertained with a swank honorary prom tendered them by the sponsors of this interesting event which has been the talk of the town for the past few weeks. Atlanta's "Four Hundred" is expected to turn out en masse to enjoy this mirth-making occasion. Not only will the winners of...</t>
  </si>
  <si>
    <t>                                           The tennis people started the annual City Tennis show at Washington Park yesterday and the only innovation this 1936 installment is offering at present is a bumper crop of new names and new faces. The same old stars of 1934 and 1935 are about and around but there are some promising youngsters swinging racquets who may figure in the final reckonings ere Sunday is here.</t>
  </si>
  <si>
    <t>                                           HEADED FOR THE "LAND OF PROMISE"                 KINGSTON. N. Y Some of the 1.877 .  of Father Divine shown entering the 500-acre section at Kingston which Divine's followers have been developing- since last fall. The group made a pilgrimage irom Harlem August 20th                 to their "Promued Land". Their return home on the excursion *       that brought them hero was held up while police sought a. large .American flag on which had been sewed *'Peace. Father                 vi nc it God." (INS Photo)</t>
  </si>
  <si>
    <t>                                           SOUTH CHINA PUSHES IR                 HONG KONG. China.- A Chinese -. '.ion.  by the exponents, "the people s revolutionary anti-Japanese national salvation forces.'" last night was well alone In a march, northward, after the declaration of war against Japan by the Canton ~.                       Chinese . Observers disagreed, but  sources estimated the force numbered, already, nearly 500.000. called in some circles, a human army.* because of  of modern war supplies and armaments, and were moving on Japan to curb further act on the part of the Nipponese" government, aggressively against China. The Nanking (       National Government authorities, denied the authority" on the part of the Canton government to declare war. and asked that foreign nations s;and by and let China have the full opportunity to develop herself unhindered. Meanwhile recent dispatches showed the division and clashes in tho Canton government setup, as officials have had recen: disputes ! on pace 8: Col. 7)                 South China (Continuxl from paf* I) as to a coalition between the Nankiag and Canton government. The       officials at the Cir.ton government la thoi past week, finally, decided on a de- j duration of u-ar against J.ipan and have  a 11 Chine.-* 10 Join In the expulsion. I The southern Chinese armies arc j reported as occupying four Hunan province towns in the northward j drive, after having met little op- 1 position. Seven Chinese *ples. hired j by Japan, have been executed in I the same province. Food prices were high as a result of the recent crisis.</t>
  </si>
  <si>
    <t>                                           HONG KONG, China.--A Chinese anti-Japanese expedition, called by the exponents. "the people's revolutionary anti-Japanese national salvation forces," last night was well along in a march, northward, after the declaration of war against Japan by the Canton (South)...</t>
  </si>
  <si>
    <t>                                           The annual observance of "Talladega Day" by members of the First Congregational Church, graduates and former students of the noted Alabama school, and the general public will transpire this Sunday morning. starting at eleven o'clock. A fine program has been arranged for this occasion. with the solemnity of the event reaching its magnitude when the school song is played. Many representatives of the school will be here...</t>
  </si>
  <si>
    <t>                                           The State Tri-Convention of the African Methodist Episcopal church of the Sixth Episcopal District is holding its annual seasion within our gates at Allen Temple Church. All the religions forces of Atlanta bid welcome to this body of young people for the good they...</t>
  </si>
  <si>
    <t>                                           !iil Awnni/1 !T#      ~*w^5^?^S5~^^"^^^^^^^^^^^^^^</t>
  </si>
  <si>
    <t>                                           HOW MODERN j WOMEN LOSE j FAT SAFELY i                 Gain Physical Vigor Yoothfalneu With Clear Skin and Vivacious Eyes That Sparkle With Glorious Health I Kete's the recipe that  {at and brings into blossom all the natural - i tiveness that eTery woman . ETery morning take one halt  of Krnschen Salta in a glass of hot water before breakfast cut        on  and fatty meats go light on potatoes butter, cream and sugar in 4 weeks get on the Miles and note how many pound* I of fat bare . Notice also thai yon hate gained hi energy your skin it dearer- yon feel  in bod; KruecheD will give yott a joyous surprise. Out a . *t Knucbsa     -      U IrlalnK isd It      ran, II      don't feel m   In - HotttvnlT         -    r Booty fla4Iy . But be tart for your  f    *     feu aric lor ttA fi Xnuebta MU. NOTE- Msny people find thai tho only diet   while liking      dien regularly    TO EAT IESS. v</t>
  </si>
  <si>
    <t>                                           Come out and enjoy yourself with us. This playground is always the center of attraction.</t>
  </si>
  <si>
    <t>                                           NEW YORK--(By , for ANP)--Joe Louis need have no fear of competition from the colored heavies rising on the fistic horizon if what they display here in New York is a fair sample of what they can do. Over at Ebbetts Field, 12.00 paid admissions were...</t>
  </si>
  <si>
    <t>                                           Mary Shannon, young and pretty stenographer, is broken-hearted when she learns that James Todd, Jr., is engaged to Nests Grainger, Mary had known "Jamie" for two years and, though he never committed himself, he inferred that some day they would marry. She...</t>
  </si>
  <si>
    <t>                                           AN HOUR WITH THE BIBLE By MRS. H. K. WHITE THE BIBLE! THERE IT STANDS! Where childhood needs a standard Or  a beacon light, Where sorrow sighs for comforts Or weakness longs for might, Brine forth the Holy Bible, The Bible; There It stands! Heso! all life s problems And  its demands. Though sophistry conceal It, The Bible! There it stands! Though  profane It Its 1 expands; It fills the world with fragrance Whore sweetness never cloys It lifts our eyes to heaven, It heightens human Joys. Despised and torn In pieces. By Infidels decried- Tlie thunderbolt of hatred The haughty cynics pride All . have railed  It in this and other lands, Yet dynasties have fallen And still the Bible stand.;! To paradise a Mqlvwav The Bible! There It stands! Its promises unfailing. No: grievous Its commands; It prints man to the Saviour, The lover of his soul; Salvation is Us watchword Eternity Its \ By James M. Orny.</t>
  </si>
  <si>
    <t>                                           TUSKEGEE, INSTITUTE Ala.. (SNS)--Guy R. Trammell, who was a member of the Golden Tiger football team for the past four years, and who achieved distinction as a tackle, was given an enthusiastic reception by his forms teammates, campus and...</t>
  </si>
  <si>
    <t>                                           ONLY N(6 O BAIL'       %    in til     The Lite W. A. Scott. tt. Founder and Publisher (1928-1934) j Faulted DAILY and SUNDAY at 210 Auburn Avenue. N. E. By THE ATLANTA WORLD PUBLISHING CO. j Telephones: V A Unit 14S9- U60 Affiliated with THE SCOTT NEWSPAPER SYNDICATE j MEMBER OF THE ASSOCIATED  PRESS j C. A. SCOTT GOTeral J. R. PATTERSON Assistant Manager LUCIUS L. JONES Managing Editor SUBSCRIPTION RATES: DAILY:- 1 Yr. $625; 6 Months $4.75: 3 Months $2.50: 1 Month 90c SATURDAY ONLY:- 1 Yr. $3.00: 6 Months $2.00: 3 Months $1-25 Canada: 1 Yr. $4.50; 6 Months $2.75; Foreign: 1 Yr. $5.50 j National Advertising Representative: W. B. ZIFF CO, 60S S. Dearborn Su Chicago. 111., and 381 4th Ave- New York. N. Y. I Entered in the Post Office at Atlanta. Ca, as second-class man under the act of Congress. March 3. 1879 The ATLANTA WORLD 17 an independent newspaper.- non- sectarian and non-partisan, printing news unbiasedly and supporting j those things it believes to the interest of its readers and opposing those  against the interest of its readers. t Addren ALL  to and mate CHECKS payable to the ATLANTA WORLD rather than to individuals. The WORLD expressly repudiates  for return of unsolicited picture*.  .. etc unless stamps are sent.</t>
  </si>
  <si>
    <t>                                           After mote .than three month of suffering from a nervous ailment, Miss Glivar used Dr. Ida Nervine which gave her cod  results that she  roti m an enthusiastic letter. ycm taper from Vftrmf If you lie  night*, *tort at  nones,  , are en^Jey, Um awl *Ifletu, your fiCT^tf .~M probably opt order. %Juiet and relax them with 0  Bune medicine that "did     work" for this Colorado girl  your "Nerves" ham troubled you for hours or far ,- you ll find this time-' tested- remedy effective.;. At Drug StortM 25c a*d flML</t>
  </si>
  <si>
    <t>                                           TIM TYLER S LUCK -By Lym Young                 FELIX, THE CAT -By Sullivan                 DOROTHY DARNIT  By CharIe$ McManu.                 "It's A Great Life If You Don't Weaken" "By Jack Rabbit                 jj-i.. r ptN ~^y Nick Nicholi                 JACK SWIFT -By Cliff Farrell and Hal Coldon</t>
  </si>
  <si>
    <t>                                           Mr. C. C. Mensler bas been appointed head of the Tennessee State Training and Agricultural School in the reorganization. The appointment meets the approval of most of these interested in any manner. Mr. Mensler is well qualified for the work. His carries a...</t>
  </si>
  <si>
    <t>                                           PUZZLES G.O.P.                 ARTHUR Jl. V . i When Arthur M. V: re-' fused his party a,,. ri(.ht con. Mdrr him timber for the vicepresidency, the Republican leaders had to turn to other favorite* in their circle. Masons Convene At Americus j The sixty-sixth annual  i of the Most Worshipfui Grand Lodge. Ancient Free and Accepted Masons. Jurisdiction of Georgia 6ets underway this morning at Americus. Ga. The session will be continued through Wednesday of this weet i John Wesley Dobbs. Atlanta, t the Grand Master. The affair will br started this morning at 10 oclock at Butltr Hall. Grandmaster Dobbs will preside at the initial meeting to be held in the Masonic Relief Room In this . At the same time in Terry Hall Auditorium the Grand Commandcry of Knight Templars will be in session. E. Green. Right Eminent Grand Commander of the Commandery of Knights Templars Trill preside. The trustee board of the Prince Hall Masc.iic Home wlU meet at 2 o clock in Butler Hall. At Terry Auditorium. Grand Chapter Royal Arch Mosocs. with Dr. M. Hugh Cobb. Thomasville. Ga.. presiding, will be in session also.                 MM HOT YET DOTIflED Some Think Name Of Dead Man 1$ Andrew Few Electrocuted Saturday  when ho attempted to remove a  voltaic wire from a sidewalk, an  man remained unidentified Sunday night at Ivey Broth-, cr s Funeral Home. An official at the funeral home said Sunday night that a man. whose name was not known, said lie thought the victim was Andrew Few. husband of Hl2abeth Few. At one time Saturday, the dead man was thought Charlie Brackett. The unidentified man was  in front of 391 Orange street, police reported. He was walking on Orange between Whitehall Terrace- and Windsor streets when he touched the  wire, said to have contained 2.300 volts According to officials of the Georgia Power company, lightning burned the wire lr. two and it fell to the street Th?  of the wire followed a srr.V.l storm, which blew down several houses. The unidentified man was seared, about the ~:hest ant! hands.</t>
  </si>
  <si>
    <t>                                           $ MONEY $ 120 Rdgewooj Ave. FOR SALARIED PEOPLE No           Signature Only Liberty Investment Co.</t>
  </si>
  <si>
    <t>                                           JL a bank     ly andfor lP%JR PEOPLE i Deposits guaranteed by the Federal Deposit Insurance Corporation up to $5,000 for each Depositor. If CITIZENS Trust company THE BANK ON AUBURN j</t>
  </si>
  <si>
    <t>                                           Representaives from each play ground of the city were participants in the Jackstone and ... tournament held at ... Park, July 4th sponsored by the Recreation department. Mrs. Mutelle Flint, supervisor presented the Prizes to the following...</t>
  </si>
  <si>
    <t>                                           REBELS DROP BOMBS IN MADRID                 Physical Damage Is Slight; Spanish Bank Battered                 RUIN PLANES                 MADRID- (SNS)- Civilians fled lii panic Saturday as Rebel-Fascist planes dropped bombs for the first time on the capital. Rebels planes had been reported during the week as having bombed the airport, but had not previously ventured to drop bombs on the interior ol the city.                 The bombs shattered hundreds of I windows In the  sector, but the physical damage was estimated by the government as only slight. Government buildings seemed the targets of the project-lies as the Bank of Spain, the postoffice and other buildings were hit. and huge holes ripped In the i ground nearby. Near Irun and San Sebastian near the Bay of Biscay, the loyalist forces admitted their supply of ammunition was running low. Soldiers were told to make "every bullet count." Several government planes were destroyed by bombardment from Fascist attackers In other centers, and the trl-headed attack by the  forces on-.the capital ) Its "goal. Plans have already been made by fascist forces should the city fall soon. Attempts to restore i the exiled King Alphonso will fce made. Victories for the government were recorded near Montllla and In the province of Cordoba. In Madrid for the firs', time, a (Continued on Page 5, Col. 6)                 Rebels Drop (Continued from Taje 1) Sci'ict Russian representative ap- peared to the Spanish got '.'! amid loud   the."'. were \ ihat the nvo llb.-ral" governments   to c-d other.</t>
  </si>
  <si>
    <t>                                           MADRID-(SNS)--Civilians fled in panic Saturday as Rebel-Fascist planes dropped bombs for the first time on the capital. Rebels planes had been reported during the week as having bombed the airport, but had not previously ventured to drop bombs on the interior of the city.</t>
  </si>
  <si>
    <t>                                           POSING- Little Miss Louise and Matter Louis Benton of Fort Lauderdale and Jacksonville, Fla. They come from one of Florida's leading families, and are students at Stanton school. Jacksonville.-                 (Courtesy of Florida Crusade).</t>
  </si>
  <si>
    <t>                                           Pi'.D I T R I A L COMMENT OPINION 31</t>
  </si>
  <si>
    <t>                                           AUGUSTA Ga.,--(SNS)--The formidable Augusta Giants, widely known In baseball circles throughout the date as a powerful, hard-hitting team, are putting the finishing ... on their ... for the Atlanta Red Cap invasion. The first game will be...</t>
  </si>
  <si>
    <t>                                           The Atlanta Constitution for Friday, August 28, 1936, carries an article captioned "Equality in Education Supported by Rivers." Upon reading what follows, one soon sees that "For Whites Only" was omitted. You are quoted as saying:</t>
  </si>
  <si>
    <t>                                           NEW YORK--"The people of Spain are waging their lives in defense of democratic government," according to "a message to the American people" addressed by the National Bureau of the American League Against War and Fascism, 112 East 19th Street, New York City...</t>
  </si>
  <si>
    <t>                                           A sermon by Rev. J. A. Sims, pastor of Piney Groves Baptist church, was the feature of the Atlanta Baptist Ministers Union at its meeting Tuesday, Rev. C. R. Sheridan and Rev. G. W. Thomas of Cincinnati, Ohio appeared on the program.</t>
  </si>
  <si>
    <t>                                           RICH S BASEMENT Smashing One-Day THRIFT THURSDAY Specials COOL! AIR-CONDITIONED! BOOKS ARE NOW CLOSED! CASUAL Sports PRINCESS line #^g^ is NEWS in Fall newest now In   COATS Mk A ftQ  10.00 fp% Sk^. sTrt!F*Sed*"th IwL ~"     ?Td "^^S^^Pv BROWN H^l^ft BUek*  -r.      / 'w''li''tfl':i'"l ftL\ RUST      ^*sn BIbck sneers ^%      ^^ navy IwOT 3.39 \n/W ALLSIZESfor fflS Sffi'-iii.!50^*  i? T^T^ navy, wine and rust LI Womenl I 1 sizes 14-44,  4k\~ 14-2O, 38-44 I 1 I to 24 $4. Girls' Famous-mahe Print 3         , Swagger School Frocks GIRLS' COATS 94c "7 oe .ABC prints I Fruit-of-the-Loom prints' Sizes 3-6 with panties. Also 7-16. Sizes 3 to 6: Three-piece outfits, leg"Dress-up" Crepe Dresses ~'    coat    ^ ^at! Soft woolens. Sizes 8 to 16: vivid plaids, and check* Prints and solids! OQ iu swaggers for school soft dark For Miss Jr. 7 to 16. A.OO u-ool for Sunday busts! Sale! Sale! "SIMMONS" 1,000 regular 1.00 BEDDING  Single or Double Bed, Metal OrllaCi I W Broira-wood finish- 5iOO ^% 0^k Felt-Plated Mattress, roll-edge I^^V^ ^   Choice of covers. Guar- C fift ^s^ :i,, comfort. OT!*L Full .U. 81x991 90-Coll Single-deck Bed Spring -enamel, wire-tied g A A 0lj7 BiiBht  make  '~l'- *#s^^ price possible 1 Closcly- of COMPLETE OUTFIT 16.95 round-thread yarns. Bleached wl.ite. 87 Reg. 1.49 Pastel Sheets u^T1"^*11^-. Sue 81XS9! Solid . 1 AA Reff. 14.95 raine. T\~o. ~% AO poach. Bold, blue. rose. XaVW</t>
  </si>
  <si>
    <t>                                           Chiffons are stodgily an exciting comeback. You'll set them from daylight through dark. Chiffons that are serious and calm and self possessed. Chiffons that are vivid and exciting and dramatic. Chiffons can be street length and beautifully tailored Others are long and...</t>
  </si>
  <si>
    <t>                                           With the advent of the fast approaching school season many rampant vacationers are back in the realm, and the old burgh is steadily gaining normalcy...Chatted with demure Lillie Smith Pother night ; she been studying at Columbia and that isn't all, she's also sporting a recently acquired "sparkler"..And the dimpled Johnnie Brittain is recuperating at Freedmen's Hospital where she underwent an operation for tonsilitus... Received a card from Alverna Swanson ; she's enjoying the gay spots of...</t>
  </si>
  <si>
    <t>                                           Our Cleveland correspondent, Leon Lewis, informed us that after a tryout over station WHK, Cleveland, last week, "Cotton Fields to Harlem" a musical variety program composed of local talent in the persons of Clcota Collins Lacey, Five Cats and n Fiddle, and the...</t>
  </si>
  <si>
    <t>                                           Office Wa. 1150 Rci.   . 4126 Dr. Chas. H. Johnson 250 Auburn    . Special Attention Given to 'he Treatment of Women. Office Hours 12-30 to 2 p.m.: 5;30 to 8 p.m. I</t>
  </si>
  <si>
    <t>                                           Greensboro, Ga.                 Tile funeral service.* of Mr. Clinrlie Woods were held Tuesday in Sprinefield Baptist church with the pastor, Rev. W. M. Jackson, officiating. The deceased is survived by a wife, mother, and a host of other relatives and friends. Mr. and Mrs. Joe Geter and children of Shelby. N. C. are  Mrs. Lt2zie Geter in this city. Rev. W. M. Jacksau, pastor of Springfield Baptist church, has just closed a successful revival. Eleven were added to the  Rev. Sanders of August was In j charge of the services. Mr. Samuel Mapp motored to Atlanta last week. Mr. P. G. Ellis cf this city spent i the week end in Atlanta  relatives and friends. Mrs. Mamie Charleston of Atlanta is visiting her parents. Rev. and Mrs. J. G. Brown.</t>
  </si>
  <si>
    <t>                                           GRAND OLD MAN                 IlEV. SOLOMON PORTER HOOD "Grand Old Man" or the Republican parly In New Jersey.  vim. despite his  , is taking an active part this year by attending meetings, such as the Conference of Colored Republicans at Trenton, recently. The Rev. Mr. i Hood is a former Minister to U- Peria- Calvin Service..'</t>
  </si>
  <si>
    <t>                                           ^B^*7 v Don't bother with it we know how to  j Jf^ FIX IT. foW) WILLIAMSON S GARAGE l^fe//jT Itf- WE SPECIALIZE IN ALL PC i /~\r AUTO REPAIR WORK and BAT.- \TjT*sS TERY SERVICE. Also STORAGE. ^^-- P. WILLIAMSON. Prop. ^^^^^1 196 Auburn Avenue Phone WA. 6959 DAY AND NIGHT DENTISTS IHPIk Of Tppth G0LD $2  0 ^^^)X Ul  CR0WNS, INLAYS,. BRIDGEWORK MADE for Extraction* IN FIVE (-a,, HOURS $3.00 (PAINLESS) 3VV. Acrott from Rich's 30!i Broad St., Cor. Ala. (Dr.     ) Atlanta And West Poirrt Rail Road Company 2 Texas Centennial, Dallas, Texas/ JUNE 6 NOV. 29, 1936 Visit the Great Texas Centennial Exposition at',1 Dallas- -dazzling, educational and inspiring in all aspects. Low round-trip fares in effect to Dallas, Fort Worth, Houston. Galvcston, San Antonio and Austin. Stop-overs allowed at all stations. Your itinerary should include New Orleans, (he "Paris of America." Inquire of ticket agents for fares and schedules, or direst to the undersigned. J. A. HIGGINS Geneml Posaongcr Agent 4 Hunter Street, S. E. -J Atlanta, Ga.</t>
  </si>
  <si>
    <t>                                           SPECIAL! Half Soles 39c Rubber Heels 23c 1 HEELS 11c SAM S SHOE SHOP PHONE WA. 0S91 230 0D AVE.</t>
  </si>
  <si>
    <t>                                           Park's Market Cor. Dccatur Central Avc. Strealc-       BACON 15c BACON lO^c B*~t Crade LARD  Freik Pork Ham Steak 20c Fre.h Wwtern Ribor Brisket STEW 10c r-             EGGS 18^c: Open Nights Until 10 P. M.</t>
  </si>
  <si>
    <t>                                           Jesse Owens Cheered In New York                 Denies Signing Big Vodvil Contract                 NEW YORK- (SNS)- Amid I ho cheers, or one ..  ever gave welcome to a sports celebrity, Jesse Owens, four times winner or medals in the 1 Wi Olympiad, arrived In New York aboard the liner Queen Mary Mon. day and declared that he would                 finitely return to Ohio State unl- verity next school year to get his physical education degree. Owens, who was- said to have de- finitely accepted a lucrative offer to go Into vaudeville before em- barking from England. told reporters that he had made rta definite i commitments along .professional lines,          'that wus hls main objective. In coming home as fast .as he could, following his           ,.by the, American Athletic Union.' Owens. the A.- A. U. as well, as every body', else, despite his recent, trouble. Said, he: "The -A .A. 0; a fine thing, II keeps us all together." The 100, 200-meter sprint. champIon, broad Jump , and 400. meter relay performer on. the American record-breaking team, -said that he would go about his"'timc in accepting any offera-which  upwards to $50,000 each. Owens travelled tourist vc11Uv hls , Larry Snyder;~ who,' r,e-(  said that he w,ould;;not;'. der the stRr athlete ,11 'lie wished to "cash In" on thY.\ rich;.- offers which he had received 'since, -his stellar performances.;.:' In company with, the Jgreat^dile-*  of ranking, officials;. and citizens irom Cleveland,, his home, town Owens left, Monday evening for home and; the great civic reception which awaits him.  of Cleveland's Great Lakes Exposl-' tlon have set aside' a special Jesse Owens Day when the celebration will reach Its heights.</t>
  </si>
  <si>
    <t>                                           NEW YORK--(SNS)--Amid the cheers of one the biggest delegations that ever gave welcome to a sports celebrity, Jesse Owens, four times winner of medals in the 11th Olympiad, arrived in New York aboard the liner Queen Mary Monday and declared that he would...</t>
  </si>
  <si>
    <t>                                           BEEffifill 80BEEK "''AS1*  iml WIUlMl _~J??LT.            * I U-      Mil*- Ml "TioMi Square sia     -~</t>
  </si>
  <si>
    <t>                                           BffflffjHlM Dr. ]      BgKMKJaf  ^^^^SL^a^H^I .VB7 OOB^B ^^~^~Hnl you ^^^^^^^y^  2TT,   from m  , Mbn G9 iaed Dfc MOn JMTvme  pfi btf M Mi   If yon m#"B 1 1 mm." If yo* M*         i^kx start st   .      ima probably out cf order.  and relax them     n           tint "~Bd     work" far this Colorado gtri. Whether your "Nerves" haw troubled you for  or lor yean  ou11 find this *         remedy . At Drug Stores 25c end {LML</t>
  </si>
  <si>
    <t>                                           A Baby For You? If jwi aro denied tli* Mnwliw of bohy all  own ami run for            anil bnh)'~   do not      op . Jut wHl*  to     . MIMn4      ..     ... A-  , n*    IIMk.. Km- -Mo. uul           ou .hom                  ^ that      4     -      **-U mui.  Mr Xlm tmr IhU liu  Msm  . Writ* Mw mhI (it far  wunr^ .</t>
  </si>
  <si>
    <t>                                           CHAMBER TO BE FORMED III CITY                 35 Prominent Men Toj Organize Unit For City; Pep High EYE SUCCESS FT. WORTH. Texas-fSNS)- A Port Worth Neero Chamfer cf Ccmmew was well or. its *ay to organization last Wednesday  when 35 mecn met In the YMCA assembly to discuss the perfection of a permanent organization. Dr. G. D. Flemmlngs. who was elected to act as temporary chairman cf the . pointed out very vividly the purpose and need of such an on* in Port Worth among Neirroes. others present also expressed their views  the need cf the organization with the exemplification of  Interest and a vow to manifest the:: full corporation in organizing and perfecting a permanent Afro-American Chamber of Commerce. Wednesday night. June 10. m the date set for the next . ai which time the official staff will he . An  of at least. 250 cr 300 persons, including Negro business men. profession- al men and labor men, is expected. Sentence Pair To Stretch On Gang Tried en several charges of  Wednesday in superior court, Elmo Brown and  Barnes wsw sentenced to the chaingang for a period of from 18 to 20 years. Solicitor Quincy Arnold prosecuted. Brown and Barnes were accused of robbing  white and colored people during a series of hold-ups and plain robbing here. The prisoners were sentenced en each . but the judge agreed that the sentences should run concurrently. Had it been ruled that Brown and Barnes serve the time placed en each charge, "they  have a total of approximately 140 years to spend in the penitentiary." Solicitor Arnold said. NAME  "MOST IXFLtJENTUL* CITIZENS NEW YORK- CO- Ths Dally News inquiring photographer stood at Seventh avenue and 135th street and asked "Who do you think Is the most influential citizen in Harlem?" Joe Christian of the Bronx, said Rev. Adam Powell,. Jr.; John Byrd of St. Nicholas avenue said Father Divine: Mrs. Lilian Sharpe Hunter of St. Nicholas place said Dr. C. B. Powell: Helyne Cyrus of West 123rd stre:t said Dr. Marshal' Ross: William E. Best of West 128th street said Oble McCullom: and Norman V. Klyvert of West 135th street said BUI Robinson. The answers and the pictures of those answering were published in The News Monday morning.</t>
  </si>
  <si>
    <t>                                           Approximately 4,000 fans say Acipco virtually wipe out Stockham's hope of a playoff for the loop flag with a stunning 3-2 to victory at Stockham Park last Saturday. The game was the third straight setback the moulders have suffered at the hands of the ladlehandlers of Acipco. With rain threatening and Stockham threatening in the last of the eight inning Acipco employed delaying tacties to insure their one-point lead. Oliver...</t>
  </si>
  <si>
    <t>                                           park FOfFR ATLANTA DAILY WORLDl ATLANTA. Gi SUNDAY, AUGUST 23. 1936</t>
  </si>
  <si>
    <t>                                           181 THEATRE + TODAY Jack Holt in "DANGEROUS WATERS" ALSO- Louis-Sehmeling Fight ROYAL THEATRE+ .lames Cagney in "FRISCO KID" ALSO- Louis-Schmeling Fight ASHBY THEATRE^ Debres [~el Rio in "THE WIDOW FROM MONTE CARLO" On Stage Thrill Nifht</t>
  </si>
  <si>
    <t>                                           PRINCESS NAOMA PALMIST ^    ^    Princess Naonia ^^^^^H ^^^^h a gifted pahn^^   *B^M ist and life; ^BB^BJB^^T loader, reads ^^H^f^la^nj your hand like ^^   ^M#Ml an open book, /vB^        tells .  Si^^^Vufl ^'lc ca" WL Ukt^ VM w li a t your ^^L* jf  hope, fear,: ^^^^~L^mDB trouble or am- ^^^H bit-ion may be. She will answer any three questions you may usk. How to havo );ood luck, win the one yon love or any wish or desire. One visit to this gifted woman will convince you. Princess Nuoina will give you a full $2.00 Reading for 50e for a limited time only. Satisfaction guaranteed. Rooms for colored. Hours Daily uml Sunday 8 a.m. to 9 p.m. Tells your lucky days. 1035 Wcit Marietta St., N. W. Look for Palmlit Sign. One block      Kins Plough Factory                 D.C. BLACK, me 272 PEACHTREE ST. 10-12 13AKE11 ST. NO-TRADE SALE SAVE $50.00 to $350.00 if you have no ear to trade. We arc going to reduce our stock to 50 cars regardless of the loss we take. You will never have this opportunity again. 150 cars to select from. WE have 35 cars, which finance company says sell for balance duo DON'T miss this opportunity; the other fellow s loss, your gain. 149 OTHER equally good buys, all makes and models, priced from $20.00 to $700.00. OVER 26,000 people in Atlanta 'have bought front us. Open Evenings WA. 4S71-4872</t>
  </si>
  <si>
    <t>                                           ATLANTA SOCIAL SCHOOL TUTOR REQUISITIONED BY GOVERNMENT                 Miss Sarah GinsSeiy. for si?       Head cf the Research Department of the Atlanta School of Social Work, has Just been requisitioned tc the National Staff of the WPA to work directly out of the headquarters cX the Federal Administrator, Mr. Harry Hopkins, at Washington                 D. C. Miss Ginsberg's duties wUI have  tc do with roce     se and her first assignment will     to make a study of the relation between relief work relief and public  and conditions in private industry. Miss Ginsberg will have charge of the section          with the   - fects of Federal work relief pr^ Jects which employ women upon t!i,.1 and other workin?  j of  -ed in  Industries: for example, the economic effects of WPA on the  ir dustry on domestic .'re ind     similar  women.                 In requisitioning Miss           It was stated by Federal (Continued en      6, CoL I)                 Atlanta School i (Continued from Page 1) ties tha: this offer  as made in recognition of the fine quality of  done by her and the students cf the Atlanta Srhcol -f Soci.1! Work under  ior direction on local studies for various bran.ne.~ of ilw United States Government. Mcr^- over, she participated in the train- ing  f 18O employed, but previously  ERA workers who wen sent to tlic School by the Eaicgency Relief Administrations cf eighteen . Her appointment 15 also a tribute to the fact that tl.t Atlanta School of Social Work h  t Iccpt Its curriculum Huid and hi-; been prepared to meet changing conditions in     present social  economic order by K'vinB plenty of time to Kirrarch studies in     fl 'd I of public -.ire. This 15 nn-;l:c.-~ example of the confidence v.iu.h national welfare  .  and private, hace in tile Atlanta School of Socbl 'Work since over a period of years, the Research Department of the St- has miJ? studies and surveys for various national bodies many d which h:.ve had no special racial angle, such    reports for the united States Ch.ldren s Bureau en the wrrk r.f the social agenda IB Atlanta, rr.d for the national  of the Ametnrican Association of Schcols c! Social Work on the background ef graduates of all the  in the country In one      irrespective of race. At various mnes""HE3 Clnsb^g                 has given part time         to the direction of Research projects nt: conducted directly under the auspices cf the Atlanta School of Serial Work, the mott recent of  has been the leva! Wegro Divlsic:: cf the United states Department cr Labor Study of Consumer Purchases. In the cc- cf her . Mi'3 Ginsberg will toe associated . Professor Edward Berman of tnc University cf ?. She is a  of the University of Illinois as J  her Mastfr of Scienc-   Simmons college or Social Work. Miss Ginsberg is a memici cf Phi Beta Kappp and uras   -* recipient of a Fellowship in Socia! Economic Research for one  ut the Women's Educational anil I..il Unir.n. Bostcn Mass. Sl-.c has also had one summer s stu.lv at the New York School of Social Work.</t>
  </si>
  <si>
    <t>                                           Miss Sarah Ginsberg, for six years Head of the Research, Department of the Atlanta School of Social Work, has just been requisitioned to the National Staff of the WPA to work directly out of the headquarters of the Federal Administrator, Mr. Harry Hopkins, at Washington...</t>
  </si>
  <si>
    <t>                                           ""7T"""1T"T""T Rev. Taschereau Arnold. Editor        ^~~m-m"    ^m'^</t>
  </si>
  <si>
    <t>                                           LOS ANGELES, Cal--(By J. Cullen Fentress for A. N. P.)--Choosing as his subject, "Is Christianity Sufficent to Save Our World Today?" the Rev. A. Wayman Ward, Jr., D. D., handsome and dapper pastor of Bethel A. M. E. church, Chicago, preached the...</t>
  </si>
  <si>
    <t>                                           One of the most impressive affairs of the past week was the silver tea and musicale given by the Jolly Girls at the home of Mrs. Bell Lewis on Cain street. Attractive decorations that carried out the pink and white color scheme was one of the major...</t>
  </si>
  <si>
    <t>                                           A DISTINCTIVE L1  SCHOOL Knoxville College KNOXVILLE, TENNESSEE Four year courses leading to A.B., B.S., and Bachelor of Muaic Degree". Wholesome religious Atmosphere. Co*educational. Full credit for teacher s certificate in Tennessee and other southern states. Pre- training* Music school which em*p1    *~i individual . Opporiunitjis *s in Dri=~~ics, Dibit*. Atfclsiiss, Jo!i.'=iU5S, ~=~J Musis'    "- i^tti-*itt.  FOR FEEE  C-UE TO, DEAN HiEDY" LISTbN K=!!e College, Kaoxville, Teen.</t>
  </si>
  <si>
    <t>                                           Lampkin's Now Open; Crowd Pours In                 One of the most modernistic, upto-date, roost completely equipped and hospitable groceries and meat markets conducted in the city by Colored -Americans Is the recently opened business of Mr. Mitchell Lampkln on Ashby street at Simp, son street. N. W.                 The rise of Mr. Lampkln la the (Continued on Pare 6, CoL'l)                 OPENS STORE                 MITCHELL 1N                 Opens Store x (Contlaaed from Page 1) business world  a poor bey with a small capital to conduct business which compares favorably with stores conducted by laree chains to low prices and service. The owner was born in Eastman, Oa., July 28, 1910 the ron 01 and Mrs. James Lampkln. Tne Inmlly moved to Atlanta In laju, where the father determined to start the son in business but died before the accomplishment in 1929, following his wife, v.ho passed In 1927. The  cl' conns from five younger  of tne family was placed on the shoulders cf young Mitchell, but he arose to tne task and started in the grocery business en Sept. 27, 1930 with a capital of $9.00. The first store was opened at 31C Lyons avenue, N. E. In 1932 Lhe Atlanta Negro Chamber of C-ir.merce honored Mr. Lampkln for havin? the  up-to-date  rn7cry; to the city. In 1933. he married Miss Eva Wright,  of Mi.s. Pe4rl Stewart of Macon who has worked -Jjlthfully with lit:: T.iit. band to produce the desired results. The Lampkln store at AshbySirapscn today bears out the result of hard work. The meat market, which uses only U. s. Insjjectedbranded meats,    ; as its butcher, Mr. T. R. peek, well-known Atlanta  with 14  cf  In the grocery line. Mrs. Lamptciri, is book-keeper ind the staff .oif.-, clerks are every-ready to serVe the public. Nationally-advertised brands of groceries are sold here anil  vegetables are of the highest quality. Mr. lampkin Is  of the Mt. Zion Baptist , Rev. J. Dorsey, pastor. He is president of the' B. Y. P. rj. a member of the Atlanta Neuro Chamber of Commerce and the N. A. A. C. P. Kc is appreciative cf the support given him by      public and asked Its continuance.</t>
  </si>
  <si>
    <t>                                           One of the most modernistic, up-to-date, most completely equipped and hospitable groceries and meat markets conducted in the city by Colored Americans is the recently opened business of Mr. Mitchell Lampkin on Ashby street at Simpson street, N. W.</t>
  </si>
  <si>
    <t>                                           Attention VETERANS! You can t afford to drive un uninsured automobile LIFE IS TOO DEAR, ACCIDENTS ARE TOO NUMEROUS and the RISK IS TOO GREAT! Protect yourself against liabilities and .suits by insuring your car with Alexanders Co. GENERAL INSURANCE  212 AUBURN MA. 8600 SPECIAL NEW LOW PRICE INSURANCE RATES NOW IN EFFECT</t>
  </si>
  <si>
    <t>                                           NORFOLK, Va.--()--The sea-port of historically settled Virginia State, with its cosmopolitan population, and evidenced sign of the Aristocracy exhibite din the days of "English Tories" insisting that none but the aristocrats should aspire and hold public offices, has among its total population of more than 1,38,000 around 51,000 Negroes, with occupations ranging from the hananas, vegetables, and watermelons wagon sales enand operators to professional Negro aristocrats, who lead in politics, civic...</t>
  </si>
  <si>
    <t>                                           Yeah man! Here he comes again--(That old "Imp" himself) Ran into W. A. Head, mentor of East Point Tennis club, with such members as Charles Green. Leroy Head, Imp Robinson and others. The young club is off to a fine start. Here's honing, we'll net soomewhere.</t>
  </si>
  <si>
    <t>                                           They Make Harlem Laugh and Relax                 The happy family at the say Ubanffi Club at Seventh Avenue and 131st Street in Xew York City, -where, patrons laugh and re- lax of an evening. Leader of the troupe is the dapper Willie Bryant, in center, who is the "Lonj* John" maestro of radio fam'.\ Left to right, front, the talented Gladys Bentley. then the inimitable Jackie Mabley. Stump and Stumpia close to Edna Mae Hoi!*v. and Avon ("Personality")       with a                 friendly arm for Roselee Dunes". Standing are the smart chorines. Gertrude Gardeen. Frances Hubbard. Maby Hubbard. Marion Egbert. William Stevens Bryant. Jr.. (the Captain of the crew). "Frenchie". Mae Johnson, and Pearl Baines. Now and again this happy troupe come* to the Apollo theatre in i 125th Street where the folk who keep regular hours can see them under the spotlight. (Calvin Service).</t>
  </si>
  <si>
    <t>                                           $ MONEY $ 120 Edgewood Ave. FOR SALARIED PEOPLE No Endorser*            Only Liberty Investment CoGOQD BARBER WANTED" Pcrmnnent Position, Good      , Liberal ConlrJict. -ApplyNew Service Barber Shop 231 Auburn    . MAin 1637 Madam Mingy THE WOMAN WHO KNOWS Telli past, present and  PERMANENTLY LOCATED Palmiat and Life Reader Girei advice on all affair* ?t life, Lore. Marriage, I0fnp *"d Speculation* ol fUj]] all land*. Don't fail        to     thl* ~!fted LJMl Palmi.t. Point* the (Tft.^B wa7 , Btl*Mai *n^ bows you how to overcome *. Madam Mint? ha. helped * and ih* caa help TV. tELLS LUCKY OACS AND SPECIAL READING SOc Take Federal PrUon ear to end of line. Look for Name on Sign Not In Tent. Satisfaction Guaranteed US McDononjh Road Madani     7 Make* Ne Home Call* Office Hoarai t A.M. ta P.M.</t>
  </si>
  <si>
    <t>                                           Crackers Box Score B HAM- ab r h po a e Luce, cf 3 113 0 0 Clancy, lb 3 0 0 6 0 0 Scoll, rf 4 0 12 0 0 Stepheaion. If. 41 3400 Fisher, 3b 3 12 2 10 Cihocki. 3 0 0 0 0 0 Sueme, c 4 0 15 10 Sanford, Zb 3 1 15 10 Shount, p 3 0 0 0 4 0 Total, 30 4 9 27 7 0 ATLANTA ab r h po a e Mailho, cf 4 0 0 0 0 0 Hill, 3b 4 0 0 15 0 Hooki, lb 4 0 1 II I 0 Harrii, If 2 0 0 3 0 0 Lipicotnb, 2b .4003 30 Browne, rf 2 0 110 0 G.lvin, c 3 0 0 8 2 0 Chatham,    3 0 0 0 1 1 Lindsey, p 2 0 0 0 3 0 Williami, p 0 0 0 0 0 0  10 10 0 0 Totali 29 0 3 27 16 1  for Lindiey in eighth Birmingham 001 101 100-4 Atlanta 000 000 000-0 Runf batted in, Luce,       ,                 Stephenson, Suftnte; two base hits, Snnford, Richards, Hooka; three baie hits, Stephenton, Sterne;  base, CFhocki; sacrifice!, Luce, Clancy. Cihocki, Fiaher; double play, Chatham to Lipscomb to Hooka! left on bases Birmingham 3, Atlanta S; bases on balls, off Shcunt, 3; struck  1; hits, off Lindsay in 8 out, by Shount 3, Lindsey S, Williams; hits off Lindicy in 8 innings 8 with 4 runs; losing pitcher, Lindaey. Umpires, Warner and McLarry. Time of game, li30,</t>
  </si>
  <si>
    <t>                                           HE S BLAMED                 BISnOP W. T.  -who was given another cms to bear when it was reported widely that he was responsible for the breach between the AME connection and the State of Kansas, difference which, finally, has been settled.</t>
  </si>
  <si>
    <t>                                           A tip of Bernie fans! Turn off your radio and go down to the Harlem Theatre where yen can see the old maestro himself in Paramount's "Stolen Harmony". It will afford you as much enjoyment as a month of listening to him. And, even if you are not a Bernie...</t>
  </si>
  <si>
    <t>                                           Elder Michaux, Radio's "Happy Am I" Evangelist, Says Jamestown, Va. Cradle Of Negro Slavery In America                 ELDER MICHAUX TO PROBE U.S. SLAVERY                 WASHINGTON. D. C.- (ANP) Acquisition of 1,000 acres of land within sight of Jamestown Island wns announced last week by Elder UghUood Solomon Mlchaux, onetime nsh peddler and now radio evangelist whose "Happy Am I" tune i* known, nationally. This j                 tract will be used for establishing i 'The Nntlonnl Memorial to the' Progress of tho Colored Race In America." The  has been digging into history for what might be called the cradle of Negro slavery in America, when he decided It was Jamestown. Va., he obtained the land. According to Elder Mlchnux. this memorial will become a national shrine for all kinds of  nnd sports activity and will be Ideal for conventions. A broadcasting station will be. . In his prospectus, the evangelist said:                 t I "Slavery of the Negro race was practiced in the American coincident with Die discovery and  of the New World and throughout the period of the Latin conquerors. It was Robert E. Loe. a Virginian, who freed all the slaves at Arlington before taking command us a general In the Southern confederacy." On the 1,100 acre tract. Elder Mlchaux said he would erect an administration building, nn audi- , a library nnd hall of fame where statues. busts and paintings of leaders of the race will be . He will be guided by Booker T. Washington's book, "Up i Prom Slavery." 'This recognition." he said, "will bo an Inspiration to the generations to follow to emulate the example of their fathers who, given their freedom, became          ; of the states nnd the republic."</t>
  </si>
  <si>
    <t>                                           WASHINGTON, D. C.--(ANP)--Acquisition of 1,000 acres of land within sight of Jamestown island was announced last week by Elder Lightfood Solomon Michaux, one-time fish peddler and now radio evangelist whose "Happy Am I" tune is known nationally. This...</t>
  </si>
  <si>
    <t>                                           Noted Baptist Divine Returns From Extensive Tour Of West And South                 Rev. E. D. Lawson, noted Baptist evangelist of Atlanta, lias returned to the city following a three thousand-mile evangelistic tour through the west and south.                 Among the many points visited in .~ie past ten weeks were Greater Wlicnt Street, Rev. J. Raymond Henderson, pastor; Butler Street, Rev. J. A. Barnett. pastor; Washington Tabernace. Baptist, St. Louis, Mo., Rev. J. E. Nance, pastor; thc National B. Y. P. U. and S. S. Congress at Kansas City, Kan., Calvary Baptist, CofievIUe. Kansas; Metropolitan Baptist. Kansas City. Rev. James A. Moore, pastor: Edith St. Baptist Tabernacle, Rev. D. B. Jackson, pastor: Pleasant Green Baptist. Rev. C. E. Harper, pastor; the Baptist ministers Union, St. Louis. Mo. Rev. Lawson spoke to the General Missionary Baptist'  and S. S. convention, of Ga. at Augusta, Rev. J. H. Evans ana W. L. Hughes, presidents. Further visits included .the Elam Baptist Church.                 Rev. R. L. Boyd, pastor; und Mt. Carman Cliurcl., Rev. G. L. . paster. Augusta. Ga.; the Savannah River  and S. S. Convention. Elbcrton. Ga., Revs. H. H. Fortson and J. R. McKlnney. presidents; Mt. Vernon Baptist Church. Atlanl.a, Ga., Rev. Win. G. Bivins, pastor; reviva. nl Mt. Zlon Baptist Church. Lagrange, Ga.. Rev. J. Moore, pastor (five members were added to the church) Level Hill Baptist- church. Crawfordsville, Go., Rev. D. H. Dlxon, pastor; Randall Baptist Church near Woodvillc. Ga., revi- val. Rev. J. J. Gicsham. pastor (two added to th.' church). i                 The noted spanker addressed the I First Shiioh AssociaOon, , Ga., Rev. W. Harrison, moderator; St. Paul Bai\'st Church Woodvillc, Go., revival Ctwo for baptism). Rev. J. J. Gresham. pastor; Second Shlloh Association near CuWerton. Ga., Dr. C. D. Hubert, moderator; Antiocn Baptist Church. Ltttionta, aa., Rev. J. T. Dorscy. pastor; Zlon Baptist Church. Chaniblee. Ga.. Rev. D. A. Dixon, pastor. Rev. Lawson will leave this week  to preach and speak to a convention in Savannah, Ga., thence, I to the National Baptist Convention at Jacksonville, Fla., September 3.                 ENDS BIG TOUR                 REV. E. D. LAWSON -well  Nationul evangelist of the National Baptist convention, Inc., who recently completed a tour which carried him over 3000 miles, preaching at many of the leading churches of the connection. He delights In speaking about the WORLD to his friends everywhere.</t>
  </si>
  <si>
    <t>                                           Rev. E. D. Lawson, noted Baptist evangelist of Atlanta, has returned to the city following a three thousand-mile evangelistic tour through the west and south.</t>
  </si>
  <si>
    <t>                                           MEMPHIS Tenn.--(SNS)--Floyd Sullivan, 26, 1200 Woodlawn Street, was in serious condition at this writing as the result of a blow over head with a milk bottle by George Curry, 66, 199 Beale Avenue. Taken to John Gaston Hospital from Handy's...</t>
  </si>
  <si>
    <t>                                           Sunday afternoon from three until six p. m., Mrs. Mildred G. Hall entertained with an Informal Tea, at the home of her parents, Mr. and Mrs. J. B. Greenwood, Piedmont Avenue, honoring Mrs. Fred Alexander of Charlotte, N. C., who was her maid of honor when she married.</t>
  </si>
  <si>
    <t>                                           CHICAGO. --(ANP) -- James Brown, 104, oldest living Civil War veteran in the United States look time out last week from his placid occupation of watching modern life flow past his sitting room window to reminisce on those days of the l860's when as...</t>
  </si>
  <si>
    <t>                                           fmm tend tOc coin  r -flR^S^t Kaapl le eo cr dipping       9'~~     . No obligation. At- 'aJ^MEcJF tractive A Reals offer t* "CtSHv* To.. MiMiiplilo, '. ^fc^</t>
  </si>
  <si>
    <t>                                           Mf ATLANTAJp/ WORLD fl ^T**i a"T T tt 1 1 "The Nation's Only colored Daily Newspaper" 1 *[^~ VOLUME 9, NUMBER7179 ATLANTA, GA^ FRIDAY, AUGUST 28. 1936 PRICE FIVE 8J I</t>
  </si>
  <si>
    <t>                                           REV.  SPEAKS                 Rev. a. L. Ollmer, weU known  of Montgomery. Alawho Is a graduate of Knox Acad. omy, selma University and a lone, or student of the Alabama Stalo Teachen College, will be the  speaker at the Ohapel hui BaptLt Church, nor. J. V. Adaau.   , tor at ll:iO A. M. today.                 JOHN -"--l T L F. **M* f Bro. Bell wyn. , if you  r* RoinK to  "SUck*1', for .i.1- saken, don't bob    !^ m lie cun know  1  )).</t>
  </si>
  <si>
    <t>                                           Your Market Offers Shopping Pleasure With All Conveniences Here you can  every possible thing to eat. More than 100 stores all under one roof. Over 200 patient, courteous clerks ready to wait on you for the things you ll like to buy. Your market where vegetables are always freshest, fruits always best, and meats always . MUNICIPAL MARKET 1 COR. EDGEWOOD BUTLER i Open Week Days 'til 6 :30- Saturdays 'til 9:30 j</t>
  </si>
  <si>
    <t>                                           Rev. Taschereau Arnold, Editor</t>
  </si>
  <si>
    <t>                                           NEW YORK CITY--(INP)-- Valaida the exotic star of Lew Leslie's "Blackbirds of 1929," "Rhapsody in Black" and many night club revues sailed aboard the Transylvania for London on Saturday morning. August 1. where she is to appear at the Palladium...</t>
  </si>
  <si>
    <t>                                           HONORED                 DEACON JOHN' C. COLEY well-known religious figure, who was signally honored Thursday  at Ml. Olive Baptist church on the occasion of his fifth  iry. as head of Ml. OHvc Sunday school. Many public-spirited citizens from Atlanta's various  , and enc)i  d"  /of Dexoon Coley.</t>
  </si>
  <si>
    <t>                                           Fort Worthians In Court                 R. L. MELTON                 C. R. WISE                 Who are to face a S70O0 libel suit, .Monday, 9 a. m. before 48th Judicial Diilrict Court. Mn. M. B. Shaw    the .</t>
  </si>
  <si>
    <t>                                           Saturday evening. Mrs. J. H. D. Cochran, 36 Jackson Street, S. E., was hostess to the I. Y. K. Bridge Club.</t>
  </si>
  <si>
    <t>                                           The exercise for the breaking of ground for the new Agricultural and Science Building at the Georgia State College was held' on Monday. August 3rd, at which time Regent E. Ormonde Hunter was present. Mr. Hunter is the new Regent of this district replacing...</t>
  </si>
  <si>
    <t>                                           One more week and two more days I'll be aft to Camp is the them song of most of the Y bays.</t>
  </si>
  <si>
    <t>                                           Pastor and Wife                 Observe 4th Year AtMt. Vernon                 REV. AND MRS. WILLIAM G. BIVINS The prominent minister is now celebrating Ilia fourth anniversary as pastor of the ( Mt. Vcrnou Baptist Church of  city. This timely and colorful observance was begun Monday* night.. During the fete, the Rev. Bivins has been referred to as a 'honest and fearless religious educator." One speaker pointed cut the fact that the Mt. Vcrnon pastor has increased the membership from 114 to 600. Mrs. Bivins is recognized throughout religious circles as a fine Baptist leader.</t>
  </si>
  <si>
    <t>                                           $65 Scholarship To Be Given By Alumni                 Tlii- Alumni A.-$;i of Clark Uiiivvrsi'.y hold an important mi  in Thayer Hall on Ihe - c:.- Monday  at T o clock, with W. H. Cunningham, pri.-idcn; oi Ihe u:*^;ir.ization. in ihc . Tlio best ati tendance of    marked                 the . meeting during the commencement period. During the course of business, re- ports were heard from all the officers and a financial statement was given by Prof. .1. a. Greene. : secretary,  Mrs. H. E. Arehvr. treasurer of the as- sociation. Tlio i-  late of 1935-36 officers.- with thu exception of Mrs. Archer, who was not present.                 was elei-:~ci for -r term. The staff is \V. H. Cunningham, president: Miss Siisie M. Cunningham, vice president: Mis* Crace Arnold, n-; secretary; Prof. J. A.        . eo: responding a:id alumni secretary: and         L Gideons. Treasurer. Of  interest to the elections was tho injection of much younger blood into the controlling activities of the association by the naming of Lucius L. Jones. W. J. Rowe :md Mi.-~es Collye Lee Riley and Emma Arnold to the executive committee, with Mr. Jones, who is managing editor of The Atlanta Daily WORLD and one of Clark's (Continued on      5. col. 8-                 $65 Scholarship (Continued from Page 1) most  young graduate* being elected unanimously to the post of chairman of the * committee. The organization, during thr    :-ion. :     voted to give yearly $65 scholarship to some ? .student in the business department who would use hi* comm-TcUl ^    ^c^ ability to aid the "ii in      conducting of iti             ,. Juit b.fors .     for the  iv.-ro paid by the large- ;.nd :iMir  of alumni. Fnllnwinx tho but.ine.iK  n fmo reception was staged In Thayer HalL with Mr. Cunnin-ham presiding. Dr. M. S. Do^ge president of Clark University, was Kivrn a formal welcome back to thi- city and visiting . and par.nn and relatives of graduating senior; were presented. Miss Orvilic Ert,,., Smuh made the response     the alumni  on behalf ,.f the  college      . Immediately following the Th-.v. cr Hall reception was :i  ,-n Urtainment in Warren Hall nl w-hich .seniors and visitors ..rid  were honored bv the Cl ,rk Alumni Afsociation. flc</t>
  </si>
  <si>
    <t>                                           The Alumni Association of Clark University held an important meeting in Thayer Hall on the college campus Monday evening at 7 o'clock, with W. H. Cunningham, president of the organization, in the chair. The best attendance of several years marked...</t>
  </si>
  <si>
    <t>                                           PASSING THIS WAY BUT ONCE                 As "cc haze \ kl     do good cii o all me". Galali:i:is 0:10                 .he great apostle s learning ami experience gave him much ground tor contact and diplomacy, of which the Galatian people in ui  reaped a "lowing benefit, into which they were never it , to remain steadfast. These people owed their Christianity to St. Paul, receiving him at first "as an angel from heaven," but l ke some of us, they were rather , unsteady, well not 'soundly converted," just li.id a good smattering of religion. As Mn-h they wanted to pick and chose the folk to whom, and for whom                 to be kindly disposed, and to follow. Furthermore, if sonic of them "OVKUTAKIi" others in CERTAIN FAULTS- not all faults they would h-ave them up and cx- from the church, .Added to these things they became confused over certain old customs such as circumcision, ;i practice in the Church of Juda, which had nothing to do with, nor was it introduced with Christianity into the Christian Church as a virtue of the faith. The point here is that, when a fellow begins to slip, most anything can and will happen to his faith, and he will take unto and comfort himself by those things he selects and brings forth things of which he feels clear, or free from, and set up another standard of religious practice than those in the Holy Bible. Rebuking them in a mild i 'inn. the apostle admonishes to "stand fast, therefore in the liberty wherewith Christ hath nude us free, and be not entangled i-Kain with the yoke of bondage.'1 And notwithstanding many of than had already "fallen from, grace-" still he says to them:' have confidence in you through the Lord that ye will be none - ." That was a great stroke of diplomacy born, nt love in patience, for St. Paul knew too well that ns Christians  if "the cloth." even for those days, in many respect that Galatians    re "reprobates and slow-." But he proves to be the j Master's ideal here as Jesus never did rebuke a sinner in his sins, j bu* would always say "Would thou be made whole?" "Rise up, j and walk, or "Go in peace and sin no more," or "Daughter, ihy sins hi; forgiven ." The fact is, when a fellow is down, he knows that: the thing he wants now is for some one to come along and pick him up or show him how to get up. This is prc- n.-ely wl-M the apostle means when he admonishes the Galatians: j "let s do . unto all melt a:; we have opportunity, especially I   them whn are the householder of the faith:" e.g.'. as they are they u-hn suffer, inure ijf  for Christ's sake.                 CtiMSTUH</t>
  </si>
  <si>
    <t>                                           The great apostle's learning and experience gave him much ground for contact and diplomacy, of which the Galatian people incidentally reaped a glowing benefit, into which they were never it seemed, to remain steadfast. These people owed their Christianity to St. Paul, receiving him at first "as an angel from heaven," but like some of us, they were rather vassilating, unsteady, well not "soundly converted," just had a good smattering of religion. As such they wanted to pick and chose the folk to whom, and for whom...</t>
  </si>
  <si>
    <t>                                           NEW LINCOLN "THE HEADLINE WOMAN" With Heather Angc! A nci" Roger Pryor RITZ THEATRE Wcd.-Thuri., Augr. 26-27 BILL BOYD in Federal Agent With Iren- Ware Also Selected Shorts KSbilulliJ mage .N "Hit P.r.d." ,?*":E O""1*. ~-mo acts-8 KiflT""  XD.~1liS' STAG!      : ok tee  i JACK DEMPSEY In "THE IDOL OF MILLIONS"          f ill Lit  (ran Willard  tba Uit Tuomy j  Moan(cr. l' tw^ i</t>
  </si>
  <si>
    <t>                                           PHILADELPHIA, Pa.--(SNS)--The 1936 National Golf Tournament got underway here yesterday with hordes of golfers from all over the country on hand. ... Hughes of Anniston, Alabama, the 1935 winner is on hand and save for a few faults in his putting game, seems as formidable as ever.</t>
  </si>
  <si>
    <t>                                           this easy "'Tff^ Don't enry girls  -JBtS^^          ,, ay {W ,,~~        light 11110.           \m -. I J*~mMX Do  they do. ~^        Use  1HH snd hsv.     - *^^WH tiful skin, tool "~3[^   ^^ It's so simple to ^^pf ose. Jast smooth little Nsdinols on  t bed time while you sleep it immediately berins to whiten skin and to counteract the causes of over-. This is because Nadinola has  acting qualities found in no other product. At tha same time it leaves the skin softer, smoother and free from Ufljr blotches.  -BACK OUAsMNTBT Get a Jar of Nadinola Bleaching Cram at any toilet counter or by mail postpaid, Me. If you are not delighted your money will be cheerfully refunded. Nadinola, Box N-69, Paris, Tennessee.  Aoduiofa3</t>
  </si>
  <si>
    <t>                                           Miller Johnson and P. F. Black burn, agents and reporters.</t>
  </si>
  <si>
    <t>                                           MRS. MAGGIE DAVIS PACE has as her guest Mr. William T. Breed, her grand son, of Newkingston, Pa., at her residence, 335 Lee street.</t>
  </si>
  <si>
    <t>                                           Miss Elizabeth Jones, popular young co-ed of Morris Brown college, entertained at her spacious home on Hilliard street, N. E., on Wednesday night honoring Miss Gertrude Frazier at a bridge party. Miss Clara Arnold making top score, won the prize and Mr. Westly...</t>
  </si>
  <si>
    <t>                                           The right slant r.on refreshment i: ICE COLD -UTT--1-</t>
  </si>
  <si>
    <t>                                           n art TILL                 Represents Greatest Development Race Has Chalked Up                 MANY MARVEL                 By CLAUDE C. TEDFORD                 .-What has the NeJjro got to exhibit? What have wo. done? What progress have we made? What arc we going to put into the building after we get it?                 me thing has really been   n nil sides, pro and con. Dallas and Texas has seethed  unsurpassed anxiety over tlic outcome vl the Negro building. THE NEGRO BUILDING AT ,J^AST_IS_AJ!EALiTY! Tho skep1 '.""-i on page 6; col. 7)                 Exhibits Thrill (Continued from Pajt 1) tics, tile doubting Thomases, tho well-wishers, those with (.heir hands out itching, and those disappointed, all nrc welcome to view with calm and alarm. Dedication services for the building were livid on Emancipation Day with several of the members of the National committee present, national figures who gave their time to the gathering of the host that the nice had to offer. Among those present were Euseno Khu'lcle lones of the Now Yolk Urban League, anil Advis or Negro Aff.-uis, U. S. Department, of Commerce; Dr. Sadie T. Alexander, Philadelphia,           City Attorney: W. R. Banks'. Prairie View coulee, Prairie View. Texas: Dr M. 0. Bousfield, Chicago, Associate Director Medical Service, Julius Riosemviild Fund Dr. Frcdcri-U I). Patterson. President of Tuskegnc [ Jesse 0. Thomas. General Manager Negro Participation 1"~us Centennial and A. Marco Smith. Assistant Gencrnl Maiiaf.'.' Negro Pmticipation. Building,        in Achievement Every nation, every people, h;-.-i the responsibility of recording and keeping account of its ow history. The American Negro beginning lo realize more and move  the job of  record of his achievement is up to him. Little has been done in thia direction up to now. The thoughtful ones, who i- the idea that there should a Negro building knew lhat there were more than enough material to show tin.' progress that, lifts been made hy Negroes dui-i"K the last half century or more: but I'm sure that they fell jittery at times when the job of collecting this  became a huge find uncertain task. Art for Example Thi'i fact should be a lesson to Texnns. Hundreds of good piece? of art work of  kinds lie dormant over the state. Some of it 's good some poor, some promising hut it shows effort and progress. As fir art. painting like most of the other material exhibited in tin. building;, Texas is not represent il. The fault lies in the fact that cities Hnd towns have made no at tempt to collect, such material and make a public showing or housing of it. Xegro civic organizations  have sponsored exhibitions of this nature from time to time. Appraisal could have been made with the idea of setting up standard?. When events of this kind . it would not  been so hard to get things together. Texas has shown the way. Philadelphia Sesqui Centennial, and the Chicago Cenutry of Progress failed to make any impression on Nregro progress. Northerner.* are I sometimes in  own light, for j  everything of a separate nature to he classified as Negroid. Negro separate exhibits an; cropping up now and will be cropping up all over the nation. Alrcadv a movement is underway fir n Negro World's Fair. Well. all these signs point, the waj' t.o writing our own history and the keeping of our own records. One reaf-'Mi fur the delay in  j- the building and the ar- rangement of exhibits as well as the collection (if material is that tho state committee formerly set up could hardly (To anything with . funds notwithstanding the fact lhat most (if these person:. u-"ro primarily in the setup for whnt they might, get -nit of it. .Vegr-o chambers of commerce and other civic organizations can do much in the future in the was financing such projects. Somehow. Xcgrn business men fail largely to see their  to the community. Commuir.ty leadership in the future should come from business men. trained business men. Correct community planning for the future will do much tn fit down on the mistakes of loda/.</t>
  </si>
  <si>
    <t>                                           DALLAS.--What has the Negro got to exhibit? What have we done? What progress have we made? What are we going to put into the building after we get it?</t>
  </si>
  <si>
    <t>                                           Of Mt. Olive, All members from both choirs are urged to be present Sunday afternoon at 4:30 at their monthly meeting. Plans for a picnic will be discussed. Mr. Edward S. D'Antinse will deliver a special address as a special feature of the meeting.</t>
  </si>
  <si>
    <t>                                           THEIR LOVE FLAMES AGAIN                 i'.--~   - I Invar, I iI].,ul.];i Ins liri.kc:, limn km-u :!,,:,^ u-,,uia:i "I'M Ir.nli . I!i-Mr l):i\i.-, llu- ~~);,t,,~~~'~ pin, -llr.! him "'I'l"- I '.-t i-i    -. 1 \-;.,;-,r. ill.- W:,n;,-, I!,,,,!,,',-. ,~.,, I  .La rim :u l',..   )\ K,,y.,\ i,,,~;u</t>
  </si>
  <si>
    <t>                                           Reverend Henderson S. S. Association Speaker Today                 Rev. J. Raymond Henderson, pastor of Greater Wheat Street Baptist church, will be the speaker at the annual mass meeting of the Atlanta Sunday School Association at 3:30 p. m. today. With Rev. Evan M. Hurley acting as master of ceremonies, thr program will be Interspersed with music from a Junior chorus composed of members of all the Sunday schools of the city. Many of Atlanta's outstanding ministers will appear on the program. Rev. Henderson 1b to be introduced by .'j; C. Wright, pastor of the First congregational church. The'publlc Is cordially invited to witness the unusual services.</t>
  </si>
  <si>
    <t>                                           GRACE DOYLE MAKES FINE SPEECH                 . Tenn.- i                 (S.\S)-                 Miss Grace DoyLe. daughter of Professor Bertram W. Doyle, professor of Sociology at  University, was the center of attraction tonight when she won the highest honors In the graduating class of Pearl High School In Nashville, by a few points over tn# salutatorian.                 Miss Virginia Hatfleld. and won I the honor of valedictorian of the class, and won the Cemeron Medal for the highest average for the who e  term while at Pear]. Speaking on tho subject of "The Hicher Plane." Mtss Doyle held her audience apparently under a spell whil? she poured upon them the con  of rendering service on a higher plane, and the satisfaction that comes in aiming at the higher plane of  and activities rath- er than the lower. Miss Hatfield. the first speaker i and salutatorian. speaking on the "Nobility of Labor." won equally as much praise for her splendid . crance as she stressed the pleasure of labor when it Is done honestly and with noble aspirations. Dr. Henry Allen, secretary of the National Baptist Publishing board, of Nashville. Tennessee, presented the Gold Cameron Medal to Miss Doyle, just before Attorney George H. Cate. State Senator, had presented the diplomas to the members of the graduating class. There were many honor students this year in the person of Misses Elizabeth Kennedy, with an  of 94.84: Annie Doyle. 9430: Vera Doyle. 91.57: Prelda Allen. 8958. The musical department, under the direction of Miss EHoise Lowe, featured several numbers. The mixed chorus sang "Good Night Beloved" and "Listen to the Lambs." by Nathaniel Dett. They received an encore. William Gordan sang "Spiritual Flower" and was shroud, ed with much applause. The boys glee club sang "Deeo River" and "The Marching Song." Then the girls glee club sang "Song of India" and "Carmllia" bv Stevens, and the affair was dosed by te whole glee clubs  the Pearl High Alma Mater written By the principal. Professor B. R. Murrell. The class motto was "Through Difficulties to Things Worthy of Honor." j</t>
  </si>
  <si>
    <t>                                           Miss Grace Doyle, daughter of Professor Bertram W. Doyle, professor of Sociology at Fisk University, was the center of attraction tonight when she won the highest honors in the graduating class of Pearl High School in Nashville, by a few points over the salutatorian...</t>
  </si>
  <si>
    <t>                                           Julius Gray, Sr. Told To Reopen His Theatre                 The Pictorial Theatre, Atlanta's only colored-owned 6.se, will be reopened Friday afternoon Julius Gray, Sr.. owner and manager sold Wednesday. The theatre was temporarily closed about 30 days ago, pending the. outcome of a court  Police officials ordered the theatre closed when it was pointed out that Mr. Gray's son, Julius Gray. Jr., was operating a moving picture machine without license. The state law does not permit operator s licenses to be sold to colored . The theatre will be reopened with the showing of "HELL S ANGELS", starring Jean Harlow. The Pictorial Is located at the comer of Rockwell and Sims near McDaniels.</t>
  </si>
  <si>
    <t>                                           ROOSEVELT FREES MAN FROM PEN                 Commutes Sentence Of Former Texaa Gambler 3- BAN ANTONIO, Tutaa- IBy Albert White for A.N. P.)- Charles Bellinger, well known Son Antoni*n, has been r. from the federal , where he was serving a three year term, on commutation of sentence by Presldeat Roosevelt. Bellinger, sixty year old former gambler, who is said to have built a fortune in business and underworld activities was sent to Leavcnworth prison February 3. Hff pleaded guilty in federal court at Austin to the government s charges that he attempted t0 defeat payment of $10,59(1 taxes on a net Income of $142,116 from 1929 to 1933. Known as the first citizen of     Alamo City, he lived in a mansion worth $30,000 and at one time was reputed to be the largest Negro real estate dealer west or Chicago. 'First mortages held by him are said to have exceed $250,000 when he was at the height of his career. He has been a power In the political world ol Ban Antonio for years and is credited with selecting several  other officials of the city. Notwlftstiindin^hfs/             connections In  and commerce, he has a reputation for donations to the cause of charity and civic progress in Sun Antonio, and Is reported to have aided many chuches and ministers.</t>
  </si>
  <si>
    <t>                                           CATHOLICS TAKE A NEW LYNCH STAND                 NEW YORK- Citing the Black Legion killings in Michigan, the lending editorial In the current *"   ; Review" a Catholic monthly, calls all  leaders to Join with other Americans In the fight against lynching and for the enactment of ttn adequate fed-                 ln part: "We now call attention to the most recent revelations in tile exposure of the Black Legion which  the most conclusive proof 01' our contention that all mob outrages are contagious, that one attack lends to others, and thai every unpunished lynching encourages  outlaw mobs to resort to violence                   they prescribe for attack' "We now contend that the killing' of this hapless Negro (by. the 1 Black Legion) was both the result of the example of the frequent,.1 lynchings of Negroes with Impunity, and that U was the  of the killing.,: of the Cathollny C7^oSj4''#rfE(ff -ajc*;.;'-- "It Is the opinion of the INTER- RACIAL REVIEW that the murder ot" a Catholic. Charles Poole, will serve to arouse Catholic leaders not only to Insist on a vigorous persecution and punishment of all those who participated but. to be- come active In seeling to eradicate all lawless mobs such as the KJC.K.. night riders and the Blaclc l*glon."</t>
  </si>
  <si>
    <t>                                           NEW YORK--Citing the Black Legion killings in Michigan, the leading editorial in the current ... Review" a Catholic monthly, calls all Catholic leaders to join with other Americans in the fight against, lynching and for the enactment of an adequate...</t>
  </si>
  <si>
    <t>                                           I r ^ 1 \V IS A GooO  Hbn DE.PE.M6E ^^H( AGAlMiT H DRy and SToME mp pjt Throat I</t>
  </si>
  <si>
    <t>                                           TEXT: Cast me not off in the    ^----~^\         ^^ Ol/ C/  eth---David. VnLY,^N.E6RO DAILY  U4 IHS WORLD SUNDAY VOLUME 9. NUMBER 125 ATLANTA, GEORGIA, SATURDAY, JULY 4. 19S(i PRICE FIVE CENTS</t>
  </si>
  <si>
    <t>                                           POSSIBLY more than the participants and their following in the present state campaign for governor and United States senate realize the senate has come to the impassee of its most terrible political crisis since Reconstruction. The religious revolt, having its grounding in a tutored and enforced hatred for Roman Catholicism and its attendant bugaboo during the Al Smith campaign for president collaterralled with his avowed wetness for which the...</t>
  </si>
  <si>
    <t>                                           [Funeral- Notices!                 TATE- Mr. Jnmes E. Tate of, 27 Bell St., N. E., passed away Monday morning. Funeral will be an- nounced later. David T. Howard and Co.</t>
  </si>
  <si>
    <t>                                           81 THEATRE* BUCK JONES in South of the Rio' Grande Alto Chip. 2: The Fighting Marines ROYAL THEATRE+ "LET 'EM HAVE IT" With Richard Arlen Cliap. Mystery Muuntain ASHBY THEATRE* Fay Wray in "ROAMING LADY" Also Chap. 3. Call or the Savage</t>
  </si>
  <si>
    <t>                                           A. W. Russell, the pioneer Atlanta tailor with business establishment at 243 Auburn Avenue. N. E. is seriously ill at the Dr. Georgia, W. Dwelle infirmary on Boulevard, where he is under the care of Drs. H. M. Holmes and C. Waymond Reeves--During...</t>
  </si>
  <si>
    <t>                                           I have just read the front page of The New York Journal. It roads like this: "20,000 Storm Gallows at Hanging."</t>
  </si>
  <si>
    <t>                                           M. O.--I love the boy who lives behind my cousins house. Will I have to learn to dance before I can win his love?</t>
  </si>
  <si>
    <t>                                           Well, as curious as it may seem, there's curio shop, right down near the heart of one of the world's most curious streets. Beal Street's newest and must novel business venture is designated by a big gray and reddish lettered title, to with J. F. GIBSON NOVELTY SHOP.</t>
  </si>
  <si>
    <t>                                           History repeated itself yesterday afternoon when Mrs. Myrtle Cranson, Fort Banning ace took the measure of Mrs. Thersa Howell, Atlata Ladies Tennis Club star in the first round of the 16th Annual Georgia State Tennis Tournament, now being played on the Atlanta...</t>
  </si>
  <si>
    <t>                                           81 THEATRE + BILL BOYD in "Call of the Prairie" Lul Chap. Rox and Rinly ROYAL THEATRE+ "Last Days of I'omueij* With PRESTON FOSTER Chap. 2: Myttorjr Mountain With Kan Maynard  JAMES  in "FRISCO KID" Begin     Sarlal Call Of Thr Sav.f. With      Baary, Jr.</t>
  </si>
  <si>
    <t>                                           WORLD S YOUNGEST CARRIER is Narva Lee, son of Mr. and Mrs. N. L. Harris of Birmingham, Alabama. He recently won the second prize offered                 by the Soiosis Study Club. (Courtesy of The Birmingham World).</t>
  </si>
  <si>
    <t>                                           OUR VEGETABLES SURVIVED THE STORMS Alihmiph ihis has  the ni"st destructive  ami rain season in the history nf ;lio state, we aiv  to announce that you can still trot your full supply of . ^ri Oii vi . Thi'si- vt jri  nri-        '  'il ami i nt in jrii t in fri sh daily  from I'ionr- farms in your DiarU'M. Over 1(11) Stores and 2110 Clerks under one Roof ready to Serve You. MUNICIPAL MARKET ()~Kii *t il (i:.!0 Daily- Saturdays "til !l:.!ll Corner KdyewmHl Ave. and Hutler Si.</t>
  </si>
  <si>
    <t>                                           Beach Lots For Sale At Daytona UNUSUAL OPPORTUNITY TO PURCHASE LAND ON OCEAN SHORE In order that Negroes may have the fullest enjoyment of the wealth of recreational opportunities of Florida, without molestation, they must possess themselves of property and facilities, or they will be lihat out May Secure Land There Is now open, one ot the most unusual opportunities that have been pi(        to Negroes In the history of this State, They may now secure a strip of land, located on the direct frontage of the Atlantic Ocean, one the World's Most Famous Beach. The strip Is four miles in length, measured into generous sized lots, just eight miles from the heart of Daytona Beach. It 1b a Subdivision "Wilbur-by-the -Sea." The Beach Lots or Wilbur-bythe-Sea are very reasonable. If you desire details  them, write Mr. Allen J. Lucas. Postofflce 543 Daytona Beach, and he will Jiend full Information. Porwara- Negroes everywhere will agree that this Is a most unusual .opportunity. Let us Join hands and take advantage of it. Wilber-By-The-Sea Is to be the s:ene of much fun and hilarity oh July 4th when the Lesion and several civic clubs celebrate.- Adv.</t>
  </si>
  <si>
    <t>                                           Prescriptions CAREFULLY FILLED Call WA 3489 SERVICE PRESCRIPTION SHOP W. J. FLEMING Ph.  BLDG. (3rd Floor) We Call For And Deliver Madam Mingy THE WOMAN WHO KNOWS Tells past, present and future PERMANENTLY LOCATED Palmist end Life Reader Ciret advice on all affair* it '     Lore. Marriage, fl^^TPB find Spe*           el HrfHi kinds. Don't fail IWfin] I j see this  VViNn Palmist. Points the    M way to all troubles, B0^]~ and shows  how to overcome enemies. Madam Ming; has helped I than land* and eh* us help you.  LUCKY DAfS AND SPECIAL READING 50  Take' Federal Prison car to end of . Look for Name n Slga Not In Tent. Satisfaction Guaranteed 638 McDonoagh Road Madam Mingy Makea Ne Home Calls Offir. Hnm A.M. f.M.</t>
  </si>
  <si>
    <t>                                           ^^LUCStY HEART WjgP* INCENSE ^7 wkw              In uta. Writ) I uu ek for      {'~ ewf 7-io*kij.t proposition.    FrM*  tnc*r;M,      Pmitr. Hair    :s:  . nrw tlC-i^Kr      - Book  nd 8-j pr!ie c t(. r i LUCKY HtnriT. --mi*i.    - I'ttfAK.Af MID-  CM Au"\  WHAT A MAN!] I f-^ n I KIOIWOietiTlOW HEARTBURN. ACID STOUCH, i GAS ON STOMACH? j Have you tried ALKA SELTZER? i Alka-SelUer  a sparkling alkaline solution. As il contains aa analgesic, (sodium -nall-       ) It tint  Uic vain of j         3r , then by - I Jnr the         .  t tho  when duo to  at the . Get AJka-Seltzer at your drug store, i ;Lane Ptckace  c Pocket SI'c 30c</t>
  </si>
  <si>
    <t>                                           JL a  ^^OUR PEOPLE Deposits guaranteed by the Federal Deposit Insurance Corporation up to $5,000 for each Depositor. ll CITIZENS Trust Company I THE BANK ON AUBURN</t>
  </si>
  <si>
    <t>                                           ROYAL OAK CHARCOAL THE IDEAL FUEL -FOR- WASHING, IRONING, BROILING CANNING and PICNICS -SOLD BY ALL- GROCERY STORES Nature's Herbs Produce Health The  Chinese Herb* end Root* ^"""TljHCT^  bj Dr. T. Y. Young, Jr., have      ^Bjj^^iPI^^^ known, used and proven successful for i!     :   '^B'"~~          . They have been used for 28 f^^PttS'gKii! T""' ri h  t"ro io AlUnU- Th.M I  nB  and  are  and i K*- ~'V; /inlk Sa^S med in treatment of trouble* of Lunj, I 'i 'm*  **9m S$ Stomach,      , Liver, Kidnoyi. Blood $       *%A Poiion, Rheumatiin, Catarrh,       ~^%^^     '^M       Nerrouinett, Bladder TroubUi I^A-'^^P^~J Constipation, Appendicitis, Skin   .  Baa^BVL^-^a^^ *     . Female Trouble, Colili, Conght, a^^     ^I EU' ^*^^^^=u"^^^ Special attention Riven mall       .  All inquiries  answered, Wbv t v vk, .iJr. taff"       et T. Y. YObNU. Jr. A RUNDOWN CONDITION OF YOUR FAMOUS HERB BODY CAN BE RECTIFIED. War SPECIALIST suffer or be (ed7 Herb  em25 Yrt. in edies are a natural means of treatment. Atlanta male OB - CALL OR WRITE Jff 313 Jaw DR. T. Y. YOUNG, JR. WITH ORIENTAL HERB CO. CHINESE HERBS-ONLY NATURE FOR EVERY DISEASE OF THE HUMAN BODY .32 Edcmod Ave. Pan*! WAlnot 21    AtlMta.0^ Daily Hour.. 0 A. U. to P. H.</t>
  </si>
  <si>
    <t>                                           BOYS' AND GIRLS' 4-H CLUB WORK                 1.- A group of Louisiana J-H club girls being taught by their home demonstration agents how to make their *.                 2.- A Tcxaa 4-II   a bedroom. A project in home Improve* ment, according to Ideas advanced by the county home demonstration agent.                 3-- A Texas 4-H club girl s well -arranged wardrobe and linen closet -a project in homo Improvement as demonstrated by county home demonstration agents.                 4. -A fio uf prize winning 4-H club girls in a bread-- content, conducted by limn*' demonstration  in Alabama                 - t-'anm at their annual j encampment A M College, Prairie j View, Tex. I                 G. -Mabama -1- II o!i:'j boys judging dairy cows ai the annual ~-n .ent. Tujjliegee Insliiulo</t>
  </si>
  <si>
    <t>                                           Mrs. J. O. Thomas, 212 Grimn street, S. W., prominent society matron, and wife of Mr. Jesse O. Thomas, director of the Atlanta Urban League, has left the city to spend the entire summer with her sister, Mrs. S. G. Hamilton, who is proprietor of a clothing shoppe...</t>
  </si>
  <si>
    <t>                                           Mrs. Graham Jackson, 56 C street, S.W., is hostess to her sister and nephew, Mrs. Nell Peck and Mayo Parte a Chicago, Illinois.</t>
  </si>
  <si>
    <t>                                           met with Mrs. Etta Hines, 483 Stonewall street. Plans were made for a Silver Tea. A delicious menu was served. The tea was given July 26 at the home of Mrs. Katie Maddox. It was enjoyed by many friends, and various clubs, of which we wish to thank. The dining...</t>
  </si>
  <si>
    <t>                                           Power is a curious and much misunderstood thing. Noise and display, which are commonly thought to indicate it, in reality are indications of its absence. All show of force is a sign of weakness. Loud talking is a sign of consciousness that one's reasoning is feeble.</t>
  </si>
  <si>
    <t>                                           81 THEATRE +~ TODAY PAUi.  and NINA MAE McKINNEY in "Sanders ul I he River"       . U. l);-tt Africa ROYAL THEATRE* BETTE DAVIS LESLIE HOWARD ;n   Our Can* Comedy Chap. 9, Law of the Wild + GARY COOPER and MARLENE DIETRICH in "DESIRE" On Stage- Thrill Night  " WM. U V D  ~!ri?l l"i"." i !S?8U(}?1'IB)U,?~J "cir  ^KB'" l " "II J       Bandit I</t>
  </si>
  <si>
    <t>                                           CHICAGO--People with genuine interest in dance music are letting their tastes be known. Letters from all parts of the country are coming to your columnist in an attempt to get the public's opinion of just who has the greatest swing band in the world. And because of their numbers...</t>
  </si>
  <si>
    <t>                                           RAM, COOL WAVE HERE                 Shortly before mid-night Thursday, Atlnntans began buttoning up their coals and slipping; shawls and Jnckeis over sports dresses due to the sudden change in the weather Thursday evening. The weatherman said Hint  drop  from the high pressure orea which moved on Atlanta and Georgia from the northern Mississippi valley together with blowings from the hurricane near the FlorIdn coast. The thermometer .reading  75 shortly after the cool rains began seme 15 degrees below tho reading for the d.ny.</t>
  </si>
  <si>
    <t>                                           WORK FINISHED                 ICEV. WILLIAM MrtTIfHAEL        . Si. John B:~jv*      Olwrrh and called dean or BaptLst  or Memphis, died Sunday. May Zlsu at his *~\ T57 Inkii Street, at 3:30 p. m.</t>
  </si>
  <si>
    <t>                                           ~*r. N. Demy says: I have found nothing m     past 20 years that can take tha place of Dr. Miles Anti-Pain Pills. They art a ture relief /or my headache." Sufferers from Headache, Neuralgia, Toothache, Backache, Sciatica, Rheumatism, Lumbago, Neuritis, Muscular Pains, Periodic Pains, write that Ihcy have used Dr. Miles Anti-Pain PUb With better results than they had even hoped for. Countless American housewives would no more think of keeping house without Dr. Miles Anti-Pain Pills than without flour or sugar. Keep a package in your medicine cabinet and teve yourself needless suffering. At Drug Store*- 25e and J1.00 on. vi! t-sa* AEl n-BMH P1ULS</t>
  </si>
  <si>
    <t>                                           After a splendid devotional service, the Atlanta Baptist Ministers' Unioniield another interesting session Tuesday, April 28, with the Rev. M. L. King presiding...</t>
  </si>
  <si>
    <t>                                           Left destitute when her mother dies, Lynn Bartel is forced to leave private school and go to business. She becomes a mannequin for Dunning's, an exclusive Chicago dress shop. Lynn has very few friends as her training has placed her on a higher social level than</t>
  </si>
  <si>
    <t>                                           OKLAHOMA CITY, Okla.--(ANP)--By Roscoe Dunjee--The Texas Centennial and the Negro Exhibits Building will in a few days receive a shipment of amazing craftsmanship and cabinet work, coming from the deft skilled hands of an Oklahoma City high school...</t>
  </si>
  <si>
    <t>                                           Outstanding among the social affairs of the summer season is the, forth-coming tournament hall which will, hold sway at the gargantuan Sunset Casino, the social centre of the realm, tomorrow,Thursday night, starting at 10 o'clock and continuing through two with seductive swing rhythm produced by one of the city's leading jazz organizations, serving to make things conductive to efferverscent gaiety. Invitations to this swanky affair, which is being fostered by the Georgia State Tennis Association in honor...</t>
  </si>
  <si>
    <t>                                           flF YOUR. TMriOAT S-:- Vj { is DRy mid  ~^jr*vi</t>
  </si>
  <si>
    <t>                                           GET MONEY- LOVE, I Kujranlre to  you Ket a new  b "w ^. hope. Stup . SRP }}:.'.'!' nle             1 WTt'Ull4~,-,tu;i^j  ''I'trywliorp to    A pent  for 3T GSOUCItA  C^            Hnlr Prnsninft ! ''~'":"1'". Paro Powder, jS i TJI**  -lt Cr^~m, Perfume*, I UJ J fi] 300 . Writ'n     / /Jk4 (l:iy fl" KlfKK Sample* nix) St^tdy Job Of'er. V.U. PttOnCCTS CO. Itrot 09Q S--I1 IihIIiiiiii Ave.. C'lilciiicu, 111. ^^^f-r*T^8-~^flT^i V*~~~r  set "i of IIiJm  'ninr Ti-. Also It run   iir you I.Jjf nullify by -li Mvinjj . how to  Mlllioiit    *t. NtiililiiK hi buy or *~IU \VrJ(r     :           1  * NOVELTY TO. CtK)      *- ,-tv*.        . lilt</t>
  </si>
  <si>
    <t>                                           Down town shopping and saw Willie B. Moorer who told are that she was enjoying a very pleasant summer...Mary Louise Hatchett. State Teachers College Music Department, Willys James, of the Atlanta University Faculty and the Summer Branch of the State Teachers College Branch School located at Mobile, Alphonso Campbell. Walton Jones and Pauline Hudson stopped by the World office to say hello to Leona while in town. The Musical program rendered by the Mobile Chorus group proved...</t>
  </si>
  <si>
    <t>                                           1 0 OUT OF 1 00 GO TO CHURCH-HOLMES                 Rev. B. R. Holmes, president aad founder of the Holmes institute, was the guest speaker Sunday morning at Zton Bill Baptist church.                 Rev. J. T. Johnson, pastor, said In commenting upon the sermon, "It:'wns"a*maSte;(!e;aria"one" of the finest sermons ever delivered In the church." Rev. Holmes spoke on the subject, "Practical Christianity." He said In the course of the sermon that less than ten people out of every hundred in Atlanta attend church services on Sunday. Most of them live  door or in the neighborhood of some who are members or the churches. "If practical Christianity tought by Jesus was exercised by     members of churches, the attendance of church services would  50 per cent." continued Rtv. Holmes                 "If the personal touch Is exercised by the members as It Is when1 a financial drive Is In progress, many people would be reached and brought under the Influence of the Ccspel. ...~"Wc long to see the day when drives will be organized by churches to increase their attendance, and thousands of  will be printed and members and friends of the various churches will organize tmrt canvass all sections of the city at least once or twice n month and touch every person who Is not a church-goer. "In my opinion," continued the noted speaker, "the churches in Atlanta could not accommodate the visitors. If the same method was used In the Sunday School, thousands of children who never attend Sunday school would be influenced to attend."</t>
  </si>
  <si>
    <t>                                           Rev. B. R. Holmes, president and founder of the Holmes Institute, was the guest speaker Sunday morning at Zion Hill Baptist church.</t>
  </si>
  <si>
    <t>                                           $ MONEY $ 126 Edgowood Ave. FOR SALARIED PEOPLE No Endonon- Signature Only Liberty Investment Co. DON'T MAR YOUR VACATION WITH WORRIES OVER Accident Costs HAVE YOUR CAR COMPLETELY INSURED THROUGH Alexander 8 Co. With Dependable and Casualty Companies. Be prepared for: Fire Theft, Collision and Public Liability Hazzards! Easy Payment Plan "The Alexander Way" Alexanders Co. GENERAL INSURANCE21? Auburn Ave. Ma. 6808</t>
  </si>
  <si>
    <t>                                           CLOUDY and Cooler it  today.</t>
  </si>
  <si>
    <t>                                           81 THEATRE* Borit Karloff in "Thp Wiilkinj? Dcnrf" Al.o Chap. 1 1 "DARKEST AFRICA" ROmTNEATRE* "Captain Blood" With Errol Flvnn Al.o CLAUDE HOPKINS in 'BY REQUEST" Popeyo Cartocn nnd Nnwil * Under Two      " With ClnudoU. Colbarl, Ronald        Victor</t>
  </si>
  <si>
    <t>                                           GA. STATE REGISTERED NURSES IN FINE CONFAB AT COLUMBUS                 The meeting, of the Georgia State Association or Graduate Registered Nurse*,::  Ih 'Columbus Oa. at the St. James A. M. E. Church, 1002. Sixth Aye. July 29 31 .was the most largely attended and successful gatherings In' the  of the .                 On Wednesday evening, July 29, at 8:30 o clock, the public meeting was presided over by Dr.M. L. Taylor and Dr. W. T. Ayers, who- acted In the former s stead, due to Dr.                 Taylor's Illness. Music was Tendered by the Junior Choir of 8t James Church. The address ot welcome on behalf of the city was delivered bv Attorney B.' C. Turner. Dr.- T. H. Brewer, delivered -an .address en welcome. in behalf of dentists and pharmacists. Dr. W. H:'' Spencer, Jr., rendered a violin 'selection. Mrs. Sara Allen extended welcome on behalf of    ., graduate nurses of Columbus; "';*Mra. LUlle Buckner. of Augusta^/Tesponded to^ the' welcome addresses." 'Following her address. Mrs. E. X Winston trave an Interesting talk, on. the "Value of A Graduate .Nurse To A Community.'' introduction of visitors wns made by. Miss Annie Bell Harris, honor graduate of Hub(Continaad on Pate 4; Col. 2)                 Ga. State Continued from      1) bard Hospital. Meharry Medical College. Nashville. Tennessee. The opening session, Thursdsv morning, July 30. wns presided over by the president. Mrs. Ludte Andrews. Dr. W. T. Aycrs save an interesting talk on the subject: "Typhoid Fever It's Symptoms ind Modern Nursing Care." Mtss Vema Bryant, of Bainbrldgc. talked on "Nursing Ethics." which was followed by an interesting round table discussion. The Metropolitan Nurses of Atlanta demonstrated n first visit to a prc-'- case. Dr. J. VV. Jordan spoke on "Venera! Disease Its Symptoms mid Modern Nursing Care. The nurses are grateful to Rev J. H. Edge and members for the use of St. James church: the graduate nurses social c!ub. of Columbus, headed by Mesdames Sara Allen, president; Dogmar V. Perrell, secretary; Mfsses Mable Preston. treasurer, Lyra Hood, chaplain. Annie B. Harris. Ethel J. Lawton, I Pearl Hotrell. Erlynn Oglen. Effle Whatley. and Isabelle Johnson, honorary member, for the work they did In making preparation for the convention: to Dr. Taylor for the cooling, refreshing drinks served during the session; and the nurses of the Fifth District for the beautiful Dowers. I The idea of a special effort tc bui:d mi the treasury, and to help humanity was favorably discussed Pledges ta the amount of $250.00 were made to the organization. The president, Mrs. Andrews, received splendid              from the nurses which made for the success of the meeting. Mrs. Rosa Palmer, supervisor of Harris Memorial Hospital. Atlanta, was very helpful during the meet. Mrs. Laura Co'es acted in the capacity of Resistrar. The sessions ended Friday morning. July 31. The place of the meeting next year will be decided later. The present officers are: Mrs. Ludle Andrews. President; Miss Verna Bryant. Vice-President Miss Willie Mae Daniels. Recording : Miss Lcona C. Edwards. Corresponding secretary; Miss Julia Lott. Treasurer.</t>
  </si>
  <si>
    <t>                                           The meeting of the Georgia State Association of Graduate Registered Nurses held in Columbus Ga., at the St. James A. 'M. E. Church, 1002 Sixth Ave. July 29, 31 ,was the most largely attended and successful gatherings in the history of the association.</t>
  </si>
  <si>
    <t>                                           SAVANNAH! WILL SEE                 Pastor Who Prayed At Democratic Convention INVADES GA. SAVANNAH, Oa (     Rev. M. L. Shcpnrd.  of Mount Olive 7:c church of Philadelphia, who prayed at the recent Democratic National Convention  there, will preach here Sunday, July 19. at the anniversary exercises of St. John's Baptist church on Hartrlde street. The Philadelphia minister will- be remembered as the direct cause of Ulp gurry.,.. during, the. confab',; wh3ch nominated            D.' Roosevelt for the presidency, and John Nnnce Garner as his running mate. Shepnrd offered invocation In the political meet, causing Senator B. D. (Cotton Ed) Smith, white 'Democrat. South Carolina) to leave the convention in a huff. i i Tho senator, along with several j other southern delegates, objected the presence of Negroes In a i Democratic m(?etli]g. Democratic meetings had previously b?en exclusively white for a period or 100 years and no dark speaker had graced their platforms In a like period, due to the  of the party that had b:en out of power during the turmoil of 1861-65. Later thi entire South Carolina .on  a resolution  3? the acceptance  f Negroes Into th; party in v- number In recent years, and their  on Dcmocra'lc . ~!A!5F. LEAVES CITY Mr F. D ?!    . .f  i"!!!1 A'lb'irn 3''e!'.ue !?-'t Hi" rj' T'i--ria- !4 Fniii*. T"~:t^ -~-here he a?!;nrt 'l.n  nl hir-     "r. "'hn  Mil M":''! lif-.-'1.:</t>
  </si>
  <si>
    <t>                                           North Carolina Baptists In Meet                 RALEIGH, N. C- Marking the first time in several years that they have gathered In such a meeting, representatives of all brandies or Nfgr0 Baptist  in North Carolina are gathered here this week from Monday through Friday In Convention.</t>
  </si>
  <si>
    <t>                                           J08BCA JONES                 Mr. Baron*                 "I can t" wu Ohinged to 1 ^i'i</t>
  </si>
  <si>
    <t>                                           1. For the most part we get our prejudces from the society in which we glow up. We do not choose them any more than we choose our religion or the kind of clothes .we wear. If each one did his own thinking there would probably be less prejudice than</t>
  </si>
  <si>
    <t>                                           Card Of Thanks                 Mr. and Mrs. J. A. Chiles of 100 Jackson St., S. E., wish to express their appreciation to their many friends for the  and beautiful rifts and -' tions extended them on the eel*, (~ration of their twenty-fifth an.  on June 25, 1936.</t>
  </si>
  <si>
    <t>                                           Men and women in supposedly civilized countries Contribute to what is known as the missionary aid in order to send men and wom-to Africa and China to preach the gospel as we know it today, and tell the many so called savages of the right church.</t>
  </si>
  <si>
    <t>                                           GET PEftCE                 Miss Rosclyn Comer Ik Joined On Staff By Morris, Crec-ue                 175 EMPLOYED                 riMI.Ari.TI.PiilA. Pa '.l N;j :.i in. r IT. :n ;1 while .rn :i ."iui v..::i;i;n .- M\'J:a'4npn^itin.? si:ven :int.i:il work ,:n;i5. live l.'iic sp^i'. ty Kni' v-.rr.cy Pkwv C:i:    .''isn.                 Thr-.?  7.") -n:~ .ire rebuild:i; .sr ti^'ir.cn! l;ou.;ey. leveling cfi ;..,vi;!  . ;: dams, i::  p c;b. and i: !..:lili:i;; by '.ical ox. ? how to chan^o a  '.vorld Id a tT-;  '.)y i'.oii-.l methods. Roy Edwin Nonis undergraduate hi MnrchcuL.e C-l!eyo. is one of the 1J1 volunteers r. Ircm a national field oi applicant.; to man Hie Eodlovd St. Seci!cmr:ent pro. j;cc c;f the America:) Frici.ds Servive ConnniUcc- in Phihidc!;)l)ia, P.i. Noiris. the sen a Mrs. M. T. Norlis oi 20 Jepthr. street, Atlanta, is rn active peace worker ar.d .1 member cf the V. M. C. A. at Mcrchou.se he ir. a n)ci;)!;cr of the Onicsa c.-i Pi'A . and sec- 1        of tl'.P Mndent body. I Thr^ush ll'.t- .St'Jdcni Aclivny Com-; " cf Morehnu.se . lie ha l worked in  with the Na- lior.al Student Fecieraticn cf Am- erica In anti-war :.t:. Diirwin Clique of St. Thomas,! Virgin Tsli'iics. and a graduate  year of Morel-.ou.se college. Atlanta (Continued on Pasc 3. Col. 5)                 Atlantans Get (Continued from Page 1) Ga., is one of the 18 campers selected ly the American Friends Service Committee and tile Emergency Peace Campaign tc ; to the staff of the Bedford street settlement in Philadelphia Perm. Mr. Creque, the son of Weymouth Crequc of St. Thomas. V. I. is a Danish Citizen. He is a member of the Phi Beta Sigma Fraternity and v.as president of the Morehouse chapter. He Is also a member of the Science and Mathematics Club And was technician on the Maroon Tiger publication. He played on the Inter-class basketball team. This spring lie participated in the Naticnal student League's anti-war demonstrations in Aclantr. This is the third year of the vol unteer work camp Idea, which \va" initiated by the American Friends Service Committee at Westmoreland County, Pa. A group of 50 campers built a central water system for stranded coal :v.iners and their families. in the evenings. classes in social reasearch. concentrating particularly on ihe bituminous Industry were held. Tills slimmer 7 camps in Pennsvlvania. New York. Ohio. Oklahoma and Tennessee are flourishing dur. ing the months of July and AuSust. Philadelphia. the national headquarters of the Campaign lias 2 of these camps. At Kensington near the Cnrl Mackley Apartments built by the Federal Houslim Ad-' ministration with the Hosiery Workers' Union, there is a ca:ni) located in the old Deiitur Mansion. The campers are . labor  industrial problems and at thr same time, grading a dump heap into a fine playground 0  rn ty the neighbor hood, which is largely Negro. On Kater street, is the Bedford St. Community Center. The campers there .-.re' building a modern center and studying set! lenient, cooperatives, :uid relief problems nt night. The Center is'  to open in October Two of the work camps r.re mainly interested in the study of Indiana nice relations . One i-' at Quaker Bridge. N. Y. near a large reservation. The other is located at Bie Jim Mission, Oklauoma. The Tennessee Valley  Is .lie center of study for two other I camps. At Clinch River. Tcnn. one is building dams for  control in cooperation with the TVA. At 3. Homesteads, Tenn. an  town Is being constructed by he TVA and the volunteers for .s and farmers from sub- lands. Tile seventh camp is  at Dillonvale, Ohio., where he campers are building k  center for a .K   .studying coal union ius i project.</t>
  </si>
  <si>
    <t>                                           PHILADELPHIA, Pa--(SNS)-- ... white ... and women are engaged on ... social work ... sponsored by Emergency Peace Campaign.</t>
  </si>
  <si>
    <t>                                           TUSKEGEE INSTITUTE, Ala.--(SNS)--Six Tuskegee Institute tennis players left here July 18 for Nassau, Bahamas, for participation in the Florida Tennis Championships which is on at Nassau, July 20-25. This is Tuskegee's second invasion of the Island, having sent...</t>
  </si>
  <si>
    <t>                                           Specialized Training Vocational Courses Leading To B. S. DEGREE Offered At TUSKEGEE INSTITUTE SCHOOL OF AGRICULTURE SCHOOL OF MUSIC Four Year Courses in Vocational and Full Courses in Hie Theory of Music, in Technical Agriculture. Composition and the Technique of s/       Piano, Voice, Violin, Band Instruments SCHOOL OJ'  !     pj Q a, wUh Spccia) ~-.in- Uar Courses in Accounting am1. Courses in Public" School Music  Administration1 Commercial ing to the Dcg,.ee of Bachclor of Music. Teachers Course and Secretarial Course. SCHOOL OF NURSE TRAINING SCHOOL OK EDUCATION A Three Year Course Leading to a DiFour Year Courses for High School and .  Teachers. SCHOOL OF MECHANICAL SCHOOL OF HOME ECONOMICS.. ( Year  and A Four Year Course for Teaclicrs bE Building Construction, Industrial Arta, Mmne JCcoiK'inics and Homo Demon- Power PInnt Operation and Jourrieyslralion Agents. man Trade Courses. HIGH SCHOOL A Four Year Accredited High School Offering Specialized Vocational Courses Leading to Diplomas. Forty-one Different Trades Are Offered for Men and Women SUMMER SCHOOL SESSION OF TEN WEEKS: JUNE Gth TO AUGUST 15th For further information address: F. D. FATTER3ON. Fretld.Bt ALBERT L. TURNER, ReiUtruTankage* UitHnte. AUbama m</t>
  </si>
  <si>
    <t>                                           4 BANDITS stir cur                 Police Believe Four Responsible For Robberies                 Creating a wave ol terror among Atlantans are four bandits, who employed the use of a tan sedan to make their departure. Several  hold-ups by these bandits were reported to police over the week-end.                 James Jones of 331 Biggers street, reported to police that four men held     "P at the corner of Hunter and Biggers  and robbed him of J9.00 in cash. Jones stated that he could identify  the men. Two men entered the Southland Ice Company and held up Manager Kerlln. In charge of the concern, nnd relieved him of $2.15 in cash The men made good their escapa (Continued on Page 6;    . 7)                 Four Bandits (Conlinuid from Page I) in a brown sedan, according to police 1 (.ports.   Quartet Is believed to be the group that held up Norman Gallinne and Alonzo Gunn as they were walking along Forrest avenue between piedmont and Courtland. Nothing was obtained but line bandits  Galllnn* to run and while he was running shot him in the heel. H. Zimmerman of 240 Piedmont avenue reported Chat someone had swiped his bicycle as it was parked at 608 Martin street. The bike was valued at $25.00. Lanle Burnette, address unknown, reported to police that a woman known only as "Lizzie Mae" entered her room and stole a red coat with black fur and a pair ot shoes valued at $21.50. James Brnton of 317 Merrltts avenue reported to police that someone swiped llis bite while It was parked at the corner of Irwin and Jackson streets. Th* wheel was valued at $30.00. Answering a call at 115 Elbert street, police found Howard OresJiam In the bas:ment of the residence of Mrs. W. W. Bell. Will Walker, 'who lives in the basement stated that hi has seen the man before and that he is the same one who stole some shoes from him some time ago. Gresham was booked on a charge cf suspicion.</t>
  </si>
  <si>
    <t>                                           Creating a wave of terror among Atlantan are four bandits, who employed the use of a tan sedan to make their departure. Several alleged hold-ups by these bandits were reported to police over the week-end.</t>
  </si>
  <si>
    <t>                                           4U Tl lU^iiJ ONLY NEGRO DAILY NEWSPAPER IN THE WORLD UHlttlJtibliMH VOLUME 9, NUMBER 145 ATLANTA, GEORGIA, SUNDAY, JULY 26, 193G pm-_ 'U*</t>
  </si>
  <si>
    <t>                                           Mr. and Mrs. Earnest Williams, of 162 Milton Street, S. W. lets the city Tuesday, August 12, for Savannah, Ga. for a vacation.</t>
  </si>
  <si>
    <t>                                           BB ^bMb* BB BB MbP^B BB kB ~~^^~i I ^B ^~^BbH ^^^ak flB^H BB*Vk IB^K BW^bI fl mHh  H I H I I ^BmI 'flB^BHH BB ^^^bW                 THREE CURS DAMAGED BY mi-null                 Suffers Broken I. or; Youth'* Head Barfly Gashed                 SF.EK DRIVER                 I" in"M ifi i-p I.: Ti'lcnl ' i. .11 N.,  :,. . .it. C.r.-idy .'.il Inll'itvini! Irifllr  O'-r- In llu- i-ity .                 Wi'hf Mnlruip 23, of 122 Clipstnut. w:i:. ;!t.ctl with a broken I'l- li-. :iv . a i. n o clock, i    .~ .1 w nrn'*-. ID. of 5nn Rnhin ui](~.~- . for a i isi.li rl hn-nl. iw:     ,~ around noon. Miilrino'x Injury was the! result of I I hi' .vK of a truck driver u-lvi i-;  upd io nave struck three      * near the comer or Walk-r and Prlers street. The hit-run truck driver wild to Ivivc Ik-ph   the l.p^ts . '..   : dnm^crc to the three   ; Injury to Malonc. Mulrmp tc:,s seated in his parked  when i.hr  crashed Ills machine. His lec ~-ns broken Hhllp Me sal.  n iho car, InvcsllcnlIiik ol fleers reported. One of the three c.rs  by the truck driver was the  y of ,i colored woman the officer . WCflefses to the crash. Informed Police that the driver of the truck r.ns .colored.....:.,. Malono was rushed to Grady hos- i      where he was sort to     X- ray rncm by attending physicians i Byo-de Hitler Hurt i Nineteen-year-old J. w. Brooks i of Sims street, ? lo police I reports was  on to a Peach- (rce-B. sl. car when he I  his Injury. The . was riding a bicycle and  to i the side of the IroIIey when he Is  to have rode Into the back i ol n truck, causing him to fall to the pavement. Bronlts suffered a V-  . the heart and  about the fare and nrms. He was examined and ,! to Gradv The accident Is said to hove occurred in  of 830 Cordon street. Brooks was carried to tins hospital in a private car.</t>
  </si>
  <si>
    <t>                                           Two men were in critical condition Sunday night at Grady hospital following traffic accidents ... in the city limits.</t>
  </si>
  <si>
    <t>                                           TUESDAY. .,   , lil.ili THK ATLANTA DAILY WORM). ATl7.NTA.17a. T'Miifl-'IVi,</t>
  </si>
  <si>
    <t>                                           ATLANTA GIRL CINCHES PLACE ON OLYMPIC TEAM                 LOCAL GIRL MAY GO TO BERLIN                 Mable Smith Take* National Broad Jump Laurels                 EYES OLYMPIAD                 By LUCIUS JONES                 .Hurling her well developed frame through 17 feet, 9 Inches of space against a strong field of feminine : Saturday, July at Providence, R. I., on the campus of Brown University, Miss Mable Blanch Smith, of Atlanta, , graduate of Booker T.                 High School and former student of Atlanta University Laboratory High School, earned herself a place on the women s Olympic squad and won the plaudits of a corps or well known Eastern sport writers. She now holds the national women s broad lump title. Miss Smith, however, did not end the good work at that point After her best leap, she substituted for her , Miss Lula Hymes, also a graduate of Booker T. Washington High School, on (Continued on Pag* 2, Col. 6)                 local  i (Continued from Pag* 1) the quarter-mile -relay  which also -won (i place on the Olympic roster. The Atlanta girl will Miss Hymos completed their freshman year it Tuskegee the past June and. providing they continue their conscientious training and application, arc destined to be two of the greatest girl athletes ever tc graduate from Tusfcegee Institute. At the same time Miss Smith subbed Miss H vines on the 440- j yard  team. Miss Jessie Abbott, daughter, or the Tuskeuee conch. Cluve L. Abbott, also substituted for Miss Vesta Crayton. The winning quartette was Gertrude Webb. Jessie Al'bott. Mable Smith, ami Jennettc Cipsoti. (Sre pictures on today s sports page). Althcugh her  for. Tuskegee has been restricted to broad Jumiiin'e and  for Tuskegee. Miss Smith had an enviable record as a high jumper nt Both A. I. 0. Laboratory High and Washing- ton High. Miss Smith, who resides with her parents fcn Parsons "street here, boasts what is generally  as a wonderful athletic: temperament and possesses :i  coolness under lire. The AtlnntH sensation broke the j old TuskeiiOi; women s broad jump record In 1 1" last annual relay carnival at Tuskegee In May and. :.l i ho ~) lime, is ; at 18 fi-el. I</t>
  </si>
  <si>
    <t>                                           Hurling her well developed frame through 17 feet, 9 inches of space against a strong field of feminine competitors Saturday, July 4, at Providence, R. I., on the campus of Brown University, Miss Mable Blanch Smith, of Atlanta, Georgia, graduate of Booker...</t>
  </si>
  <si>
    <t>                                           Un i on 's Site e Is' Too Much; Fatsy Walks Out                 LITTLE ROCK. Ark., (ANP)- Paying a 10 percent federal tax. n two percent, state tnx, and a three percent tax to: the white musicians' union \vas all- right, but.   $98 to the union Tor nn "unseen-. orchestra" was too much. So 300 white persons who hn:l gathered at Clndcralla garden in Fair PRi'lc Wednesday night did not hem' Pats Wftllcr and his celebrated orchestra. According1 to James Bryant^ manager* of the piano star^-a union representative at the last minute                 demanded  Brynnl pay for a '-ln" orchestra al $7 a man for every mnn in Fate' bawl of 14 musicians. nils stand-lii-. of course,, docs not play nnd serves  to  union members. Bryant declared lie. never before had been required pay for a stand-in band on a one night stand and the deal was off. Ho and Fats Waller and his orchestra packed up their Instuimcnts and marched away as the 300 early arrivals wondered why there was no dance.</t>
  </si>
  <si>
    <t>                                           NORTH CHATTANOOGA BAPTISTS CLOSE 62ND SESSION i                 CHATTANOOGA,                 SNS                 The Baptlat Association meets to I North Otaattanooga. Rev. Tumor, I Moderator.                 The 62nd Annual Session of tiv N. C. C. D. Association will con vene at the Bethlehem Baptl:. Church In North. ChattaneoBf Meetings will be held from An?- ust 18th to the 23rd. The Moderntor. Rev. Turner has as his motto, "Honesty has No Defeat". Hi Is closing his Second year as Moderator. As a pastor Rev. Turnei stands among the first rank, hnv                 Ing been  of New Zlon lot Bcventccn years. He hns   b!1 the National gatherings foi many , taking part In many branches of the Denominational work. It Is generally conceded by those connected with the local Association, that Rev. Turner will be re-elected to his position. The B. Y. P. D. group will mcel Thursday. Mr. I. A. Birdie. Prcs The Sunday School group will (Continued on Page 4; Cot. 6)                 North Chattanooga (Continued from Page I) meet Wednesday. Mrs. Harper Is the President. The Women's Missionary Branch will hold It* sessions Thursday, Mr. M. M. Younj, President. The General Assodntton will hold its sessions Friday through Sunday. The General Theme of the meeting will be Tlic Wonderful Christ." I The Annual election will be held                 Friday afternoon, tC Is expected that this gathering will be the largest In the history or the Association,</t>
  </si>
  <si>
    <t>                                           The Baptist Association meets in North Chattanooga, Rev. Turner, Moderator.</t>
  </si>
  <si>
    <t>                                           U. S. Senator Views Negro Exhibits at Texas Centennial                 United State*. Senator Joseph F. Guffey of Pennsylvania who visited the Texas Centennial Exposiwi. Dau?8.l?8It.T,    '"11 RTeBtly '"'"- in the Negro Hall of Life and Culture. He viewed the exhibit* which vividly demonstrate the progress which the Negro rate has made in America during SMS? ?   .y y?Z' B" 'he  rt,U/e 8h0Wn Ch"''s E- Ha" of          . Pa., specialist on XeRro SUtl.    ; left to right Senator Giiffey, Professor Sam W. Houston of the Exposition, C. P. Johnson. AMBlant in the Cejwas Department and A. Maceo Smith, Assistant General ManaKer for Nccto ExN MnJSL e8   "d lhr0USh      "nR by Je*S* 0- Thomas- Manager of</t>
  </si>
  <si>
    <t>                                           The pastor will deliver a special sermon at this church Sunday night. He will speak from the subject. "What Is Hell? Where in Hell? and Occupants of Hell," promptly at eight o'clock.</t>
  </si>
  <si>
    <t>                                           YOUNG BAPTIST DIVINE                 ItKV. V. S. NEAL i -fiery   divine. ~-~:u is destined in Ixvi'inc    : of (.:;i;i".s ( "im.-ii of ilu- ." 1 f i.-'thr respected  in [lie l-  P.apti-t , ICa.M I'u'r.n. Ga. Many style him as an evangelist  of ;. In a recent .-ermon, he declared that we  lie "convinced,  and converted."</t>
  </si>
  <si>
    <t>                                           BORDER . IN ACTION                 George O'Brien       the role of one of Uncle S ain't border put- j  in the action film, "Tho Border Patrolman," which opens weck t engagement at the Capitol today. Eitfht acts of vaudeville *rc offered on the  tage, i</t>
  </si>
  <si>
    <t>                                           Nature's Herbs Produce Health Tim / Chinese Herb, and' Root. ^^     ^^   ed by Dr. T. Y. Young, Jr., have        " JM^^IBkiS known.       nd proven       (u[ for fB^VI .. They have been uted for 26 'Iw^SPlMvl ?"r* "*ht bt"~ Atlanta. Tte.~ V-      "  nd    nd ^?~ft@Bfei 5 m treatment of trouble, of     ,      ^ Stommch,      , Liver. K\in,yt, Blood 'f ."^B^^at^l Poiton,           , Catarrh. Wwk. t^JK^^K'"1^ 5*"1'        . TroubU, Sa^tt"' SWkS Con*~'  *    . AppendlcitU, 3Wn OU ~^^K^V^Bf P'm le Trouble, Coldi, Cougbt, Special attention  mail Ordart. DOCTOR All Inquirle. promptly . Why T Y ' lvi JUffer.when you can  ot relief? FAMOUS HERK ^V?100^ CONDITION OF YOUR SPEcVflW? B0DY CAN BE RECTIFIED. Wky Yrl ta  r b. di.~.ur.,~l7 Herb r.2,' ATLANTA" M ALE ^R PEM^^XlL  0R w lTE n n % a DR. T., Y. YOUNG, JR. WITH ORIENTAL HERB' COV Ji2"    :i'"**l-o*fi^ NA^    RHVfelW"        .Srood    .       '^             AllrfWa, 0* Dally Hoani A. M. la P. M.</t>
  </si>
  <si>
    <t>                                           LONDON, England -- (ANP) -- When Miss Maudette B. Bousfield, University of Wisconsin graduate student and daughter of Mr. Midian O. Bousfield of Chicago, one of America's most widely known medical leaders, and Hilton Hanna a student of Journalism at the...</t>
  </si>
  <si>
    <t>                                           Sacrifice Prices On -15- PANEL TRUCKS Fords Che vro lets Dodges '/2-Ton and 1-Ton Prices Rungi'iiK From $95 $395 Open Evenings 'til 9 :,",0 Frost-Cotton Two Locations: 450 Peach tree WA. 9073 263 Spring WA. 9Q75</t>
  </si>
  <si>
    <t>                                           Downright racial prejudice today prompted The Times to withdraw its champions from the national marble tournament at Ocean City, N. J.</t>
  </si>
  <si>
    <t>                                           FREE TRIAL PROVES SensationalNewDiscovcry GROWS HAIR ~$8H ln3QaickStages '35 vC*  rtr mad* for gnw and * ~;   .  V  that actually will      .  hair u Mnn day*; Asdyoo \t*                *     M-tX *                    .Ur.     SttUSfl - L-     CTrtti?!~lu3;Batr.^BBa       )                ].. MVB , kinky hair tanu into Ions. BfflgK tr*     .*v. WafgaylyM          aiid  . SUM ^Hi s.~ oii rS3 f^rV PAY NOTHING HOW Znd Mage  F,MTriil     ! ^BmSL   '"'        Mimit, rn i^^ft Mail     " RiV/**115^"^                UV' IV Mtar(                  (  * W Stage ES'ffif.w.W'iJsr''* t  D^-</t>
  </si>
  <si>
    <t>                                           Ethiopia's Outstretched Hands By It. II1.U Ethiopia stretched  her linnets ntid prayed: Ood. son if me Iroin mine enemies Who from their home afar have ,--rt. Into my native kind to fight: To bring 'thev  me hope and light." Fervently thev prayed, both night nnd   nv. Tlmt Ood would  them from b nicked foe: But lo. the nod of war wnb on his way. With tombs nnd      to kill. 'Innocent ~- nnd children at will. I Then Ethiopln raised her hands .T-i fight against the Ucndly foe. Who came to kill, or die. to win Aralnst the native- of the plain. Against the mountains and the rain.And lion' i hr  . OnMI -in.s in nil thr world: Won  l.. .mil  V.V.     TUS! Virtcry    ;i thr." wn '     "ri^~ t- Ttiivr.1 Tlir so^s     '       With blood-Maiiiitl  of 51U</t>
  </si>
  <si>
    <t>                                           worn dies DF INJURIES                 Mrs. Ida Warner 48. of 458 Strong street succumbed at 13: IS Wednesday morning at Qrady hospital from injuries received in an automobile accident. i The accident Is  to      occurred on July 24 and the deceased is said to have suffered from a fractured pelvis. Officers EngleIjert and Denny were assigned to investigate the case. Henry Howard Funeral Home on Auburn avenue Is la charge of the body.</t>
  </si>
  <si>
    <t>                                           Mrs. Virginia Cade, 569 Myrtle street, will entertain the club today, August 6. The president is asking members to be present as there is important business to be transacted.</t>
  </si>
  <si>
    <t>                                           DANSEROUSi P Proua. minor      . .  c cuu   by *. with a  of Craolla *ad . CrooliaudslMaliaf *         * v dd-  h  Mtd u dj-       .IUtpi..^~ an Bind      for  uw. At  11 drug non* with compUt* ,</t>
  </si>
  <si>
    <t>                                           A woman who gave her name as Annie Harris, 50 address unknown, was admitted to Grady hospital in a serious condition, suffering with a fractured skull. The woman told hospital attaches that someone slipped up behind her and pushed her down, Inflicting the Injuries.</t>
  </si>
  <si>
    <t>                                           Mad at fate and all creation is the girl whose complexion shows up pores so large that it looks like on old cushion dented with pin holes. Make-up is just so much good material wasted, doesn't help a-tall. That the cause of this condition may be an unwise diet, too...</t>
  </si>
  <si>
    <t>                                           Mr. Walter Hicklin will entertain a large number of friends Thursday beginning at five and lasting until ten at his home honoring Miss Lula Jones, of Denver.</t>
  </si>
  <si>
    <t>                                           81 THEATRE + TODAY "SPECIAL AGENT' with RICARDO CORTEZ, BETTE DAVIS Andy Clyde Comedy, Newt ROYAt THEATRE* UNDER TWO FLAGS" With Cl. Colbert,        , Victor McLaglen ASHBY THEATRE* THE PRISONER OF SHARK ISLAND" With WARNER BAXTER Todd. Kelly Comedy. Newt  "Slik!   - I   -         - "Thr Law In A 110 A0T*-4 Hrr ll.ml." l[  IL 6-L0UIS Official Fight Wetufi</t>
  </si>
  <si>
    <t>                                           Hammers have been ringing and paint has been spread on St. Luke A. M. E. Church for the most of the past week, as the pastor, Rev. E. F. Ridley and his gaad members weather-boarded and painted their church, which is a great improvement.</t>
  </si>
  <si>
    <t>                                           RITZ Deintur, Git. Lot Timei Today WHEELER WOOLSEY THE NITWITS Edmund       I       n II               " j\ W VOUyil.</t>
  </si>
  <si>
    <t>                                           PRINCESS NAOMA PALMIST ^^^H^^V^   a gifted palm^^^^KV^^^^^I i3t and life ^^^mI^Bi^H roader, read.1: ^^H^LjB^Hj your hand 'ike ^^   \V7kj! an  Pcn book, i^ tc"3 past' prcs' L^^MBBhh^  nt anc!  WvsBI She can Help A  4 {,          no matter ^K Vmt UUw hat your ^^k Jf mJU    '   t B u.t, I^^Kf^ trouble or amHI^BfI^  may be. She will answer any three questions you may ask. How to have good luck, win the one yon love or any wish or desire. One visit to this gifted woman will convince you. Princess Nooma will give you a full 52.00 Reading for 80c for a limited time only. SatWactlon guaranteed. Rooms for colored. Hour* Daily and Sunday 8 a.m. to 9 p.m.  your lucky daj B. !?38    Marlete* 91., N. W. took for Palraitl Sim. One block   .~      Plon.h F.ctor*</t>
  </si>
  <si>
    <t>                                           Culminating a colorful romance of six years, the announcement today of the betrothal of Miss Winfred Belle Johnson to Mr. Lucius L. Jones commands the interest of friends all over the south and the nation as well especially in newspaper and athletic circles...</t>
  </si>
  <si>
    <t>                                           SO-GOOD HAIR GROWER ^   . A QUININE POMADE jd^^^^k Grow,  onj, ,oft, .  from 1 to ^^A 2 '"che. per month. Recommended by K$  ^^^^A doctors for Tetter, Eczema. Fulling Hair RM^^H Itching Scalp. fcDS^^^B SO-GOOD HAIR STRAIGHTENER InSyS^^^^H Staighten. any  of  rough     ^HV hair without Hot Pulleri, or Hot Comb* 1 ^^^^^^^DH^k '*    ^ .mooth. ^^B^H^HfiS^ Send Money Order or Stamp* IfPl^aHaH SD-      Hatr Grower 50c I^ So.Good Hair Strajghtener SOc Wr?-^. .rw^*w^. So.Good Men'. Hair Straijhtener SOc Sold by Mail Only So-Good Coco Soap ISc 10,000 Agent. Wanted So-Good Skin Whitener 35c Write for Term. Other Toilet Article. on Circular SO-GOOD CHEMICAL CO., iS Fair St., S. E.. Atlanta, Ca. I RED SEAL CHARCOAL THE IDEAL FUEL FOR- WASHING, IRONING, BROILING CANNING and PICNICS -SOLD BY  STORES</t>
  </si>
  <si>
    <t>                                           TERROR STALKS COLLEGE YOUTH IN THRILL FILM                 Excitement and I'-ntl iivi '.n ihc oncr- cuu.ini- c!      ::ili' College as -i .. h kili i hike.'-, in Psirar..l-'.s "Oollr-c Scandal." ilio  murder  ry which   to Hie Lincoln Tliontrc. The r.ictm c.  n .:; Wendy D;. Eimlish "" ic Anici'ic.'in . and l  Kciu Taylor. Ailirc Jiid^c. EUiUr Nmcnt and William Frauley. i:; n li i'l blond oC Uockcr. comedy and . Tm mui dcra lia T been   the once (inlet cr. cl I lie collo;c and in both Wendy  Ls ."~Rnichcw implicated. Ev.n Kern Taylor, llu- chemistry :,i.: who Icvo.. the k'1'!. is pu:':r!cd. With the -'id of his Mst.T. Ai'linr Jnd^e he sl' p. imr.ivi.-liii j Hie m.vr.lery .; the :;.-..</t>
  </si>
  <si>
    <t>                                           NEW KAYCEE PRESIDENT CHOSEN                 Dr. S. McPherson Lain? Selected After Enviable Career                 NOTED PASTOR                 KNOXVILLE.                 Dr. Samuel McPherson. Lain? was recently elected president of Knxvllle college. Through his education and service Dr Lalng has been closely identified with the work of the United Presbyterian Churdh for a number of years.                 He was a graduate from Muskingum College in 1912. Some years later, he was graduated from the PIttsburgh-Xenia Theological Seminary. After graduating from college, Dr.Lalng spirit four years as teacher In Asslut College, a XT. p. mission college In Egypt. He spent his summers In travel and study in Europe and Palestine. He has pastored various United Presbyterian churches, coming to the College from One Second United Presbyterian church, North Sid*, Pittsburgh, where he has" served for eight years. The congregation of this  donated the       for the erection of MacMlllan Memorial Chapel. It was this church with which the Young family was connected. Prom the Young estate  College was the beneficiary a' few years ago of twenty thousand                 Dr. Lalng Is a member of the board ol trustees of Musklngum College and serves on the advisory board of Asslut College.- Dr. Laing has a family consisting of wife and two . Mrs. Idling Is a graduate of the University of Pittsburgh and a graduate student of Columbia University, and has taught Home Economics her major, at MuskUiiffum college.</t>
  </si>
  <si>
    <t>                                           Dr. Samuel McPherson, Laing was recently elected president of Knxville college. Through his education and service, Dr. Laing has been closely identified with the work of the United Presbyterian Church for a number of years.</t>
  </si>
  <si>
    <t>                                           WALDEN and HENRY      -~t-Law General Practice in all Court* 141 W Auburn Ave. WA. 3536</t>
  </si>
  <si>
    <t>                                           81 THEATRE + TODAY BOB STEELE IN "TRAIL OK (TERROR" 3 Stoogei Comedy Chap. 7. Rex. and Rinty ROYAL THEATRE+ DICK POWELL and RUBY KEELER in "COLLEEN" Bargain Day, All Seati 10c Laurel and Hardy Comedy ASHBY THEATRE* PAUL MUNI in "DR. SOCRATES" Chap. 8, RiMtlers of Red Dog</t>
  </si>
  <si>
    <t>                                           Rev. H. R. Thomlin and wife, Mrs. L. M. Thomlin, Mrs. Gussie McNeal, of Washngton, D. C., and Mrs. L. C. Ward, of Cleveland, O., were visitors to Atlanta over the week end, where they enjoyed many Courtesles from prominent persons of the Gate City. They had...</t>
  </si>
  <si>
    <t>                                           Mrs. R. C. Rutledge entertained for Mrs. C. M. Lennon of Knoxville and Miss Mary Robinson of Atlanta with a bridge party Monday night at her home on Hamilton street. Guests Prof. and Mrs. Warner, Mrs. ... Graham, Mr. Forrest Kelley...</t>
  </si>
  <si>
    <t>                                           RED SEAL CHARCOAL THE IDEAL FUEL -FOR- WASHING, IRONING, BROILING CANNING and PICNICS -SOLD BY ALI GROCERY STORES</t>
  </si>
  <si>
    <t>                                           ED6EW00D MARKET 258 EDGEWOOD AVE. Look for lhe Yellow Front. Don't be milled. Be sure you are paying  . Prompt Delivery WA. 9709 Loui. Kingiton, Mgr.      Croaker Ait FISH,lb. 4/4C Boiling 111 BACON, lb._Ai/2C EGGS, doz. 231/2C Smoke t\ LINKS, lb. 1Uc Fancy T-Bone 1    STEAK, lb.</t>
  </si>
  <si>
    <t>                                           400 Meters Trio Smiles                 One Briton and two Americans won the three places in Lhe always spectacular 400 meters run. Left to right: Godfrey Brown of Great Britan, second; Archie Williams of University of California, first; and Jimmy Lu Valle, Southern California, third. Lu Valle aside from  one of the kings (if '100 meters is a I'hi Heta Kappa man. His scholastic  equal those he has set on the cinder  and his averages for lecture courses exceed those of any other member                 on the ].}~3(i U. S. Olympic team. (Inlernalioti.-il News Photo) j</t>
  </si>
  <si>
    <t>                                           Mrs. Ida Kemp and Miss Charlie Mac. Holland of South Atlanta have returned to the city after a very pleasant stay Chicago, Ill as the guest of Mr. R. L. Kemp and Mrs. S. W. Holland...</t>
  </si>
  <si>
    <t>                                           FUTURE LEADERS OF YOUNGSTOWN are these little fellows, attending the Kindergarten clauses at Butler's Memorial church. Mesdames                 Colenuui and Smith are the instructors. (Blackburn Studio, Youngstown, Ohio).</t>
  </si>
  <si>
    <t>                                           GIVE GOODS  AWAY T If 1 1          AvMt    . Bit Mnn Unas Thinci       Be Successful Wtlu lod.r Io, ,,.nn bit moo.r       plan, frc* unpin Magie Numl-, In.M, Rortttl Hiir Dr.^inn. K.. L.bot* . D.pl. P. G. 10, M.mrb;..     . FREE COURSE IN HAIR CULTURE Including Diploma by Mail. Write Cuban Cosmetic Co., Box 5315 Chicago, III. TAXES PAID! REPAY ON YOUR TERMS L. B. Paschal TAX SERVICE 314 William-Oliver BIJg. WA. 8634 3 Large Bags Red Ash Coal SJ.OO Red Ash Ky. Lump S7.25 Red Ash Ky. Round $7.00 Carroll Coal Co. 134G Gordon St.. S. W. PHONE RA. 5181</t>
  </si>
  <si>
    <t>                                           In this event St. Paul is one of the great apostolic examples of the Word of Jesus when He said: "Greater works than these I do, shall ye do because I go to my Father." The test of all the Apostles was to become to the people, in going about "doing good" just what the Master was to thtm in his historic body." "A bundle of sticks" in this case gathered by the great apostle becomes the miracle of saving grace unto a hitherto wild folk who had not before heard of Jesus, and henceforth turned the Island of Melita...</t>
  </si>
  <si>
    <t>                                           Much has been said about the possibilities this season of the Morris Brown eleven which meets Allen University here at Ponce de Leon park Friday afternoon. This scribe was able to corner the man of the hour at Morris Brown, Saturday morning in his office where he was meditating over his squad just before a long scrimmage that was held in the form of a regulation...</t>
  </si>
  <si>
    <t>                                           V SOCIETY + IN THE SOCIAL" REALM + CLUBS +</t>
  </si>
  <si>
    <t>                                           IWiJjjITiTJ ON THE  MR KM Nmfty! GEORGE 'Swlnc Time O'BRIEN Vodvil ]     * "It. Horter I-         -1 I'Hrelnam" V D V 1 L EXCLUSIVE Tha Ver; I^ Picture! DIONNE QUINTS</t>
  </si>
  <si>
    <t>                                           Supremacy of Service TO: Montgomery, Mobile, Gulf Coast, New Orleans, Texas, Mexico and Pacific Coast is experienced when traveling West Point Route For schedules, rates, etc., apply to ticket Apcnts. J. A. HIGG1NS, C. P. A. WEST POINT ROUTE</t>
  </si>
  <si>
    <t>                                           Verdict Is Sought Against Bud Reese                 A Jury in Superior Judge pomeroy s criminal court today is expected to return a verdict In the case of the Stute  Bud Rcosc. u murder trial In which the defendant is  with the  stabbing or Thomas Gabriel       ; March 22, of this I                 . The trial readied the midway point Tuesday evening at 4:45 oclock. Assistant Prosecutor Andrews, for the state and Attorneys Jesse B. Simmons and Claud p. Brackett, representing Reese, concluded questioning of witnesses shortly after 4 o clock. Reese took the stand and spoke in his own behalf at 4:16 o clock. Defense and State arguments will be presented to -the Jury this morning. The state. In effort to send Reest to the electric chair, contends that Rcc.~? stabbed Qunvterman at a  where gambling was In progress and then lied to Alabama. The actual stabbing took place March 22. with the victim dying a few hours later at Grady Hospital. Quartennnn was knifed in a leg. An Indictment, charging Reese with the crime, was returned by a PuVion County Grand Jury April 24. The defendant was arrested In August In an Alabama town, a few mibs out from West Point. Ga.. it was brought out in testimony at the trial Thursday. Wearing a black flap to hide his left eye. which was made blind when struck with a rock several years ago, the youthful Reese in ii very demonstrative manner declared "On the night Quarterinan was cut. my wife and I were walking home when Quar: approached me and asked to borrow sonic money. I said. 'You haven't a job mid you won t be able to pay me Imck.' "After he continued to ask for money I pulled out a hair dollar     told him I would let him have  cents. Quarterman told ir c he would go up stairs and get the change. "My wife and I waited quite u while, then I decided to go up nnJ 5U my money. There werc several persons In the room gambling (Continued on Page 4, Col. 2)                 Verdict Is i (Continued fr*m      1) at cards when I went *ii. "I asked Qunrtf.  for my I money. He refused to jive it tc me. Then. I tool: my fifty cents from the  and gave him the twenty rents. "I  a little after that and when I begun to lose, I noticed several cards ou the . I counted the cards in the deck aud round only 48 there. Quarterman then said. 'Go on and play and If j you find me cheating       . Til give hack your money." Reese declared that after gambling attain he found that Quwi terman was slipping cards in his sweater . An argument foli lowed when Quarjterman refused to carry out his promise. Rpeae told the Jury. i "Qltartennan had his hand in j his hip pocket and started toward:; me. Someone blew out the light. i and I cut the Hrst leg I saw. i j "I had no Intention of  i anyone." Reese sold. j Witnesses questioned in the case were quite stubborn -and had to be j I cautioned by both the judge ani defense attorneys to speak clear- I  s wife and father sat u-lt!i him during the '. The defendant said he went to Alabama because he had to have a job to earn money to care for his wife. "There is no one to take care of her but me."</t>
  </si>
  <si>
    <t>                                           A jury in Superior Judge pomeroy's criminal court today is expected to return a verdict in the case of the State against Bud Reese, a murder trial in which the defendant is charged with the fatal stabbing of Thomas Gabriel ... March 22, of this...</t>
  </si>
  <si>
    <t>                                           A I I^M I M^^^M^t^ i Bffi'ittH ^^LM ONLY NEGRO DAILY NEWSPAPER IN THE WORLD I^IUUAlSflUlLfii] VOLUME 9, NUMBER 151 ATLANTA, GA., FRIDAY, JULY 31, l!)3(i PRICE FIVE CENTS</t>
  </si>
  <si>
    <t>                                           N. Y. MINISTER j MAKES FIGHT ON RELIEF AGENCY                 NEW YORK, N. Y. (By Shirley I Graham)- Rev. Dr. Thomas S. Harten, pastor of Holy Trinity Baptist Church, one of the largest i Negro churches In Brooklyn, New York, aroused by the many comi plaints coming from .scores of relief dependents, led a protest                 rade on Wednesday morning, July 29, through the streets or Brooklyn from Holy Trinity Baptist Church, De Kalb Avenue near Franklin, t.-. the relief station. Dr. Harten was accompanied by ministers of every religious faith as well as by lawyers, doctors and educators. The delegation crowded the relief station, over flowing Into the streets. Even before a  word 'had been spoken the presence of such a mass of Negroes threw the clerks. Into panic. Knowing the many causes for protest, they feared violence. Polioe Sqtud Called A hurried-telephone, call was mad? for police protection. Soon they (Contintwd on Pare 2; Col. 1)                 REV. T. S. HARTEN                 NEW YORK MINISTER (Continued from Page 1                 ""ere seen hurrying up. Bui those In charge were pleasantly surpris"ed at the manner In which Dr. HarUn took hold of the situation. He gave them to \J thore i would he no disorder, that the delegation was composed of some of tbp most respected citizens of i Brooklyn, that they had come  to give the proper respect to t those to whom It was due nnd that they should expect the same treatment in. mum. .Then, in the well-known and outspoken Harten maner. the leader, of the group hurled charges at the Relief Agencies as they were operating all over the city. Dra-' Dlfttically. he pointed out person after person who. though with large families had been dismissed without proper investigation. He also gave examples of persons whose checks had been held up until ,they were on the verge of beur? dispossessed. ^Dr. Hartcn demanded the immediate -reinstatement, of these person! and gave twenty-four hours fttr-the .delivery of checks. Some of tlie. charges were reluctantly admitted. The promise was made that hereafter Negroes would be .given the consideration as  ana  discriminated against in any manner. Of even greater .ee was the promise piven Dr. Jiafteh.that the relief -.  would meet with him and his  In weekly conferences id  y Iron out ! problems pertinent to the colored ^ol Brooklyn. I Rev. Dr. Harten Is considered one of the most courageous, fearless and daring ministers In America. He says. "It- is just as vital                 fcr me 10 make it possible for my people to get bread and meat down here as it is that I should prepare them fcT partaking of milk and honey in the sweet by and by. No need of me preaching about pearly gates and golden streets and bright mansions above when my folks are living in neli In Harlem and are often attacked on Its streets and in Its homes." Referring to the protest delegation. Dr. Harten said as spokesmen. "We are not asking for any special  because we nre Negroes, but we do demand and wll!take no less than equal rights and privileges as J  of this commonwealth." j Dr. Harten has led delegations along wit  late Monroe Trotter Df Boston, to the White House on more than one occasion. Scores of limes lie has acted ns - man of our people before gover- nors, statesmen and judges, a few years ago, when a colored woman, Ruth Brown, was convicted and i sentenced to  In the electric chair .i':d Hi.1 New York courts  her another trial, Dr. Harteu organized our group, saying, "I i do not believe Ruth Drown Is guilty. No woman of our nice has ever (lied in the electric chair In New York State, Ruth Brown shall not die." He mad? his way to the governors mansion and just a few days before the time set for execution Ruth Brown's sentence was  . Rev. Dr. Harten is President of the National Afro-American Protective League. Vice-President of the National Baptist Convention. U. S. A. Inc.. and sponsor of the National P611tic.nl Convention. He is heading up the largest militant race organization In the state of j Now York- an  with the slogan "A New Deal and a Square Deal for every Man. Worn- j nil and Child." C:i Ik N'atioiKil Political Convention i Dr. Hurten has Issued a cn!l for a n:n- convention to be held in New York City. October 1st. 2nd and 3rd to which every religious, fraternal and political organization of the race is invited to send delegates. He declares that afier this convention there will Do i j. New Day for the American Ne"I am urging my peple to vote 1 for the party of their choice." says Dr. Hartci. "but lo put the causes of tho Race before any party. For seventy years the Negro lias been used by these parties to the  of their leaders. I am blaming neither Republicans nor DemI . I am blaming ourselves. I j am lived of being used as a cafs p.i to pull the white man s chestnuts from the fire."                 Make Fight On N. Y. Relief Agency</t>
  </si>
  <si>
    <t>                                           NEW YORK, N. Y. (By Shirley Graham)--Rev. Dr. Thomas S. Hartan, pastor of Holy Trinity Baptist Church, one of the largest Negro churches in Brooklyn, New York, aroused by the many complaints coming from scores of relief dependents, led a protest...</t>
  </si>
  <si>
    <t>                                           The fast coming Eureka club, held the spotlight Thursday nite, July 30, from 8 till 12 with a swanky dance at the commodious Parish House, located on Ashby street. As the occasion was well waxed, while soft lights gave an atmosphere of romance. The melodies were...</t>
  </si>
  <si>
    <t>                                           REVOLUTIONARY CHANGES EYED BY EDUCATORS                 SUBSIDY IS SOUGHT FOff SCHOOLS                 Other Reforms Will Be Undertaken By Educators                 VAST PROGRAM                 Resolutions proposing a number of reforms nnd extensive improvements in the public and  -ls for Negroes were ad: pied by the Nntluinl A8.~ of Teachers 1,, c o'o-ect Schools, which closed Its 33rd i  meeting JMday  at Atbntl -ifar.                 Outstanding ani.ng the resolution!! was one urging a federal  to aid genera] education, ic be apportioned to the   on Die basis of need and with proper assurance of allotments to s- (or Negroes In  states maintaining racially separate schools. Th? resolutions were submitted by a  headed by President jchn W. Davis of West Virginia State college, and were signed also by President Charlotta Hawkins Brown of Palmer Memorial Institute. Miss Pannle C. Wll. Mains, principal of Valena C. Jouej school, New Orleans, President H. Ccuncil Trenhclm of Alabama State Teachers college, President J. R. E. Lee or Florida A. and M college, and John, P. Burgess ot South Carolina. Expressed In the resolutions were tile gratitude of the association foi the welcome extended by the city, of Atlanta ar.d Its citizens, and the sorrow over the-.death of-Dr. ,John Hop?, who as president ot Atlanta university and as spokesman for his colleagues last summer invited tlie association to meet on. the local campuses. In its expression of sorrow the  said: "Since the last (Continued on      8; Col. 6)                 Subsidy Is (Cc- iroa      I) meeting or tiu association, America has been sharked by the. vising of Jolin Hop;, educator and promoter cf Inter-racial good will. His work as an officer and leader In the program of the Commission en Inter-Racial Cooperation, the National Association for the Advancement of Colored people, the National. Urban League, the* Atlanta Urban League, the Georgia State Council for Work Among Negro Boys, and the National and In. ternational Y. M. C. A. placed him In the fore  of American social endeavor. Elevated 10 the presidency cf an Institution of higher education at the age of thirty-eight he served for thirty  years as college -and university president and as a living example of the ability of Negrces to administer Institutions for Necrces effectively. Meeting as we are In the city of Atlanta and on the campus of the, college and the University he loved so well, It is he had represented the cause of                 fitting that we pause In tribute t-t his memory and that we pledge ourselves anew to the cause for which he grove 'the last V.' measure of devotion i To Insure better teaching, In. ihe rural schools, on which more than half oC the Negro children in  country are dependent for their education, the Association  that all elementary teach, ers be required to prepare for both graded and ungraded, situations, thus allowing them to be fitted for work In the ungraded rural schools, j It was further recommended that' all Institutions which prepare teachers offer courses in training and - for teachers In one- and two-room schools. Need of health education was stressed, and  were adopted that provided for a. survey of health education courses in Negro teacher-training Schools with the view of establishing adequate courses In all these schools. Supervisors and principals were urged to stress the teachers' active participation In health training, disease prevention, and  or physical defects, and to see that immunization of all children against common communicable diseases be provided. in an effort to Improve health, create wholesome play habits and curtail Juvenile delinquency the a: urged cooperation of parent teachers groups with all existing agencies In the creation und maintenance of campus, playgrounds and nursery schools, and cf other proper recreational . Likewise the association approved development of an adult education program through all pos.  organizations, and extension courses In these states In which land grant colleges are locates. To relieve unemployment, the association recommended that work opportunities be substituted for doles as rapidly as possible, with re. sular employment at rail pay as the . To provide children with proper training for work in congenial fields, it was urged that' a varied program of trade; technical and vocational education be pro.                 In all Negro schooR and that popular Information be made available to Negrces regarding types of occupations that are available and desirable. Development of natural talents in the arts was recommended thru the establishment -of courses in art and  for all children in the' public schools and advanced work in at least one Negro college In each . it was further suggest ed th:\. a department of fine arts be created within the association and a committee be set up to arrange exhibitions of art and. otherwise course development of the native creative abilities of Negro youth, in the same , the association, urged that opportunity be given Negro scholars to continue their work In universities through grants-ln-ald from foundations, and through admission to state-supported institutions for research and graduate study. The association in its resolutions further endorsed the idea of more effective pooling of the work of the various agencies that arc now at work in the field of Negro education; deplored the failure of Congress to enact the antl- legislation; urged greater .  by Negroes as Individuals end groups in the federal relief and social .security, programs, and  d Increased study of and participation In civic affairs.</t>
  </si>
  <si>
    <t>                                           Resolutions proposing a number of reforms and extensive improvements in the public and private schools for Negroes were adopted by the National Association of Teachers in colored Schools, which closed its 33rd annual meeting Friday evening at Atlanta university.</t>
  </si>
  <si>
    <t>                                           Reed Street Baptist Church will stage a "Cooperative Style Dinner," Tuesday night, August 25, 9 o'clock. According to Deacon L. D. Keith, president of the Atlanta District BYPU Convention and a prominent official of the church. The Reed Street Baptist Training Union is...</t>
  </si>
  <si>
    <t>                                           A sight view ol the VS. Capitol building fruited in the 6m Jipaneie cherry Moawnli of the . The cherry  add 10 the                 tie* in dw  daring the EiMer Season. (Wide World)</t>
  </si>
  <si>
    <t>                                           Musicale Today At Fountain Home On Boulevard                 Music lovers of the city have real treat fn store for .today at five o clock when several of ths  most outstanding  and Instrumental artists will appear Jn a  at the home of Mrs. J. (ConUnned on Tare $; Cd.'gj                 Musicale Today (Continued from Pare M A. Fountain. 242 Boulevard, N. E. There will also be selected and interesting readings. The musical will be given for the benefit of the rally which is beins staged by Allen Temple A. M. E. Church. Some of the artists who will display their talent are Meselames Hazel Blackburn and Ida P. Henderson, Misses Janie Drake, Mamie Smith. Sarah Bickers. Emmollen Mitchell. Leah Llnder, and Johnson Hubert. Edward Flannasan. Nathaniel Fryo. and Inman Banks. You will miss an enjoyable experience if you do not take advantage of the opportunity to hear these talented people. A silver offering will be taken.</t>
  </si>
  <si>
    <t>                                           Teachers End 33rd Session Held Here                 LAY WREATH ON HOPE S GRAVE                 National Teachers In Tribute To Late Prexy                 IMPRESSIVE                 Members of the National Association of Teachers in Colored Schools at Uio close or their Hnal business meeting at Spelman college Friday morning proceeded In a body to. the campus or Atlanta university.  nd with brier, impressive exercises laid a wreath on the                 grave of Dr, John Hope, late president of Atlanta university and former president of the association. Tribute to Dr. Hope's simple, enduring virtues and his widespread influence in the world of education was paid by President J. 8. Clark of Southern University, and the wreath, borne to the grav: by Boy Scouts, was placed by President J. R. E. Lee of Florida A. and M. college, both o!d friends and .close ^associates," Jn; the;. .field or . education.- Viit Gathered on the  of the Atlanta University Administration building, si- overlooks Dr. Hope's grave, the delegates were led In prayer by President H. L. McCrorey of Jchnson C. Smith university,  long-time associate of Dr. Hope. President Rufus E. Clement, presiding officer of the association, called on Dr.  for the chief remarks. These concluded, tlie gathering sang one verse of "Onward. Christian Soldiers" tind the benediction was I pronounced bv Dr. McCrorey.                 Pointing to the simple,  grave, marked by no stone or shaft, Dr. Cark declared: "John Hope built his own monument, not in brick and stone, which would be material, but in the spiritual life and character of the thousands I of men and women he trained." At their final business meeting Friday morning, the members of the association voted to meet In Philadelphia in 1937, an invitation having been extended by the Philadelphia Chamber of Commerce and the Pennsylvania Association of Teachers of Colored Children. Officers for the coming year were installed, and a number of resolutions, including one favoring a program of federal aid for Negro schools, were adopted. To serve as president for 1937. the association chose as president, Mrs. Willa Carter Burch, of Washington. D. C director of primary education in the schools of  city. She has served this past year as a regional vice-president. As treasurer, the association named Howard H. Long, assistant superintendent of schools of Washing- ton. D. C. Of the six regional vice- j presidents chosen, Mrs. M. Agnes j Jones, supervisor of Negro schools of Atlanta, was chosen for this region to succeed A. J. Polk, of Pa- latka, Florida. j TTie sessions of the 33rd annua1. meeting of the teachers were concluded last evening with a meetIng in Sisters Chapel, Spelman col- lege. at which music was furnish- i ed by singing organizations from (Continued on      4, Col. 7)                 Lay Wreath (Continued from page 1) the Booker T? Waanlngton Hlfh School and the two major  were mado by H. A. Hunt,  to the Ooremor of the IWeral Farm Credit AdmlnlitraHon. and Dr. Bovard D. QMR. dean or  . . Ohio. Pretldem dement - at -thta 1** *. and the   wai.dl-r  by Mrs. Essie M. Groves, teacher of music at the Wnshlngton High School. Features of the program were a piano solo by Miss Sujette Fountain, selections by the Washington High \School female sextette, and by the glee club  t that school. At the memorial services to President Hope yesterday morning. Dr. Clark paid impressive  to thje  reat accomplishments ot Mbrehouse college  Dr. Hope's 25 yours ns its president. No institution-: for Negroes has furnished mora presidents to other colleges thn-i did Morehousc during his yer.i-s theie. Dr. Clark declared, citing the fact that eight men went out from Morchouse in Dr. Hope's time to head institutions or higher education. It was only necessary, Dr. Clark said, to mention two of these Morehotise products to show the calibre of the men- President Mordccnl W. Johnson or Howard .university, and President John W; Davis of West Virginia State college. In  of tiie qualities that made Dr. Hope  ngure in i every Held he worked .in. Dr. Clar:~ said in conclusion: ::HJs greatness could not be measured In  tlon al qualifications alone, but In that great, soul he possessed, his love for right, for truth, for Justice for fairness, and his firm bc'.ief in God. He lived an unselfish W*His associates were among the rich and poor, and like Christ, he chose to be burled in a simple grave like the poor, rather than to be laid away in a granite casket".</t>
  </si>
  <si>
    <t>                                           Members of the National Association of Teachers in Colored Schools at the close of their final business meeting at Spelman college Friday morning proceeded in a body to the Campus of Atlanta university and with brief, impressive exercises laid a wreath on the...</t>
  </si>
  <si>
    <t>                                           LOCAL PIONEER                 THOMAS P. FINI.EY i Well known Ice man of K35 Smith Street, S.W., who lius been :i  Ice salesman for lllc Knight Ice Ctmpany fur ilic pant twenty-five . At the present tlmi', Mr. Flnley is soliciting prospects  Ills local clientele for      new Cool.  Ire Refrigerator*,  in lr.     \ H'Olil.I). Mr. Flnley Is tlic  K'e KHlesinun on the WbI Side and Is highly regarded hy  of thai community. Al the Kniuhl Irp Cuniimiiv, In-, Is  us (lu-ir "ate" ); the  . Actordlni; In the veteran Ice mail, what rp.illy sold him on the new refrigerators wax the fact that he purchased one himself nnd ujs  al its various features. Hr has already sold fifteen of the new refrigerators to West Side matrons wlm ore  over them. Anyone wishing a   nay pet In tou-h with Jlr. Finlnr nr may  either rl' the display . nut KHler still, von   isk  ifc man to explain the  adi 4*^ to you.</t>
  </si>
  <si>
    <t>                                           rr.;,^ Rev. Taschereau Arnold, Editor f</t>
  </si>
  <si>
    <t>                                           iTHE JONES FAMILY                 iBy Brandford</t>
  </si>
  <si>
    <t>                                           News In Brief                 LOUISIANA  U HOLDS ANNUAL CONVENTION                 AUiXAXIJUIA, U..- (ANP)- Hundreds of delegate* ;roin throughout the state journeyed hero last week to attend i,w. annual session of tlic Baptist Young. People's Union, and Sunday School Convention, more than 300 arriving from New (.Menus, Shrcvepori. Baton Rouge and PJaquiinine. James E.  of New Orleans is president .of .the suite, body and R. P. I 'layer hi Shrcvcport is licad of the Sunday_ School department. I'rot'. II. 13. 1'. Johnson of. Chicago addressed the delegates .i1 Xt- Spirituals, l^ist Monday night in the competitive .'i^'. 20 soloist of the state taking part,    '.  won by    . I'.. S. White of  Orleans. James Francis, a blind  fmm ihe s;ime city, won honorable mention. The sessions v.i-ri- held ai Ko.se of . Baptist , 'Rev. J..AV. White,  i:t.-lor and the  theme was "Christ in ihc LJic of Today."</t>
  </si>
  <si>
    <t>                                           First Prize: Lawrence Nicholson, Lincoln University, Jefferson City, Mo. (Unanimous Choice of the Judges); Awards: $25,00 cash, a silver medal, and Woodson's "The Negro in our History."</t>
  </si>
  <si>
    <t>                                           CHARGES POLICE WITH BRUTALITY                 CINCINNATI- (By Thomas T. Whitney for A. N. P.)- Charges of brutality by policemen In    : treatment of Negroes in this city were made by Dr. R. P. McClaln. member the city council, at .1 hearing held by City Mnnngcr C. A. Dykstrn  week. -Dr. MeClain                 said that 11 is common for the police to poke Negroes in the ribs with their maces to make them move on. He suid that policemen frequently bea t Negroes without Jusltncntlon. A mother of live children was recently beaten hn!f to death     two bli* burly . She was absolutely Innocent of misconduct.. He also charged that a  silt upon n table for a half hour i:i a suspected handbook place  by n Negro. Dr. McC'nln suid he saw this jmd that lie went around a corner not more than fifty feet nway nnd near the Fourth District Police Station on West Fifth street, nnd s;iw a handbook (white) operating full blast with some forty-eight persons placing bete. When         pointed out                 an interest In stamping out.  as a root of crime such as pocket picking, , and petty larceny. Dr. McClnin replied that Improper housing, - ment, poor health and recreation i conditions in the Nesro sections ol i the  were the roots of the trouble. "Those things cU ive men i tD do things that nre ." he said. City Manager Dykstru and police  assured Councll.mm McClain   would discipline patrolmen who.  provocation, abused citizens regardless of color. No  or  - ods In law enforcement are to be used by the  . police o. declared llu\v would  orders to the police to use no i undue violence and thai when- j ever there Is evidence of a crime being committed und  is required, arrest must be  und the case presented to Court. This great victory for Councilman McClain nnd the race was given much publicity by the daily papers. Its effect will be far-reaching.</t>
  </si>
  <si>
    <t>                                           CINCINNATI --(By Thomas)--Charges of brutality by policemen in the treatment of Negroes in this city were made by Dr. R. P. McClain, member of the city council, at a hearing held by City Manager C. A. Dykstra last week. Dr. McClain...</t>
  </si>
  <si>
    <t>                                           TUSKEGEE INSTITUTE, Ala.--A gala affair! An entertainment resplendent with color, menu and personalities in honor of Soror Harriet Chenault, was the "Dinner at Eight." In response to Lambda's invitation here Monday evening the husbands and friends of...</t>
  </si>
  <si>
    <t>                                           8  /""\NE of the conditions in qualifying \~E93~\*r.^^~j20GBBStBm\  V^/ for the "American" Party Contest /       ^^r*  %8BB8SQl j?~F is to estimate how each state will vote. To /*MMall*^'L4t*^^EB*E^[/ (f Bl help those who enter, we have prepared a I  "1  2g^^~               tabulation of how each state has voted V'pP^    ^a!               / ft from 1872 to 1932. iSS  This tabulation in useful blotter form is uit^f ^MS^ I Lf ^1 1/ f available to you free at any American Oil /S^;fe^^^i^~j3^WEiW/ fl Company dealer s or station. F^Ep^^^^^ffl^^^^~Wf f. Cas/prize^" it ^Get yOUr MM^^B^K^^^/ I  s I mp^ij^^m^^Mfm^^M I \'t -Youdon'thavetobuyanything.  g::^Ki^    JFrom Maine to Florida-Stop at Th* Sign of Greater Valifsl ^SsBBBBbB^l AMERICAN OIL COMPANY _lB</t>
  </si>
  <si>
    <t>                                           2B3THI ATI AMTA  XY/nni n "l^Ea: "FI5WWI A LAN A HpiiY  u IHii i41      ^     1 "The Nation's Only Colored Daily Newspaper'* .            VOLUME 9, NUMBER 210 ATLANTA, GA., MONDAY, SEPT. 28. 1936 PRICE FIVE CENTS</t>
  </si>
  <si>
    <t>                                           An Exciting Event for Motorists. TODAY Atlanta Celebrates the Formal Opening of the Prior Tire Company's Modern New Home Peachtree At Pine i B ^BMB^MMJ^jS5SjSBS^?5^^ jff^          ^^ TTT V '^^    ^^ba^^^U I Ij^s  .-yis.'Slsn! sT^ l^*^rW f mu"ic ^vell into the aight. After dark, huge lamps will  the nation rBk ^W i Come one-come all-there s plenty of room for V?D Wt i ^-^s^^ 0. ,,P,,i,,... I the purchase cf lire or more gallons of motor fuel on opening    , absolutely kree with  vou will receive ABSOLUTELY FREE, a carton containing six of rive or more gallons  r beautiful 9-oz- Sheffield design chip-proof glass tumblers.   ue, a ^{t carton (r .~x 0 oz. class tumblers with beveled  Pricr Tire Company has been serving Atlanta motorists for fit- proof cmb0.-.sed with a beautiful 1 teen vears Each year our business has increased and developed. And now Sheffield .ii. You will be proud k. 1 we have realized our ambitions. To give Atlanta, the finest service station in put Ottae fino Klasst.s On your      -. the entire Southeast was a dream which has been many years :n developing When vou attend the formal opening today .you l;ttI ,.iT wM Z thiS  come true. Our new station is dynamic in design. streamlined tor speedy service. a - hit i the WorW's Fair Cught to Atlanta. a rare combination of modern beauty and practical nt.lity. Desgined bv tha finest engine  talent in America, e reeled on a ,.Iot of ::0 000 square f^e f.11?"^^^ i ^tition has ten six months in the building and represents a tremendous investment. It is complete in  sen.-. of ^     Sd'erfS to render perfect one-stop se^-ice.      -thing is brand-new Our equ.pment not only       I sents the latest developments in this field, but in addition forecasts tomorrows trend. But more important than buildings and equipment an- the men who serve you here. You will find them courteous and efficient       an  in his line. You are invited to join th, gala c,-K ,. today. Cm? for your gift. Come in and look around. Discover what Super-Service  m.ans in the Shmvplaa- of ihc South Where Service Is a Science. PRIOR TIRE CO., INC. Distributors of ^Tl^'l  OOD TIRES- PURE OIL PRODUCTS VESTA BATTERIES</t>
  </si>
  <si>
    <t>                                           ARNOLD--The funeral of Little Juanita Arnold will be held tomorrow, Monday, in Kinwood, Ga. Cox Bros.</t>
  </si>
  <si>
    <t>                                           GREENSBORO, N.C.-- On interviewing the officals of the A. and T. Grid squad the schedule for this season is said to be one the hardest since 1928.</t>
  </si>
  <si>
    <t>                                           First Congregationalists To Hear Dr. M. W. Clair                 The Rev. Matliew W. Clalr, i newly appointed professor of preaching and church administration on the faculty at Oiunmon Theological Seminary, will be tile guest minister at the First Congregational church at the morning services tomorrow. The Rev. Mr. . in addition to being the distinguished son or tl.at illustrious Churchman. Bishop Matliew Clair of the Methodist Episcopal Church, is a leader ol j wide, fruitful and varied  In the field of both education jand religion. His presence in Atlanta means a material                 ening of the leadership In these two fields. The members of the First congregational Church invites Its friends to worship with them tomt  and share  them th? inspiring and Informing message which this well prepared and consecrated messenger is bour.t! to trMB. Al four o clock la t!:e afternoon in the church auditorium, the Baby Contest which has been  by the Women's Missionary Society, will     brought tj a close. All are Invited to hear the special  which will mark the close of this Interesting project.</t>
  </si>
  <si>
    <t>                                           A great revival is being conducted at this church by the Rev. S. E. Gore of Atlanta.</t>
  </si>
  <si>
    <t>                                           MAN KILLED WHEN PUSHED FROM MOVING TRUCK1                 WITNESS MAY PROVE MAN WAS HURLED TO HIS DEATH                 By JIMMY PERRY                 Clever detective wurk on tlie part of city Detectives En/ and Denny solved what was expected to have been a hit and run accident but later discovered to be a murder and resulted in the arrest of Willie Pettigrew of 37 Howell Street, who is beine                 held on suspicion in connection with the crime.                 William Baker of 51 Bradley Street, the slain man, was brought to Grady Hospital early Tuesday morning by Pettigrcw, who is reported to have told hospital attaches that Baker was struck by a small                 coupe traveling at a high rate of speed. Pettigrew stated that he was standing on the corner of Frasier and Fulton Streets, the scene of the crime, when the mysterious auto came through and struck Baker. He said he called      Wilson of 42S Connally Street ind took the deceased man to Grady Clinic in Wilson's truck.                 Upon arrival at the hospital Baker was round to, have been suffering with a broken back, broken    , fracture of the skull, other Injuries^ (and d{?d a short time after  admitted t0 the hospital. When questioned Wy Detectives Englebcrt and Denny, -,who were assigned to the case, Jack Wilson, is alleged to have signed a sworn statement, charging Pettigrew with murder. According to police records Wilson stated that Pettigxcw pushed Baker. off of his truck Into the car, and It Is alleged  that Wilson said be heard Pettigrew say he                 os going to get Baker. Pettlgrow was arrested at 2:15 yesterday by Officers Coppenger and Kail and booked on ,a charge of suspicion. The case will be presented to the Grand) Jury Friday. The G. Henry Howard funeral company, 328 Auburn avenue, Is In charge or the body. Burial arrangements will be known after the arrival, of the victim s parents of Columbia, S. C.                 62</t>
  </si>
  <si>
    <t>                                           Clever detective work on the part of city Detectives Englebert and Denny solved what was expected to have been a hit and run accident but later discovered to be a murder and resulted in the arrest of Willie Pettigrew of 37 Howell Street, who is being held on suspicion in connection with the crime.</t>
  </si>
  <si>
    <t>                                           SUITS TOTALLING $15,000 AGAINST PILGRIM, SOUTHSIDE TAXI HEAD                 I S. \y. Wnikrr or 73! Prr-sT Street. SK. mrm^ncv  v    *    :ii i br;mch or Tim Pil^!ini i::     company. ;mrl f;prr;i!nr ul r he SoiUhi-iric r.i.NicHh rn:       . "           n'a.** Mm route/ "1 :t S!.  .M.'iii (   :i5~- suit. Irirrl in ih.~ i-ivil Hi*                 S"i!. W;is Idoncli.'. 3: :   . Mr. '.V; ami his  iCe Mr. A. C Cartrr  his r,ir.*'-\   -   1 sou. Raines V. Cnrt.rr. uf ;s-i Chnprl Street.. The : u .s'.u?. l"r 1!io sum of .OOii lor -.rv,  iv. ecl when lie was rim  i:y n-.i  saW ro havs  ihr properly 01 Mr. VJulkcr'.. v.ilc. :nid the victim s  is si.-ck-nR SS.OOn for t.in.c and M: lnM. during: tiie time Jus .son tv:is In Li:c . Tiie }- tv:i.s ni;i ovi-r :i:iti I - injured on May S. 1'jiH. on Uirkin Sircei nour Cluipci Street. Ed 5:. .said lo l::ive Uccii I                 in Ihr  n: !  ; Sutaii^irie I luxi company, was d ivins Mrs. v.::OkT\s .i." a'.)i'v,i o::.itt\ wh?n 'hr  is j'. t.n h;   : .: tin: .;!. Mr. Cwrtci' wii l li::; ~"Mtlr't ?:~~r:rr- itI ;i : Illf slr.lli ;,:     m:. I  In r*i:i;iiii ):i 1 1 .-r       "  :iin:tl'*I.v :ivt- v.cfi;.s. Thr 1 C: ate Iiftn^ ! hy / I^iU l iii N'.-illy. u-lutc. Sir. Carter ami Ins son were  . -.it. -i ",.      j ' Mus yc;ir. I:u1. ihf  is!       ) !jv Mr. Walk- I cr. j Testimony In jv.i' c"se v..is  Tuesday. An- v:\ll ao j  tin: jury   !inr.-     morn- inf. On Hie s!: l'~       . ^ir. Walker s:ild tin- c:u'  ^u^lcu the Carter boy v.as  Irom i his . Th'.'  uus not used us ;i Uu:k".tb. 1~: .</t>
  </si>
  <si>
    <t>                                           S.W. Walker of 731 Proser Street, SE, Manager of the local branch of the Pilgrim Insurance Company and operator of the southside laxicah company. Tuesday was the center at a ... damage suit. tried in the civil division of the fallon superor court.</t>
  </si>
  <si>
    <t>                                           THEY CAN T 'REMEMBER LAST NIGHT'                 Excitement     ill" . --cs 1m- i'.i' - \ilin I'. l Arnold, Mar' or llu- ui:."!;:'V:l.  - "J  i:m:~.'!ii .I'm" b.n.im-; the uncanny Datny 1 larn-o".. ihf: i.....~   -.:ii..:i- :ii;.i  !uv:il.~i'  tin- wiM-Ul li.i;- 1.-V.-I- kn..v.ii in I 'nivi -i-*- -.tpi-r thriller. "Rcn-. l.:  ! Ni'irht" ~-ii!i i 'nn-Miia- --. -i:n-: mj; a tv.-( rim a; I'.A! l'.l-"    lit AI. U;.v._</t>
  </si>
  <si>
    <t>                                           Mrs. Marguerite Rouse and son Billy, Jr., and daughter Barbara Mrs. Luella Jones Stevenson and niece. Miss Pauline Spivey of Detroit are visiting Mesdames Martha Davison, Bennie Johnson, and friends.</t>
  </si>
  <si>
    <t>                                           The future of the African is in Africa! No matter how disheartening the present may seem, his greatest advance will be made there, nor is he to be daunted by untoward circumstances. In spite of these formidable difficulties, under which less hopeful...</t>
  </si>
  <si>
    <t>                                           ~~-OPEN ALL DAY MONDAY__ fe^       ,fSTS I ,V rfB.vea. ~*m ,wS3     J^HH^          -^SPECIAL on  f Sl-I f T 1 'iJ' C^*'  ST., 8. W. ^^^^-i^ I tti-^ OTn  i</t>
  </si>
  <si>
    <t>                                           GETS PRISON TF.RM AS ARSONIST                 IT. LR ROCK- (ANPi- Wlllla Lee  guilty to arson when Ills  came up inst week In First Division Circuit Court. In connection with n nre last Mnv at a house  by Harrison McPrtce. JmlW McOPhec sentenced Lee io serve one year In Uie penitentiary. Late Flashes ETTORE PREDICTS K.O. PHILADELPHIA- (SNS) -A] FHr-rp. who fights Joe Louis Tuesday night, declared. "I'll knock him out," ns he   up his training session Sunday . More than 50.000 persons ;ire expected to  the spectacle. .S CLAIM VICTORY T.IS1J0X CSN S- Rebel columns are reported to have  d  of Spaniards Sunday. The Rebels, it is . staged a forcing attack on a l ly          .'d army  i In-  between Madrid and Talavera. TI RV RACK .TST8 TOr.F.Uq, Spain- (SNS)- While  gasoline swept the city, the Rebel garrison Itere turned back Loyalist storm troops Sunday. It was the  lime the loyalists have  to rout the Rebels with burning .</t>
  </si>
  <si>
    <t>                                           Many people believe that the preacher should take no part in politics: ... believe that ... should to a limited extent. In part we agree with both sides and yet we believe it all depend upon the motive in the preacher who becomes ... in politic whether he aims to advance in the economical or political interest of his people or benefit himself ... or otherwise.</t>
  </si>
  <si>
    <t>                                           Urban League Fosters Brand New Course                 Due to the many demands for expert Moor finishers arm the Jew persons available to follow the trade, the Atlanta Oroan League announces the opening of a school lor the training of finishers and  or all types of floors. It hns  found that floor                 has become u skilled trad*  that few colored or white, have had the necessary training to skillfully do the work. Demands for skilled  in this new (Continued en Page 4; CoL 5)                 Urban League f  from Pap- li j trf.dc have lar  the sup- ply. This ro irse i.s Ojjen to  t. er 18 years of oge. All interested must register ;~t the Urban League office. 250 Auburn Avenue o:i Monday. Tuesday and Wednesday. September 21. 22. 23 of tilts week, between 9 A. M. and 6:30 P. M. No registration will     accepted at P'lv ether ti:re. Due to limited j facilities the number accepted will j be limited. At the c ose of registration on Wednesday. September j 23. the applications committee j will 1'Iect -I'liosc bes-1 /Jfied to enter the course. Those  I  te ratified i.y letter. I Classes will begin on September i 2S:h at the AuMirn Ave.. Library  will continue Tor six months, i The " is  to all who quali- fy Mr. John E. Nelson, ' and sales manager of the Selis J Cnmnany. ; chemist will be the instructor. Mr. Nelson is well known for his popular classes conducted under the Ur- I ban Leagues annual janitor s j . Accordini; to  at the Ur- ban League. -;his is an opportunity f.?r  a we"l paying skilled  in a field where there is little nr no competition. Those who graduate from the school wt'.l have many chances of brine ?yed. A certificate will l:c  to the CTaduale- of the school which will certify them as  c:! j  finishers. I</t>
  </si>
  <si>
    <t>                                           Due to the many demands for expert floor finishers and the few persons available to follow the trade, the Atlanta Urban League announces the opening of a school for the training of finishers and refinishers of all types of floors. It has been found that floor...</t>
  </si>
  <si>
    <t>                                           LOOT CHICKEN HOUSE                 The chicken house of Otto I Ealy, WO Krnscr Sheet, wus j looted Friday  and 25 white  stolen, police were noli-  Saturday. Mr. Ealy said tho  thieves tore tlie loek from the coop to (join entrance. Lorcnza       . 2.'t!i Sciplo Ton are. asked police Saturday to aid him in finding three automo.  UroH stolen from his car Fii. j day .</t>
  </si>
  <si>
    <t>                                           Sunday was women's day at Summer Hill Baptist church, and the services were interesting the entire day.</t>
  </si>
  <si>
    <t>                                           Read Your I Bible                 Br W. H. , I                 The following  from the Bible to misquoted  a million times  week by a million different people. M#rk It well, look It up In Gen. 1149. and be Hire that yea are not one in a million hereafter. "(May) the Lord watch between me and Ihee, (while) when we are absent one from (the other) another." The words In  are Incorrect. Bead Your Bible!</t>
  </si>
  <si>
    <t>                                           FT. WORTH, Tex.--State Director Julian Montgomery of the Public Works Administration to day announced that 477 school buildings either have been built or are now under construction in Texas.</t>
  </si>
  <si>
    <t>                                           M^^J1 Little Brown-Eyed Susan Fare Thee Well1 Fririvl ~-i{ the -- skv,~: When- your :. liau:    ':i fell Ami all their i-nmr:uli'# wei-p. i;'Af il.r.iii^li -pi;"u'.- i":iir \:i!!-y-  ^'.mi .-in ill'  ::li y-'iii;1 -':::.   " j Irani v. !"-~      w;l- v"-m' ln nU r l-lti-mnl pr::  mmi;^. 4 v nur l,i il-Iu i'~r-  i-  s i!i:. 'rin !r .-''ill C;1"W Hi ilu- tt-   it; itii"- M;i! iii l  l] rni;; :i!'iii TIm-v -il id iIh'  by. i.( ''!'V' lili'1' I'.i1' v.n-l'. Sr.vni. i'-u-.- i'~r w.ll. And may I'mul  MH-s Uw\i I Irivii thy li:ir.     in  fair ili-ll 'J'ill ; shall iml  sleep. For Quicker ResultsAdvertise In The WORLD</t>
  </si>
  <si>
    <t>                                           As Landon Charged New Deal With Failure                 "Unshackle initiative and free the spirit of American enterprise" to expand business and employment was the plea sounded at Topeka, Kas., by Gov. Alfred M. Landon, above, at he formally accepted the Republican nomination for president. .Governor Landon called for an end to "this                 for recovery" as he spoke before .a cheering j throng of approximately 100,000. Something of the forceful and serious manner with' which he presented hts points is suggested by this excellent International Illustrated News . shown above.</t>
  </si>
  <si>
    <t>                                           "TARZAN" NOT EASY' ROLE Playing "Tarzan" is not as easy as it .s. Willie James Coffins, 8, of 438 IllUiard St.. learned Saturday when he fell from a tree and cut the left side of his face. He was given medical treament at the Grady clinic</t>
  </si>
  <si>
    <t>                                           Auxiliary Board No. 3 met with Mrs. Robinson, 998 Ashby Grover Sunday afternoon. The next meeting will be held with Mrs. Holt, 638 McDaniel street Sunday. Visitors are welcome, Mrs. Dorothy Robals chairman, Mr. Dorothy Lobinzine rep.</t>
  </si>
  <si>
    <t>                                           I Coca-Cola is pure, wholesome, energy-giving refreshment, containing no artificial flavor j</t>
  </si>
  <si>
    <t>                                           i 31, TtuV. J.bo    . "PARADISE i K.o Or.y SCANDALS" sea 9   *~      C -WrT 8BIG ACTS-8 i      ~..\     - v D V I L</t>
  </si>
  <si>
    <t>                                           FOLK DANCING, AT, PARK BY WPA RECREATIONAL GRQl^BRILLIANT                 Thurwtajr  at twilight found !    tn the Intoi-* and In.   antic* of tho 'Folk DancC                 in  by the children from playground "Folk Dance" . These dance* which .Interpret ibe mr.l of man at work and play  n, different * wore well  and enjoyed with,  .the.* on. 4uly 3rd and 41K. :"Tk.'!r' In Iwii  is present      ili" classes were so  Hiai Lhey prompted the enjoyable :iff:iir Thursday. Tliusc   )c-  wore  the k  r.ship of  Folk I lance  tors: Cruirnian. Dutrh Dance, Mis? t.nla Slank-y Ciay St.," Virginia Reel.     AIkitiioii .McCoylirrriiur St., lla\v:::iii, Jlisn Kuliy f .  , .\      ?). Alias Iliilli.- Smith. Lyons Avc. English. Mrs. Eth .-I Hit iris. WniL'. Irish, .\~iss Mant- Jcmes.  Washington, Spanish, .Miss Clai it-i- .</t>
  </si>
  <si>
    <t>                                           JOURNALIST-Joseph S. Jennings, a sophomore student  f Immanue! Lutheran Seminary, Greensboro, North Carolina, who is editor of the Greensboro                 tint s (Courtesy of Greensboro Cutting?.)</t>
  </si>
  <si>
    <t>                                           Baseball Summary SOUTHERN LEAGUE The Standing! Club.- W L Pel. Atlanta fiX 2K .17-1 Nwdiviiio 40 :i8 .bos Birmingham .lit . Chattanooga 40 43 .-182 Little Rock 30 44 .470 New Orloana .10 4X .'1114 MemphlH 37 48 .4.111 JKnoxvillu 30 62 .409; Yesterday's Result* Knoxvillo It, AUunU 14 Birmingham 2, N'cw Orlean* 7 Today's Cams* Atlanta nt Birmingham ChnllaiiaoKa m Mcinphh Knoxvlllc  t New Orleaim Niiahvillc ut Little Hock AMERICAN  The Standints Clubs- W L Pet. Now York 52 2-1 ,0-IH Detroit 42 33 .500 Boston ..I.'! :I5 .551, \            ii :n; .n::s OlovWaml 4n :ik .31.1 1  :io :iu .180 1 Philadelphia 2   -IK ..'142 I St LouIh 22 48 .iiU I Yeatsrdax'a Results Detroit 0, Wnxlilnxton fi Clvvuliinil 0, .Vww Yurk 18 I ChicaKo 8.        2 I (Only ) Today's Camas I St Limbi at PhiladolphlH Detroit at        (rton Clcvclaml nt Kuw York Chiciiffi* at BoMton NATIONAL  i The Standlnis I Club.- W L Pel. St. I^ IK 'M .l!.12 Ohknjro Ill 27 .li.'SO I'itubuntli 12 :u .nr.:i Cinciniinli ItH 23 .1011 NVw York :i!l III! .  20 I Hnjton ;ili ..~un Philaik- 2K -17 .:I7.1 Brooklyn 21 fi:j .312 j Yesterday's Results jj Pliilndulpliiu U. I'iltxliunrh I! Bcmtnn I. Cinciniinti I I  2. ChiinKn n Xcw York I. St. Louis n Today's Games r-(       :i nl PiUshurKli .Vi-w York nl St. Umis ISruuklyn nl Chicnu'ii j Bonton ut Cini- I</t>
  </si>
  <si>
    <t>                                           TLME WAS THEN ... Coven Whalen use, to pretty up the good ship "Macon" and with a select troupe of 14 karat American "Blue Bloods" thy the way. what'S a blue-blood?), steam majestically clown the Hudson to meet this or that celeb on incoming steamers.</t>
  </si>
  <si>
    <t>                                           AMERICANS NEWEST SWEETHEARTS"                 mimm^m</t>
  </si>
  <si>
    <t>                                           HASH KARRY 162 Hunter St.. S. W. Fresh Pi? Heads ~'-ie Umb ROAjt 1flp Beef       Fresh Pig- Side* 1 t n P,~ Shoulder, J /*C Porlc         -1 C_ Pis Backbone SW'Id'r     (     1 Cp Kib Roast Beef Ljmh Lei* 15C               RoV-nd Slr^U "I 7V2C Loin SlraU Frrsn Pis      1-Ti/ Nocklos Pic.    , VlC Cured or Fre*h Brookfield Cheese Oflp Frc.ill Pork Steak  CUU       Pork Chops S-lb. Net Pail C1 1C Rex Pure Lard 3 WARRENS FRIDAY    SATURDAY EXTRA GOOD- EXTRA PAT LARGE MILK-FED FRYERS u. i7i/:tc t?1r*t for - *       .</t>
  </si>
  <si>
    <t>                                           RADIO QUEEN SINGS AT ROCKDALE PARK FRIDAY NIGHT                 Annie Belle Hunnlcutt, a star of Major Bowes" program, will appear In a  Friday , at 8:30 o clock at Alt. I Calvary Baptist church (Itockdale Park) assisted by the chorus or St. Luke A. M. E. . All candidates for Mayor will 1 lie presented. This affair is be* Ing sponsored by the young: men of all the churches of Kockdale Park. Everyone is invited.</t>
  </si>
  <si>
    <t>                                           GLITTER" ^V^pJ II they toid this little Western heiress! A startling serial of the Park Avenue 'society racket' GLITTERING  .by MAY CHRISTIE Western simplicity met  set sophistication when the I heroine of this romantic story arrived to conquer New York society. Using the weapons of beauty and glamor this lovely girl scaled the social heights. But once there her heart took command and directed her to the happiness of true love. Don't miss this diverting story. It will hold your interest to the end. Begins Daily Tomorrow In i ATLANTA DAILY</t>
  </si>
  <si>
    <t>                                           W. B. X.--I recently went on a trip and when I returned I found things in my home quite different. What step should I take to overcome this changed atmosphere?</t>
  </si>
  <si>
    <t>                                           1?S!    Night and Morning to keep them Clean, Clear and Healthy  R'rite for Free "Eye Care" or "Eye Beauty" Book       ,Dc;l.U.S..U.01 4</t>
  </si>
  <si>
    <t>                                           Rural Tutors' Institute To Open-Monday                 IBe annual  for teachers In rural school* which li conducted each year in connection witli the Atlanta University Summer School, will open on Hondiy afternoon July 6. and continue for ten school days, John P. Whlttaker. director of the summer . announced                 Saturday. The Inititute will be In charge of Benjamin F. Bullock. instructor In rural education In Bpelman and Morebouie . who has directed ths  of the STstltute since Its inception In 1935. Two hours a day will be Riven over to lectures, c'.axs discussions, demonstrations and actual working out of lessons for use in rural class rooms. The general theme of the institute will be: "The Integration of Education with Life in ttv Open Country. TTrc purpose of the 1936 institute will be to discuss   the class room activities or the rural .school can be related definitely and effectively to the life and needs of the people whom It servos, the announcement stated. II will not be the purpose of tlv Institute to teach the principles of agriculture, bin rather the method of adapting tlv work of the c!a.~s room to the Immediate interests and needs of the rural school By means of examples from the study of nature, from poultry production, dairying, fruit and vegetable growing nnd the Ilk", an attempt will be made to show how l!~~ ~.:    teacher can most effectively tench EtiRllsh, reading, arithmetic!, history, geography and the other common branches, nnd at the same time Instill many of the fundamental  cs of successful living in the country. One unit of* credit will be Riven to students who enroll and complete the work of this special course, the announcement stated.</t>
  </si>
  <si>
    <t>                                           The annual institute for teachers in rural schools which is conducted each year in connection with the Atlanta University Summer School, will open on Monday afternoon, July 6, and continue for ten school days, John P. Whittaker, director of the summer session, announced...</t>
  </si>
  <si>
    <t>                                           Be Sure It's Warren's 195 EDGEWOOD 20 ASHBY ST. EXTRA FANCY ANY SIZE ANY COLOR-  BREEDS FRYERS M JV per pound  Fresh Yara Mixed Eggs, doz. 30c Day-Old Infertile Georgia Large Size White- Eggs, doz. 35c MEAT MARKET DEPT. 195 EDGEWOOD AVE VEAL CHOPa T* STEAK 25o Pure Star Lard 12 Kc</t>
  </si>
  <si>
    <t>                                           COLUMBUS, Ga.-- (SNS) -- The State Baptist Convention is now in session and is very educational.</t>
  </si>
  <si>
    <t>                                           LADIES     That  DOLLY DIMPLE- Hair-Dreatinc ON SALE AT AIL DRUG STORES AND S 10c STORES Nature's Fer'js Produce Health The  Chineie Herbl and Roott { . %^ 0*    fcy Dr- T- Y" Youn*t Jr..           ^MFT^    uted and proven            .f or w^ **iim . Thej  been used for 2fl ^         "fffc* kwe in Atlanta. Thaw J^~rV  and       are recommended and X x J-*mM     ' in treatment of  of Lunf, 1ft JaHh^ Slomach, Heart, Urer,' Kidney.. Blood f ^IkiJjSr Poiion, Rheumatiim. Catarrh, Weakf Jl^^mR'~    , NerrousneM. Bladder Tronbla. V^s^^ ^^^aki Conj., Ap.   '''="    * SUn     ^^^^^^AL^    , Female Trouble, Colds.       . Special attention .given small ,,.  All Inquirlei      "tr*d. Why UUtlUH  when jou can get relief; T. Y. YOUNli, ST. A RUNDOWN CONDITION OF,    ," FAMOUS HERB BODY CAN BE RECTIFIED..     SPECIALIST  ba ? Herb rem- 25    . In  are a natural meana of , ATLANTA MALE OR FEMALE- CAjLL OB .J DR. T. Y. , JIU 3 WITH ORIENTAL HERB CO. f':^ CHINESE HERBS- ONLY NATURE REMEDY -.c', FOR EVERY DISEASE OF -THE HUMAN BODY J'-'^M 133 Edgewood At*. Phonal WAInnt ?U8 AOw^^S D... A. M. to JP, M. ^.t^iM</t>
  </si>
  <si>
    <t>                                           CENTENNIAL PLANS FDR OCT. 19                 Official announcements from the Centennial indicate that elaborate plans are being made for the entertainment of Negroes on tbe event of October 19, which has been designated as a special display of Negro achievements In  fields of education and agriculture.                 This day promises a larger attendance at the Centennial than June 19, and probably will eclipse all time records of Centennial attendance on any day. All railroads are granting specia\ rates of one Sore -round-trip beginning at midnight on the 16th and continuing for 7 days through the 23rd. Special trains are being made up under the leadership of committees appointed hy the governors of several states. The educational achievements will be emphasized by Jie  of several  presidents  have been  and who promised to come. This will also be Uie c!ale on which the annual WileyPntirle View football classic will lie presented in the cotton Bowl. A farmers conference covering the extension activities of the Department of Agriculture throughout tthe southwest is being planned with the Dallas county far-ra- ers acting as host for this meeting. The eight national college fra-  and sororities ore also planning a Joint regional confer- i ence to convene in Dallas. October 17. 18 and 19. The day will be opened with a parade which wl l I be sponsored by the Negro Cham- bci- of commerce and headed by the Negro mayor elect of Dallas. Duke Ellington and his band j will also serve an engagement for the Centennial Central Exposition or. the dates of October 18. 19. and 20. Prom all advance information this will truly be n big day for tlle Negroes of Texas and the nation j (Continued on Page 6. Col. 5)                 Centennial (Continued  Page 1) at the Texas Centennial. CAMPAIGN BEGINS TO ELECT MAYOR OF NEGRO DALLAS According to statement  A Mnceo Smi'A Secretary of tn? Dallas Negro Chamber ot commerce, plans have I'eevi completed for the novel campaign of the j election of a mayor of   "s;ro Dal Ins. Mr. Smith Is a candidate foi this e . running or. the c  ticket which opposes the new doi\l foes. This campaign will cul-  in a general election for Negro Dallas. Oc-ober 15. Cnlv the qualified electors mav vote tn this general election. Each person who would qualify himself for voting must pay his chamber tax at the minimum price of $1.00 which entitles him to a                 "it  In thr Nciro Cham her of Oommcrce. The  started SeDtember 15 and will run for a month.</t>
  </si>
  <si>
    <t>                                           Official announcements from the Centennial indicate that elaborate plans are being made for the entertainment of Negroes on the event of October 19, which has been designated as a special display of Negro achievements in the fields of education and agriculture.</t>
  </si>
  <si>
    <t>                                           SO-GOOD HAIR GROWER ^^^P** A QUININE POMADE /IvfCiiMM Grow, long, ,ofi, . hair from I to ^r^'^RH 2 inches per month. Recommended by P^Hm doctor, for Tetter, Eczema, Falling Hair I ^^H^Rft and Itching Scalp. OflH SO-GOOD HAIR STRAIGHTENER  Staightent any head of harsh rough ^~f^^^^HM hair without Hot PulUrs, or Hot Combs ^^H^^HaH^V and leaves it soft and smooth. ^HHHj^H^v^Mk Send Money Order or Stamp* W''i ''~HEffira So. Cod Hair Grower I.. 50c Kv WSGvPvGBS So.Good Hair Straightener 50: ^R-~-  ". **~raj So.Good Men's Hair Straightener 50c Sold by Mail Only So-Good Coco Soap 15c 10,000 Agents Wanted So-Good Skin WhitenCr 3Bc Other Toilet Articles on Circular SO-GOOD CHEMICAL CO., 75 Fair St., S. E., Atlanta. Ga. NOTICE MRS. MARY V. W00DARD. who is highly recommended by the State Capitol is now with TRIUMPH TRUE TONE SYSTEM, Madam J. M. Jones' school to assist in preparing students for the State Board examinations, in all branches. Phone         9262, 341 Auburn Ave. TRIUMPH TRUE TONE BEAUTY COLLEGE</t>
  </si>
  <si>
    <t>                                           Announcement is made by President W. A. Bell that Miles college, prominent local institution, will hold special opening services for the next school term. These services will take place in the college chapel at eleven o'clock on Wednesday morning. September the 16th...</t>
  </si>
  <si>
    <t>                                           COUPON1" Keystone Lnb.. IVnt: :~Ml-S, Mcinplil.. Tenn. Send me at onco the  .Mak'Jc InceTwe. z  pre*enta and big         ui;     . N'BtJlB 8      "Iltv St.te ^Nf Ifci-T Lock a**  I I IfiiiMlwiH- I Hair DrodnCf Oiatatnl I ^^f^gm^Kp Book ^Ht *Sj31^~s    t*.  u SGisSc to emr Uppini 7     ab No .   . Al^l^t * Aimti offer H '^^^' bo Isdaded. WriU MlfW*</t>
  </si>
  <si>
    <t>                                           The State Medical Dental and Pharmaceutical Association celebrated its fiftieth anniversary at Dallas, Texas, June 16, 17, 18. During this three day session, medical and surgical clinics were held each morning for the physicians at Pinkston Clinic. The afternoon...</t>
  </si>
  <si>
    <t>                                           SOCIETY + IN THE SOCIAL REALM + CLUBS I</t>
  </si>
  <si>
    <t>                                           Rev. Henderson Cautions Against Fear In Stirring Sunday Morning Message                 l ri:tt-!* Siiin!:iy ni"i-mu;; lli.-rit".-'- Wh.-.n Xr.'i-i .-i Iiuivi, In :i :tvi.li-ni'.- which t M  him  i' Uvu ui'.'k^'       '11: Yi'i-k. K'-v. .1. l'.ayl in lli n i'-.-.su-). pti-t '.i-. \.-l.'~,,-,i ij,i- -ct. '"Ki'iir Ni.i. l.     - Kl.ii-W. for il is                 i-r%~ Cc-.d IM-.-.- ;.'   - y..ti j Tin.- Kin-il'.iii.- I  Tins ;!^ni!ior.." ..aid "was Sivi-ii by JvbUb     Ilis  disciples -Jio Urv.- ai!  ;i:arged with lear. Tlioy feared :is. ;x.-rs(.s. being  of Cod. emergencies, economic insecurity, l!ie loss of  earthly I leader." The sp;~     further stated that they r^d ju=:   reasons for fearing. They were a "Little Fiack,"!  in ,  in re- ^,   social nor                 .'.;:si ri[;oii.tl ij.-v.-Iu:-. Thty possess- ~(i :.i, .-y. i:   NOldii'Cs. no wca-   .:i:. "Ji ~.~ A;in..r.- - which i Lir :ji.tl.-!i ;~ov.i.T :^ij  ~"H u: :-nul Homo. WL Ji-mls ., "J-Var Not." '/7i',~ Cor.iir;iiiii!~. the     ;.ii:or s:-id. "  - i sito  rfl a^i- foar for the  ing rt- Fie rf-coi;nte*d iho  01 .     - Wai op-            is seldom :is : as i; :iiv;c:irs.  Uhuu fear paralyses our c. lor schi/?, and thai the issue lie; witli God. It is Iho Father's Rood pleasure to ;ivc us the kingdom and    1 will accomplish his .pre-detc-!d purposes T;-,e sp?ai:jr concluded by show- ing the co. in our day sre quite similar to those of Jesus' day and that the task of the (Cc.        f-   . S, 0 l. 8)                 Rev. Henderson I Con\  on Back Page) , still a minority in society ir. 10 dl-spsl fear and 10 arm men with courage for life. The kingdom us Paul stales it. is not meat and drink- but Righteousness, Peace. Joy in the Holy Spirit. In these days when so  stress is placed upon material well-being and security, the church must remind people that  bread is needful. "JVInn Doth Not Live By Sread Alone."</t>
  </si>
  <si>
    <t>                                           Preaching Sunday morning at Greater Wheat Street Baptist church to a large audience which greeted him after a two weeks' visit in New York, Rev. J. Raymond Henderson, pastor, developed the subject, "Fear Not, Little Flock, for it is the...</t>
  </si>
  <si>
    <t>                                           NEW LINCOLN THE LADY' CONSENTS" with Ann Harding Herbert Marshall HARLEM "CRIME AND " with EDWARD ARNOLD</t>
  </si>
  <si>
    <t>                                           Barnesville, Ga.                 Funeral services for Mrs. r, W'm'jush wh- died  in Massachusetts on Aliens!. 20. were hold .at East Mt. Siniu Baptist church. Bnrnesville. GeorKin. en Wednesday. September :t at three o clock. Rev. J. H. Dewlwrry imd Rev. Cnldwell officiated. Mr. W. B. Grieg was in charge ot the funeral. Besides ,i mother and son who survived were five brothers, and six sifters. O'.it of town relatives who  the funeral      Miss Blanch Dav of New Ycrk. Mrs. E. Dank'i nf Atlanta. Mrs. B. Collier of Chattanoosn, Mrs. C Matthew r-f Macon. Mr. A. Burnette and Rev. S. Bunictte of Dctrc.it. Mr. Z. Burnette ot Ml. Vernon. N.J.. and Mr. A. L. Burnette. Thomaston. Georgia</t>
  </si>
  <si>
    <t>                                           SOUTH AFRICAN COLORED 'MISFITS1 NOT PROVIDED FOR IN RELIEF                 CAPE TOWN iSNS' Tlic British Rovernmanl. in making an  of i. 120.000 and .lOO pounds a year in ft  .scheme fcr -; in the I South African country, railed to i !iia.ko any provision for the  of colored or native .                 The scheme was made exclusively for whites who. owing 10 ill health nr other physical , were unable to obtain employment. Fn ;tti exclusive interview with w. C. Foster, white. Deputy Mayor of Cape Town, n reporter was told: "1 was astounded  it did not apply to non-Europeans. They are half Uic population of the Cape. and the need is certainly more urgent us far as Uie colored community is concerned. I hope that                 Strom;  senta lions will be n:;irie j lo the Government to have this  of nn airs reclined nt the i earlist possible moment. It seems n most extraordinary thin* to nie 1 that :i. should apply on!y to the European section. And ii would ~*m  s if we did not care how the non-European fared, and I feel a!! present would agree t mt it was  in principle to look after ourselves only." In another in:.\ J. Maar- fims..  .arj' of the Cape Penln- I  section, explained thai, though no provision was  at this i state for t-lic oo  people, their  *. not overlooked, i Others expressed the belief that more vigorous protest on the part I of colored people will result in j their bt  included in the social security legislation. j</t>
  </si>
  <si>
    <t>                                           CAPE TOWN -- (SNS) -- The British government in making an allottment of between 120,000 and 200,000 pounds a year in a rehabilitation scheme for misfits in the South African country. failed to make any provision for the hundreds of colored or native misfits.</t>
  </si>
  <si>
    <t>                                           " HOLT ,_^Ia ACTS-I -Ja-  "   .b The Palmer Dononn" GIRLS COLORED MAN S DISCOVERY KIRBY S M. M. Recommended by Thousands Thls remarkable mineral deposit was discovered by a  man while digging a ditch. Klrby*a  M. M. is recommended  as a good natural iron tonic after the recovery of: Stomach Disorders Piles High Blood Pressure- BhenmaUsm Indigestion Kidney and Bladder TroubleSkin Diseases Dysentery Sore Gums- Manhood Female Complaints Sores PeHagru Nervousness Nose Bleeds Sore Throat Personal Diseases Change of Lite. FIVE WEEK S TREATMENT- -Postpaid $1.00 Christian Agents Wanted KIRBY S MINERAL PRODUCTS 15 like Avenue, Union, S. CFive Weeks- Treatment $1.00</t>
  </si>
  <si>
    <t>                                           JACKSONVILLE, Fla.--(SNS)--Rev. J. T. Dorsey pastor of Mt. Zion Baptist Church, prayed a powerful power at the N.D.C. Convention. Many of the people were heard to say, "Didn't that Georgia man pray?"</t>
  </si>
  <si>
    <t>                                           AMES KEF AT DOUGLAS                 By REV. C. A. W1NGF1ELD                 DOUGLAS. Ga.- The Georgia I Conference, the mother conference of the A. M. E. Connection in Georgia, opens its sessions -.. Taesday;  as the' ministers' and lay delegates will be feted j with a wholesome welcome from I the citizens at  at tbe Galnes Chapel church, tbe site of the conference sessions. Bishop W. A. Fountain. Sr_ accompanied by Mrs. J. A. Fountain, his accomplished wife, and conference accountant, and his estimable son. President W. A. Fountain. Jr.. of Morris Brown College, is  to arrive in the city. Tuesday ...- The presiding elders of the conference are Drs. w. P. Sherman. M. T. Robinson. A. L. Sampson. J. L. Butler and B. W. Jor.es. who arc marshalling their forces In an erfort to reach the goal. Thu ranking pastors who wilS make budget reports to the conference will include: Drs. D. W. Stephens, pastor of St. Phillips  the mother church in Georgia): M. A, Foun(Continucd on P*ge 6. Col. 3)                 AME'sMeet (Continued from      I) . St. Phi!    .  and West BroJtd: J. Frank Roscrs. St. .James: S. R. Dlnkins. Bethel, and others or Savannah: Drs. L. A. Townslev Cainos Chap;!. Waycross: J. D Jnudnr.. Mt. Zion. Waycross: R. X,. Smith. Games Chapel. Dousias and C. P. Hobbs. Brunswick.</t>
  </si>
  <si>
    <t>                                           BLOOD FLOWS HERE AS  SLASH                 Brought to Qrady Hospital In a a city cab driven by Frank Johnion, Rufus Ellison of 308 Linden Street     found to be In a serious condition suffering from a deep stab wound In his left kidney.                 According to police reports, Ellson said that ho was cut by a mnn whom he knew . He vns admitted to Grady Hospital where his condition was pronounced critical. Bcrnie Cooper of 179 Houston Street was arrested by police on a  of assault, according to police reports. Answering a call to 179 Houston Street officers said they found Prank Griffin sitting on the steps suffering from stab wounds. Griffin stated that he was cut by Cooper, who In turn toM the - cers that he cut Griffin because he had stolen some meat from him. According to the ' both men had heen drinking. Griffin, was admitted to Grady Hospital where his condition was described as being fair. Stabber In the left  nnd right forearm, Alleene Smith cf 30 Piedmont Avenue was brought                 to the Graay Hospital and found to be ln a serious condition. According to police reports the' stabbings were inflicted by a woman known as Betty Bailey of 86 1-2 Port Street, S. E. The  occurred in the basement of the  mentioned place. According to a statement by Ralph Smith, Betty Bailey came ln and asked Mrs. Smith for a cigarette which she was  and a few words were ! where upon Betty Bailey is said to have cut Mrs. Smith. Smith stated that he took the knife away from the wle'.der "~nd ln so  had Ills shirt torn off.</t>
  </si>
  <si>
    <t>                                           Brought to Grady Hospital in a a city cab driven by Prank Johnson, Rufus Ellison of 308 Linden Street was found to be in a serious condition suffering from a deep stab wound in his left kidney.</t>
  </si>
  <si>
    <t>                                           PIONEER                 J. C. MORELAND A striking pose of  J. C. Morcland, 37--old former slave.     residing in the Plttsliurif i section of Atlanta. Mr. Morcland, I In a recent statement to the press, said he was one of the crew that nailed the tint per which                 ed the Mnion and Oixon line. SNS I ,</t>
  </si>
  <si>
    <t>                                           Oft ML! N        LjKE;MOST 'sTAGe TeAMSv BTru erANO CUFF^ 'STARRING OM BROAOWftV IN,. i.    (-LMftN8.-."     .Vaces", are, inseparable .'^Ome cannot   V'f E OTHER'.''.*1!'. AND DON'T' ASK ^TO'eXPLAlNiTMeift/  RWVThUA.\ ...  :O0 e.'^2^2^ WMB^R COMPOSeR AND /^DRAMATIC ACTOfi/VV l^^^R PIANIST     UP PIANO /WAS SHOT 77 TIMES il' IHBHa LESSONS TO STUDY ART j WHEN HE SOtOIEREO IK I I u-  ^ and later GWe up ART THf L AST W0CH-~ WAR A /^KfcJOFIrtlSHHIS PlftNOSTUW A  *v /v^^BBx (~S"HE'5 N0W       \thAT HE HftO  A A V^^Ba AH OPEftft. \/ s J</t>
  </si>
  <si>
    <t>                                           One of the past week's most impressive affair, was the lovely and brilliant wedding reception of Mr. and Mrs. Charles Zanders, observed September 11, at the home of the bride 369 Pine street, Attended by pomp and splendor, centering the interest of may friends in the...</t>
  </si>
  <si>
    <t>                                           1 Baseball Summary SOUTHERN  Tha Standings i - W I, I'd Atlanm vo 40 .636 Nashville UG 45 .595 Biiinlnyhnm fiU 5) .5:13 Chnltnnoogft. 53 53 .5410 New OrlcHlis 30 50 .412 Wl.Ue Rock 48 5(1 .482 Knoxvllle 43 K3 .406rl Memphis 42 04 .330 Yesterday's Itesulls Atlanta s-0. Kiioxylllo 2-'i 1 BirmliiKlinm 5-1. Memphis 3-0 Nashville 7-1. Chntlnnooeu 4-0 i New Oi'lcnns 3-0. Little Rock }C Today's Games BlrmtliBlinm in Little Rock New Oilcuns at Memphis Only Rimics } NATIONAL UiAGUE Tint Slundi/IKI CLOUS- W L PcU, I ClliCttliO iiU 38 .GO!) St. Louis CO 39 .SOU I New York 55 45 J5C 1  51 38 .51ft Olneliinnti 48 50 .400 Boston 41 S3 .470 PlUlai'plplib 30 (SO .105 Brnolrtvn 37 03 .370 I VcsUTrtny's RrsulU Chlcagi' 3-2. BoslOji 4-3 St. Louis 13-11. :! 4-8 i Ciucmnutl 4-2. Brooklyyn Pittsburtih 2. New York Today's Gainns j Opmi !  LEAR U I! Tllu Standings CT.- W L I'd.                 Now York 8(1 34 MO Cleveland i 57 44 .504 Boston 54 i'7 ,r,35 Detroit ;;:i 40 .53!i Chicago f,-l 46 .531 Wanhinglon vj 51 .400 St. Louis 34 (14 .341 Philadelphia 33 63 .33?, Today's Games Cleveland at Detroit Chicago nc St. Louis Only games Crackers Box Score I First Gamcl Atlanta ab r li po a e Hnmel. cf 4 0 1 4 0 Browne, rf 5 0 1 1 0 0 Hooks, lb 5 j 2 12 0 u Lipscomb. 2lj 4 1 0 2 4 P Richards, c 4 12 12 0 Chin ham, ...502120 Hutehe., rf 4 114 0-0 Hill, 3b 4 0 0 0 4 0 Williams, p 2 110 4 0 Totals 37 f. 10 27 17 0 Knox'vilto all r  i po a MaMdin. or 5 0 2 0 0 0 Flailto. ss 4 0 10 7 1 Cnldwell, ib 4 1 i 15 0 0 'Fcalhers'ir 40 13 0 0 Tyler, if 3 0 110 0 Skiiff. 3b 0 0 0 u 0 (I Snyder, 3b 3 0 1 3 3 C1 Bandy, c 4 12 10 0 Blnlr. 2b 4 0 0 4 G 0 Bcckmun. p 4 0 10 10 Totals 35 2 10 27 17 2 Atlanta 200 101100-5 Kncxville 100 100 000 2 Runs butted in. RichuiUs. CTiatlwin 2. Feathers. Hiucheson. Beck, man. Browne: two base hits. CIiru ham, Richards. Bandy. 2, Beckmun Plarito; three base hit, Feathers: home run. Hutcheson; stolen bases i Caldwell. Richards; .sacrifices, Williams 2;, double plays, Chatham ic Llpscomb to Hooks; left on baser. Atlantn 10; Knoxvllle 9; base on balls, off Beckman 3. Williums 2; struck out. by Bcckinan 1; hit bj I pitcher, by Williams (Snyduri. Urnl-ires. Williams and Griges. Tiim i , 1:53. Secuiii) Game Atlanta     r li po a i Hamel, cf 2 0 10 0 0 Browne, If 3 0 1 5 0 U Hooks, lb 3 0 u 4 0 u Llpscomb, 2b 3 0 0 0 0 0 Richards. c 3 0 0 5 2 1 Chatham, c 3 0 0 5 2 0 Hutcheson, rf :t 0 0 1 0 e Hill. 3b 2 0 112 0 Schmldi, p 201 l u Totals 24 0 4 18 8 2 Kncxville- ib t I, pgi r Mutiklll), ef 3 2 2 2 I) 0 j Fiurito. ss 2 0 14 4 0 Caldwell. ib 3 0 2 n 0 0 Feathers. If 3 0 2 0 0 Tyler, rf 3 0 10 0 0 Skaff. 3b 3 0 0 U 1 U Blair, 2b 2 0 0 0 3 0 Bandy, c 3 0 C 2 0 0 Mooney. p 2OOH40 Totals 23 2 ,C 21 12 II Atlanta 000 000 0-0 Knoxvllle 101 000 x-L' Runs  in.  2; two base hit. Hill; three base hii. Cnldwell; stolen bases. Miiuldln. Flaillr. . Fiurlto; double ulay. Blair to Fiorlto to CuldweU left on bases, Atlanta 4. Knoxvllle 4; bases on balls, off Mconey 2. Schmidt 4.1 Umpires. Grig* and Williams. Time i of game 1:07.</t>
  </si>
  <si>
    <t>                                           BUFORD, Ga.,--(SNS)--A gigantic baseball carnival is definitely scheduled for this thriving little center of industry as a part of the Labor Day observance and the fans are planing to make this one of the seasons most outstanding. events. There appears to be an...</t>
  </si>
  <si>
    <t>                                           Too MUCH I [THAT S JUST THE TO CAT NO TIME TO AlKAllK ^XtftCISE y ~*=*v ACID *^P^^^^j^*%0 Re felt  man next da?, Believed the Alka-Stllztr    . Why don't you take AJkaSelteer for Gas on Stomach,' Hendncli'e, Sour , Colds, MUHuular,           or Sclatlo        Alka-StlUnr hu m.        . .  lasic. It  an          (      -Sallcy]~tt. Sodium ale or Aaplrla) which  palo and . while Its  aid mineral       to correct the  of  minor   with  of     a^. t Your  ( Alka-StUai.</t>
  </si>
  <si>
    <t>                                           $ MONEY $ 126 Edge-wood Ave. FOR SALARIED PEOPLE No Endorter.- Signature Only j Liberty Investment Co. Rtr. 1. N. Demy says I have  nothing  n tkt past 20 years that can take     place of Dr. Miles Anti-Pain I Pills. They are a sure relief for my headache." Sufferers from Headache, Neuralgia, Toothache, Backache, Sciatica, Rheumatism, Lumbago Neuritis, Muscular Pains, Peri-! odic Pains, write that they have used Dr. Miles Anti-Pain Pills with better results than they had j even hoped for. j Countless American house- i wives would no more think i of keeping house without Dr. Miles Anti-Pain Pills than without (lour or sugar. Keep 3 package in your medicine cabinet and save yourself needless suffering. At Drup Stores- 25c and $1-00 DR.MILE5' AMI-PAIM</t>
  </si>
  <si>
    <t>                                           y.i*      ?nV_6_^-  .My_           -J  .     '~)          p^.~i?,'^^g^*^_V'~~a C'*''  f lu r^-derm. Him tamiM    t.</t>
  </si>
  <si>
    <t>                                           I OFTEN meet women who "simply can't make good pastry." But I never take their word for it. You really don't have to inherit the ability to make pastry. Its not an art...</t>
  </si>
  <si>
    <t>                                           Miss Eva Reed Alcorn principal of the Shelby-Bailey school and for 15 years primary teacher at the Collierville Industrial Junior high school, this meek tendered her writton resignation to the County Board of Eduction.</t>
  </si>
  <si>
    <t>                                           NAACP MEET TUESDAY                 Every citizen is asked to attend an important meeting of the N. A. A. c. P. tills Tuesday evening, .at.8 o/clock in Ihc assembly, room of- the Butler Street' SUCter Several matters of vlt^l Importance to all local citizens will be discussed and the moral as well as the financial support of Atlantans is needed by the sponsoring body. The attention of the association has been called to several cases which have attracted the public eye during the past few weeks, includ. ing the death of a young woman, who was allegedly kicked by a policeman which resulted in her death, the case of a policeman          a woll known educator, md the case of a prominent local (Continued on Page 8, Col. 2)                 NAACP Meet (Continued From Page 1) business woman  arrested because she demanded respect. President Forrester B. Washington and ihe executive committee are making a special appeal to the local  to be in attendance at this session which will ignite a spark Hun will start a fight for respect of colored people.</t>
  </si>
  <si>
    <t>                                           This day thy soul is required of thee--So the Bible says there was a man who had accumulated great wealth and as he locked out at his worldly accumulation he exclaimed. I am new fixed. I can new live in splendor. I have nothing to worry about. Let storms or...</t>
  </si>
  <si>
    <t>                                           Omega Chapters Near Close Of Achievement Week; Ira De Reid Speaks At Morehouse This Morn                 Atlanta Omegas continue ]n i      ir "Nationnl Negro Achieve- j ment Week" observance today    i noted speakers are slated to deliver addresses from several rostrums of city college auditoriums.                 This morning .at Clark Univcrai- i ty. a musical program featuring Negro church music will be render- ed. Hymns of the various churches i will be rendered in appropriate i manner. Thursday morning, pror. Uarnett. ol Washington Higli i School, brought the message on j the  of the Negro 1 church. Prof. Ira Do. A. Reid, instructor of Sociology at Atlanta University. will address the Morehousc group Uiis morning during their regular chapel period on some phase of the national theme. Mr. Reid, a former Graiirt Biisiieus of the fraternity, nnd one of the  sociologists of the country, also a naturally eloquent speaker In j                 his own right. Is eminently  for the subject. Activities of tha week at Morehousewlll be brought to an anti-climax next Sunday morning by Rev. E. M. Hurley, pas- tor of Warren Memorial church, v.-lio Is to' preach the morning ser- mon. In cooperation with Alpha sigma Chapter of the fraternity, Prof. J. A. Greene, of the Department of Religious Education of Clark University, brought the students of Morris Brown College one of the best messages of the week Wednesday. The climax of the week s events will be the highlight program to bo held at the First Congregational church Sunday afternoon nt 4 o clock. All  of the city will combine to make the event successful. Professor Charles A. Tolbert, of (Continued on Page 6, Col. 6)                 Omega Chapters (Continued from Page 1) Gammon Theological! Seminary, will deliver Uie principal  for the occasion. His subject will be: "Tlie Achievement of Uie Negro C'nurcli." Rev. Evan M. HurJey. of Warrrtii Memorial M. E. church, will introduce Prof, Tolbcrt. Prof. Tolbert is one of the Gate City's most eminent speakers,  Injj from Rust College, Gammon. Chicusjo University and Northwestern University In his training, and having successfully served as pastor of a Shreveport. La., church. He new occupies te chair of Professor of Church History at Gammon. Sriptures for the event will be read by Rev. D. T. Murray, pastor of Radclfrre Memorial Presbyterian church, and Rev. John C. Wright, pastor of First Congregational I                 church, will give Invocation. Music on the varied program will be furnished by two of the city s best known choirs- Big Bethel A. M. E. and Wheat StTeet Baptist churches. Bi? Bethel choir represents     of the oldest and largest churches In Georgia. The choir us sung to large white audiences throughout the state creating much' racial - an . The choir Is led by Mrs. Helen Massey. as chorister, and H. J. Purlow as assistant. Miss E. F. Dyer is          . The group has taken part In the "Heaven Bound", a musical morality play, which hns been featured by the combined choirs of the church for the past six years- an achievement. Th" wheat Street Baptist church choir, under the leadership pt.t ip competent Mrsv w. P. Klnn'ev. 'hr: wrn manv choir contests at various Binfst conventions throughout tht stote. Both choirs will "Silig special numbers. The  will plav medley of national    songs and other       wll' he . Rev. Hurley will give the benediction. rur The  public Is Invited to attend the promising event.</t>
  </si>
  <si>
    <t>                                           Atlanta Omegas continue in their "National Negro Achievement Week" observance today as noted speakers are slated to deliver addresses from several rostrums of city college auditoriums.</t>
  </si>
  <si>
    <t>                                           MEMPHIS, Tenn. -- (SNS)--Headed by A. W. Willis, Vice Pres., and B. C. Olive, Jr. Voice President and Director of Agents of Universal Life Insurance Co., the officers and Managers of the Mississippi State Underwriters Association convened in Jackson...</t>
  </si>
  <si>
    <t>                                           9     6 BOKO 1 A  SJWW'jJSB HUE DRESSING fiif T *mI] v**n an(J Women  up to   *tfw*jal *35 a wft*k *s      (i for RgpgSdSM    *t GoorKiu Hroren IlAir DrwalTlK. F.ieo Powrt.T        Cr..m; joo . Jun vn.l      and       *M for KKKK         .K Julek'1""*' ltn1    :l       '~ Offrr. \Vrii0 VAI.           co.. . oin. M4I ln.ll.iiu ait. Chirac*. III. PALMIST* PhycHic Reader A Advisor PERMANENTLY LOCATED I TELL YOUR NAME Wltturtt NMklnr. and thr mtm^M or. your  nnd ^; ft I y.itr  a* yon  knutt- If, ~-onr pns^nt an It N. T^U      Ihlncw  firo     (  for. Atlvlrc on    -J    MirlNhlp. ;**.  *^. -" dt+t\*     *  bn*1   ,M.   *I1       to ho1%~ ~-    - Itupitrtunt . T     * NtltNNTilciI *~ o(   * ^TM hn%H* . I (clt  W cf mnj- or' all ** tor  or should not     . .Minute* of  with fur will  ve to\j        sad hours of . lt*n never too!     for rood advice,  i^ad*.      thin wmU, 00c, 8 U*fi*ctIon . 9 am to 9 pm Daily Sun. 2282 PEACHTREE</t>
  </si>
  <si>
    <t>                                           OWENS SUSPENDED; MEET IS CANCELLED                 NEW YORK- I8NS1- The SII5- pension of Jesse Owens. Olympic champion and track star by the A. A. U. Tuesday caused cancellation of the meet after a decision by Jos. A. Hoey, director of the panics ol the New York Caledonian Club. Tiic games hod been .scheduled to be held at the Yankee Stadium j Thursday night and had drawn j prospects lor a record crowd to wit- ness the  of the man who took I four titles this summer at Berlin j in the 11th Olympiad. I I Owens had been suspended fol-                 lM-intj his .nl to t.-iu .^ over Europe following the resu! :ir L-. and his :;in em~:ni: in Lmdo:i  hi; -d tnn.     i . Since coming to Air.oi.ca. he has  his  to ; in the :uii:ur\ir cln..; and to go back to Ohio, but wili i'.o :il;\ht club work, alons with !}U. Ro;):'.".so!i, worlds  tii,~ . He Ls at prc   the no: La enst and middle west in u:ti*re.-' n' Governor Landon. i?        (i:: nominee for the .' :~nd :ho Rrpubliran party.                 Clark Alumni Heads To Convene This Sunday                 Fiicrd with the business of select- 1  deserving students in the com- i mercial science department for its j $65 scholarship for 103G and ol ap- i proving the constitution drawn Uf i recently by the Atlanta Clark Cl.    the executive committee of the I Clark University Alumni Assoaation will convene this Sunday afti  at four o clock at the Butlev Street YMCA. MisE Thelm.-! I Barnes. Instructor at the South Atlanta school and secretary of the Atlanta Clark Club, will appear in session with the executive                 tec for the purpose 01 ! I the constitution of her .ch of! the association. Ratification uill come later The members of t!-.e executive commuter am Wendell T Cunningham, president or the Clark Alumni Association: Mrs S. M. Ctmnini;ham, vice preside. :i. Mir:.Grace Arnold. ..ig .'~: Prof. J. A Greonc. alumni secretary; Charle? L. GWeo-is. treasurer: Misses Coiiyp Leo Rile? i and Emma Arnold, Lucius L. 1 Jones and W J. ROive Mr. Jono: is chairman of the committee.</t>
  </si>
  <si>
    <t>                                           ONE-STOP SHOPPING CENTER That's the advantage you yet when you shop at the Municipal Market. You don't, have to      from place to plate looking fr.r the things you want for your Sunday dinner. You can always find it here. Free Parking Lot Municipal Market OVER 100 STORES UNDER ONE ROOF Open "til ~~::tl) I'. M. Dailv. 9 I'. M Saturdays CORNER  and BUTLER</t>
  </si>
  <si>
    <t>                                           I was married quit young to my childhood sweetheart and we lived quite happily until he died four years ago. He was a good provider; I did not have to work and he bought me four rooms of levely ... nize clothes and everything my hear could wish.</t>
  </si>
  <si>
    <t>                                           CsUbUib*4 Air.        Daily March IS. 193} FabU*b*d DAILY and SUNDAY  t 210 A bom Avenue. X. B By ATLANTA -T -D -WHING           -: WAIaut MS*- 1480        of  JfTWSPAFTCn    * W. A. Scott, II. rounder i C. A. SCOTT, Oentral Mamurtr C. A. SCOTT. GentrmI     (  " J. R. IVturvon. Am'L Her.; Lucius U Jon en, Mao4 1off Bditor SUBSCRimON RATES: DA-ILTi-l Tcur. till; S  14.71; 3 Month,. tS.t*: 1 Mtvnth    6A TURD AT ONT.Y:- 1 Tear 17.00. f Month* 12.00; I Month* 11. Jl Canada: 1 Vnr t4.S0; t Month. $2.Tk;       : I      tS.Si Nftiionci Adv* Repre(        : W. D. 7,tPV CO,   l 6. Dearborn St., Chicago, 111., and SSI Fourth    ., New York, S. Y. Unterfd in tht Pet Office #f Atlanta, Oa.,  *cl;~     nrt*r     Act of ConrrcBS, March 3, 1S79 The ATLANTA    "I.Y WORI/D I* an lnd*p*       ^r- non.~^         *d non-partisan.  news / and       * * it b*       to     -st of H*  and   thins* a^           *xt f It* readers AflJrfi- AI.K COMMUMCAnONP to  nrf  ClIltCK?    ^LU t* ATLANTA    11.Y 1TORI4  rather than t* . Thf \      *    *%n\f   1 Qf1  t**r Tetnrn of ^H ^*,       '~     , Mr.         are</t>
  </si>
  <si>
    <t>                                           Dr. Raper is a young white man Southern born. reared anD educated. His background is founded in rural North carolina. His work-life since University days has been with the Southern Commission on Intaerracial Cooperation. Each successive published study has revealed...</t>
  </si>
  <si>
    <t>                                           Prescriptions j CAREFULLY FILLED Call WA 34*9 SERVICE PRESCRIPTION SHOP j W. J. FLEMING Ph.  -BLDG. (3rd Floor) We Call For And Deliver GET MONEY- LOVE I ( to  you I           uit U b(~. No cue      . Slop        tut Write me today. Intenutkm PS.EEI M. WILLIAMS, 901 Btrgtm Are. JKRiKY CITY, N J. Oept.W</t>
  </si>
  <si>
    <t>                                           / V FREE Winning Daily (*    ^77'J             tort-T...! -i-T*   0J' .r^.JS.'.^i rA Or.l.r ,..,,   u\ .,n.- lull    ^T-*!* ,r iVi\~'H.u.M7.u. lus-u-ui Tuu ...n n.\N1C f-.r you  pit)' the         . ETnAIOHT an.l I f(,~, vour monay win ,,,^1, C.O.D. Jl pint .Ui po^t.  l.     T^unltd If  aRer. J'm: KjtSrf C)~Ser.J j-our !u!!   =~ it- "l,~rl(.T-          ^  Wt:ii cr u:re       las or.ly f: (orl^tnr  t*      a  NOW: Addrni t.^l :~l HPT. ..fT ^^'h J^y. Dept. G-l.</t>
  </si>
  <si>
    <t>                                           Football Result                 XAVIER 6 ALABAMA 0 Game was played Thursday  al Montgomery, AlaImmu. II was the- first Southern Conference foot hall game of the year.</t>
  </si>
  <si>
    <t>                                           81 Theatre George O'Brien in "O'MALLEY OF THE MOUNTED" Our Gang Comedy Chap. 8: "Frank Mcrriwell" Al.o -SHARKEY Fight Picture! Royal Theatre HELD OVER Robert Taylor Joan Crawford in "THE GORGEOUS HUSSY" Ashby Theatre "DANCING FEET" with Joan Marih On Stage THRILL NIGHT I</t>
  </si>
  <si>
    <t>                                           One Killed, Another Injured On Fraser                 One man     killed aud   early Friday  when hey were struck by n speeding . The traffic I:.ta!lly ocn  on   near    -. nn. Jack v."/ 47. of the  94 Fraser .street, died fmm the . Bob Harvc. 30. of 52-1 Pracr street, who was struck by Hie amc automobile-  .. the                 death of Wright, was treated at a hospital and dismissed. j Accordlni; to investigating: officers. :i Inrcc l. driven by H. Hobcr 28. of 591 Fraser street, which was moving .-;~ en FTnscr street, smashed a  I;ki;mc1 auto- i mobile manned by Paul Hambrick. i 26. 971 Martin street. j Tlie impact caused Hnbur's car to dash to the sidewalk and strike VV right and Harvey. Drivers of both cars . and charged with reckless driving. They will be tried in Recorder's court at 8:30 o clock this morning. A "Montgomery funeral home ambulance rushed the victims to a local hospital. Witnesses to the accident were: Hudson WhtLsctt. 13G Yonnc St.. owner of the crash car. John Armstrong. M7B Lnnsfnt; street. Bob L. Miller. 141.1    :~ing street. Horace Smitli. 1(H4 Smith street.</t>
  </si>
  <si>
    <t>                                           JOSHUA JONM                 Br                 When Gabriel blow* hit bom. there s going to    lot of  walking both wv- up and down,</t>
  </si>
  <si>
    <t>                                           To: Thrill Atlantans Tomorrow, Tuesday                 ETTA . famous radio, screen, and stage star. rated as one of America's premiere entertainment celebrities.      has achieved international renown with her fine performances. She will thrill Atlantans tomorrow and Tuesday evening at Bi.sr Bethel A. M. E. church.</t>
  </si>
  <si>
    <t>                                           Chest Drive Begins Today; Speeches At Different Churches                 Today, speakers will appear In churches throughout the   I to take the message of the  Community Chest Drive. Tomorrow, hundreds OS busy business i men and women, college and .public school . housewives and many others will lay aside their                 many  to assist in the tenday campaign to raise S423.IM6 in order that the great work or public welfare will be continued in the city, through Ulirty- colored and white  lions. Monday evening at 7:30. all Community Chest workers wil! gather at the Phyllis Whcatley YWCA. 218 Boulevard. N.E., for .n gala Pep McctiiiK. To the tuns of poppy music, rousing cheers and delicious hot dogs and coffee. Dr. S. H. Archer. President of Morehousc College. General Chairman of the Colored Division, will lead his hundreds of r.' to a great victory. Supplies will be issued: last minute instructions given; and the gong sounded, signaling the beginning of the fourteenth  Community Chest Drive. Money collected by the Community Chest will later be distributed to the many organizations thai serve Atlanta. Pulton and DcKalb (Continued on Page 8; Col. 6)                 Chest Drive I (Continued from Page 1) counties. Through '.heir .  children will be cared for. health care through clinics continued, jobs found (or the unemployed and thousands or persons and families  Tood. . .Jiclter and wise  in meeting the mam- problems they face. Serving under Dr. Archers direction Is a Ions list of Atlanta's prominent men and women. Directing the Advanced Gifts Committee is Mr. T. M. Alexander. President of Alexander and Company. Serving with him is cochairman is Mr. P. C. Oassctt. E'jrsar of Morchouse College. Mr. T.croy Hunter and Mr. W. A. Quilllan of the Fulton County Civic League are leading .the workers in the County Division. Mr. Nelson Jackson of Atlanta School of Social Work is directing the Spsakcrs Bureau. Mrs. M. Agnes' Jones. Supervisor of Colored Schools, is chairman of the School Division, with Mr. C. L. Harper. Principal of Washington High school: Miss Baseline Usher. Principal of Howard Junior Hi:h school: and Mrs. B. E. Smith. Principal of Asliby Street School, serving as co-chairmen. PuNieitr is_ handled by a committee of able Journalists, under the direction or Mr. H. S. Murphy. President of the House ol Murphy Priutins Company.         on this committee are Messrs C. A. Scott. Manager of the Atlanta Ds4'v World and Scott News,-inrr Syndicate: H. A. Allen Publicity Director of Atlanta University; Jimmy Perry. Society Edicr or the Atlanla Dally World: and j Lucius Jonos. Manacine Editor ol the /        World. The largest division of the Community Chest Drive is under the  of Mrs. R. E. Thomas. Director of the Gate City Nursery Association, who is chairman of the house to house canvassing division The many serving under Mrs Thomas' direction, heading up thi many sub-divisions and groups represent a long list of many ol Atlanta's most prominent and outstanding citizens. Servinc on her immediate committee to direct this laric and Important committee are Mrs. H. W. Pitt"!. Treasurer of 'he Carrie Stcelc Logan Home: Mrs. C. t. Wccden. Executive SecrcUiry or the Phyllis Wheatley : imd Mrs. W. A. Scott. Sr. of the Atlanta Daily World. A complete list of cl: of the various sub-division or the House tn House section will be released later in the week. Headquarters ror the Colored Division have been established at the Urban League . where many of the. meetings and a large amount of routine work, such as correspondence and a mass of other matters to be handled, are under the direction of Reginald A. Johnson. Secretary, and Miss M. L. Latimcr. /.'. Secretary. The theme of the Community Chest Drive this' year is: "We Can Do More This- Year." All workers in the Colored Division arc .preparing for the oig meeting Monday night at "20 at the YWCA. which is an annual event always looked forward to by those who participate in Commu'nity Chest campaigns. It wax agreed at the last  of the Advanced Gifts Committee                 this group will be made at the meeting Monday night. Many I members of this committee ;.avc I been at work already and l.r.vc been making contacts for several days.</t>
  </si>
  <si>
    <t>                                           Today, speakers will appear in churches throughout the entire city to take the message of the annual Community Chest Drive. Tomorrow, hundreds of busy business men and women, college and public school teachers, housewives and many others will lay aside their...</t>
  </si>
  <si>
    <t>                                           THE question heard by the sports colony of Atlanta at this time is an annual one. Everyone wants to know what the 1936 Interward football Deroy will be like. Will Morehouse again top the city teams? Will Clark again take on her last decade's brilliance? Will...</t>
  </si>
  <si>
    <t>                                           Question Two Abom Ras Brown Hold-Up                 Two mi ii were  ! Tuesday in cow '-~ction with      I -up 01 Has Brown, of 26V? Auburn . curly tlic  I clay. The   he was robbed of     ) $5 on Old Whcnt street. The-  lire Eddie Knowli'S. i 18. or 530 Auburn, und Wullcr i Parker, 18, 259 Thurmond street.</t>
  </si>
  <si>
    <t>                                           ~~-*$ lift 1  l I I'^l'l M^*j 1 1 ki A'^**A''-H I B^^^*i I yJ I B^^^*i BrJ^B^MJBsBsy I W# IB M V B U M ~~'-ki l 1 BJ/' HfB ^H S B BM^ BBB, A  Bl''."h -H ^H VH M!^^^ BW SB vB BB BBF BL BBBBBBBPf  WfOuBBBUBHrBflfc ^^^S    VBf VBT   E^^B^^BV BB BK ~~^^^^^^3 ~~^^^^SflV ^^Bt M BL 1 9 H-. 11 ^H Am B.K I'1l*^H I* W* :^   . ~- i-B^^^B ^B  Hi 'BHHHlM ^BF VBi SB V BB- BB BB. *^^^**^^**fiMH^      */? *V ^~~ BB    ^^HBBBBi ^ ^HBB BT BB BB M B_BBf 1 H j l"*"*TtPM'M''****l .-Qjj'he Nation's Only Colored Daily Newspaper**  MIJ^ULiJai^^ VOLUME 9,  256 ATLANTA. C.A., ,  13, ]J)3li PIHCii: KlVii CKNls"</t>
  </si>
  <si>
    <t>                                           One of the most brilliant affairs of the pre-Fall season was the swelegant "Inter-Collegiate" formal introductory prom which transpired at the spacious Parish House, which was superbly decorated with floating streamers as soft lights enhanced the glamour of...</t>
  </si>
  <si>
    <t>                                           T  TW- IHm"-**** .9*  *J*m\' Xfttrst- f- wf i</t>
  </si>
  <si>
    <t>                                           The Sunday School under the efficient leadership of Supt. ... R. L. Craddock and Supt. Oliver, is ... work. The political rally under with Miss Sarah George support of the Democratic party ... Mrs. Anna Morris did well for the...</t>
  </si>
  <si>
    <t>                                           at MINOR SKIN .- .-KS I PtefC snow-white MuioLnc hd( i '... . itching ALo  icd i^c c-w. ;*r^: i, ax S= siic nlv.-Vi 2*;r.i.-.3 N;;.:,.:, I MOitdLiNE!</t>
  </si>
  <si>
    <t>                                           vici: s(!iAi) sr:i/.i:s whisk kv                 Tin1 Police Vice Pqiiif!. consisting nf n R. Davis. R. T. Denny and J. A. Railny  n house ;ii Ml Dover street  seized \'A  I ot uhi.   one j; of liquor in an  ^d in front of Hu* . A colored m:r.\. who drove flic car io tin* hini.se. ited  lie saw the  N. it was .                 Janitors' Group Meets Tonight At Library AcrorriiiiR to J. L. Dobbs. president of the Janitors. Miiids. porters iind Elevator Opcrntors      '. this group will meet  nt the. Attbuni Avriuic Public Library at 7:30 sharp. A lnm*  Is expected and thos' who aro not -rrs of Mo association arc urged to he pri  and Join in Uic very -tunl work or this . It Us well known Hint. t.~~!s a .wot  has b'.'rn   securing  for many unemployed Jnnitors an(~  and has as its .sr Ihr .-' and ; of  for  jobs.  AUTO Af'flUKNT VICTIM  Wl'l   at  hn"; Tuesday from -s  rw** when an 1 in which ho was h -nrn r          Into n tnv noir Mnnsncld. John Dnrcli'P. SI. of Convcrs. Oa -  tii-rr. dl''d at Hie h" pital Saturday.                 YWCA To Stage Open House Today "Open !IO'ire" will be ;  from 3 10 5 P.M. at 'hf. 1' Whentley Drnnch of the . -'18 Boulevard. N. E. In whl'-li On Renrrnl public Is /ccl. At. 4 o clock, nn .'.lvo ~"Comnfiunrativn PrOKr:un' will be  on which    in: (Continued on Pigs 5, Col. 7)                 Cl'l       -d        Page t workers 1(r,; :-l;i(oci .- Dr. D H. Sunton. 01 the American Bible Society, will lead worship            . Willie Kins "ill deliver the welcome address: and continuing (lie following will participate: "Yesterday" Ijy Mrs. H. R. Butler; "Tocl:i.v by Mrs. Lula WceclcnWl.m the YWCA Means    Me" by Miss Mary Worthy: and "TunioiTow" by Mrs. Luther Rosscr. Dr. Robert Fmrnes will dedicate the . The oro^nim will be         'i;iccl  with special .</t>
  </si>
  <si>
    <t>                                           Streams In The Desert "ONLY BELIEVE" (Mark 5:36) I will not   all my prayers return Unanswered from the still, white realm above will la  H is an all-wise love Which hi'.s refused these  for which I yearn; Anil though at times t cannot keep from grieving, Yi't the pure order of my fixed believing Undinimed  burn. IVEY BROS. MORTICIANS "The Institution With A Soul" AMBULANCE SERVICE. Phones: \VA. 8454 Res. RA. 8236 Lsrkin Strcer, S. W. AM.nU, Geor(U</t>
  </si>
  <si>
    <t>                                           GET - LOVE I  lo       you vet new   h No cut Uvwul hope Slop *     ^^J ft?.!' Wi'i ^^T-J-^   for  in. JMt ^~^~fe-      Mae tad       m4  In* I I J 1 J J MltC     . 3 MfFrtM  Ud tiW I I T J T 1 Mrtd.fNM. ItoyatMr * I I I 1 1 I I 1^*^ L*  - I 111'"     ,D^~ n-lt-IO. \).        . Ghost 'Writing Meant WE Write and YOU Get The Credit Letters: social nnd business: p  sst  and talks for Tciicliprs, Ministers. Civic. Business and Lortpe loaders: articles (or . Your own \virk .cn, revised, or  ispd. Write us your needs and send fir  for more details. C. N. S. BUREAU Ml Weil J2    St. Nbw York City</t>
  </si>
  <si>
    <t>                                           In the Hawaiian Village, maintained for historic information, and for profits, near Waikiki Beach, is still celebrated "the luau." This is a great dinner and dance, a feast followed by the Hula. The Hula was originally a sacred dance, done only in the worship and...</t>
  </si>
  <si>
    <t>                                           97-YEAR-OLD MAN, FATHER OF 20 CHILDREN BY THREE WIVES, REFUSES TO GO TO N. Y. IN PLANE                 Mr. J. c. Mordand. one of those war-time personalities who can recall the  event that caused the Mason and Dbcon line to become a , hobbled imo the Pulton Courthquse Friday. j                 Using a walking stick that was once a root of a tree, the be- j whiskered gentleman made his way to Judge Jesse Woods' criminal court and took n scat near 'the front of the room. He sat there, waiting, lean ng en the knob of his cane, scratching his thick thatch of white hair He got up when court was over, and walked to the rail. Nobody appeared to notice him. He was                 standing nrnr n cuspidor so he cleared his throat and spat. That i did not attract any attention. He lifted his hnt and waved It toward the judge. "Come on in. uncle," somebody said. And uncle Moreland. who  he Is 97 years old. ana was born In RatelRh, N. C. walked in and began a lengthy conversation with Judffe Woods and other court . At times he broke imo laughter-  hearty kind of laugh that  health and vitality. J. C. Moreland  to see the judge about money matter:. He says he U entitled to be cored                 for by the state and that the state hart no richt 'in stop providing for him. "Oh. yos. the state took care of me up through lnst June, but they stopped for some reason.  Mr. Walter Ciitcliffe hns been  care of mr. I worked for him; took care of his horses and worked around the house. But, he wants me to go to Now York with I him In nn airplane. I ain't going to do that. "No. I ain't afraid to ride In no airplane. I rode one once, a mil'1 above the . I Just aon t want to fly to New York In one. "The relief is helping to take care of me and X live with my sonI ln-law In Pittsburgh."                 Questioned further, Mr. MoreIriicI said he Is the father of 20 children by three wives. His wives nre dead nnd most of the offspring tire listed among the deceased. "I was one of the first to drive a peg up Virginia way when thr Mason nnd Dixon line was surveyed. I was born before tlv? states were divided. I "I remember when the last In-  were captured in Georgia nt Cherokee. I was living out from Rome then and was 10 years old." Speakirp or the generals he served under. Mr. Moreland named Lee. Bragc. Lonestrcet. Merrlwcalhcr. Joseph i.nd Bcaureguard.                 Kobeit m. RatcUlto.</t>
  </si>
  <si>
    <t>                                           Mr. J. C. Moreland, one of those war-time personalities who can recall the hisoric event that caused the Mason and Dixon line to become a reality, hobbled into the Fulton Courthouse Friday.</t>
  </si>
  <si>
    <t>                                           Brim are now being prepared by attorneys for the Tennessee Valley Authority and 19 pirate power companies to be filed within the next 10 days with U. B. District Judge John J. Gore at Cookeville preliminary to a ruling by the...</t>
  </si>
  <si>
    <t>                                           Floor Finishers Have Chance To Register Friday                 Tile director of the Atlanta     ban League announces that due to further demand, registrations tor the Urbnn League Floor Finlfihlng School will lie continued through Friday evening. 0:30 o clock. (Continued on Page 6 Col 7)                 Floor Finishers (Continued on  page) Persons who arc unemployed arc especially urged to register for the course. Floor - service Is In Rrent demand throughout the city. The school Is organized fo.' the purpose of training persons to become skilled along this line. It Is a new ' where there Is little competition and a large  for experts in the Held. Applicants must be at least 18 years of age and must apply in person at the Urban League Ofllce, 305 Odd Fellows Building. Remember ':hat Friday evening at 6:30 will be the last hour for reg-. Istratlon.</t>
  </si>
  <si>
    <t>                                           Madam Mingy THE WOMAN WHO KNOWS Telli past, present and  PERMANENTLY LOCATED Palmist and Life Reader Gives advice on all affair* of life, Love. Marriage, IBWflH nnd Speculation* ct HrHfl  H kinds. Don't (ail      ]    see Ihii lifted MW!     Palmist. Point* tfaa ^C^dH way to alt troubles, ^MgC^B and shows you how to overcome . Madam Mingj     helped thousands and cmm help    . 1'.S LUCKY DAfS AND SPECIAL READING 8Oo Take Federal Prison car to end of line. Look (or Nans* on Sign Not in Tent. Satisfaction Guaranteed 638 McDonongh Road Madam Mingy Makes    Homy Calls Of(iee Honrsi A.M.     t P.M.  fs^       ^lPe^sH' ^~*v. I. N. Demy says si have  BOt/ te     past 20 years that con take tho  of Dr. Miles AfJi-Pain PUU. They arc a start  for, mj Kcadociie." SulTerers { HeidtcKt, Neuralgia, Toothache, Bnrlnw^^ Sciiitica, Rheumatism, Lttmbago, Neuriti.s, Muscuinr Pains, Periodic Pnins, write that they bava used Dr. Miles Antl-Pala PUU with better results than they but even hoped for. Countless American Cmm .1 would no more think of keeping house without Dr. Mill's Anti-P;iin PilU than  flour or suRur. K/san n  in your   tave yourself            . At Drug Stores 25c a%4</t>
  </si>
  <si>
    <t>                                           OH. DODGE SPEAKS Dr. I). Witherspoon Dotljre.Mlnisivr of Hie Ibulio Chureh, will be tlw speaker al Hie Spctmuti College Vesper Service In Slslers Cliapel (his afternoon at  o clock. The public Is  to be present.</t>
  </si>
  <si>
    <t>                                           The evils of intolerance were graphically depicted by the Rev. Albert J. Kissling in a sermon yesterday to his Riverside Presbyterian Church Congregation. He defined intolerance as the quality of a mind closed to influences from those who differ, declaring that history is filled with the record of man's intolerance to man. Intolerance, he said "is disposed to limit the liberty and visit with signs of its displeasure all those of opposite faith. The intolerance of a closed mind breed arrogance and superiority...</t>
  </si>
  <si>
    <t>                                           Mrs. Floyd Garfield of Olive Street was hostess on Friday evening w the Commercial Gregg Writers Club, an active club of Washington High Evening School.</t>
  </si>
  <si>
    <t>                                           The Rev. U P Talbot, George. town, British Guiana. South America, in course of his address at the Preachers' meeting at Philadelphia, Pa. on British Guiana, said among other things:</t>
  </si>
  <si>
    <t>                                           FORT BARNWELL,. N.C.--The New Born District began its annual District Conference, here at the St. John AME Zion church. Rev. M. E. Taylor, pastor Thursday, September 24., with Dr. J. E. Garrett, presiding elder presiding. Ministers, district workers and...</t>
  </si>
  <si>
    <t>                                           The P-TA of Booker T. Washington high school, under the direction of Mrs. Dollie Alexander efficient head of teachers and parents of the school, is well under way.</t>
  </si>
  <si>
    <t>                                           1QQyo WRONG CLUB { iJi:i?i:-!"!!:ig!i!          H ill,;! FifiS s s S S 1 3 3 w '5 g x pr a b.I sag ;ssi ii, ii ri:-.B i el I' 4ai^ . 6  61i2 13il2 14j- ~:3 i3r7 13 13' Shorter 0! U! 0! 0  61 0i Oj   -. .6  01 0t 7  0 pi-alri.. View 0! 1 " I I 6l 6il3 20 14 Lincoln. Mo. I 0  6Uj_0i 0] 0! 0] gj 112)' Oj 6~- 6! T IVxIn "! 6! 61121 6  7~.. 7.~ V 6j 6  U LaiiRston  7 13il3  9  9j 0 14  [13~- .3j 7  7j .6, f- 01 Oi 0' 01 0! 0! 0  6  6  01 0~'0  1 Xavicr Jl2U3;191 7 19  7 13 131 0[ 7:13l,20 19 M^n7u7o I 6! 0 0' 6  Oi 0  6  61 I 7  OJ 6  6j 0  9114jl3[13i 7j 3jl3 13~.  13~. 7 I31 01 J Aliltama" 6! 0  0  0! 6  6  7  7  6 61 0  0 Kciitui'ky )t3!13 15!l4 19  7[12 13  14 13j 9 13 1  \Iorri7'm-~vir"""jl2l 6jl3  0\ 7 0 13  6 7 Oj 7 .'6  0 S. C. State 1 "oro i 0J'7  6 Df OpO ~-0 61 C_0  0 IV-' 7'7J"o"~lir7 13    7  7  Oj6! 7\ j Willx-- jl2il3 13il2J131 7 12 13~'; 13V 7! 7] 14 1 18 f  pisk r0  0  0  0  01 0  01 6.~- 1 0  6j 0  0  0 LeMoynu J.10;42J27121135127126124  120 33;25 42 3i^ Kiiuxvilic T7ToToi 0! 6  7  0  0  0  7  6i 6  0 ly.;  6 12[^~ft3)r.7.j    ,-... ~-13j 13jJL8 St". Tu^ Toi-.0),Of.,7!irn 6  6   ty..6\ 0 s J. C. Smith I lf*\-.tf*\$\$pr BlAW~\ R Bl.TeTield I 6 13  "til '6~'6  jC:f^~j^3l:0  6(12(;0 W. Vu. Stale 112 6j fe} 13~- 7^71131 D[- ^'7i f7!    W^ i-iii mi^n il2  6  0!"7  9  71 6113 13 6  61131 0 A.  T. 7j Oj Gj- 6j eN^ 6 141 7  0  7 Ho^nl"5  0  0  0  0]; 6J.. ~.0l 0  0I20LO Morgan  9!13]19l26jl3 20124.~  18  6 13  0 13 ; o""oT6  ofi3  oi 7^01 01 oj oj- Allen I 6 7j Of 6  7 12 0  6f  13 12     _6^6 V^"sl"^uT ,T4IHil3il2il9!10fl9 14  14 i4    18 lS Jj Union I 0  0! 6i_6~_6  0  Q_6~,__6J_0l 6     J St Paul"" I "0! 'b]""0i Of 6l"o[~or 6~"' 7  0  Of  ii)!18['fl I Lincoln, Pa. 8]_CIII3 13     0  M^l '\}^2}j.'!\ 1 Arkansas iT"^ 67 "6V tij  G j oT ef" I 0~' o"f 7  81 0 Wiley      13!_6]_12J_ 9  0  7j    7~, 7 1.'~~1^ .7 sh^v i 7  '"oi ia] 6i  6j ef s "rci  7 o i 7] oi I N. C. State I 0     0 13  0  0  7 13  6 7! 0  7) 6 r ':.~i '.'"fiu.lTi     1 '.rjj</t>
  </si>
  <si>
    <t>                                           Valuable information is being given this week on Food preparation and Servicing for Thanksgiving and Xmas occasions, plain and fancy, in the convention of Cooks, Waiters and Maids at the Friendship Baptist Church, Haynes and Mitchell...</t>
  </si>
  <si>
    <t>                                           The dictionary does not tell what "love" means, it only tries to tell what one means when he says "love" but who can tell what someone else means? If it were possible to know what one means who laid. "love", we would always know who loved us by what they...</t>
  </si>
  <si>
    <t>                                           Henry VIII seriously opened his campaign against the Roman Church in 1531, when he frightened the English clergy into paying a line of over a million dollars for violating an absolute statue that had forbidden reception of papal legate without royal sanction.</t>
  </si>
  <si>
    <t>                                           Piggly Wiggly Brings ^^^^^^P A HEW MODERN STORE ~~^    ! To 845-47 HUNTER ST. ^      \%t with VALUES GALORE! ^m^^^L Oiu- miw PiKRh Wik'kIv Store on Huiuer Street opens to-day! And we  you to come to f.ur Opening Sale, which we are celebrating with some '.-to- Low Prices! Check these values! These Prices effective .it Hunter St.. Peters St.. and Hi! Kdtfcwood Ave., only. DOMINO Avondale Y.C. Halves, SUGAR  LbBag25C Peaches 2     25c Bl., K Fl- No. 1  n Dlf*C Ih Co Grapefruit Juice- 5c  ld oc Limit u cans pcr  New Pack Standard, 3 No. 2 cans COFFEE Lb 12Jc Tomato" 19  Vuruum Park. C-lb. can- 11AU\ I ST DAY n^ i-i Aiiii  m Snowdrift "~c FLOUR s24-LbBag79c Country Club, 2 No. 1 (all - ''"k-"5" Fruit Cocktail 25c EGGS DOZ. 29C Van Camps 2 ca..s NO. CAN' Tuna Fi8h 25C PEAS 9 pane 1     c- ani1 w- !4 GaI- Jar-  cans IOC Dill Pickles 25c DI.MK ) RBI I tf 4- Kdlogir's. 2 Pkgs._  Can iQC Corn Flakes 13c PINK SALMON tall Can 1 0C Palmolive Soap 9c .V OIL CADnilirC 4 A Slll:~" O^. 5  3 Cans 1 0C Soap or Powder 10c NAVY   L C- Cnmpbell's, 2 ZZ-ui. cans- DtMT^ lb- OC Pork Beans 15c liCI.K MtAL 6 IbS 15C Salad Oil ea. 17c YELLOW ONIONS 7.3 Ibslc GREEN CABBAGE.... lb. 2    SWEET POTATOES.. 3 lbs. 10c BULK LARD lb. 1 1 Jc SALT MEAT.. lb. 13 c Shankless Picnic Ham, lb 19c Streak-'O-Lean lb. 17'/*c Veal Chops lb. 09'/^ Smoked Links lb. 10c Veal Stew- lb.07'/~c Pork Ribs lb. 10c Lamb Roast lb. 09 '/ic Neck Bones lb. 07 '/*c Lamb Stew lb. 0?c Beef Roast lb. 10c Beef Tripe lb. 10c Croakers lb.O7^c Pig Ears lb. 08 Vic Mullet lb. O9'/'C</t>
  </si>
  <si>
    <t>                                           GO TO THE POLLS ON TUESDAY, NOV. 3 AND VOTE FOR 15 MILL TAX LIMITATION IT WILL REDUCE YOUR TAXES Bell Arnold Realty Co. 250 AUBURN AVE.</t>
  </si>
  <si>
    <t>                                           issue Warrants For Members Of Attacking Mob                 ST. LOUIS. Mo.- i SNS)- The Danville office of United States Attorney Arthur G. Rowe of the Eastern Illinois district issued warrants for the arrest of twenty  Thursday, for having been part of a mob which is alleged iu have  and stoned two white East St. Louis agents of the federal alcoholic tax unit Monday. The warrants were lor assault upon and  with federal officers in the performance of their duties, an  punishable on (Continued on Page 6,    . 4)                 Issue Warrants i j (Cor.tir.'ifd From Page conviction by a prison term of as j much as )0 years, a maximum iine of $5,000. or both. I Ti:o mob Is alleged to have over, powered Agents C. E. Waters and H. A. Thurmnn. both white, and took from them their prisoner i Vera Cooper 25. who hnd been I I caught two days earlier with a c, of untaxed alcohol and hud not surrendered Monday I morning as promised. Approximately 75 persons, were in the mob. Only  names were disclosed- those of Miss Cooper and Fred Wcodard. 27. and Eugene Woodard brothers, who are under arrc-t nt Belleville. Miss Cooper is still at liberty.</t>
  </si>
  <si>
    <t>                                           ATLAN1A    -     M^tlon n Only colored Dally      * I Z*t*      *~S Xuf. t, II ?8; Bvcam* PAlly March 13, 1122            DAn.T *  1 SI N"D AY *t S10 Auburn Arena*. N. By ATLANTA DAILY WORLD -    . Telephone: TVAlmx 145!* 1400   -mt*r of KT4.n ~'Kft'SI'.M*Kft SVN'kXCATK W. A. im- II. ^r: l\ A. SC'oVr, i^n^             C. A.   *OT"l*. O#n*    MAitax*T J. R.          . A.u t. ~!lfr. Lucius J* Jnn.-M. .Manarlnr K. 5i;"nON RATl-S:: DAILY:-! Year. JJ.tt;      )   H.t;.; MntUhn JI.50; Montli   c AA1TIL1 AY ONLY:- 1 YcJir -^0; 6 .Monilis IJ.OO; S Months Sl.Zl O*na^n: 1 Vrnr H.tO; C     j:.7i; ]-': 1 Year :i.iO Nntlnnul A.lv. rtl*-tng r.fi*renc %~e: U, 7.1 Kl' ru,  V! S.           St.. .i. III. antl 3.sl K.~ Avc.. Nt-w York, K. T. Kn[M' -i     the !'iti! O'llct- Rt Atliinta. Oil.,     i"-on.~ -  .    mull ^r      At t .~r ~*r.infr.-!~s. it\r.\"j :~j TUh. aTLaS I'-V I'Wl.V Wi'lif.n     ii.':^~.fn.t-rit h---\!~i-     i.on.^ And non-inn tl.nan. ft      .*.' ii-^ h unl.la.si'. or..: -.ii-i-'-i i.:.i; tit.'~-' tti:tiv.~* ll HrVfH in nUrr. -1 .-I -I* l-;i-    " Hint 0 1  ~-...im.;: C h.i.;-. t A7     '~. \t 1. ( Mri'MiWS l.~ i.e.! tual.* CV.r.i li** ih...T..!^ i. ATLANTA UAII.V U Oltl.l* miller t linn     [    \ . 'Hn. \VII1I1,   r\~~  *     ~*~** (.n-.lt.        ^r  of       -~~*~~I    ..,        -~   .~^. n,., it I ex*           ufr ffi l.</t>
  </si>
  <si>
    <t>                                           I know you are tired of reading about so many meetings, but I must inform my constituency, that the entire group of the YOUTH MOVEMENT will hold an important call meeting this afternoon, starting at 4 :30. This session will not he a long meeting but will he of vital importance to every member of the organization. The meeting will lie held in the spacious assembly room of the Atlanta School of Social Work ..... The Executive Committee of the Colored Division of the Community Chest will hold...</t>
  </si>
  <si>
    <t>                                           C. B. Z.--Would I be doing the right thing to move in the place that. I have in mind? I want to make a change.</t>
  </si>
  <si>
    <t>                                           Argument With Parent Leads Boy To Attempt Suicide                 Answering n call to 288 Magnolia Street, officers found Robert Bailey, 17. lying on the front porch In a pool of blood, suffering from a . wound ncnr his heart. A Dunn Funeral homo ambulance wrs summoned and the wounded  was rushed to Grady Hospitil where his condition was tagged "poor" According to police reports. tile wounded youth said that he had shot himself with a .32 colt revolver which belonged to his father. following an argument with his daddy over his pawning the gun. The shooting occurred In a field near the A- B. and C. Railroad (rack nnd a few feet from Elliott Street. Seek Missinf* Relatives Anyone knowing the whereabouts of Mr. Gullatte, father or a son by the name of William, w H please get In touch  Mrs. Thomas at Walnut 5668. Alsd anyone knowing the whereabouts of Misses Patsy and Pearl McGee will call the above  have a sister living In Elberton. Georgia, by the name of May. It Is very Important that Mrs. Thomas get In touch with the above named persons. j</t>
  </si>
  <si>
    <t>                                           ATLANTA SITE BOUGHT BY AMEZ's                 Tuesday, September 8. Bishop B I G. Shaw and Oscar W. Adams, of Birmingham. Ala., were In the city on business fcr the Board of Church Extension Department of tho A.M-E. Zion Church. While here, they purchased the church building and property on Auburn                 Ave., and Port St. This property was once  by the St. Pa lit Episcopal Church. Bishop B. G. Shaw was assigned to Georgia at the last General Conference held in Greensboro. N. C. and is doing much to put the A.M. E- Zion Church in its rightful place. Oscar W. Adams. ,1 noted business man. at one time owned nnd published the Birmingham Reporter. He is the state Grand Chancellor of the Knights of Pythlans trr Alntanm ns well as a hip.li churchman. He was elected -Trensnver of the Church Extension Department of the A.M.E. Zion church at the same General Conference and has set up his (Continued on Pace   , 5)                 Atlanta Site i i (Continued from Pmprr 1) I hrr. In Birmingham. The j purchasing of this property is the j first \v:s k (lone by this department i ruder the new administration. Biship Ehnw ;iml Secretary Adams I left here  for Memphis. I Tenn. and New Orleans. La-, where they wil!  i-ellet to churches in those cities. Keverenct Kirk, pastor cJ Franklin Memorial A.M.B. Zion church.  I he way for this new pur-  in Atlanta. I</t>
  </si>
  <si>
    <t>                                           Tuesday, September 8. Bishop B. G. Shaw and Oscar W. Adams, of Birmingham, Ala., were in the city on business for the Board of Church Extension Department of the A.M.E. Zion Church, While here, they purchased the church building and property on Auburn...</t>
  </si>
  <si>
    <t>                                           Jack rejoiced that his impulsive departure had landed him in the northern city on Sunday, when he might go directly to Mrs. Kime's and find Lynn. That is, he hoped to find her at Mrs. Kime's, if some hoydenish prank had not deceived him. So many times had hope lured...</t>
  </si>
  <si>
    <t>                                           MOREHOUSE FRESHMAN EXERCISES COMMENCE                 Freshman week at Morehouse College will begin today (Wednesday) with a series ot informative talks by college leaders, an after,     . lod for games, and a social evening at the campus home of Dr. Charles D. Hubert, director of the Morehouse School of Religion- The                 week of pre-college activities will be concluded on Monday. September 21, when freshmen will be registered for the first semester s work. In the course of freshman week the new students will report for a series of physical and psychological tests, attend dally assemblies, confer with their advisers, and be guests at a  of social events. The week s activities o.c In charge of B. R. Braze.nl, dean of men, who will be assisted by members of the college faculty and, staff. Al today s opening assembly at 10:30 o clock in Sale Hall Chapel, President S. H. Archer and Dean Brozeal will discuss "What College Life Must Mean." Professor C. J. Grexham will preside, and Professor                 Kempo.- Han-eld will direct the singing of college songs. Later the new students will bq conducted on a tour of the campus by Professors L- Chandler and K. A. HugBins, hear from Miss Charlotte Templeton. the Atlanta University librarian, about "The Constructive Use of the Lllvary" and attend an afternoon assembly at which Professor E. A. Jones will preside, and Professor N. P. Tlllman will discuss "Manhood and the Morehouse Spirit." and B. A. Jones, editor of the     .-.on Tiger, will talk on "Tile Meaning and Challenge of Student Government." Two hoil.s before the evening dinner hour have been set aside for football practice and games under the supervision of Coach P- L. Forbes. By appointment, ench incoming student will be subjected to a physical examination, which will be conducted at the college Infirmary by Dr. R. H. Cn.-ter, assisted by Professors B. T. Harvey and H. V. Kap..</t>
  </si>
  <si>
    <t>                                           Freshman week at Morehouse College will begin today (Wednesday) with a series of informative talks by college leaders, an afternoon period for games, and a social evening at the campus home of Dr. Charles D. Hubert, director of the Morehouse School of Religion. The...</t>
  </si>
  <si>
    <t>                                           NEW YORK CITY -- (ANP) -- With the holly, contested, presidential election over and the problem of relief for unemployed still engaging the attention of federal and state agencies, the movement to pay cash relief clients instead of the item-by-item system now...</t>
  </si>
  <si>
    <t>                                           SOCIETY f IN THE SOCIAL REALM + CLUBS*</t>
  </si>
  <si>
    <t>                                           Still Coughing? No matter how mpn.r  ,7"ii  tried for your .-ough. chest " ov bronchial irritation, you can an relief now with Creomulsion. Serious trouble may be brewing and you cannot a (lord to take a chance  Kith  Izzz than Crcumuls!on. which goes richt to the .-.cat ot the trouble to aid nature ,to .- aw! heal the Inflamed mem  tl:o -  is loosened and expelled. Evrn if other remedies  Tnllcd. don't be . your  is authorized to guarantee Crcomiilslon and to refund your  if you arc not satisfied with  from the very first bottle.    l Creorr.  now. (AdvJ COLORED MAN S DISCOVERY KIRBY S M. M. Recommended by Thousands   while dissin?    ^y'-              M. M. is ^ highly aj* a Rood natural Iron tonic after the recovery of: Stomach Disorders. -Piles High Blood PreMUre Rheumatism Indigestion Kidney and Bladder Trouble^ Skin Diseases Dysentery Sore Cums Manhood Female Complaint* Sore* Frlla^r^ T Nervousness None J5           Throal             Change of I Life. I-IV1C WliEKS1 - Postpaid S1.00 Christian Agents Wanted j KiRBY'S MINERAL PRODUCTS 15 Fike Avenue. Union. S- C. Five Weeks'           $1.00</t>
  </si>
  <si>
    <t>                                           LADIE3 U^ That FAMOUS DOLLY DIMPLE Hmir Dressing ON SALE AT^ALL DRUG STORES AND 5 JOc STORES Nature's Herbs Produce Health The  Chinese Herbs and Root* F*"  Mtilfffc'- ""a Dr' T" Y' Youn*' Jr- h"    b"*0 flSP^^^Sk known, used and proven ! for l SBt. J^S centuries. Tli'.y have been uted for 28 ^^'      right here in Atlanta. Thesa t IPS herbs and roots are recommended and ~^*      in treatment of troubles of Lung, t" 'w-''" W Stomach, Heart, Liver, Kidneys, Blood i ^!j3mr i   'son, Rheumatisra, Catarrh, Weaki A*^WWJMf -1 ness, Nervousness, Bladder Trouble, T'Laa^SsV  aV^aW_^ Constipation, Appendicitis, Skio Oi. 'MflHRsSIK :*^^ft .^^^h . Female Trouble, Colds, Coughs, Special attention liven mall .  A" inquiries promptly answered. Why -TX" Itiffer when you can get relief? T. Y. lOUiN U. Jr. A RUNDOWN CONDITION OF YOU* FAMOUS HERB BODY CAN BE RECTIFIED. Why SPECIALIST suffer or be !? Herb rem. 25 Yrs. ia edies are a natural means of treatment. ATLANTA MALE OR -K- CALL OK WRITE DR. T. Y. YOUNG, JR. W!TH ORIENTAL HERB CO. CHINESE HERBS- ONLY NATURE  FOR EVERY DISEASE OF THE HUMAN BODY iil          Are, Phonei WAInut 2180 Atlaau, Ga. Dallr Hoar*, f A. M. lo 9 K M.</t>
  </si>
  <si>
    <t>                                           Some of the outstanding leaders in Harlem met at the 135th Street Y. M. C. A. on September 22 to discuss plans and policies with respect to the development of the Emergency Peace Campaign in Harlem. Among thane present were: Mr. Henry Craft, executive...</t>
  </si>
  <si>
    <t>                                           Mrs. Mabel Allen, sister of Mrs. Lula McCullough-Gordon died Sunday and was buried in Tifton Tuesday.</t>
  </si>
  <si>
    <t>                                           Madam Mingy THE WOMAN WHO KNOWS TelU put, present and fatal* PERMANENTLY LOCATED Palmist and Life Reader       advice on all affair. life, Lore. Marriage, .~ find Speculations of HlJII "II kinds. Don't fail MSxH to     gifted  IMH Palmiit. Points     K^i-U W*T to        "' 1^J-fl/i *nt' you haw to OTereomo . Madam Minu has helped  and    . cam help TOM. 1' LUCKY DAYS AND SPECIAL READING 80s Take Federal Prison car to end of lino. Look for Name on      Not in Tent Satisfaction Guarantees) SSS  Jtoad Madam Mintfr      Me Hum, CalU Office        0 A.U  e TJt*.</t>
  </si>
  <si>
    <t>                                           "Miss America" Contest Agaia Lures Beautie*                 Dolly Mary Steward                 Henrietta { Leaver                 Tommy Marie Per":                 Hilda Vcalo                 The rame they win may be fleeting but that doesn't keep America's perennial crop of beauties from lining up again in the hope of being crowned "Miss America; 1936" in this year s bathing beauty contest In Atlantic City the week of Sept. 8. In addition to the honor of being the nation s No. 1 beauty for a' year, the winner is promised a stage tour and possibly a. movie contract. With few exceptions, however, the winners learn that It takes more than a pretty face and a shapely figure                 to win lasting fame in the movies or on the stags, and they soon retire to private life arid obscurity. But that fact doesn't worry the 1936 contestants,' nor will it worry next year s crop of beauties.; Contests will go oh end on as long as there is1 someone to sponsor them. Among those competing for the throne vacated by lovely           Leaver, last year s winner, are Tommy Marie Peek,! ,"Miss Alabama"; Dolly Mary Steward, "Mlssj Maine" and Hilda Veale, "Miss Georgia", above.</t>
  </si>
  <si>
    <t>                                           Officers Hurt In Chase Of 'Runners7                 A      CnHrc1 Park "I  Itncltiic  between .y nl- I  and a whiskey rar  occupied     two colored men. resulted In known injuries to Ihr             mid  hurts tn 01; of the liquor vehicle, it reported Tuesday morning. Both automobiles were . the whiskey car   demolished when it hurl led over an embankment. Tlic alleged colored whiskey-runners escaped, leaving behind the       mid blood on i (Continued on P.agc 5, Col. 3) I                 Officer Hurt i (Continued from Page 1) the seat of the machine. i County Policemen C. T. Spier j and G. C. Bent.'ey wore taken to thei;- homes,  . follow- ing the 90-mlle an' limn- chase. The  said they spotted the whiskey enr near Union cii-y and when they pulled abreast of it alter the Ioiir chase, the driver nil  their car. causing it to mm ou Its side.  down :i telephone polo and a tree. The     down a side . and I lie . nol  it had a b ind en'1. I3p)~lcd over       ;\. Liquor fans were           - od around (he battered -.</t>
  </si>
  <si>
    <t>                                           DASHING SHIRTFROrK 15 RIGHT FOR am.  Claire Tilden Pattern 171 The Winter calendar is studded with gay . some demanding **-up" frocks, others calling for simpler modes so why not. b'. j ready for them by making: up Pat. tern 17], :i dashing frock for ali occasions? You"il find this ? style is "right"" at all times whether made up in satin, crepe synthetic, or more "sporty*" jersey! Sec its youthful. Peter Pan coll.-u and buttoned front. They're Haltering: to j^b ss or Matron '. Tlie chic  Ji;is a surprise in store, loo. for wben you turn you: back, behold a jaunty kick  Easily made.  by the  Detailed Sewing Guide. Pattern-     is cut in sizes 12, 14. 16. 18. 20. 30. :i2. 34. 30. 38, 40 and 42. Size 1(5 requires 2~-j yardi 54 inch fabric. Send .FIFTEEN* CENTS (15c) -ii  OI- stamps 'preferably eoir.si for this pattern. WRITE  N\\3IE. .VU0RESS. STYLE NUMBEIl  VN*D SIZE. Send  to Atlanta Daily! World. Pattern Department. 21GJ Aubuni Avenue, E_ Atlanta Gn- i</t>
  </si>
  <si>
    <t>                                           The Co-Operative School, the largest private primary and secondary school for Negroes in the city, mill open for classwork on Tuesday, September 8.</t>
  </si>
  <si>
    <t>                                           80-DEGREE weather. Hottest day In the month. GEORGE W. ., XT. S. Meteorologist,</t>
  </si>
  <si>
    <t>                                           1 I I THOUGHT! f NOT ANY MO%- you WERE ' Over-indulgence in food, drink, or tobacco frequently brings* on tui over-acid condition In the sto- I much, fas on stomach, headache. bout . . and muscular ImIiiu. To  et rid of the discomfort Mud correct      condition, take' ALKA-SELTZER Alka-Stltier  Sodium       -SaHoylate (an ) In  with  and            . Tour druggist kUi Alka-Seltnr by  md by tlw .</t>
  </si>
  <si>
    <t>                                           TRAGEDY IN L ORLEANS HDSPITflL                 Pcison Food Fatal To One, Five More Are Suffering                 BAD LIVER                 . --'ANP).In.st in i Uip  nf mo\  out    Mir Imibly  ; hos-.pi'.si!  tlu: rcf^  PyUiijui [.(.Miipk-  Nes^o palin.iL.s v.il) i.p Jiouscd pri.'dmi;  ol Itur new $8..rj00.rj0() hospita] Ixiihlin^. Iraacrly struck with                 don  ness ;iL Nryro stn T  Tnr:;(I;iy.  in l!rI  ol n : supervisor Jidcl  illness to two  nurses :ui(j Uirtr'' .s. Miss Stihic KriUi. .supervisor tif V/ liOf). is (load us the insult if )in* ;   eaten liver c.:o!: in  poison. Miss K:iy Calico and Miss JcsfpJijno McKay, nurses, jis well ;iS Henry Bcnjiimin. Vincent Gomes and Thuiniis Bouttc. . wc.vo made violently ill by the same (Continued on Page 6, Col. 2)                 Tragedy ivor. but :irp out of danger. Atta- lo Ward 353 is ;i " :. \      the food for special i patients Is pi enured. The liver, ac I ording lo hospital authorities, iva. sent up there     !*y morning Evidently Miss Keith became .  lor herself a . amount  was not  by the patients, und.  roach powder in :i dish in the kitchen fcr Hour, rubbed the liver in It nil? cooked it. Alter  much ol it. slic gave some ot it to the five persons mentioned. Upon completing an autopsy Coroner C. Urrncs Cnit said: "By eating so  of t tic  Susie Keith undoubtedly saved the lives of the other two \\o:r.en anu three men. Tliere v.as so much arsenic in the powder and she apparently ate so much of the food that she wus stricken almost Immediately. "She was taken to the accident room, given emergency treatment and an investigation, begun at once, revealed how she had absorbed the poison. The other live persons were then taken down to the accident room, given treatment, and saved. If it   ad not been learned right away that Ihoy had eaten poison,  would have gone home at the end of the day, grown . ant' finally died without ever know.ng what had killed them, .'</t>
  </si>
  <si>
    <t>                                           NEW ORLEANS, La. -- (ANP)-- Just on the verge of moving out of the terribly overcrowded Charity hospital into the recently rented Pythian temple where Negro Patients will be housed pending erection of the new $8,500,000 hospital building, tragedy struck with...</t>
  </si>
  <si>
    <t>                                           '"'VVS tM\ nar-n PAl-MKIfS  1UN ]~Kl.lli]lT SOAP, oif l,-i r"'""rll"l kl -M"  combination! Dr.  l- ,"~"T" Olmmenl ,,,,,t SKI,, n. So,,,.! Tl,, ,,,w Skin Li^thl Soap     rnr Skin Whilc.cr- elves  111""' complexion Him KlotV'Inir. .  I I HUH" ~"*'""y I" "kill h,-,n,ty. Skin JMIislil s..~~.. B B l'~  n Miheolal way. alua akin I..V.-II,,. like  clue! Uui no  h, prli u  of Improvntl formula. Sllll ar.c- at ,lru,r  lori-~. ^^^Bi ^^^^^^m ^^^m ^tiv ^bb^ ^ j^^^^. Vou  "Khttm  ktn anil       It . It'a li- "hen yuU 1)r  I'- n Skin  3FjHBB^      ^^H^M U*          Ointment. Xo  what tone you;'       ^^L Nllln I--'. DARK. MSDimr w . you ^^            . $*a^^^ run  your akin   lovelier mo BB^^^St^^1 ^^l^BM  l  (~r o-     thun you ever thou^bt B^^^^HH^BBul^ t ^J^BV PUKHtblv IP you  on u doctor1*  BBBBBlBiRSk t^lfg^m formulA nnd follow Dr. FRED Paln.er a guar''^^^^BKaWltJi J ..j^TaMBy  n(~utt treatment. I^^mF^S^V        8T 1F-RKSiri'TS DO-     mS^I^BBB^K. Js?%IbB^w SiJ P""'1^'* *   w"   -to-uiw #^ Ib^ JBr ment    1l *U-)it     . wo- offer you th]~ I ^V IflSi^ClSK4 ^a^ KUftrnntcod . Get a J5c box Dr.  ~^Mv^         '^flL. J*^ Skin Wliilunor Ointment , \J** ^w^AmFJRNv ^Utfl ^"V". Then It  tlon t  lively  ^t Htirprlr*   you. return what remain* of the * j^^^BQW^ " "na' ~'our :6c         . Don't ^^^HH^^L wnlt. (let    . FJtKI)  ii Skin Uhltcnrr .-^^Hf^ ^~^^^ Olntmrnt u: your        *  . flf^BBIh ^^^  P^aM^^^^ ^^A St"ul Fl*r Tltl" TKB -KND JilT  MBtt^^ft^P ^BBv    0 H * for you a d*. ^BBbKv ^^^^W^ll^jBr "8 KIT  froo  ot Dr. HK^ ^^f^J^PHBf PnKl p* a uro(1     . Its your. FltSE. Ju.t f ff^ ?PT%L ^^tI^BBF *Cnd Cc fO1 V0"'**' to I"- *~~~I  L*~  ., '^^^-^^i^WBBBBBKlBBC^SWa^BKWBfBBBBBBBWBBBl *~Jt^^ic 'AjSMBBBBB'BBBBBBBBfjB  W^^E^~^K^!   ^m ^^^wJ^^^^^r^BBBB</t>
  </si>
  <si>
    <t>                                           .SOCIETY IN THE SOCIAL REALM CLUBS* ESDAY, NOVEMBER 10, I93(i ATLANTA DAILY WORLD. ATLANTA. GA. -I AGE THR:</t>
  </si>
  <si>
    <t>                                           6 SUFFOCATE                 Six persons employed at the Allnntn Overall laundry, 474 Decalur Street, were suffocated Thursday afternoon when a rubber hose lending from n tank of chlorine ' and f!ltc:l the room willi     'TConifiiueil'son' Pige'jir'EolT'sV*                 Six Suffocate (Continued from      1)  gas. Each of the victims was rushed to Grady Hospital and given emergency treatment. All were discharged but one, who was later transferred to the Harris Memorial Hospital. The Victim* Beulah Richardson, 28, rear 11!) Young Street. Dori'Jnstice, 26. 484 Capital Avenue.-. S.E. Daisy Brilton. 35. 142 1-2 Milliard 'Street;- N; K! Mamie- Young:, 46;- 84- l-l Fort Street, N.   . Varie Lee Rogers. 21, 31B Fair Street, N. E. Clande- Freeman, 38.' 260 Bowie Street. Preeman was the  .',    (on considered in serious ':</t>
  </si>
  <si>
    <t>                                           Mrs. Rachel Smith of Asbury Park, N. J., is in the city visiting her father, Mr. Gilbert Bryant, and sisters. Mrs. Dan Davis and Hannah Turner, other relatives and friends.</t>
  </si>
  <si>
    <t>                                           JOSHUA JCWltS                 w??.~amz.                 Co to *tt f t lt'^f '^QBtSBBM</t>
  </si>
  <si>
    <t>                                           The historic walls of China, like all other protective walls, were built to keep out undesirables and unwelcome aggressors. So las means of security these ancient walls did a fine piece of work.</t>
  </si>
  <si>
    <t>                                           SHAVEr ^^ Withour Using a v rV -TjffS Your Beard I At  science lias found n way to remove a beard without shaving. No more razor, no M:. no cuts no" soap, no bother. Merely apply Master' Shaving Powder us directed then-: wipe ofT. Icnvinx a clear, smooth j skin. Don't wail! 35c buys a generous size  at any drus store. XI I you want to try before you buy, write Mafic Shaving Powder Co.. Dept. 5J SavKnnah. Oa.. for free Irial sample.</t>
  </si>
  <si>
    <t>                                           ~*v. I. N. Demy says I have found nothing is tta past 20 yean that can           place of Dr. Mia Anti-Pain Pills. They     a rare relief /or I my headache." SuiTcrera from Headache, Nruralgia, Toothache, Backache, j Sciatica, Rheumatism, Lumbago, 1 Neuritis, Muscular Pains, Pcri;odic Pains, write that they have , Dr. Miles Anti-Pain PilU with better results than they had ven hoped for. Countless Americas  would no more   of keeping house without Dr.  Anti-Pain Pilk than without flour or sugar. Keep a pack;ni;e in your medicine cabinet and l*ave yourself needless           , At Drug Stores- 25c muj flOO DR. MILES' A^n-P4IN PIUS</t>
  </si>
  <si>
    <t>                                           GREENSBORO, N. C.--(SNS)--Dear Christian Workers and Friends:</t>
  </si>
  <si>
    <t>                                           Invites you to join them in their fourth Anniversary dance Thursday, November 5 from 10 till 2 at Sunset Casino. Come out and dance with those Twelve Stars that fell from heaven as Mrs. Mary Irvin president, led them to their twelfth how of success. Music yon would like to hear by the Troubadours.</t>
  </si>
  <si>
    <t>                                           81 Theatre "CAPTAIN BLOOD" with Errol Flynn and J. Carroll Nai.h Alio Laurel Hardy Comedy Chap. 6: "Frank Merriweir Royal Theatre Herbert Marshall in "FORGOTTEN FACES" Ashby Theatre Robt. Young and Jeuie Mathews (The .female Fred Astaire) "IT S LOVE AGAIN" On Stare Thrill Night</t>
  </si>
  <si>
    <t>                                           j Read Your Bible                 By W. H. CAMPBELL I                 inis writer has read the Bible from cover to cover, twice. Once as a penance and the second time for pleasure and profit.         did he find a text upon which to base the homily about the conference In heaven where Jesus Is reported to have said "Father, prepare me a body and I will go down to earth and redeem man." If any Bible student knows of such a verse, 'please indicate it and' thus . Biblical knowledge. BEAD TOUR BIBLE! II</t>
  </si>
  <si>
    <t>                                           If you arc          with colds, indigestion. t;~~  .    * of APP*, *  *    .           ,           , or  tired feeling, duf to , try .   *t j 10c box Kt *ny       tor.~. i. Bros. M*~*          * CI^    ^~ A Dyers HOLIDAY ^ GOOD UNTIL JAN. I. J937 CLEANED hud PRESSED 3 FOR $1.00 L*^~~* Dr^r^*, Mrn'i Suit* O***c^%. l7tir Trimmed             TRV OUR Ot'"-!Viv Laundry Service H.!~ Cl'.ncd ,nd Blocked. All Work Cited for and Delivered. All Cnrmcnla         . 368 AUBURN AVE., N. E Z9CS         3</t>
  </si>
  <si>
    <t>                                           Helpful Hints For Frantic Footballers</t>
  </si>
  <si>
    <t>                                           L.C.M.--I wonder if my friend will ever regain her speech? She has already had three strokes.</t>
  </si>
  <si>
    <t>                                           LOCAL THEATRES OFFER TOP-NOTCH MOVIE MENU                 CAPITOL                 Star Screen and Stage Attractions Billed for Week                 ;.le as a Iamb with those In: loves. savage as a tiger in battle. Buck, the screen s .sensational now canine star,        to th,; screen in the stirring Fox adaptation of James Oliver ClirworjdVs story. "The Country Beyond." which opens today at the Capitol                 Theatre. Featured with a cast which include such Hollywrod stars as Ho-  Hudson. Paul Kelly and I Robert Kent, Buck aids the cause j oi justice :is he tracks a killer through the frozen North, and plays . as he brings a "mountie" and his girl 'together. The snowbound Canadian wilderness is the setting for this drama, a country beyond the laws of man. Into this area. Kent and Kelly, red-coated mounted police- men. come to get Alan Hale for the murder of a man. Hale and his daughter, Rochello I Hudson, elude the officers. so Urn!. Hale will have an opportunity to run down the actual killer. Alan Dii'.ehart. Kelly follows Hale, while Kent pursues and cliches Mif.s Hudson, j fleeing with Buck. Aided by the J dot', they  the pitiless elc- j menu, while they arc drawn to- gother hy love. But their romance is not permitted to come to its j natural conclusion .il Dlnchart j is brought to justice, and his vl- i  killer don conquered by Buck in a savage brittle that is the dramatic  of -:he picture. On the stage In -on with this thrilling outdoor drama the Capitol is offering a new revue on the stage, called "Music H.ill Va- i ". Among the featured ads j to be seen with this unit are. Wai- I ier Horod and  ts tite wire. The Dean Sisters, just two little girls, pinto Delia and C-~. novelty d.-. Randall and Banks, comedians. Bob KUiRery i and his pal. Micky and many, j many others. This gala  and screen program will     shown for I the entire week at the Capitol I starting today.                 Adventure Film at Capitol                 Paul Kelly, Rochellc Hudson and Robert Kent (above) who have I he leading roles in James Oliver        's great adventure story, "The Country Beyond'*, which open5  at the         Theatre in connection with the stage revue, "Music Hall Varieties".</t>
  </si>
  <si>
    <t>                                           Gentle as a lamb with those he loves, savage as a tiger in battle Buck, the screen's sensational new canine star, comes back to the screen in the stirring Fox adaptation of James Oliver Garwood's story, "The Country Beyond," which opens today at the Capitol...</t>
  </si>
  <si>
    <t>                                           - The funeral of Mr. Melvin Tuirglc will bo . cd later. David T. Howard J*l i In Memoriam In living memory of our darl.  daughter and sister, Alira Mac Oabornc, wlio died November 1, lU.'iC. We Arc sad within our memory. Lonely are nur      .~ today, fpr Dip oih.   .  .ci  has forever  Tili-.~ away. We think of her in silence, no eye may see us weep, but many silent tears are shed,  ethers are asleep. Ocj knows how much wp miss lier; nev fr shull her memory fade, loving  shall ever wonder lo the spot where  Inid. Mr. and Mr.i. A. II. Osliornc, Miss Amciia V, Oshorne, Mrs. Khodii Goodeii.</t>
  </si>
  <si>
    <t>                                           If those Morehouse footballers take the bacon in their homecoming ... today with LeMoyne's wonder team from Memphis ... Adkins of Dazzle gazzle fame more than likely will pin the blame ... black eat.</t>
  </si>
  <si>
    <t>                                           GLAMOR invaded the Gate City of the South the past week-end as a colorful encourage of enthusiastic Memphians and Birmians breezed into the Ole Metropolis from the Bluff City to witness a spectacular football demonstrations as enacted by the classy grid elevens of LeMoyne and Morehouse Colleges.</t>
  </si>
  <si>
    <t>                                           ON MORE THAN one occasion, the writer has called the attention of Ric Roberts, his contemporary, to the disgusting tendency of many of our ... football elevens in playing too ultra-conservatively, thereby giving cash customers little or nothing for their money. He went into speculations over campaigns and recalled scored by major teams confronting each other, comparing these same puny figures to scores by the same teams at other periods. Sean the immediate scores:</t>
  </si>
  <si>
    <t>                                           A few days ago an article came out in the daily newspaper stating that forty members of the white staff of the Knoxville General Hospital were going on record as not wanting Negro physicians, internes and nurse training school at the hospital. It is to be deplored...</t>
  </si>
  <si>
    <t>                                           In his London apartment, Hercule Poirot, famous detective, prepares to leave for South America to conduct a secret investigation for Abe Ryland, the soap king. Poirot regrets having to forego his sleuthing into the activities of "The Big Four," a secret criminal...</t>
  </si>
  <si>
    <t>                                           Madam Mingy THE WOMAN WHO KNOWS Telli put, present anil future PERMANENTLY LOCATED Palmiat and Life Reader Giro* advice on all  *t life, Lore. Marriage, HMHjH and Speculation* ol ^~TTVj kind*. Don't fail (~         ee this   InMWtl Palmiil. PoinU tha ^vfl w*r '5'~"' ^^^BI and  you how Madam Miner     helped  and the eaa help j l^LLS LUCKY DAfS AND SPECIAL READING SOo Take Federal Priaon car lo end of line. Look for Nun* on Sign Not In Tent. Satisfaction         *4 638 MeDoBocgh Roed HafUa Mingy Mains Na Horn* Calk Offica Hnw A.M. t* t P.M.</t>
  </si>
  <si>
    <t>                                           DALLAS--In the popular mind every Negro has been considered either a philosopher or an orator.</t>
  </si>
  <si>
    <t>                                           Beauty Now Possible Thft famous Doctor's Way Shin Grin !~wnl      LlKhlrr In IVw Slujrt l)    (BEFORE**"^. ^*^T ror"T. hUlit   ?auty: Spread  ..  Th\ FB.HD        Skin Whitoxtpr Ointment on race, neck  .-' It  an-l Iwlllhl^nn Mktn- fast   i-clnl       1             Klorloia work.     .l   of the  Dr. l'~BI5 1' muHl  r.kln       .  you lti *~very way. or your money back! Follow' The" Aitvlrr of      Lovely Vomcn Do T1   Now! ^rany  Mtake  .. .          . ...   nnd MlnhrMl^l   '!M Join -Ofl* . In : VWf'Vnw at      *r.        . "  '   .        -       Skin TChltnifrOlnlment".       ll       . made r)r. PI3DO TalmiT SKln Whltww, tlio              37 .  on^ tho Onulno Dr. PRED Palmir'nl .Only at .  . Wbj.Vou Rhould. Alwari.DM Tlilu' Kprclnl Soav, Too r       woman can (Jopenrt 'On;        . Improved cr. FreEHJ J'almor'n-              Soap, for Blonloua .TnllU...,Uon!l     . .  Ihal      Nkln and make II r(~     and UKly^ Auk your .- for pr. JVlEIk. Skin IMllchl      lod*y.. ,      for fai;f. . . n*~ck. and .  ^h. A - Jar In only 2Sc. 1 Vuloublo Wenk Ksil.Klt Try.^r. PJilKL'1 I'ulinw"* Skin Whlt^n M' Ointment. ..)  Ptwft. Powdt'r             . Juitt Hend .  and wi for          for .        3nd Kit  U'riu  to    .     ,      *. Ijfbic.     . IM-Ai AtIiiiiU. Oh. i,          Mfte IMM* far ]   W I 34fl^^ re^ mo* M4 Uinu Ms MolnTtM TTiTn" .Mif      ..~.~~XM.~        I 1 I'l T' MM-Iunu..WW'Wkt I ^^^^mmm , .Tennessee.. i ?5T.!-   ^~E-y^Jfji5</t>
  </si>
  <si>
    <t>                                           Cuts And Stabs Send Wounded To Grady                 Graclv hospital c]     i)11(~ ,f        and morr.'n.; of Ri'turdnv find Sundny ns  mj and cur. vli-lims  I,,  to     ?r victim, of  ci  'y Ihe h-.nds of tl.fir fellow men. .I'hn LVivi". 24. :I73 JIi-tiu      ". W: -:rri foi  Ao..n.-ir. the ,  by n - r.--r. ri nr'.s Harris T.2. of inn I),7v.:i stri rt.. was liu^i.fd iar In. oi n of n.vp. nr.i and lii.-t Miir.. ~'oh[i h. AicxiinikT, J3, 6jii Si-. wns (rented for ~:nb wounds Hip led shoulder, upper nrm i:nd leir .  with  n ice      . Wii:ie jp.mcs. 2fl. 494 Hockwa)). wns (rented for lace/ of iho .-. i-. by an Ice pick -vr. V.'.)la P'trliam. 34. of Rear 7gs Piucimont avenue. N. W.. was found by police In a serious condition, having been stabbed In the bunt with an Icu pick. Thoy sought hor  for questioning.</t>
  </si>
  <si>
    <t>                                           Is it a wonder that the cometic shopper is bewildered when she looks upon counters and glass cases filled with beauty aids? They're all there, the fragrant calcimine for the complexion, the coloring to create the blush on the albaster cheeks, cherry tints for...</t>
  </si>
  <si>
    <t>                                           'Tis only a few more days ere the yuletide season will be with us; in fact it's just one week from today when Christmas carols, chiming bells, brilliant lights, gay decorations, gifts, etc., will be the cynosure of interest. Many swanky social affairs will serve as sources of efferverscent gayety for bordes of rampant realmites. The floating spirits will be on hand to add "life" to the parties. Then one week later, most of us will return to normalcy: that is to buckle down and face those daily chores which will be...</t>
  </si>
  <si>
    <t>                                           I XMAS POULTRY SPECIALS 1 TURKEYS f % LIVE YOUNG TOMS '% Extra Kancv f% f% $ 12tc35Lbk LB.   Z % LIVE KENS EXTRA FANCY f*p f^ Homo Grown LB. /Y%Z % to hi-LI) Averages %~ :V. :i?- Extra Fancy Western Dry Pick I DRESSED TURKEYS I f Young Toms 20c Hens 23c f :flt Live or Drened Live or Brewed f* I DUCKS 20c .GEESE 20c I I J I HENS 20c HENS "20c I f. .% *fr Young     Old Vard $ i?: Roosters lb. 15c EggS D0Z 40c -t</t>
  </si>
  <si>
    <t>                                           /\/"6y "Bo/cinq TbwcLx, ''           , . 7, .JoaJcvvq 7 ....@~ A for ECONOMY and SATIS FACTION 'UseTfrpblcTesMfTtpiubtcAdfonf liV POWDER Full Pack-'- No Slack Filling</t>
  </si>
  <si>
    <t>                                           Memorial Services Hold Spotlight At W. Hunter Baptist's Anniversary                 BY REV.  ARNOLD i                 Memorial services held the spotlight at W. Hunter Baptist, church. Rev Samuel Pcttagruc. minister. Sunctny. October 18. where one week hence the 54th church  Roes Into the  of hist ory.                 At 3 P. M. appropriate music was followed by .scripture by (lie minister, while Mrs. Geneva Hill  supplication. Candles wore placed on a table l\v  ushers                 and the scroll of the Head ~.vas placed between tlic bur:;ing . Rev. .1. Raymond Henderson, pastor of Wheat street Baptist ChiSroh. T\ns presented by Rev. Pcttagnie Ho. delivered a ;lne memorial sermon. DIED WITH FAITH The speaker stressed the faith ol lho.se who died "without the (Continucd on Page 6; Col. 8)                 Memorial Services (Continued from   ;~ 1) lse\ He said, "many of the deceased members of. West Huntor died with faith; many died without receiving the promise; some died without economical security; some died without the opportunity of educational advantages, warning that they did not get recognition In this world, but they dled with hope and faith in God, 'going to a city prepared by, Ood. Many of them never lived in decent homes here, but now they enjoy equality In the heavenly "City of God'1. The services were very Impressive. They lasted for one hour with a representative group in attendance. NASHVILLE VISITORS Next Sunday, Dr. A. M. Townsend, secretary of the Sunday School Publishing Board, Nashville, Tenn.. will deliver the anal anniversary message. Beginning Monday night, October 26, Prof. B. W. D. Isaac, secretary of the B. Y. P. U. B.oard. Nashville, To.uv, will conduct a week s B Y. P. U. and singing institute at the church. Dr. C. D. Hubert, head of the Department of Religion at Mcrehouso Collect, will assist him in conducting Sunday school .</t>
  </si>
  <si>
    <t>                                           Memorial services held the spotlight at W. Hunter Baptist Church, Rev Samuel Pettagrue, minister. I Sunday. Octoher 18. where one week hence the 54th church anniversary goes into the books of history.</t>
  </si>
  <si>
    <t>                                           MANIA  "*i*~-*     ira: if*nmw 3 ulr Varoa is, im l^Nlahad DAILY  SUNDAY at It* AiMn Av.iu, X Jir ATLANTA DAILY WO0U*   J'Uttl. Talqihon*.: WAImlt 140V- I4S0  C.KCOTr NKWNl'APKK  IT. A. malt, II.  C. A. KOOTr. Onanl Viww C A. . OotmM     (~r X X. Iwima, AiaX  vr.: X.      i. Juoo. JUsadar   ka.tkm! .Y: 1 Taar.     ; Month. ~.1I; } Jlontha 1 Moath Ma           ON1.Y:- a Year J3.00; { Slonll. JI.IO; I Month. J1.I4    .~J.: 1     Mootaa C.7~; VorrlgB: 1 Y.~r K.Ci 2   1onat ArtvortUtnff *l!       .      : *V%r. II. 2IKK CO. JM    * MU, CltlcAico. UU. and. SUt ~'ourth Avw.,      Yurk. K. T.  ta     1'oit Offlc* at AtlAnta. Oa..    MCOni-clam mall       tha Act of ConaTWM. Alarch 3. 18?~ Tha  1*~       ^   1a an  ^r^non^ Md oon-.  news        *  It ba.  ta tha ln!~  *nt of tta         *a*l OPPOalnr  .        .t III* Intrrcnl af Ita . Addrraa AM. COMMUNICATIONS to  u flu** .H PuyJblo ta ATI^ .Y )   U. Individual.. Tlia 1.U ^ii.r^M.1, ^a rr.~MiMiUM!]t)~ for  of - .  otu^   ana</t>
  </si>
  <si>
    <t>                                           FINCH WILL BE BURIED SUNDAY                 Ti-m.-itive plans for the burial of Tirana* Pinch, fatai:~' shot l.y a      ( i- Suturduy morning, call lor riles Sunday :,t Uuxty. tui..  of ihf .                 Mr... Rvu Tlio:i'.;  . ..Uter uf tlie ik ud . . burial waa delayed  uut-oi'-tbu u relatives nil jir. have ample - tu reach AtlontR. A . Steve, cf Detroit. Us -Hi'il in arrive Saturday. Accused of attempting to assault on a white woman ai Grady hospital. Pinch was   when it is alleged lie attempted to resist arrest and Jump  tlie detective s automobile. He died at Grady hospital several minutes aKer being admitted. Thomas Pinch had Keen an orderly :it tlie hospital approximately eight years. He established a good record for himself and was  tl by hospital !s. i Tim woman j.s reported to have  Pinch after defective-. ;i nested him at his home, 427 Rip- ley street, NE. I Mrs. Thomas, in a statement to the World Monday evening, said the family had nor; started an investigation of the shooting, she intimated Hint they were busy readying themselves lor "Che approaching . Conrt Busy Opening day of the criminal court, division at the Fulton Count) .se proved a very busy cue. Of the nine persons ';ried on lottery charges, five were given steep fines. Mnry Mills was found not guK- ty on a slabbing charge, and Will i McNair and Arinur Allen were freed en charges ol po.-sessing intoxicating liquors. Will Bell drew a two-month sen- tence for  and buttery anil R. H. Martin and Bertha    : Martin were given three-month suspended sentences, each, on simple larceny charges. Walter Buttle was  to  e months for simple larceny; Joe Blnckwell. one month. and Major Jackson, three mouths, on similar ort . J. D. Brsmi  n $75 or six months sentence icr ; in I  liquor,</t>
  </si>
  <si>
    <t>                                           Tentative plans for the burial of Thomas Finch, fatally shot by a day detective Saturday morning, call for rites Sunday at Maxey, Ga., birthplace of the deceased.</t>
  </si>
  <si>
    <t>                                           LADIES     That FAMOUS DOLLY DIMPLE Hair Drci.ing ON SALE AT ALL DRUG STORES AND S ibe STORES %~"</t>
  </si>
  <si>
    <t>                                           TIM TYLER S LUCK -By Lyn .Yomjg                 FELIXTHECAt -By Cy Hungerf ofd                 DOROTHY DARNIT "By      McMantw                 It'  A Great Life If You Don't Weaken -By Jade Rabbit                 NIPPER v-                 SWIFT -By Br*y</t>
  </si>
  <si>
    <t>                                           This great school of instruction will open in its 23rd annual session this evening in Decatur. Georgia at the Antioch AME Church beginning today and continuing through Friday, September 25th. This meeting will give you a broader outlook upon the intricate problems...</t>
  </si>
  <si>
    <t>                                           POLICE BET CLOSES IN 0 N DUE                 'Spiritual Father' Of New York Must I Go Tc Court                 MONEY MATTERS                 NEW YOftK-.- Th,. my?-! lary of  ; hr.w FnU't'r S Divine soi.s l:ift -y i.-.  : :i       -ry no (.-.i-r with     !  of .s in siai\- m- .- court '.sday :  : th,. i.s-  of un        tcr ;ht* cult  10  xMr u, ; .\fonn.iy                 nno show  uJ".v rn- miou-~1 no-. be punished Uie            . Tliese Hlildavtts .-.ere  Ijy William V.'. l^soi.-. white at- . who Ir.t-, l*'.~, try:n-  for sonic t;:i;e ; oji .t judgment :m:i!iiM Kither - r.' !rom ;,ii :: in Maryland two ar.-~ auo. At tl'.at time one hi-* Peace Miss. on him(     wilh a car driven by Mrs. Nin:i I. Bayli-ss. wi-.in-. of     . Md.        appearance* had  Cd in bo',li tile cu![ Irad- cr aod him bUnr r.f ".-ir.eei.-;" st. they did noi know where thf .r.on- ey cB/Ile  to np^rato Divlnfs i peace . j 33ut in the  mad.~ by Mrs. Veruida Brow:), this mystery :s partially .M. siw Said    -'r spiritual name was -Ri- Grace" and  tin- Harlem .%!~~- fish s hold upon lior and her hus- band had become So  thai ail i-  and      tif '.heir  .had  vn p. him. i "I paid all this money.'* tlio a!'- . read, "in tiv  thut I unless 1 did so t was  Tcrlastin'jr misery, ""id thai by civin? this money in Father Di- i vine was depositing it in -a   ^~v- I enly treasury and was in Hint way j i- of ~-  .Tnal 'if.: am'.    :" At. one time hi1; !io!n was  ". ! to    .'M7. Of Ih'S. .jif .-nit!, sh" limi.ied S4.016  to l-Vher Les.        -(j this i.-.it tio n- the  r liii" lta -n't '-'idt-r  und-.'r   il H! i\n -n   ar.cl J  liti    .~. know'-  V;is rn::f!s .- . The oril.'- .--L:i nit-.-f; t 'jv the lawyer '.'.il ?.1~:.- -inti k- as "Cot:' t^i many of I ,s fn"ov:nr^ of both tvo^. :  - j icnr conr! Monday rt n-r. w!iv lie should not bf  ier " tor i\:   ; !hn:.e .-iat--   ii-n'.~. At the same u.ro. w .ini' r-  j to a so .Oiow whv he -li-iiiM n"t '.p  10 p:iv  w-!;1..' j iti Lite .ind^ of Mrs. F.Jaylc:-*'*. Tn tv-nr,  -'.v he tried to avoid !*   iy  lie '     * the money of the  V:ue ini:--io!".. If lli.-ti- I'aels M*e!ii i:v.]:rob- "(~\ itn )":tKe '1*. t'.i                 Police Net (Continued from Page 1) :\b'.~ m t-'Tis u'.'.U'ili't.'rted ;im*." con tir.ued Mrs. Brown's t Kltiavit. "i can only    !:iiu ry submission Fri'linr Divin'r'.s inf uL nct- by i".~lic: :h:ir I :un n co  u-:mi rtf middle :*uc M-iih *cf! rni'.li in divine providence "nt1 .1 ti:;i':!;  ?s- ;md .--odine.\s throne:; li'^lily     !   ity to believe  -CTioii and the  of     . Mv husband h?s o1n-nvs sought rc ief from an inf- comp'.o:  from       t-o nr nf ; skin in The ^  of a blessed lv.-." Althouvi-. the wording shewed r.                 lawyer s touch. tl:~- a/;, 5 li-i con lamed thu ~::   :t; !uc:s l: Browns visited oil Divma he--s at Sayvi:ic L. I.. :~;,C. j were    astounded 'oy ihv sump"  meal served  and i!:e evidence of  li M they soo.i join :h-.' -.. it is  thai many others gave up all  be .ys to  cu'.l !u:tc'.:r for the same reason. In    ;   proc-cU:r. Divine :'lso 5 id tie l;riew !::^ or tlic !,~yir.ci'.is or receipts in eo:i- j section with  c. Iu:promised lands" nvar Kiausion. His lv. adc,        heaven, and i::.c:;:  and stores  York nnd other parts 0: t..f . Bt:t if. aa a:!ula-.:i ::ied by A:-t:::ir Hiiilxoue!:. v:!::te. ;i Ki:iss'.    j  I'.sl.'itrr ;:'.;i:i. t; u';*s li.s-l:!*^' i!i.il Father Divine !:~d paid Ca" I brouck iK- SI.O:o 1:1 crs tor one tlie . 1::~.</t>
  </si>
  <si>
    <t>                                           NEW YORK--(ANP)-- The mystery of where how Father Divine gets his money is rapidly become a mystery no langer with the filling of affidavits in state supreme court Thursday and the issuance of an order for the cult leader to appear in court Monday...</t>
  </si>
  <si>
    <t>                                           ONE-STOP SHOPPING CENTER That's the advantage you gel when you shop at the Municipal Market. You don't- .have l.o go from place to place looking [or the things you want for your Sunday dinner. You can always find it here. Free Parking Lot Municipal Market ClYER. 1Q0 .STORES UNDER ONE ROOF f 0 n .?til .p:3'p P. M. Daily. 9 :30 P. M. Saturdays 44^R ED. and BUTLER</t>
  </si>
  <si>
    <t>                                           fi[                1\v^sS^ And take no chance \\u \^WiTIi\OU]RC00N I ""THERE is no need to fear 1 the beaming rays of summer s sun. Swimming, N. boating, fishing, motoring. ^Ifolf, tennis, picnicking, etc. A" *^e outdoor pleasures N may be indulged in freely without the usual annoy- . Women Who Value Their Beauty are Loud in  TAN-OFF A  .tion ot Madam C. J.   !ker'~ Tin-00 But oa I .rly,  .. protection for the completion     IZ /i p*T 1afO9 I         . kin      .      . .mooth .nd       with h.~lth. 03C^b0x 1 PlmolM. . ~$! and natural  I I quickly  with the    of Tan-Off, yet It mild, ^           1 . It will not harm a baby a tend.r.kln. Stores, and 1 THE MME. C. J. WALKER MFC CO., Inc. Walker Agents        Bulidlnf , Ind. V^k_ CVCryWnCT9 1 AjIM vJT r TAN-OFF    no new.  preparation. For WDITr        yean It     been-the favorite of women WK1 IE. 1  who demand a safe, effective, inexpensive - 17131717 a A n/ c bleach. Made of the best materials money can fOr r Ktt, SAMrLfii buy. and used according to directions, it will cleanse, clear and lighten the  in         ll lust .</t>
  </si>
  <si>
    <t>                                           The Mt. Zion Baptist Church and members were honored guests at Rev. Greer's Church in Atlanta Sunday. Those that motored up were Misses Petty Jewel Rogers, Jimmie Edwards, Mr. S. Charles Williams, Mr. and Mrs. Ernest Rogers and Mr. E. S. Strickland.</t>
  </si>
  <si>
    <t>                                           MADAM WILLIAMS  JIM Palmist 8 Crystal Reader I ^~*~*MMK'ly be "" aluI discontented i ^M tM ~'~when one visit to this gifted lady will l^BTlSsf'Blielp ycu solve  moat difficult prob1^          . Truthful advice on love, business Wl.      91  you are doubtful consult her. ^^^V^A^BSatisf action assured. Hours: 10 A. M; 2967 Peachtree Near Buckhead SPECIAL READING 50c</t>
  </si>
  <si>
    <t>                                           Carol Concert At Liberty Is Gala Occasion                 A Christmas morning program  by the Number Two choir of Liberty Baptist church at  o clocK" was attended by an       ually lame crowd and serves of tho huso number present were loud In j  .ni of the gener.il Quality 6t the  suit,: enrols. A special trio feature. Little Town of Bethlehem" was given iho sympathetic audience,  s au illuminated star moved horizontally to and fro within -the church. The  (. under tte direction of Lawrence C. Mfinn. was accompanied by an echo choir which, i'i  sealed in theu balcony.- FltESTOIEN' LEAH. HONOR  DAYTONA BEACK, Flu       work' or the first Quar-'" U'r at Bethune-CoolunHn CnllegT has come to n close. Those sfu-  whose work shown a  J  of 2:00 and  'arc (   - on the ! and honor of bo- Inc n. nn thr Deiiniri Ltat, Tho work of thl* -r has     ..v CraUfyln^ to  Of tho lte--:i uity and the administrative Ion*,? as well as    a large 'numbr: ot -5 Indents,</t>
  </si>
  <si>
    <t>                                           A complete collection of the etchings of Rembrandt, great 17th Century Dutch painter and engraver, reproduced in their original state, will be on display in the exhibition room of the Atlanta University Library for one week commencing today. The exhibition room will be...</t>
  </si>
  <si>
    <t>http://search.proquest.com/docview/490507984/</t>
  </si>
  <si>
    <t>                                           Orange Classic Queen                 MISS  KKI-KNF.K Miw Ki-IUirr. u M-      ul l-lori ta .A. and .M. Ci.*' i" T.*~."' ]'      :t. wa- i"~r i!    m*  'wI  ini      *  *(l MOr;nip.* C'.:           -:r hy            ul tin* iu::."" M  in . S*~**    *.  f    "~ila..  tla. and i*~ p^pi:lur on    *. I'limfr campus, ut'-.l tti  s.iK*i:tl ranks   f tit r ~*</t>
  </si>
  <si>
    <t>                                           Pre^ Convention Throng Hears Fine Music                 By REV.  ARNOLD                 JACKSONVILLE. Fla.^)- Preceding the 56th annual session ol the National Convention, the prc- program was staged Tuesday night, September 8, Ira a special built tent with a seating capacity estimated nt 5.000. Thousands of people from                 out the  are in attendance. Three  voices made up the convention chonis accompanied by a splendid orchestra. The chorus wns ably directed by Sydney Frederick Johnson. The following chorus wns Initiated by the famous Floridan Singers: Overture by the band "Poet and Peasant"- Suppe, conducted by S. H. Hart. Ill; Notional Negro Anthem Johnson audience; "Rise Shine, Give God The Glory Chorus; "How Lovely Are Thy Dwellings"- Llddlc- sung by Mnble Grooms; "Carmcna" (band)- Wll(Continv.ec: on Page 6, Col.  1)                 Pre-Convention (Continued from      1) son sung ty Isabella Thayer, soprano soloist: Ah Fors Levi' ("La TrnVata"' G. Verdi,- sung by Aurora Long Anderson; "Vllliafrom the "Merry Widow" (band accompaniment)- Lehar, Tuesday Evening Music Club, Wllhelm A. Sykes conductor (guest); tenor solo. "On Away! Awake, Beloved!" Samuel Coleridge Taylor- sung by Theodora Taylor; Reading. Zara Cully Brown; "Mountains"- Rasbach, sung by Evelyn Foster. T.:e remainder of the program consisted of well known spirituals in favorite arrangements. Numbers featured by the chorus were: "By The Waters of Babylon"- Taylor; "Crucifixion." arranged by Frederick Hall. Dlllard University, New Orleans. La.: by Florida Normal i College, A Cappella Choir. Sydney i F. Johnson, conducting: "Where'er You Walk"- F. Handel, sung by Lutrella G. Long; "He Shall Reign Forever and Ever" and "Hallelujah." ~..</t>
  </si>
  <si>
    <t>                                           JACKSONVILLE, Fla.--(SNS)-- Preceding the 56th annual session of the National Convention, the pre-conventional program was staged Tuesday night, September 8, in a special built tent with a seating capacity estimated at 5,000. Thousands of people from...</t>
  </si>
  <si>
    <t>                                           Miss Lucy Wilkerson returned to her home in Newnan after spending a week here as the house guest of Mrs. W. t. Ford. While in the city Miss Wikerson was royally entertained by members of The Les Elnorados Club, and friends.</t>
  </si>
  <si>
    <t>                                           Dr. M3ei N^^JgJr wfiw mox9  uim  M. {ran a nervous ail* , Was       used Dr. ISHea Mniliin which gam .her  ock  Vknlid  that           pa iii. letter. i B torn. 9Kfftr from "StrVM." iff  M tic  , ***rt A  ,         ,     , blm  wi JT^,             probably on* p/ order. Oafet  nd relax them wHh ft* him medicine that "did tha work" for this Colorado ^ri. Whether your "Nerves" haw troubled you for hours or for years,  find this  remedy effectiv*.'. At Drug Store* ?5c and flM.</t>
  </si>
  <si>
    <t>                                           IN MEMPHIS                 J. HARVEY KERNS field worker for the National NegTO Urban League, who, at the present lime, is heading a move in Memphis, Tcnn. for si local branch.</t>
  </si>
  <si>
    <t>                                           United States Marine Base Forms Rich Setting For "Pride Of The Marines9'                 Against the colorful background I Of the United States Marine Bass at San Diego. Calif.- Columbia's comedy-drama "Pride of the Marines." which opens today at the Harlem Theatre, was filmed. Its. cast includes Charles Bickfo.-d. Florence Rice. Billy Burred. Rotcrt                 Allen and Ward Bond. All the facilities of the Ki'cat military base. Including the heavy coast defense guns, the trim fighting planes, the -aircraft guns. the great battleships and -  destroyers, and 2.600 of America's finest  men. tin; I 6th Regiment of United State:, Marines, appear in "Pride of the Marines." It is the story of an orphan iati who is adopted by a Marine with a steel exterior but a soft heart. Billy Burrud plays the part the orphan lad. and Bickford that of the leatherneck who takes the boy un- der his wing and brings him to the San Diego war base to live. Bickford has recently been seen in "Tile Farmer Takes a Wife." "The Littlest Rebel" and "Rose of the Rancho." Florence Rice's last picture was "Escape from Cevll's Island." Previously she appeared in "Guard That Girl." "Carnival" and others. This is ten-year old Billy Burrud's second film; his  was "Tlirce Kids and a Queen." Columbia Pictures received the full cooperation of the Marine Corps in making  Pride of the Marines." The 6th Regiment actually became extras during the filming of the picture, going through their dress parade drills and battle maneuvers while camera* recorded the inspiring scenes. Other important players In the  include Robert Allen, Joseph Sawyer. Ward Bond. George McKay and Thurston Hall. D. Ross Lcderman directed. Harold Shumate wrote the screen play</t>
  </si>
  <si>
    <t>                                           Against the colorful background of the United States Marine Bass at San Diego, Calif., Columbia's comedy-drama "Pride of the Marines," which opens today at the Harlem Theatre, was filmed. Its, cast Includes Charles Bickford, Florence Rice, Hilly Burred...</t>
  </si>
  <si>
    <t>                                           BOY SCOUTS IN LAST PRACTICE FOR FIRST ANNUAL "ROUND-UP"                 NATIONAL DIRECTOR HERE FOR BIG MEET                 AH Boy Seoute and boys In     -~cont training are asked to meet  -Jpc at 10 o clock in the Moi;j33    col-, lese  to \?.^~e in the final practice !!~$~~ for the tint annual "Kmu^Minto be staged Wednesday '~~$~                 ing. Tlie nine colored Boy Scout  lii the city and tlie active  and executives are sponsoring the big .'event. The "Round-Dp" which is. to .'display* . stunts jU3d-.           -J .Jiibits. looms as one of. the better events of the year. The affair win be" conducted in the Morehousc gymnasium. Arriving today to witness and aid in tlie production of the "RounoUp" is Scoutcr A. J. Taylor, colored national scout official who is connected with national scout interracial headquarters in Njv.York. He  spend the entire week in Atlanta. Arrangements have been made for him to meet die. ministers of the city In their regular weekly meetings. HHc will also confer with the  scoutmasters) of the city during his slay. Mr. Taylor will be busy tonight aiding in suggesting finishing touches for the Wednesday nigh; event. Tuesday night, he will attend the presentation of awards deserving scouts, which is to be hold at the Butler Street YMCA.</t>
  </si>
  <si>
    <t>                                           All Boy Scouts and boys in pre-scout training are asked to meet this morning at 10 o'clock in the ... college gymnasium to ... in the final practice ... for the first annual ... to be staged Wednesday...</t>
  </si>
  <si>
    <t>                                           Social School Students Fete Blind People                 Transformed into Radio Station XMAS. the         WlicaUey Branch ol the YWCA was the scene of a program tor the blind people of Atlanta Thursday, December IT.                 Appcarinc on :Ue program wcrs Miss Ida Coi.cr. 4 J8 pounds of good cheer." playin; delightful Christmas  on tlic piano. Mis- Rose Mac Withers told a. b": Xnius -  Thr Black Madona." "Guesting" all the way from Oklahoma was Miss Cyu McMunay. who rendered     reading and was called buck to ilic "mike' for an . Miss 'Tiny" WardJow  iti Uie . The Goodwill Sisters Melody stepped b'-f Tc ihr microphone to give their ChnMn;;is melody: they are composed of tr.c  mem(Continued on Paqc 5. Col. 7)                 Social School (Continued from Page I) l:-r.-: Rose Withers. Clyla McMur:-iv and V Sr.eed. Cludii Assist:u:\s. .MiM.es Grace Collunie and Crnce Peterson, .endured - :n keep the program going in :ruf  style. The script was .vrit:en ap.c!  bj" Mr. Rob-.v. L. Seal. The program  part the work concerning t!ie blind colored citizens of the city, which Miss Horer.ce Robinson and Robert L. Xeal have ~:cen working v:i:h as a special project. Both arc  at the Atlanta School of Social Work. It is the desire or the school to be of every assistance possible in securing tetter opportunities for blind people. FollowinR the program Misses                 Bessye Ryans and Lorraine Robins, acting as .  bags of fruit and candy to the guest. White walking canes will be given as soon as possible. All participants in the  were students a: the Social Work school.</t>
  </si>
  <si>
    <t>                                           Transformed into Radio Station XMAS, the Phyllis Wheatley Branch of the YWCA was the scene of a program for the blind people of Atlanta Thursday, December 17.</t>
  </si>
  <si>
    <t>                                           When Owens Outran A Race Horse                 HAVANA. Cuba (INS)- 'Merc is the  of the j unique racr man x-ainst racehorse- thai featured I the  nf the international sports week at ll;i- I va.na, Cuba. .      Owens, triple Olympic winner, is                 shown on his mark at the --tart or the event, with the  and jockey in silks ready to so. Owens outran thr Imrse in the sensational test of human stamina.</t>
  </si>
  <si>
    <t>                                           Digestible as milk itself 1 ^B?M{       ?^^ mild Cheddar flavor            ^^^^^^ l^m.  hare thin nutrition* ^^~iui^^^^H^^Mg^^^  food often ia Baadwichea, ia ^^^^^^^^f^m7  _^k  , oaA, , as a smooth V^'-'Bes*"'"!}}' Mnoeforeggsor Bcafixxl.</t>
  </si>
  <si>
    <t>                                           ^^^^^^^^l/Kt^tt^K/tt^^^^^t/t^^^^^^^^^^^^^^^^^^^^^^^^^^^^^^^Bt^t^^^K^^^^^^^^K^t^^^^^^^^^^^^^f^^^^^^^^^^^^^^^^^^^^^^^^^^^^^^^^^^^^^^^^^^^^^^^^^^^^^^S^^^^^^^^^S^^^^S^S^S^^^^S^^^^^^^S^^^^^B^^^^S^^^^SSS^^^^^^s^^^^^^SSS^^^^SS^^SS^^^^m JS^B^^^^^^B^^Ep^^^^^H^S^^^pS^b^^^^^^^^^SSSb^^^^^^^^^^^S^^ES^^SSSSiS^^^SB^^^*^^^^T^^^^^*^^^^^^^^**^^^T^^*^^^^^^^^^^^^^^^^^^^^****^^^^^*^^^^^^^^^^^^^^^^^^1^^^^^^^^^^^T^^^! ^^^^^^^^^^^^^^^^^^^^^^^^^^^IH^^^^^I^^^^^B^^^^^^B^^^^^^^^V^^P^^^^P^^^^^F^^^II I^^T</t>
  </si>
  <si>
    <t>                                           Mrs. Maris a D. Partee, society leader and charming hostess in Atlanta's ... society circles, Livingly and beautifully entertained Saturday evening at 5:30 o'clock for the "Junior Marcu's Club at her ... Street. N.W.</t>
  </si>
  <si>
    <t>                                           IPv'W'l Ice Cold Beer WE    ;--3    *i_ DELIVER Vk  TO YOUR Mtoc-rJP Delicious Sandwiches D00R FROM Wlm DEW DROP INN a. m. to jj BCT 11 ASHBY ST.. N. W. 10 P-   -UI ^.r o-?e-n 845 FRASER ST, 3. E. ALL NIGHT</t>
  </si>
  <si>
    <t>                                           your hair has become red. V- , freaky or off color from tUc     of hot Irons or , simple  U pretty. She In popular- Icwed. plication of Larlcu.e win. In a few  crowd around her      . leave It natural looking and  goes* Women envy ber  new power . to win love. Color comes : Jot black, black; To look at Julia now you d never  dark, medium or  brown, or blonde. that iho wat once a wallflower, ^      waiting. No disappointment*. If not for dates, fun and excitement. satisfied, your dealer will promptly rv But thow days are (one form. Julia f und 'our haa found . She U  taft LetGodefroy'sLaiieusehrlnftyouhapplIn hti . Antl m\\      \}h*  w     . Itirc Mnd . ns It has    Larlruse  hi-r  charm thut thousand*. Your dealer has Lurlruss turns nicu s  to .  buttle, TUDA^. .fy=urd.al.r J^^h  S  t      ^m send J1.25 M M ^SSlu-- french HAIR coloring #        MANUrACIVtINO COtffAHT WO  "'^J^, Ma</t>
  </si>
  <si>
    <t>                                           Relief For The Itching of Eczema It's wonderful the way soothing, cooling Zemo brings relief to itching, burning skin, even in severe cases. Itching usually stops when Zemo touches tender and irritated skin, because of its rare ingredients. To comfort the irritation of Rashes, Ringworm, Eczema and Pimples, always use dean, soothing Zemo. It should be in every home. Insist on genuine Zemo. Approved by Good Housekeeping Bureau, No. 4874. 35*. 6%  1. All druggists'. Night  ad Morning to keep them Clean, Clear and Healthy Write /or-Free "Ej* Cart" or "Eye Beauty" Book H.       .H.S,~t.     ,~   .</t>
  </si>
  <si>
    <t>                                           Rev. Charles E. Coughlin, power-drunk Catholic priest of Detroit who brays by radio to enthusiastic followers throughout the nation, has pointedly injected the spirit of racial intolerance into his activities. His recent Hitlerish broadside against the Jews may be a feeler...</t>
  </si>
  <si>
    <t>                                           Unidentified Man Dies In Ambulance                 An  mun was dead "n arrival nt Grndy hospital at  Saturday. The victim is believed to have  from u stub wound or the chest. The driver of the Po'lar^ ambulance, which carried the stabbed man to the hospital, sal3 the victim was removed from house near the corner of Crumley and Frasler streets.</t>
  </si>
  <si>
    <t>                                           Andy Kirk And His Orchestra WILL WORK FOR YOU SLAVE FOR YOU AND IF NEED BE E5?^SvvISi!8   ! "UNTIL THE REAL THING COMES ALONG" AT SUNSET CASINO Thursday Night, October 15 f STARTING AT 9 O CLOCK Admission (advanced sale) 55c At the box office 65c</t>
  </si>
  <si>
    <t>                                           On Monday night the Friendly Neighborhood Club met with Mrs. Carson and there made final plans for their first social event which will usher in the winter season, as well as mark the change from summer to winter activities. The occasion planned for will be an...</t>
  </si>
  <si>
    <t>                                           "UUfJUOAl.        Hawaii* O'BRIEN *EVBf "M- Daniel       Hni-~MC- .VO OUUi-Xt      3TEA</t>
  </si>
  <si>
    <t>                                           The captains in the current drive of the Citizens Committee of LeMoyne College met at the district office of the Universal Life Insurance Company on Monday night, August 31, at 8 p. m. When records were tabulated, it was found that approximately 600...</t>
  </si>
  <si>
    <t>                                           BABCOCK IN SERMON ON CRIME                 Law And Order Plea Made By Pastor Past Sunday                 FINE REMARKS:                 By REV. WILLIAM                  Pursuant ic we anti-crime program sponsored by the Atlanta Worl:l. ministers were asked to  Sunday. September 6. ab "Anti-Crime Sunday Every  was asked to preach n        '  on crime. In response U. the idea Rev. D. T. Sabeock tool:                 a de.'.- stand for law and Older. Telling his congregation that Christianity lias not proven a failure in any way: that while  believe that the church has lost (Continued on Page 6;    . 6)                 Babcock In (Continued From Page. I) Its efficacy, Jesus Christ saves today as He  .years ago. The great Divine told what Christianity realy is, and contrasted that with what the church folk lack In putting It- Ib practice. Quoting Rev. Babcock, "Millions who say, I am- a Christian' and that they have pure religion; In. that same nation men are burned at stake. The weak  are  to exercises their rights. A woman was kicked on the streets of Atlanta and she was carried to jail; nothing has been said or done Rbout it. In this Cluistaln nation." The speaker deplored the incident wherein a colored woman was shot by a man of her own race because she threatened to call the po- lice to step his vile language before her door. This happened In our Christian nationl He .cried, "Our race Is supposed to.be more relgious than any other. 'The man who kll ed the woman in front of her own house can pay somebody $300 and  et out of prison In about six months.". Rev. Babcock reminded his followers that crime Is on the ascendency In Atlanta; that even church members dc not' mind , :, breaking peace,,  one another and cant be depended on. Christianity can t be blamed for crime and sin  more Mian wecan       castor oil for not getting; w      when we dc not take It. .Atlanta went take ChrUUsnlty Bn'd until It does,  will kin and rob. We are go n* Into a revival and T ask how many ol you have kept     von can ask a g* .of bootlegger to  to church?" observed the-  of BetheJ  Oluiroh.</t>
  </si>
  <si>
    <t>                                           Pursuant to the anti-crime program sponsored by the Atlanta World, ministers were asked to designate Sunday, September 6. as "Anti-Crime Sunday." Every minister was asked to preach a special sermon on crime. In response the idea Rev. D. T. Eabcock took...</t>
  </si>
  <si>
    <t>                                           H. M. Ivey To Pilot Scout Effort Here                 H. M. . of the Ivey Bros. Funeral -Home, will' lead a whirlwind  for registration fees foe sorne hundred .odd fellows unable to secure their fee bei .'ore the expiration of the  time. Mr. Ivey is chairman of the Atlanta Council' finance                 committee of the Colored District of the 3oy Scouts of America, and has displayed unusual interest in tiie move to increase the ranks of Xegro Scouts. It has been frequently -d by the Scout Masters that there are more than a hundred boys ready and qualified to join the troops of their' choice, but are.unable to pay the' Tec of  cents. Ii is thought that there arc a hundred Atlanta^ interested iru., the ScoiitT Mo^^to     " I of making, it possible for the  !ows to take the important step. I If each one or the men contacted will lend, rather than give, fifty cents to any one of the boys, they win have made a most important investment in the future progress j of our boys. The men .who .were. . .and those not contacted but ..ini ! are asked to attend the I Continued on page 2; Cot 1)                 H. M. Ivey 1_ I (Continued from Page 1) i R!= Scout Round-up scheduled for Wednesday . December 30, in the Morehousc Cotiepe gym. O!d and new Scouts will bo presented to the people or Atlanta at large for the first time and it :s  that the presentation will increase the tempo of the already : interest in the Scout Movement. Already underway, the CHmpalgners are proudly boasting ol the fact that numerous  Atlantans have pledged Uic IK lor one boj;,</t>
  </si>
  <si>
    <t>                                           H. X. Ivey, of the Ivey Bros. Funeral Home, will lead a whirl- wind campaign for registration fees foc some hundred odd fellows unable to secure their fee before the expiration of the registration time. Mr. Ivey is Chairman of the Atlanta Council finance...</t>
  </si>
  <si>
    <t>                                           HARLEM I 'Lawless Frontier1 with (IKOVfiE ( NEW LINCOLN BIG BOY WILLIAMS -gi/n pi.ay"</t>
  </si>
  <si>
    <t>                                           :;i:iti in il*iph 1 1~:*7 BELLAMY ~"   ;o i K... L.,k. MH.I-IKS" AnlJ Ct,~.   - V. Slari- t ^hT      Arts- 8 IHt SHOULDER"  HARLEM BUCK JONES In "BRANDED" TAXES PAID! KKI AY OX YOUR TERMS TAX SERVICE 314 Willi.m-Olivcr BIJr. WA. 8fi34 L. B. Paschal</t>
  </si>
  <si>
    <t>                                           3 Large Bags Red Ash Coal SJ.00 Red Ash Ky. Lump $7.00 I Red Ash Ky. Nut.' 6.75 Carroll Coal Co. 1346 Gordon St., S. W. PHONE RA. 5181 $ MONEY $ 126,-Edgewood Ava. FOR SALARIED. PEOPLE No Endorsers Slffnatare Only liberty Investment Co. WANTED TO BUY Cash for  machines; pianos, and f . Stern          Co.. WA. 1310. 320-22        St. LOST Black' pockat-book   letters  nd  on Lena Street or at Washington Park. Reward. 883 Mayton        ATenue, N. W. Wf* BAKING liV POWDER \Samehke1bda^ \9s45 KarsAqo '25 ounces2IS^</t>
  </si>
  <si>
    <t>                                           : wrap-around is easy to don"! flair.- Tiltlen PATTERN Ifil Here's a vi--around  that s   n and fastened in the lime it lakes tc run down-tail-*: A practical frock to make and . you see: Notice how simple* are brief yoke-s!. how slenderizing the straight lines in fact, just, the type of frock for the' busy  who s on the ]"ok-out ioi';-an casy-to-   '  : You'll find /the handy ; a joy. also, for all tho.^o extra little ''edds and ends". Choose a  tub cotton for Pattern 151. You're sure to love it in figured percale, durable , tray calico, or .iy. Ti it s ro be worn as a uniform, cotton  would be jn.ut tlu . Detailed Sewinjr Guide accompanies this otU'.'v*'. Pattern 1  1 is cut in sizes 14. 1i:. IS. 20. 32. S4. 38. 10. .12. 1-1. and Size 10 requires  Sfi inch fabric. Send FIFTEEN- CENTS ( in coins or stamps (preferably coins i for this pattern. WRITE  SIZE. NAME. ADDRESS^.A.VD' STYLE. NUMBER. Send* orders to Scott' XowslKipi*r Svndicato. Pattern Peparti-iom. 21(1 Auhur.; Aw., X. E.. Atlanta, Ga.</t>
  </si>
  <si>
    <t>                                           Messrs. N. A Byrd and E. W. Wilmot are leaving soon for New York and are planning, to give a farewell dinner at Morrow Cafe.</t>
  </si>
  <si>
    <t>                                           Siloam S. S. was opened at 9:30 A. M. by the Supt. S. E.,Rose, The lesson subject "The Supreme Gift" was very interestingly explained by deacon J. B. Freeman.</t>
  </si>
  <si>
    <t>                                           JOSHUA jones                 mr L r. BajaaMi r                 They say there are two  to*~ every question and Brother mil Jt3 always on tlio' wrong  Me, -Mji</t>
  </si>
  <si>
    <t>                                           HU.Ti-1 ""-t,**-": Ti? 11 MonU.      ti.~4 "SSi'i ~?ii:ltl^l5i-b. W.~;   r..n.; 1 ^W</t>
  </si>
  <si>
    <t>                                           "And in what way will your laying down your life benefit the world?" Ryland sardonically asked Achille.</t>
  </si>
  <si>
    <t>                                           MINOR SKIN IRRITATIONS Pure, - Mwi'ine hc!~* relieve ikl , itching. Al^j used tor cuti, bum bruises. 10c s im  1   time* muc U the 5c site. Always  Morolim Isnow v/Hire petroleum jeu</t>
  </si>
  <si>
    <t>                                           ST. THOMAS. V. I.--(By ) Gov. Lawrence Cramer met a group of business men at the executive mansion here last week and organized the St. Thomas Tourist association with a view of capturing the bulk of the tourist trade to the West Indies.</t>
  </si>
  <si>
    <t>                                           Marriage, the most honorable art performed under Heaver tool its rightful stand in the uniting of the Lion. McDonald ... and banker, to Miss Mae Pearl ... of this city.</t>
  </si>
  <si>
    <t>                                           The Kansas Boy's Industrial School is not a reformatory in the true sense of the word, it is a modern training school where erring youth find themselves: where undisciplined youngsters are disciplined and equipped take their rightful place in the community.</t>
  </si>
  <si>
    <t>                                           HELP WANTED FEMALE Nationally known and .d concern require* service* of   for sale* and organization work in Atlanta. Age 30 to 45. One with teaching, nursing , college degree preferred. Refined, dignified work with food pay. Ideal working- condition*. Give i full particular*  letter. Box 122. in care of Daily World.           33KS)~~. A T- W STAGE     IS   Svrlnr" yi i^~^250'JV ~.v*~~   .J. ft H -In- mhi 9 I K "MAI L ~-BI0     -~ g New Lincoln JEAN HARLOW  TONE CARY CRANT in I</t>
  </si>
  <si>
    <t>                                           J. B.--I have to work so hard to keep the home together and what I would like to know is it my husband is really sick or just footing?</t>
  </si>
  <si>
    <t>                                           PROF. HARPER AT ALLEN TEMPLE ON SUNDAY                 Prof. C. L. Harper will be tile  speaker at tlic Allen Temple Sunday Scliccl. Sunday morning. October 4. The Model Boys class. Miss Mnbel F. Hall, teacher, will be in charge of the school on this cir.lr. Charles Belle LobojI. native Egyptian lad. who speaks thirteen different languages, will also be guest ct this class. Jesse Hsvwkins. singer will also  the audience with n selection All arc invited to be present. Jehn Campbell. CU'-s president,        :-f.s :i ! and inspiring occasion. t</t>
  </si>
  <si>
    <t>                                           DON'T FORGET THE BIG BARBECUE At EZRA SPRINGS IN Ezra Church Heights Labor Day, Mon., Sept. 7th SPONSORED BY BIG BETHEL CHURCH Music By BIG BETHEL QU.' Bring your family, enjoy your holiday on these beautiful grounds, help the Church balance its budget. West Hunter to Chappell Road to Ezra Church Drive</t>
  </si>
  <si>
    <t>                                           Rev. Marshall L, Shepard, NAACP Emancipation Day Speaker, Is Political Strategist; "Cotton Ed" Incident Had Its Benefits                 .By CLARENCE                 Pennsylvania boasts of two gr^st political strategists these days i one is Governor Earl and the- other is Marshall Shepard. square-jawed Baptist clergyman and member of the house of delegates, who will speak to Atlantans in Bethel AME church, Auburn Avenue and Butler                 Street, Sunday, for the NAACP. Like Georgia, the Keystone Stale is strictly a one-man party stamping ground and that party is COP. Governor Earl and Delegate Shcpard, both young men, didn't think the Republicans were moving ahead fast enough. however, so they began a political fight and the result was that both of them got elected as Democrats. Some idea of what they were up against can be gotten when one scans the pages of the World Almanac and learns that with the exception of 1912. when the State went Progressive, in every Presidential  from 1900 to 1932 the Republicans got the electoral vote. Even in "32. when the rest of the country was piling on the Roosevelt band-wagon old Pennsyl-I                 vanir. went stolidly to Hoover. In snort, Marshall Shepard' and Governor Earl, as Democrats jn Pennsylvania, were like what Republicans would be in the solid South. To get what they were after they had to face hostile newspapers an impressive array of wealth and anxious friends who felt that both of them were committing political suicide.. but they came through victorious just the same. lias Future At Stake Of course to gel where lie is now Mr. Shepard had: to be willing to slake some of his future and' security. Many Negroes, especially in Philadelphia where he ran for office, still think that it is treason to be a member of the Democratic Party. Perhaps a greater number think that it is a cardinal sin to have anything at all to do with politics while serving as a minister of the gospel. "Shep". as he is affectionately dubbed by many a native of the City of Brotherly Love, took this into consideration before he ventured into . That's what helps to make hi: victory all the                 more significant. he was fully aware or what would happen to him if he lost. Fortune gives a man many things when they don't deserve them, but she never gives freedom and political victory to anything but fighters. Perhaps few people realize jus: how fortunate it was for colored people all over the United States that Senator Ellison Smith". South Carolina Democrat, walked out of                 the national convention of nis party because the Rev. Mr. Shepard, was called on to open the meeting with prayer. Smith, of course, wasn't so  in objecting to the Rev Mr. Shepard's Prayer and race as he was interested in getting some cheap notoriety which would help him get new support from an  constituency back home In the Iodine State. Even Talmadge Helped What actually happened, however, was that Smith was ridiculed by half the papers in the country and Marshall Shepard got publicity in all of them a kind     publicity which let Negroes down in the n-.orc God-forsaken sections of Dixie, who had never heard of a colored Democrat holding office, know that a member of their race was actually a bis shot in the supposed  Democratic convention. Even Governor. Talmadge of Georgia helped to spread the publicity. .1 recall reading one of his references to the incident on I the front page of an Alabama paper I (Continued on Page 5, Col. 6).                 Rev. Shepard ~"s_ Mitinued from      1) I widely circulated in rural areas. I Whenever Delegate Shepard speaks up North he gets a crowded house.. somehow he just know? how to hold his audiences spellbound but never uses any Die words. He is a college man. too. Virginia I Union University, his alma mater I has a reputation for turning out good football teams and  speakers, especially good speakers. Cld Unon men who ve heard, grad- j uates ol the institution for gene- 1 rations rate the Pennsylvania clergy I man among the best. I remember him for a thought he sprang on a Baltimore audience a year ago and set the whole town talking and thinking. He said that in the ante-bellum days all Negroes j I who showed any spirit or gc: up in ihe North were shipped down South by their owners who wanted to keep the colored people in that j section docile. i All Dixie's Children I Consequently, his thought indicated. moi.t all of the worthwhile Afra-American people, are in Dixie. A perusal of the nation s  seems to lend, credit to his statement. Congressman Mitchell. Joe Louis. JeiSc Owens and even Delegate Shepard are all Dixie's children. I have nothing but congratulations lor Forrester Washington, president of the local NAACP. and his co-workers who have had the vision to bring Marshall Shepard to the Gate City. Even if Brother Shepard didn't, lay a mumbling word, AUantans. from Pittsbure to the Fourth Ward and from j Auburn Avenues  parlors to the folks in West End. ought to be on hand New Year's Day at 1 p. m. to see what he looks iike. Everybody in the country knows "J01*'0 have a colored member or Congress but not everyone j knows that colored men help to make the laws of many States yes even in Old Kentucky The Rev Mr Shepard is one in the nesh..and such a one.</t>
  </si>
  <si>
    <t>                                           Pennsylvania boasts of two great political strategists these days--one is Governor Earl and the other is Marshall Shepard, square-jawed Baptist clergyman and member of the house of delegates, who will speak to Atlantans in Bethel AME church, Auburn Avenue and Butler...</t>
  </si>
  <si>
    <t>                                           MERRY XM AS __    AND BEST WISHES FOR .A i-j: HAPPY NEW YEAR _j" BETHUNE WH3 SHOE REBUILDERS 3(5 Peachtree St. :j i ,1</t>
  </si>
  <si>
    <t>                                           MY reeling around season is about at an end. The trips to Montgomery, Ala., Memphis, Tenn., Tallahassee, Fla., Orangeburg. S. C. Pine Bluff, Ark., Talladega. Ala., and Jacksonville. Fla., were tonic to a spoils hacker who has been doing this sort of stuff ten years. The trip to Houston, Texas, New Year's Day to umpire the Tuskegee-Prairie View game is the last item on the card for 1936.</t>
  </si>
  <si>
    <t>                                           We note in a copy of "Work" published by the District of Columbia Works Progress Administration under the direction of George E. Allen. Administrator, a continuation of the apparent new governmental policy of integrating the Negro into the regular civic, social...</t>
  </si>
  <si>
    <t>                                           The Bama State Hornets will leave Montgomery late Friday afternoon for Atlanta where they will match wits with the strong Clark Panthers of that city Saturday. This promises to be an important contest. Coach Robinson's horde of black-clad warriors boast the heaviest line in the conference. A number of local supporters of the Hornets plan to make the trip to see the ... in their second battle of the season.</t>
  </si>
  <si>
    <t>                                           Funeral Notices In Full In Atlanta WORLD Daily                 Starting  today, readers of the Atlanta Dally World may look In the "FUNERAL NOTICES"  nnd get a complete survey of colored deaths in Atlanta and vicinity. Complete funeral notice  will be a permanent policy of this paper and WORLD subscribers should cooperate with the funeral homes and their paper in i guaranteeing the continuance this important service. Tlie WORLD is the only paper which make5 it a point to carry news items at various times about WORiD readers, their relatives, and friends. Henct, it Is to be hoped (hat these subscribers and their friends have become aware of the necessity for this kind of cooperation. Don't fail to te!l your undertaker to have your notice in the WORLD.                 Gate City Mourns Sudden Death Of W. F. Meridith                 Tlie Cily of Atlanta,  i the West, sick cud local postal clr- clcd, nre stunned today, to  of the sudden  Tuesday ol W. P. Mi-. veteran mall c:     , at his home. M2 Culver , southwest I Mr. Mcridltli. tall and ably con- I  . - Jn .-i jle      .p!i until his '.!y passim; yesterday. A.-"ording    -us. lie Hii.s found dead In his bed and it was difficult in say the f.\  -i  he hnd died. Tlic departed man had been in Hie /Atlanta  service almost                 thirty years. His rout? entailed the Fourth Ward. On a number of occasions he hnd expressed a keen desire to complete his thirtieth year for the providence of  devoted family. Seme of Mr. Meridith's biggest thrills, close friends say. were furnished by his son. frank Meifdith. genially known as "Pete," who I     : football history at Morris Brown from 1930-1S35. playing both center and end. Only recently, the younger MeridUh married Miss Annie Belle Mcreland,. also of Culver street, a former Spelman co-ed, i</t>
  </si>
  <si>
    <t>                                           It affords me one of the great east pleasures to correct a false statement concerning our disaster. Being one of the national. executives of the Church of God in Christ. I have discovered false reports on the loss of our tabernacle which is located at 958 So. Fifth</t>
  </si>
  <si>
    <t>                                           allen temple invites public                 Atlanta employers and their employes ore Invited to a special service this morning at 11 o clock at the Allen Temple A. M. E. church, Rev. w. R. WUkes, pastor. The employer having the largest percentage of his employes present will be given a special citation. Competition is expected 'to be keen as several businesses have           that they will be on hand tun'  .</t>
  </si>
  <si>
    <t>                                           Many Americus citizens attended the annual conference in Hawkinsville, Ga., where Rev. C. H. Harrold, former Americus minister, is pastoring. Among those attending were Prof. F. D. Harrold. Mrs. Jennie Harrold, Miss B. M. Harrold, Mrs. W. E. Thomas...</t>
  </si>
  <si>
    <t>                                           Nature's Herbs Produce Health Vbe / Chinese Herbs and Roots ,J^^l Young, Jr.,  been .^QHA known, used and proven successful for  aaF ^B centuries. They hare been used for 20  Ph*~JW r'**t hl:   in Atlanta. These 75,;~"3j flK  and roots are recommended and yV Sjl In lr"     ' of troubles of Lunj;, 'V '~~    Stomach, Heart, Liver. Kidneys, Blood W^ J*f Poisoo, Rhenm.t.-.n,, Catarrh, Weak^^i^- N'rvousnesa, Bladdej Trouble, I *^ l^W^,. j Constipation, Appendicitis, Sinn        ^m^H Female Troubls, Colds, Coughs, Spatial attention liven mail orders. All inquiries promptly answered. Wbjr T. I. YOUNG, JT, suffer when you can set relief? FAMOUS HERB A RUNDOWN CONDITION OF YOUR SPECIALIST BODY CAN BE RECTIFIED. Wby 25 Yrs.    suffer or be discouraged? Herb  edies are a natural means of treatment. MALE OR FEMALE- CALL On WRITE T. Y. YOUNG. JR. WITH  HERB CO. CHINESE HERBS- ONLY NATURE REMEDY FOR EVERY DISEASE OF THE HUMAN BODY iSt          Ave. Phonet WAloot 2189 Atlanta, Ca. Daily Hours: 9 A. M. to S P. M.</t>
  </si>
  <si>
    <t>                                           Bishop Fountain Gives Annual Message                 TIFTON, Ga.- (8NS) The South Georgia Conference of the A. M. E. church holding daily sessions here In Allen Temple church was featured Wednesday by the annual address of Bishop W. A. Fountain, of Atlanta head of the sixth Episconal district. The annual .sermon, ivas. by Rev. A. D. Hardeman, pastor. First A. M. E. church, of Cairo. His subject was "The Triumph of the Church of the Living God." The communion wns       \stered by the bishop und the presiding elders and visiting  elders. Officers elected were: Dr. H. E. Davis, secretary; Revs. A. C. Danford and Frank Moore, assistants; Dr. i. G. Glass, head of the Finance Committee; Rev. J. B. Brown, chief marshal with Revs. A. Bivins. A. Flowers and others assisting. Reporters are: Dr. W. P. Sherman. D. Norrls and C. A. WIngfteld. The evangelical sermon w.v; (Continued on Page U; Col. 1)                 BISHOP FOUNTAIN (Continued from Page I) preached Wednesday nio-iil. by the Dr. D. P. Tolberl ol British Qulna. South Africa. The ! sermon was preached Wednesday night by Rev. C. W. Percell. The initial session of the conference Institute was held Wednesday morning with Rev. A. D Hardenian, director.                 Charlie C 1 a r k 's Style Shop Is Burglarized Patrolmen H. E. Burdetl nnd H. P. Brown reported thai the Men's Style Shop, 859 West Hunter street, i owned by Charlie Clark of JO!) Jcptha street, was burglarized early Wednesday morning. Gaining entrance by  of a broken front window, the burglars removed one leather jacket. five shirts, two pairs of  and five pairs of socks, the officers said. The burglary was  at 3 o clock Wednesday morning by the radio patrolmen. They suid the front window was broken with a brick. TlvJ home of Frank Williams. 147 Houston street, was reported burglarized during the night. Ten dresses and one coat were stolen, officers said.</t>
  </si>
  <si>
    <t>                                           URBAN* LEAGUE BOARD MEETS TODAY                 The Atlanta Urban Lrtruc Board or Directors will hold its       for the year 1936 this afternoon at four o clock at the Urban League office.</t>
  </si>
  <si>
    <t>                                           Easy Pleasant Way To LOSE FAT How would you like to lose your j fau increase your energy ant) Improve your health? How would yoa like to ]ose your double chin and your too prominent  and abdomen and at the same j lime make your skin 0 dean and j dear that it will compel ? I Get on the scales to-day and sec bow much you "weigh then get a bot- j 1 lie ol Kruscbrai Salts mat cost next i 1 nothing; and which vill last you 4 j . Take uue half  in a       of hot water in the morning- cut down on pastry anil fatty - j Jifibi on potatoes ,  and yu^ar-   you bare  ial:-d Lij-     this lix^l bottle j       "JJ . Notice a!-     you have gained in  you     younger Ju body- Krusicbrn will  any fat person joyous         . Beftotf *- fftf^Kiur'l your health- you lo*r Ut      1,V the Kruwrh^u way. NOTli Many people  that tha only di*-t             tjk. ing Krua^hen f*atf!^rty TO EAT r LtSS.</t>
  </si>
  <si>
    <t>                                           8 ~'   LOWE " "THE OIKl OH  Q 1 ^l*^T</t>
  </si>
  <si>
    <t>                                           Morrfe Brown Will Present Handel Opus                 The Morris Brown College Department of Music headed by Prof. E. Alvln Starlin?. will present "The Messiah," famous oratorio by the immortal Handel, in the CUlege        Sunday afternoon. De^err.ber29. Th? Chora* is practising gaily         * for this " p-"s-;nn. The department will leaf! tl:   'nti-e       In a.       1 Christmas Carul service on the  "  Wednesday. December IS. The K?      public is invited.</t>
  </si>
  <si>
    <t>                                           FOR COAL and WOOD CALL MAIN 7992 3    ?,'fsi.oo Kindling      8fiS5SWfe^**!s*v^     tJ^^^a^a^a^a^H  xr. I. N. Demy says I Juice /tread     dU past 20 years lha: am  tkm place of Or. Mucw Anti-Pd* Pitti. They ore a verm -nOst for my headache." Sufferers from   *    ^ Neuralsia,          , Sciatica, RhcimmUam. Lamha^o, Neuritis, Muscular Pains, Periodic Pains, write that they haw used Dr. Miles Anti-Pain PQb with better results than  mt had even hoped for. Countless American . wives would do more tht^lf of keeping house without Or. Miles Anti-Pain Pills than without flour or sugar. Keep a package in your medicine cabinet and cave yourself seedless *u3     At Dm? Store* 3Se*m4$l00 A^gi- PILLS</t>
  </si>
  <si>
    <t>                                           GEORGETOWN, British Guiana (By Samuel A. Boyea for ANP)-- In a signed article published last week in the British Guiana Press, James A Harte, widely travelled young British Guianese who was chief mechanic of the Imperial Garage in Ethiopia, boldly asserts...</t>
  </si>
  <si>
    <t>                                           .~^jyt/%THEB FAIR; im i    in-            , u.</t>
  </si>
  <si>
    <t>                                           Saturday will mark the end of the first month's manual labor forced on women of the colored race under Federal supervision here in Birmingham. The 800 women are former workers in the sewing projects and were transferred to manual labor jobs on October 1, to beautify the highways leading into Birmingham, construct sidewalks on W. P. A. projects, plant trees and landscape.</t>
  </si>
  <si>
    <t>                                           TIM TYLER S LUCK -By'Lym young                 FELIX, THE CAT -By SuUivan                 DOROTHY DARNIT -By Cha- McManu.                 Et's A Great Life If You Don't Weaker -By Jack Rabbit                 ^^.^Li^ -ByDwi*                 JACK SWIFT S.-fnr ~.     .</t>
  </si>
  <si>
    <t>                                           What's going to happen out around LeMoyne College next Wednesday night is a matter of much interest to me. Here we have an entirely new, unheard of, ripely suggestive situation about to happen which ought to have both cullud and white Memins buzzing with talk from one end to the other. This night, Wednesday. December 9, 1936 ought to go down in local history as the memorable moment marking the beginning of an' entirely new kind of revolution, in a sense. For what is going to...</t>
  </si>
  <si>
    <t>                                           t^j r. r. WISHING YOU A MERRY CHRISTMAS ~% And A HAPPY NEW YEAR I 3 Large Bags Coal $1.00 I  City Coal and I Summerhill Coal % Wood Co. I and Wood Co. fl K70 ^         St. I WA. 3262 Q. JA: 7113 I 04 Crumlcj' St. rt</t>
  </si>
  <si>
    <t>                                           MCGILL AGAIN SEEKS FREEDOM FOR POMPANO BOYS                 FOUR YOUTHS ON STAND AGAIN                 Pompano Boys Said To Have Confessed To End Torture                 LAWYERS GRIM                 JACKSONVILLE. Fin.  Richardson for - After listening for two days as lawyers bailed to show that Hie confession;; tl):it condemned Uiem were the  of n week of .':.'! and brutal . four Florid.n Necrocs this week faced a sixth                 fight for their lives for the  robbery and murder of a white fish dealer three years ai;O. Ail .hite jury decided fiat the confessions were 'voluntary,'  a new trial or an appeal to the United States Supre:ne Court now McSTflTnallcnally" "   ;ro lawyer, threw a bombshell into the )~(l  when ho announced that the failure of the judge in the suit trial of t'-.c boys to provide   counsel for  was a direct vio- j (Cur. d on l*:l(;c 2: Col. HI                 FOUR YOUTHS (Continued from Page 1)  of t he 1 r constitutional rights, and Uiat the defendant.-! therefore had reasonable basis for an appeal before the highest tribunal, and a possible reversal by that . Recent decisions in similar cases indicated the latter, McGUl said later. The decision of the Jacksonville attorney, who lms been the chief force in the light to free the four men since 1933, was based on the fact that in the  case the defense attorneys were not appointed until nine days before the trial, and that no steps were taken to prepare, a real light for their freedom. The hearing this week was marked, by a Jack of the hostility that greeted" McOlll. the defendants, and other Negroes interested in the case at the  trial. It came us result. of u piece of unusual strategy .on the part of the lawyer, who defied a lynch-mob several weeks and presented his clients in court to request and obtain a change of venue. Asked as to future plans and outlook in the cast', McGlll expressed a certainty of victory In either u lower court or before the Supreme court on the constitutional angle in the case. He has state supreme court victories to his credit.</t>
  </si>
  <si>
    <t>                                           JACKSONVILLE, Fla. -- (By for ANP)--After listening for two days as lawyers battled to show that the confessions that condemned them were the result of a week of relentless and brutal beatings, four Florida Negroes this week faced a sixth...</t>
  </si>
  <si>
    <t>                                           K?V  J  CfKlSftm P"** on  wonderful ^    %S?\ "''"A M Periodic Rf Url iS?~ /%@r?T^^^Cunipouml (Double XX ife    ^ ~'        . Ke1(               f A                  ..         .    n 'nS.~         .Kai)ir.          period*. ^i/AtHO NO                 .         y/         delivered or you can Mtely . Try 4-day ten-  action or I         . .m mw    to . Mfa.M.K.- -Mimdmy , flow 2    . I  .fo Jdiytflow ISS.^.*1*" n*-li* llke ~~~*Ydo". DO lot     DoubV XX Stmwth. 2 tot  JJD. Tnole XXX Stnuth for  om  S 06T TRIM. XX SIZETSSc ~^i with older. Booklet Fice. "Secret* Miniti)  Women Should Knot*". Doa't be Uu     ^-      your       today. AMUtKA'S  IVamun'M D^iU. it. (I'M Orlr.in*  t.t Chicujtrt. Oo/iV S#     on Left Side, Crowds Heart MS ~^         j  you  never b-lleve S ! At All Leading Dru.?.  I'or SI . TISI.M. SIZE "~nil OFFFtt "r ~"i"W'~. AilliTlfc i.</t>
  </si>
  <si>
    <t>                                           NOTICE!! Coachei mid           The Allnnln official*         will meet  t His Aiken Kelil    .~~o         StSO P. .M. tonight for n  -I i..l. ..-I ..it--.-"l.tiw...</t>
  </si>
  <si>
    <t>                                           Barbara Miller Renamed Talladega Grid Queen                 Mui       '~ Miller, center, wav crowned **   * T^Hade^*** for the second        *: time                         *t 'De^a's  co ft. I ni; tilt will,           Mii.~ Millar Ik * *r\xl,t#Kit*y  tl^^r .,1 Dr. -,.d .Mr.. L.      Milltr of -119 E^~t          Street.      -v:lle N. C. She a member of the Delta Stigma Thet*    d Hi* YWCA. A sociology in a jo and it  *tu* I dent,      Miller plain; to ^ater social work. SUf coMt** do* j ing  work in  at Oheri;.. ColUtf*-.                 Alieiiding Mitt M.'tier it her    Harriet    , fc*.-uGr, Delta Sigma Thi-tfc      .Ur, ih* daughter of Or. and Mi-i. Stanley l.i. of LittU- Kock, Aikor.i.;,.: Ccintc ^,             , AtCA .  ud       of Or. Potter Bi-.        of- Wilniington, N. C. Helen      *. junior, Deltm Siehim        and daughter of M'.. Lillian Kuykendall of             . Ind.: and OoTthy Oilliard. , A(CA , and th'' daughter of Or. and    . Dillird cf Vkktburp.     .                 I'RORAltLB LlNl2\S                 0KI5 PQS. .MORRIS BROWN :    (    "::'"::r"^.r?:;r;::.:.Iir:E: .~.::.r.:::r.r.-?.::-.-; Riawanoirlianniir L.T. Powell Parker L.f:. Bussev Pliillips C Wiiliams Cush'iiberry R.G. r.        Campbell RT. I'cgues C. Smith (Ci T.'.E Rooker Walloi's Q.K. Lultreli Sjiiiis L.H. Cooper Knighl R.H Bra* ion Cra-n IM; Harmon                 Thieves Continue To Enter Atlanta Homes; Two Are Booked On Suspicion                 j Will Robinson of    Deoitu. j street. SE, was  those  this week by thieves, police reI ported Friday. The . declared $35 was taken from a  register by a woman who.-e name wns given detectives. I Two suits, two pairs of Mioo; i and a shirt were stolen from th? homo of Matties Lulluior,. of 353 Old Wlionl street. Oito Wells. ^0. of 430 C:un . apartment one. was under arro.-i                 booked on suspicion of larceny. I i The iran was accused by Mrs. Janie Perkms of the same address of j stealing four dresses, a pair  and a hat from ner room. I She reported leaving the man in J .* of her hcm.~  she ati tended a funeral. The  w-re missing on h.~r return, she stated. Roy Smith. 2L\ of S03 Carter . SW. is In jail booked on suspicion of stealing from Otis Gilbert. o"0 Terminal street. SW. a larRi- supply of bed clothes.                 Michigan Has Howard Ills As Students Claim Grid Players Are Underfed                 ANN ARBOR. Mich.- (ANIVEchofs of Hie recent strike at Howard U. for food for football players were heard al the University of Michigan Saturday when GPcrgl" Andrews, sports editor of sh-Michigan Dally,    -w.sp; charged   Wolverino payers oi u n had ic ent^r Bumes ai empty Momuclis         Uie  just closed. As :~i Howard. Hie return 01                 . oui  severa'. yt':i:-.s aw. was u.-,ked. Andres i iiu^K^ that the Big 10 legalize ili,~ return of the ; table lor at Wast one m-al ;' the    :ison. Thp  said that n sophomore  player who withdrew from ttv  Neverul  I uko. 'went home for dinner" and IC'onlinurd nn rase X, CoL 4) i                 Michigan Has (Continr.?d from      1) added 'it is  known tna* several members of ill,-, squad nr? net getting enough to cat  the season and n very few. if any are waiving in*  of ".menc prcp.--r for an * in .is-" Tho .i of th.'  tt-tm nils \v:-.r at r.ii.-i iBan is Unit better  thai of . whose  tt ort- .s:iiii to     -r  after i- Imi Uogs. Michigan wan only one ga:i:e. - Koivarri lost all of its contests.</t>
  </si>
  <si>
    <t>                                           Another European Star                 Harry Baur (he . English actor who has  Icsidlng role in "I Stand Condemned" which opens a -day run at (he ItARI EH 'I'Jic.itre . Here is     that Ls stark and powerful as It rises In a terrific climax.</t>
  </si>
  <si>
    <t>                                           Send Us Your View On CRIME</t>
  </si>
  <si>
    <t>                                           111 ATLANTA MfcY WORLD Bjj IJmiiiiiwi      - j t,l       Nations Qniv C@l@rad Daily News^a peril ,,.ZTl Ml3^JJtj _J0IA)MK!),NUMHER2-M A^ANTA/G^")        5 l71"   " PRICE  CENTS*</t>
  </si>
  <si>
    <t>                                           WALLACE DEFENDS AAA AMONG NEGRO FARMERS                 SAYS SOUTH HELPED BY PROGRAM                 WASHINGTON'.- i AM* i Aiiarkiuy  he    :       j ";i  i.Mili-:in  i'.:al ;   '       in u.u! Nijilurii \\-.     ' AAA pri^r.'iin li;i.- -il :'ili I ;.n"nu-   in  S-mtli," Scrnlun in' Ajjriculiuiv Iknr. A. Wullncu -\l";iy wl   \k described as  is derived from the New Deal's rural programs.                 "These programs are (no important from llie standpoint nf :ill fa mHT.s tn lei such charges as these go unchallenged," asserted Secretary Wallace. "In the first place, ihe A A A, as  Xegpies know, did, not create the tenant and sharecropper systems of the South. They have : in existence since the Civil war and arc the product of general economic conditions." The  memher said  first AAA measure, the cotton   lu\v-    , was launched .during the  of Htf.i, and admitted  and other programs drafted immediately afterward eon"  "many im]." But since then many changes have heen made to make the program more effective and fairer to all farmers, lie slated that under the 1936 program, all clucks due .i will go directly to the tenants in order to prevent "unscrupulous landlords from \vir1;" payments' due !~crs." In addition, the sharecropper s portions of the payment? .~,.,%  j..t.,~ -, Mr. Wallace added.                 The cabinet, member said the AAA measure, the cotton plow-m, I was  during the emergen- I Cy of 1933. and admitted this and I other  drafted immediate- j ly afterward contained "many ini- perfections." But since then many i changes  been made to mako I the program more elective anil fairer to all farmers. He stated j that under the 1936 programs, all checks due tenants will go direct- lv to the tenants in order to pic- rn' "unscrupulous landlords from  dinn payments due share- I croppers." In addition, tho share- cropper s portions of the payments have been increased. Mr. Wallace i added. "I ~.'ii certain the programs have 'i" t;:e majority of Southern fanners, whether white or colored, -wnur or ." the Secretary '"dared. "Tlie Income from rotton has more than doubled since      ""  v th the South knows that one of the rea- sons why tenancy has continued TPd spread has been the  I r" from the principal cash TOO.  The land taken out of cotton                 by the administration s  has been made available for the growing of food and feed. This lias helped raise the living standard of all farmers. "The program has resulted in n sharp increase in the nu:r.ber of Nee.ro extension workers. In turn, this has resulted in educational work among thousands of Negro farmers. "I know of no responsible No- I gro who has made a careful s udv of the operation of tho  tura! programs in the S'uth      wi'.l rot agree that the Necri farmer is far better off under the pro(trains than in the years - al.~lv  their Inafturation. "Desnil.'1 . \v^ ha*-'^ only made a beginning. The pd- '-!   ;t-ation )    endorsed a pla'1 for the reduction of  federal ! of 'and n'~. Tli** s^'l ^T'-^H^0 p-      ,v M-    \K continued by this "And in t!:psr . or i" anv ' "i fnr a''1"'!1- fim. t    . no ro"m (or racial I Pf.iud cP or ."</t>
  </si>
  <si>
    <t>                                           WASHINGTON. (ANP)--Attacking what he branded "a partisan political attempt to ... Northern Negroes that the AAA program has injured colored farmers in the South," Secretary of Agriculture Henry A. Wallace Monday set forth what he described as benefits derived from the New Deal's rural programs.</t>
  </si>
  <si>
    <t>                                           EM.bll.hid Aug. I. li-t:   *~     *U7       is. 193:  DAILY  SUNDAY  l StO A.boro AteDif. X. K By AtUTsTj! DAILY WORLD PUBLISHING CO. Tclenliniir*: WAInnt H.TO- 1400        .f SCOTT    W. A. Scott, II. Founder! C. A. SCOTT, OctotI Mnnnxrr c. A. SCOTT.         Jlanos" J. R. Plltoraon. An1).     .; JLuclm 1,. Jones,          Editor SCnsC" ""HON RATES: JaTUIIDAY ON1.V:-I Yfor SJ.OOi t Month. K.00: J Monlh, ll.:~ ^.*^ 1 Y.~r tl.SOi 0 Month. ~!.TS: Kor,-lgn: 1       3.S0 Nntlonnl Advprli* r.: w.   . '/.IFF CO. tOl S. Dmrboru Sc. L-\BO. 111., nnj 351 I-'ourth Avc. New York. N. T.           in the I'osTofflcf .it Atlnntn.    ..    - mull  H,~ Act of ConirreMi, Mprtll 5. 15^0 Th0 ATLANTA PAII.Y WORF.n 1  nn in..          -nne..~W'tarlan nd non- i.     .- nn.l . in".'  It he  to till I.Mcrc.-t ot     rca.lrr. nn.l          tl.o.r   Baln.~i t!i- .'at Its .     1     AM. ("OJIMtTXICATlONS to KtiJ      .KS p.i.- ATI \XT\ DAILY .n  limn lo In.Hvl.I.inN. Tli^ .ll /-  .rr.,.   '"      ,.    , for return      r,l  il,-'~.           .~^  Blrna .  (~rnt. I</t>
  </si>
  <si>
    <t>                                           Tins afternoon at 4 o'clock, the public dollars commitee, of the Phyllis, Wheather Y. W. C. A. Mrs. S. H. Archer, charman and the house management will present an manual program in the Boulevard home with Dr. Luella Norwood as principal speaker.</t>
  </si>
  <si>
    <t>                                           Randolph Talks Peonage To A. F. L Confab                 TAMPA. Fla.- '    - Chaws of :c in Florida comparable to that causing th.. conviction or  in Arkansas marshal for slavery were bid Ijcfoic  American Federation of Labor convention by A. Phillip Randolph,  from  Broth" of Slicnincr                  Porters, at the -Friday" 'sessions. In a speech '. Un; resolutions committee for failure    act-.pi three measures aimed l.o better cooperation between back and white workers. Randolph presented the report i,avd on a study made by Frank McCallister. while. state hoad of tile Socialist party; i C. F. Duncan. Jacksonville N. A. A. c. P. president and Martin Daniel Richardson. Jacksonville writer and newspaperman. The thre;  the turpentine camps and  of colored workers in.MacClenny. Pla.. about 30 miles west of Jacksonville. According to McCallistcr. the Irio talked with several turpentine workers, after much persuasion who said all the Negro people in that community were held in slavery. Noji0 may leave the place, i T]i,. owner has two stool pigeons who li.-cn him informed, even slipping under their shacks at ,,i5l-.t 10 sec of there arc any conversations about escaping:. Working conditions, as described by the white Socialist, are intolerable win, laborers forced to toil from daylight until they can no  sc?. They receive from 50 cents to $1 a day. with a few RCttinc sl.25.       are forced to     supplies at thei . run by tlic -s owner, at .lc the prevailing retail prices. 'Any desire on the part of the inmates to escape is effectively thwarted by tlie realization of  consequences." said McCallisContinued on Page 5. C 7)                 Randolph Talks (Continued from Ftse ter s . "Men may suffer beatings, their very lives may be threatened if they attempt to I- -are. By a system of camps sur.- the community it is possible to head of any  slave." John P. Fi'ey. secretary of th.-~ r'.-solu:;or.s committee, criticized Randolph for presenting thc peonage .  ho said was not relevant to thc discussion, and add.-d that Randolph was -' up racial feeling" by 1'is speeches and demands for pro-Negro .</t>
  </si>
  <si>
    <t>                                           TAMPA, Fla.--(ANP)--Charges of peonage in Florida comparable to that causing the conviction of on Arkansas marshal for slavery were laid before the American Federation of Labor convention by A. Phillip Randolph, delegate from the Brotherhood of Sleeping Car...</t>
  </si>
  <si>
    <t>                                           FOR MEN AND WOMEN I Make Thi. Tftit^ At Our Ri.k i iln- .-. ui-nrl.-.i. mul i.ihcr   I"  boily In ii on 11 n! *. l rio* j $1.00.      -r-Mlroin;tli. *~.0O. If C.O.I1.. MOMuko oxt rti. MOM-:r-U.%CK : Atler r. tl;   '  if you :iPc not .l, r*- I turn tho unu.~       of th*~ nt#* and your mutiny n 111 It** r*~t urti^tt. I . IN l*          CO.. IWpt. Irt-AIl, 4  K. 4^ud tii., 1', 111. I</t>
  </si>
  <si>
    <t>                                           ft" .With Sincere Good. :jf: Wishes For A tJ MERRY CHRISTMAS-* :tf and a V  ft:HAPr\' Xfi\V YEAR:    I* Dr. Wm. BurneyUj n.'i:f:rt :f: Ig. O(W ^e"~~^ Bldp. w    250 Auburn Avenue, N.E.f^ i Room 201-202- 8 I Res. V.'.V 4789 :i?</t>
  </si>
  <si>
    <t>                                           Before beginning this bit of chatter permit me to express my appreciations to the host of friends for the beautiful cards and tokens of cheer sent to me for Christmas. Sorry I couldn't be with you and enjoy the season as I would have desired to.</t>
  </si>
  <si>
    <t>                                           If anything has, held us back and betrayed more than anything else that Went no thought of our political faith, it is that manner of determining by a man's color what party be belongs to. This could be done with wonderful accuracy before the advent of the New Deal. They say the proof of the pudding is in the tasting.</t>
  </si>
  <si>
    <t>                                           TAXES PAID! i REPAY ON YOUR lei TERMS ae TAX SERVICE ft S14 Willl.m-OliT.r Bid*. A' WA. 8634 j. L. B. Paschal k I I</t>
  </si>
  <si>
    <t>                                           The headquarters of the Community Chest of Birmingham announces the appointment of Dr. Walter L. Brown as chairman of the Negro Division. Dr. Brown receives his commission with much enthusiasm and says: "With the help of the thousands of public...</t>
  </si>
  <si>
    <t>                                           Dashing to the door, Vernon half expected it to be locked--but it yielded. Down the shabby-looking stairs she ran, and out into the street, and hailed a taxi, driving to the Hotel Splendide.</t>
  </si>
  <si>
    <t>                                           HEADS TOUR                 C- C. . MEMPHIS. Tenn.-  SNS'- -president X'-rth CovIiiik Mutual Lire Insurance Company who will  a Goodwill" delegation nf !iL- company to appear at Metropolitan Baptist Cliurcli nvx Friday nisi". December 4th. Mr Spauldins:. in  to directing Ihc activities or Iiis company, serve as a member  l' Uic Durham. X. C. Cliainbcr or Commerce, chairman. Uoard or Trustees White Kuck Baptist Church. Durliam. N. C: Trustee. Treasurer, or Shaw University. Ualcicjh. X. Cj president. Mechanics and Farmers Bank: president. Mutual Building and Loan Association: . MortpaRC Company, or Durham: vice president of Bank crs' Tire Insurance Company: only race member of John K. Slater Fund; national chairman. Emergency Advisory Council:  Executive Committee National Xc pro i$        Leatruc.: member, I Cummittcc for Community Relief i treasurer, secretary. Commission on: interracial Cooperation: treasurer National Xccto  .Vvsocia lion; trustee, Howard University.</t>
  </si>
  <si>
    <t>                                           ... wish Mrs. S. V. Orier the president president. The attendance was good and a very interesting program was rendered. This was indeed story to hear of the death of Mr. Arthur Smith, husband of Mrs. Louie Smith. Members are remainded to visit the...</t>
  </si>
  <si>
    <t>                                           wVS\'\ nM' i*H cfmt FmiilTri   J STEPIN FETCHIT II Brian Donley in 11 ''ij-.g "36 HOURS TO KILL" ikM 'ANTHONY ADVERSE1 with Fredric March \;'r-;; Belly Boop and       L:.      Harlow, Wm, Powhi  H in "LIBELED i LADY" AUo Popcye I v-;.v;~j PAUL MUNI in I I "Bordertown" jl</t>
  </si>
  <si>
    <t>                                           + SOCIETY f IN THE SOCIAL REALM + ]'</t>
  </si>
  <si>
    <t>                                           Father Divine Angel Jailed                 NEW YORK.- CANP)- Nathan Frison, 55, follower of Father Divine, had the option of paying a $250 fine or staying in jail for 30 days after being found guilty before Magistrate Thomas A. AureJtc of cruelty to animals, Prison had been arrested five times on the same charge. An agent for the Society for the Prevention of Cruelty In Animals made the complaint, testifying he saw Frlson driving a horse which was bleeding at the mouth from sores and ~*\ose body was covered with other sores. This agent said that when he served Frison with a summons the latter raised his hands and exclaimed: "Father Divine is God. You can t harm me. I've been in jail before." ANOTHER SIGN OF APPROACHING WINTER A blue overcoat was reported stolen from the home of Miss Thelma Stephens of 251 Sunset St. Detectives are seeking wearer oi same.</t>
  </si>
  <si>
    <t>                                           Father Divine Convert Pays For Stolen Ride                 Forty years or more :~c;o Cirarw Baker rode the Central of Ceorgi i train from Anclcrsonville. Ca.,    Americns. Ga.. without paying the fare. Twenty years ago. Major j. Divine, now known as "Father Divine" toured ihe fields and urban districts around Macon and South                 Georgia gathering the nucleus of his flock that was to capture Har. Jem. Baker  one of his foli lowers find was  the name "Faithful Mary". No I angel of "Heaven". The  rif  f: nn() lu.s "^eo i^'* has so  in Ilir ri- ' h? recently  M. n. Smith. MipcTintencl"n:. nf tlic  company the folli ^ letter:  To tile Central        -:iri nf riii                 "I tvi.vh *i,o coulees over 40 years :i!!O I rode the lr;iin from Andcrsonville. Gu.. to Americus. Gu..   the fure. "Since I have come in contact with Father Divine, he lins caused me to confess and pey the same. Enclosed find 6Gc for the two rides. "All tlio clory goes to Father Divine." -Faithful Mary" "P. S.: PlrD-c rive the glory to Fnllirr Divine  address is W. MSth St.. New York City. "T thank yon Father". Orririnl.-.  : ,-it the Inci . nnd  erc In hope that ~.hers would be .so :   :~) in Ihe I-''? .</t>
  </si>
  <si>
    <t>                                           Forty years or more ago George Baker rode the Central of Georgia train from Andersonville. Ga., to Americus. Ga., without paying the fare. Twenty years ago, Major J. Divine, now known as "Father Divine" toured the fields and urban districts around Macon and South...</t>
  </si>
  <si>
    <t>                                           Can They Find                 Can the widow or a crook lind peace in Uic ari.js of llic "C-jMi ii" whose bullets freed her from a lire of ? I"at O'Bi'icn mid Marffarct Jjndsay give the answer in "Public Enemy's Wife." the startling s- to "Public Enemy" which- opens at Bailey ROYAL today.</t>
  </si>
  <si>
    <t>                                           ^R ^BwH^^^^' IN A W^ BN^Mfc OF EMOTION m I.Sl WHEN THEIR #%2^ INNOCENT ^r^^^^'^v^- EYES SEE A ^^   % GANGLAND SHOULDER U RALPH BELLAMY KATHERINE LOCKE   , DAVID  PURNELL PRAn I?T1    ^ANDY CLYDE Chi"~"~ 1Ogl On The Stage fi-BIG ACTS V0DV1L-Q with 15--PIECE STAGE BAND-15 NOW PLAYING CAPITOL THEATRE  JmJS</t>
  </si>
  <si>
    <t>                                           THE LIGHT HOUSE SOCIAL CLUB met at the home of Mr. Charlie Jenkins, 470 Humphries street, SW. The club was glad to have with them three officers of the Press Forward club, Miss Eva McClam, president: Miss Georgia Barner...</t>
  </si>
  <si>
    <t>                                           The T. I. C. Club, so named becaused of its underlying purpose, "To Improve conditions," will conduct an important mass meeting this Sunday afternoon at three o'clock at the Centenary Memorial Church, near the corner of Simpson and Ashby streets.</t>
  </si>
  <si>
    <t>                                           School Work" Alibi Is Ignored                 When the Recording Judge asked Mrs. Btrdic Potter. 28. to explain the moaning of several numbers written on a pad, 'which ar. resting officers termed a lottery book, the defendant said: "Your honor, that Is some of the children s school work. I guess they were working some problems." Judge Cone fined the woman $52, and said. "I have heard a thousand alibis, but that Is a new one on me." Mrs Potter was arrested by' de- 1  J. B. TucBln  ' with -numbers" .</t>
  </si>
  <si>
    <t>                                           The general conception of prayer is as wrong as a round round triangle! Prayer was not originally designed to instruct Cod Almighty.</t>
  </si>
  <si>
    <t>                                           Detectives. Shoot, Kill Man Believed To Have Attacked Young Woman Wednesday                 Shol laic Wvqucmiuv nii$l:t by Detectives Roper and Sexton, John Robinson, who       us b-inj 1521 Mayson Avenue,                 at Grady hospital a: 5:31   . m. Thursday evening from a j                 gunshot wound i in his chest. I                 According t I police  i ;  ' deceased man was accused ol                 having attempted to assault an I . year old white girl in the I Kiricwood section. i Following the alleged assault. I Detectives .Roper and Sexton lo-  the suspect in an establish- tner.t known as "Blue Heaven" on Maysoa .-vt.iue. When questioned. I      -C;, is said to have attempted lo escape, whereupon he was fired on. i The body of ihe  man 1 is ! beir.K ir id :n tile ci!5' , :; 1 I'^Mtion of relatives, as tlv ,.br-.e  address coti d not     . Chilil '-rs L. .1 B:i:-;:.-c!:ili'. :~:i i-ulH yi;ar old Uici. oi y; Lutuinti Lane I 1 rushi-d !~i Oi'ii'ly   he was f";i:u! :   l:\wu 'h-cm  . ?-'.rib wn.ir.fh i:\ We!-: anft i Accoicim^ to  records, ti'.c t:i:y tot \v;is .s';i'~bcn by another i 'rid nam-.-ci Moruon Brown. 350 nm-. 13.1 Lo:-.dor. Lane, follow- j 1 .in  .t over a j marble same. I Ti-.e condition 01 Mrs. Rose Al- I !tn 01" an Asl'.by Street address. I who was accidentally shot by her three year old son. Arthur Allen. 1 Jr.. early Tuesday morning, is reported to bo slightly improved by hospital attaches. However, it is .-.ill feared that the young woman  '-Ose the  of one ..~ye.</t>
  </si>
  <si>
    <t>                                           Shot late Wednesday night by Detectives Roper and Sexton, John Robinson, who gave his address being 1521 mayson Avenue, sucumbed at Grady hospital at 5:31 p. m. Thursday evening from a                 gunshot wound in his chest.</t>
  </si>
  <si>
    <t>                                           Four charming young debutantes. Misses Ruth Thornton. Dillie Organ. Elizabeth Murphy, and Oretha Dozier, under the tutelage of Miss Reba Belcher, gifted young instructor of dancing at the YWCA, will give Atlantans a the thrih Friday night, shortly after eleven...</t>
  </si>
  <si>
    <t>                                           While the Ole Gate City of the Sonta is in a stir over the fast-approaching Harvest Moon Half at Sunset Casino Friday, December 11, featuring one of the hottest and most colorful "Linay Hop," tap dancing, and trucking sessions eyed here in some time, in...</t>
  </si>
  <si>
    <t>                                           There has been many remarks, and songs have been written expressing man's desire to do great things. His desire to prove to the world just what he would do for the woman he loves. We see great demonstrations of this daily in moving pictures, but the world...</t>
  </si>
  <si>
    <t>                                           PAGE SIX ATLANTA DAILY WORLD, ATLANTA GEORGIA FRIDAY. NOVEMBER 27, 1936</t>
  </si>
  <si>
    <t>                                           Pointing for Pitt-Fordham Clash                 Out to avenge last year s  at the hands of the Panthers, Ford- lam has been pointing all season for their impending clash with Pitt. In the  the Ram will have to keep his eye on Bob ^a Rje, shifty cut-back artist, while running up against 190-pound 3ob Delicii, right tackle. The boys from Rose Hill, with Mike Heara I eft-handed, left-fooled kicker, and the 195-pound Paquin. are not to be taken too lightly. They're out to snare that panther! I ^TT</t>
  </si>
  <si>
    <t>                                           Cleveland Boasts "Largest Commercial Airport"                 View of concrete ); apron 1                 I WPA employes at work I                 Aided by WPA funds. Cleveland proceeds with the improvement of its municipal airport on a vast scale. Completion of improvements In the near future will make this airport the largest commercial landing' Held in the country, if noi Uie                 tire world, officials say. Passenger planes arc shown on the concrete landing apron In front of the administration building, while in another section of the huge Held a crew of WPA employes arc at work.</t>
  </si>
  <si>
    <t>                                           It' you are troubled wi*   coHs. , , (    of , head* r**"7***~~,          , or  tired feeling, i^'uc to constipation, try . Cet lOc box At  ny drug  tore. Homes At Sacrifice S67-69-71          St., N. W. Three beautiful five-room home* with all city  * on     line,  stores And schools. These homes can he purchased for $1250.00 each, on e*ty terms. Please call MR. CAMP,   . 4001 or Main 8726.</t>
  </si>
  <si>
    <t>                                           Pamphlet Hits Color Line In i D. C. Schools                 WASHINGTON. D. C- A  entitled "The Color Line in Cur Public Schools" has been issued by the Interracial Committee of the District of Columbia of which Charles Edward Russell Is the chairman. The pamphlet, in Iti   3?es. is :i study of the   of school funds and school j opportunities between Negroes and L?*~te.J.Ja..           :s...c(      - Hiej  compares the physical equipment, the courses of instruction, and other items of the white and colored senior and junior nigh schools and elementary schools. Mr. Russell, commenting upon the facts revealed by the study, declared "The once cherished tradition of equal              for all has become a stupendous but bitter joke." Lloyd Me Daniel In Jail After Break Of Chain Gan? Lloyd McDaniel, 30. r.ho come to Atlanta after escaping from a chain gang at Hartwcll. Ga.. vras in Jail Monday, booked on a  charge Radio Patrolmen R. v. Paschal and E. T. Payne reported catching McDaniel early Monday morning in the Crew street alley. Another man with      escaped convict at the time, escaped, it was reported. Alter ~:                 . he complained of having  his  in the alley. A search was made, resulting in the finding of      purse which  $50 in . Aii Identification card in the wallet .carried the name of D. r. Spencer. 231 Woodward avenue. SW. On visiting the homo of Mr Spencer, the officers said  found it burglarized. Ex-Governor Frank Lowden To Foster Negro Farm HOT SPRINGS. Ark.- (      . J. E. Watson, president or Arkansas a. and M. Co'lege. is  for tNo st.- this wco k that the bi,; 13.000 acre plants tier, owned l.y former Governor PrjinR Lott'den of Illinois will be subdivided next year and converted into -Arkansas-s first   sponsored Ncg."o larra colony The plantation, according to Dr Wntson. will be cut up into 20- plots, the colonists being permittee1 to purchase one or more tracts i The settlers, comprising 350 fanu- lies, mostly sharecroppers from i this state. Louisiana and Mississippi, will move into the area. It/ near Gould. Ark., in the. Southeast delta section Reports indicate that Dr. Wat- j son and three skilled Negro farmers *ill manage the 1-. made doubly attractive to colored farm, ers by Mr. Lowden's  determination to se j the lund -ai terms much mere reasonable than those paid by the resettlement administration for Its tracts in this State."</t>
  </si>
  <si>
    <t>                                           ACCUSES MAN OF SWINDLING $18 FROM HIM                 John Fowler. 28. of a Pair street address. Wednesday nicht was pointed out to Detectives Leo Nnhlik as the man who swindled John Freeman of 193 Currier street out of the sum or S18 last November. Asked if he was sure Fowler was the man..Frveman said. "I would know his- ashes if he was cremated.- v Freeman alleged that h epn!d the suspect the sum of money for union dues after ho had been promised by Fowier that he would be -'"given Job paying $28 a weet</t>
  </si>
  <si>
    <t>                                           LOVELY BIRMINGHAM BEAUTY                 MISS SADIE HARRIS whose vivacity and beauty arc legion ; socialites   ; Ihe Majric City of Birmingham.. Alabama, where she is popular.</t>
  </si>
  <si>
    <t>                                           Miss Mary Evans left Tuesday for Asbury Park, N. J.</t>
  </si>
  <si>
    <t>                                           ATLANTA OfcY WORLD H IP* 1 "The Nation's Only colored Daily Newspaper'* i ^JJ VOLUME 9, NUMBER 240 ATLANTA, GEORGIA, WEDNESDAY, OCTOBER 28, 193IS PRICE FIVE CENTS</t>
  </si>
  <si>
    <t>                                           The other day I chanced upon Joyce Kilmer's poem, "Martin." As is the case with good poetry--and all good writing, for that matter--re-reading it after not having seen it for some time brought out additional unexpected depths of meaning. To my way of thinking, "Martin" says something that needs saying in a world becoming increasingly full of men bent unwaveringly on success in their particular fields: that is, bent on success for its own sake and so occupied with its attainment that they are...</t>
  </si>
  <si>
    <t>                                           NEW LINCOLN "THE MYSTERY MAN" with ROGER PRYOR JEAN PERRY HARLEM "MUSIC GOES 'ROUND and 'ROUND" Featuring AN ALL STAR CAST</t>
  </si>
  <si>
    <t>                                           FINE MAHOGANY PLAYER PIANO *985o $3.00 Down. S1.00 Weekly COBB HEARD 1TURK CO. 273 Marietta JA. 0311</t>
  </si>
  <si>
    <t>                                           \   .~ ^Sf ~~%~'~ s^H *w ^B i    Jam ^u B H 10^^ 1 jj i bib m mam M v mm Wm Ml I S VV ^^m I^B I J M t ^HH IV H ^^^^00 g 1 n 1 147 FURRED COATS    I These coats were made to sell  fl M^V^ g% jj%  I up., to $19.00; but, during  #   V W J f^Wm t I Pre-Christmas everit we have ^n H IhT Jttfli I mai-ked them only H ^^B     ^ Sues 12 to 20 and 38 to 54. ^^0     "* /JKfi^' f FABR.C COATS 'TAILORED SUITS iU Broadtail, Caracf) r.nd ^900 -i "tj^ JF(~    /^ I Seal, made to sell up to M \SQ    IvO w g $12.98.  SPE- t #VW 13^:,. Z i/ j/ J Second Floor li j CHILDREN S SPECIALS! j 1 TWIN SWEATER SETS' LITTLE BOYS' COATS 1 j Ali colors and color com-      " Eelt:.1 t :ks just like HSi   V j* . Unusual values. i J Bad's. i they re real ^1*00 g Sizes 1 to 3 pastels; 1 to S3 mannish, too. .Regular S- g. g 14 dark shades. B $7-95 values- w H c g  M ft B Ul. I GIRLS' FUR-TRIMMED COATS ;lpl'. SWEATER SETS 1 I Fleece- Tw^d* Plaids Checks and PasUl Qnd Qark        , 5. 5o/~^ Colon. 2 a 5 This is a new shipment of   00 Consistm? of coat, leg- if CQS K coats and should sell for 1^ I (In I SS7.98.Now- $~% SUU'  aP - S 1 g g "r These make ideal gifts. Sizes 2 to 16 Tears    g S   *cond Floor" Second Vloor I RAYON ROBES and PAJAMAS CORDUROY PAJAMAS s g. ^8 A A These can be used for /^k AA In beautiful Japanese de- PH II II acd have   I signs and they can be w  at J  WW f matched too. Special- san,e price. W % 5 Mai., Fl.x.P B m\ SILK SATIN SLIPS SILK HOSIERY Others are selling; the ffl CQ Pull fashioned and serv-    ^b[a I g same quality as these for V V ice weight in your heart s J fV Sl.98. Our Price- Y I desire of shades. ^~^V i 1 ^Tftl S g Main Floor Miuu     .r U B 1 f MEN S and BOYS' SPECIALS!] i ALL-WOOL SUITS  JACKETS g i SK Fashion Style Latest ^m ^m    Full  fronts and    - JkAA B sport  Also double Hi V #K  st sport belted backs. Grey       I g  In window panr V I IV and brown . Sizes X Bw V S ra checks- brown, blue and y G thru 1$. AND TOO. we y ^V J K . $15.00 values. A knickers to match at W I I 5 i MEN S SHIRTS BOYS' FELT HATS I g A  lift for HIM in ^M A M For ihr II("'~ Miow and the gfl. AA S woven stripe madras and all A^  biK Iwv all colors did TM      8 B finer weave* in stripes,    J 5 checks and solid colors.  p shapes.       6\$ to    . .'B S Reeular $1.98 values. Sl/    fi I Q B S 1~- ~'"'n   ^r 1 I jj Mnin Floor T^^^ 0 "An A:  for 49   -ars"</t>
  </si>
  <si>
    <t>                                           We had splendid services Sunday. A fine Sunday School lesson was followed by the morning worship at which time the pastor preached a very touching sermon.</t>
  </si>
  <si>
    <t>                                           IM'.-TH^ '~.SOCIAL .B^EA1^S-~</t>
  </si>
  <si>
    <t>                                           Funeral Notices I                 JOHNSON- Mr. Jim Johnson nnwA nway at a  institution. Funeral will announced liter. David T. Howard Co. UNKNOWN- The remains of an unidentified man, brown skin, tie-/   0, found alon..' Southern R. It- Hacks "car Fedurnl prison are held for       oT r.'. Daviil T. Howard and</t>
  </si>
  <si>
    <t>                                           Knowing how judicial-minded you are, I decided to dispense with the unseal "fol de rol" and get right down to cases.</t>
  </si>
  <si>
    <t>                                           Quality Governs OUR PRICES BEST SHOE REPAIRING IN THE CITY Reasonable Prices           WHISENANT 36 Pcachtrcc St.</t>
  </si>
  <si>
    <t>                                           FREE COURSE IN HAIR CULTURE Iacladinr "Diploma by M*JL Write. Cnbaa Cosmetic Co.. Box 5315 Clii?     HI</t>
  </si>
  <si>
    <t>                                           CALL 31.0VIES "VISUAL EDUCATION"</t>
  </si>
  <si>
    <t>                                           FEDERATION MEETS SUNDAY -.The Atlanta Federation of Colored Women will hold Ilieir regular monthly meeting      Sunday afternoon. October 18. at 4 o clock at the New YWCA on Boulevard. Final plan, will be made for the great man meeting, lo be held at Wheat Street Baptist church, Rev. J. Raymond' Henderson, pastor 4th Sunday. October 25, 1936. 3 o clock. Mrs. I. F. Henderson, Pre's.</t>
  </si>
  <si>
    <t>                                           "Half Angel11 Starting Today fct Capitol Is Thrilling Story Of "Sorrow Girl" Who Jinxes Her Admirers                 "Hnlf Angel." the  "story of a "sorrow (fiii" who jinxes the Jives of those who love her, opens Blinday at the Capitol Theatre wifo Prances Dee. Brian Oonlcy and  nci Chnrlcs Buttcrv.ortl-. ai the I  roles. I                 A  blending ol  nnd mystery, romance and comedy suspense and thrills. "Hall Anger      directed by Sidney Lanfield, with Helen Westley. Hnnry Stc phenson and s.-irn  also prominent in the cast. Frances Dec Is seen ai the "PoiI son Queen" who Is twice .' Id murder with Danlcvy cast as the daring younK reporter who believes her Innocent. Butlcrwoi-tii has one of his inimitable comedy roles as Donlevy'.s -  stooge. Unexpected acquitted of tlie murder of her father, Miss Dee finds refuge In the home of Helen Westley. a wealthy woman who philanthropic:)]]}- believe: in help.inrt those In -lc, despit.- the repented ~) of  hus- I band. Tlie household is a strange one people with a weird assortment of ex- Miss Westley lias befriended. Donlcvy,  for tlio true acts i,i      Dco-S umsl and trial, follows her to tlie house and                 enters Iiit  .h u window. Tlie  ltl Is terrified and promise:, to meet Hie reporter nl the front fc ate. ReUirnins to Hie .v, Miss Dee i is horrified to discover Miss West- 1 Icy dead mid her husband dying- apparently uS poison! The police! arrest Miss Dec ond  her record, iivi.ii.sv her  f tin' pois- .. I Donlovy's  never (alters. I however, and lie traps the real kil j Icr ill u . of thrilling episodes, i climaxed by a clever and unexpected ruse. Replete v.ilh  dialogue. .il romance and hilarious i  situations that . the mystery, thrills and suspense, "Half Angel" wns  by Bcii Meredyth ;uid Gene Fowler from story by P. Scotl Tennyoon. On the  in connection  thrilling feature picture  Capitol will present  bie^ime  revue. "Rhapsody     ." with a cast of twenty five stage stars. Among tlie  acts to lie seen with this unit are Sherman and Wallace .comedy tld bits. The Clniies.  to hand balancers. Cle i Corcc. acrobatic marvel. Bihson sisters personality plus. Ue Monte. Jr..  ,ind many many others. Music for Hie show will be furnished by Sam Rudwlcks fifteen piece orchestra.                 Myster3T^           In Capitol Feature</t>
  </si>
  <si>
    <t>                                           "Half Angel." the thrilling story of a "sorrow girl" who jinxes the lives of those who love her, opens Sunday at the Capitol Theatre with Frances Dee. Brian Donley and and Charles Butterworth in the featured roles.</t>
  </si>
  <si>
    <t>                                           Mid-Fall Nuptials For Lovely Memphian                 MISS EDITH  JONES whose enchanting  has helped to give Memphis, Tennessee its far-flung reputation for pulchritude, will  the  of Mr. Towers Thornton; -^--'Wednesdiry- evening -of- -week at 33G Butler' Street. Tin; lovely      is the daughter of Mr. and Mrs. Walter M. Tones,  lili/cns of the Blurf City. Rev. J. A. Grant will officiate at the ceremony, which will he followed by a. wedding reception from eight to ttn. Miss Jones was educated at                 Moync (Pliolo by Hooks, Memphis.'</t>
  </si>
  <si>
    <t>                                           William Randolph Hearst, powerful publisher who spends so much time fighting a private war with Soviet Russia, was not long ago one of the Communistic nation's greatest friends. For fifteen years he battled to have the United States recognize the new government in...</t>
  </si>
  <si>
    <t>                                           MORON, LOGAN TALK FOR NAACP TONIGHT                 Alonzo Ci. Moron, chief adminstrator of Hie Atlanta University Housing Projrai.. nml Professor Ravlord W. Losan ur the Atlunta University have prepared "3 addresses for th s  s report meeting of the NAACP - drive. Both of  man                 nave expressed themselves as be- Ins so enthusiastic over the pro- Biam of the notional and local j\V-ACP thai in spile ol the gnat I pressure on their time because or I (caching, and office hours, they could not refuse the invitation of the Allantu branch ol the NAACP j lo point out the sii;n- of the j work of the NAACP to the better- m?m of i he Negro Community in general. Prolcssor Louum. in his years of experience as Associate Director of i the Assoc  of Neyro History, i and Mr. Moron in his somewhat i shorter, but equally colorful period of experience in public welfare                 ork among Negroes, have readied Hie conclusion that to obta n or Ncsrocs the full  of all Hinds and services available to oil citizens of the United Slate.*- there must be an all-.     organization ot Negroes and friends ot Negroes on the alert to discover u  against tlic Race In these particulars, and to demand abolition of these discriminations and ill s organization is the NAACP. Why these two young lc:\~s have come to ihe conclusion, win be the subject of "their addresses tonight. There will be a short mu.?     program uii" reports  the captains of the various divisions of the drive organization. I". B. Washington, the president of the Branch and Miss        Fcacr. colonel of the drive, are expecting every captain of the di'"ision to make a report of the memberships received to date at this evening s meeting.</t>
  </si>
  <si>
    <t>                                           Alonzo G. Moron, chief administrator of the Atlanta University Housing Project and Professor Raylord W. Logan of the Atlanta University here prepared interesting addresses for this evening's report meeting of the NAACP membership drive. Both of these men...</t>
  </si>
  <si>
    <t>                                           Safety First Not All, Rieber Teils Students                 To deny to young peop e Uie privilege of liberty, of thought and ol action is Io create in them the joy of piracy and smuggling. Dr. Charles H. Rieber. who  retired from his post as Dean of the Colleg: of Letters and Science of the University of California in                 Los Angeles, told members of the Atlanta University faculty and  student body in the course of an informal tal* Friday j '--ntn- m tv,e AUanla On, i Library Dr. Ricbr. who lias be?n rast T?   ars a member of I farul y -f philosophy of tlie ^niver itv of California. Ls spend- i tag u  wk m Atlanta University ns a tt'-est-l". In his tali to i he faculty-Ntudtnt '    emphasized  the principle of "safety first" in life was always in- adequate, frequently misleading, anri^ often positively evil. "Safety first is against, tin- l:iiv of notu e." Dr. RioLvr   p'-l-. J "Only t!ic o- that, adventure grow and develop.       so In ihc social science,   of j "a etv first, as .il . is            . Tlie practice of ili(? "safely first"                 principle. Dr. Riebcr said, tends to bring: about any three results, the development oC unwholesome fear, ihe  of a  . or the repudiation of die principle . Because your.; people scorn fear and . the result, is rebellion Tlie duty of education, then, he - is nob 10 make Sic world "iul- from dancer. but instead j -sale :or w):o  . i -i '.v.v-.,,...^.,...  r Rieicr    ?~s:od that '!\u-' fr iri;n* von- w;!l serve as I a  to oik! Uu- in'.. i .stupidity, ai'.d -s L-? of i war. A.'ier every  a;. r              ..it Pas* S. Col. Bl                 Safety First (Continued from Page 1) human warfare has been advanced, and its futility, brutality, and terrific cost have not brought about its own end. laughter at its absurdity might be used with telling effect, he said. If he had unlimited funds at his disposal. Dr. Richer said. he would subsidize the world s great satirists and humorists, and allow them to direct their shafts of wit against :he evils of the world. Today, after more Uian twenty centuries 'or ChrUtianty  and a  humor toward lile here and in the life to come have  ac:e:'tco  s a part of the Christian viewpoint. Dr. Richer said. It Is no Occident. Tie thought, that man laughs, but it is u  of his biological functioning. Dr. Richer spoke tirst at a student assembly lust Tuesday morning when lie presented what he termed "an interpretation m oil and in "oik" of the late Davia Starr Jordan, president of Stanford Cni.Cisi.;; ;.nd one of the great  scientists ol Arrerlca. Un- veiling an oil painting of this j great explorer, , and apos- I ue ::l wo.ld piace. which had been painted by Mrs. , who is a ..-known portrait painter. Dr. Richer read an interpretation of D.\ Jordan, which Mrs. Rieber haJ  alter the completion of   for  ie picture. In a s.r.e.. (.f vivid, unconventional w ~.l-p cures. Mis. Riebcr  with her pen the man who woa world renown m three distinct fields act.. first as an explorer, scientist, and author of thirty authoritative books 03 natural history. then ..s one of America's greatest teachers and first president of Stanford Um-;:..it:. and. fmaily, as a "minor prophet cf democracy" who strove .i-.iii jil ue power at his command to make "peace on earth, good- will toward men" more than au ldi^ phrase. The visitor to  University concluded this  his   as a  cf the j UJoivjrsi'.y CaliW.'uIa faculty j and his  year as adminis- j trative  thi Collcqe of Let- I ters and Science at ilio Onl- vi: of California     Los j Angeles, and jis ' of j philosophy in that institution. A i:;'. of the University of I California, he later took his  3c- crees oi XTaster of Arts and Doc- tor h! Pliilosoi. at Harvard University, was aa assistant in philosophy at Harvard, taught for two years at Stanford University under Dr. Jordan. and in 1903 joined the  faculty of the University of California 1 I</t>
  </si>
  <si>
    <t>                                           To dens to young people the Privilege of liberty, of thought and of action is to create in them the Joy of piracy and smuggling, Dr. Charles H. Rieber, who recently retired from his post as Dean of the College of Letters and Science of the University of California in...</t>
  </si>
  <si>
    <t>                                           WHEN the evening bells were chimed and the busy day was hushed- for Clark Howell. Sr., the curtains fell on one of the must colorful and interesting dramas played in Georgia history. Mrs. Howell made his contribution. Stretching across time dating back to such journalistic constellations as Henry Grady. Waiter Putnam Reed. Joel Chandler Harris. Samuel White Small and the sweet singer. Frank Lebby Stanton, through every ordeal and vicissitude in the nation's history, through to the modern...</t>
  </si>
  <si>
    <t>                                           TORCH-BEARER                 MRS. FLORIDA WEBB j -Vice-president of the Wa- E.: school, who     the choice oi l.OCO students a      weeks ago i in tht' annual election. Slie is thf j ai.' wife of Enrch Webb. j</t>
  </si>
  <si>
    <t>                                           The Girls Athletic Club of the T. C. T. School entertained with a dance Friday night, at the Blue Heaven Cafe.</t>
  </si>
  <si>
    <t>                                           BIT? MINGlik, e famed Texas College Steers from Tyler, Texas, National Collegiate foot ball champions in 1935, came to Legion Field Friday after noon and brought two implements with which to engage. Alabama. .. a halfback named Jesse Girdy and a brilliant aerial attack.</t>
  </si>
  <si>
    <t>                                           BT +^-~- ^.ho,^; WAlnot USB- I MO W. A. i^STn, C. A. SCOTT.       M.UW 'c_ jk, BOOTT.    .~           t n. runn    'I.   n-.:         U      .               (~         RATES: "SSflTOAjTSn"'- V     i:~; Month. JJ.OO: I Monlli. Il.M "SSltT i      "i"- l N.Mnn.l Adv. 1            .: w. H.  CO. M, p^. St.. Chlcto. .^0   t  A^...    Tork. W. T. rrf th.    ,t *  t       .   .. .'cona-cl"!"     nnd-T th# Act  t Conrr***. Jtarch 3, 1K7B TT,. ATLANTA"    7I.T -P I"           ";nt          - n(.n-~-        lnl.  .t  r   it-r. .nd  pr-~    th,l.r.-~=~."r. in,-T.. f It* r**~  ^. Ad4  . *" ^JK''^^,, !'"'"M" I"      -        .T  OOI.n  Ih.f t- MI.Hi Tfc. \      -it.    . ^U4"^  WPt.</t>
  </si>
  <si>
    <t>                                           Our usual preaching service Sunday at 11 A. M. Sunday night a musical treat is in store for all by the Philharmonic Chorus. On Monday night a free cooking school will be conducted by Miss Hart at Nashville. One hundred prizes will be given away each night of the...</t>
  </si>
  <si>
    <t>                                           TO DISCUSS 1 I PLANS I                 f*Uiifc to rebuild the Lincoln Country club hou*f,  wak r**ed by fir* early           , will be           Mondxy   t - in the Butlrr      -t  , F. A. Toomer, pre*!     , ~^id ye*. Of        ,           tnd friend* of the org^ we urged to attend tbe        .</t>
  </si>
  <si>
    <t>                                           Centenary ME Host To Rome District Meet                 The pastors and district stewards of the Rome district of the Methodist Episcopal  met Wednesday at Centenary Method- ist church. Atlanta: Rev. N. J. Crotlcy. d  . j presided. Rev. j. t. Amcy was appointed secretary: Rev. N. A- 1                 Bridges, reporter and Rev. p. L. Inninn. chairman or the Finance Committee. Rev. J. H. Brandon conducted the devotional services. The roll was called by the secretary and a large number of pastors and d Istrict stewards responded, i The district superintendent slat- I ed that the chief note or the dls-  should be evangelist end open ed the question with some poignant remarks, which were followed by an  discussion in which Revs. J. H. Brandon, A. Kolmcs spoke. After this the chairman read the  lor Uils conference year and they wcr unanimously adopted Revs. J. F. Dcmery und E. G. (Continued. .on.   {;e 6; CoL K)                 Centenary L (Continued from      1) Newton, district superintendents or the Atlanta and Atlanta East D'sirlct. respectively: J- H. Bridges, former district superintendent of Rome district; J. W Queen, pastor. South Atlanta M. E Church: G. P. Grlsson. pastor, college Park M. E. Church: J. J. Thomas, pastor Alpharcli.ii and Duluth charge: Dr. J. II. Stumor.. Division Secretary ot the American Bible society, save very strong messages that were inspiring. Messrs. H. N. Morris of Ccd.: G. T. Galther of Centenary: S W. Clark of Douglasvillc; and Mrs: -Readings of Marietta, district stewards of their respective charges gave brief remarks. At the close of the meeting" the delegates  were served a delicious dinner by a committee of the church of which the Rev. W. J. Wynn Is pastor</t>
  </si>
  <si>
    <t>                                           The pastors and district stewards of the Rome district of the Methodist Episcopal church met Wednesday at Centenary Methodist church. Atlanta: Rev. N. J. Crolley, district superintendent presided. Rev. J. T. Amey was appointed secretary...</t>
  </si>
  <si>
    <t>                                           THIS EVENING at 8:30 o'clock at the home of Joyman John B. Hill, 34 Brown Avenue, in South Atlanta, "THE JOYMEN", known all over the realm as THE ACE OF CLUBS is holding what should he a lively session with its executive, Perry B. Hudson, in the chair... Bridge, lunch, business and other divertisements will add to the pleasure of the jolly union of joymaking social barons.</t>
  </si>
  <si>
    <t>                                           LADIES, SAVE ON HAND LOTION. SEND 2S CENTS COIN OR STAMPS. ONE TABLET MAKES ONE PINT. BAKER. 312 MORRISON SPRING, CHATTANOOGA. TENN.</t>
  </si>
  <si>
    <t>                                           Wormley Appointed To Educational Committee /s                 It was -d !ast week by President Davlcl   . Jones of Bennett college, thai Mr. j.' WaUacc Wormley. teacher of biology at Bennett, has been recently appointed to membership on a committee of five which will mec. In Atlanta University, Atlanta. Georgia, during the week of December 14 for the  of revising the General Education Board bulletin on "Special Problems cf Rurul. Farm and Home Life". This bulletin, the first edition of which was published by the General Education Board a little fess than a year ago, *s a handbook provided for the training of teachers ror rural schools. Mr. Wormlc.v, who Joined the faculty of Bennett Colleg at the beginning of the current year, ii a native of Washington, D. C.    received the Bachelor of Selene* degree from Hiram College, H3(Contlnued on Pace 8, Col. 6)                 I Wonnley Appointed i (Ccatiassd tro_      1) ram, Ohio, In 1928 ana tee degree of Master oi Science at, Howard University in 1831. At Howard    i did special work in zoology under Dr. Ernest. Just. During ilia year of 1335-36 he was a Geneia". Education Board fellow in biology at Columbia University. Be h39 ; at Miles Moinorlal college, Birmingham, Alft., and m Tuslcoge? Institute.</t>
  </si>
  <si>
    <t>                                           F^jMl^j^ Don't (i*~ un drf*u:r.s { ^M^^Bf^B ~*1'"1 li J:i.-!.-?-. C^r.-ult the j ^BH^HTCpli hitman v\ }x-~ :~  I</t>
  </si>
  <si>
    <t>                                           TIM TYLER S LUCK By Lym Young j                 I FELIX, THE CAT By Sullivan: j                 DOROTHY DARNIT -By Chas. McManu*                 IT S A GREAT LIFE IF YOU DON'T WEAKEN -By Jack i ^bi iv                 NIPPER -By Dwig i                 JACK SWIFT "-By, Bray</t>
  </si>
  <si>
    <t>                                           A large delegation front B. T. Washington high school consisting of the president and vice-president of the student body. Lucius White, and Miss Anita Shaw, Miss Johnnie Parker, Miss Inez Oay. Principal C. L. Harper and Professor J. Q. Carruthers...</t>
  </si>
  <si>
    <t>                                           The waiter arrived with their cocktails. "Sugar" had ordered a couple of "old-fashioneds" which are pretty potent. He Calculated this would loosen Vernon's tongue, and give him the necessary cues how to proceed....</t>
  </si>
  <si>
    <t>                                           A Baby For You? If you urn tlr Died Dtp IiIohmImi; of a !in*~.v ul! your o\rn nml  for n         uml a  n  ilu not  lve up Imp'.   In - to .   - I .Mllilro.l Oue.ri. Drpt. Cnil-,*,. Hunan .. KiinNitH . Mo.,  mIh- will I yon  a  *  ( helped tur  Ih*Ibc  1.1 3'. Muny      HiIh Imn       *it   IIvcm. Write now  try for  \       * ImpplneNH.</t>
  </si>
  <si>
    <t>                                           THE basic fundamental of real citizenship comprises the due qualification for participation in the function of government. Every citizen who persists in failure to come up to all requirements for the effecting of government is a party to the scheme which removes government furthest front the consent of the governed. No government truly democratic which operates without the consent of the governed. Therefore, under our set up of a democracy in which the people are sovereign...</t>
  </si>
  <si>
    <t>                                           Now this is a good story on a certain doctor in this town and it's true. Last Sunday, a well known doctor was driving along the streets, it was just after Sunday school, he was perhaps meditating over dreams of the promised land. The land where he could rest from...</t>
  </si>
  <si>
    <t>                                           Mr. Lee Washington was officially acclaimed Mayor of Maysville. Monday night at Corinthian Baptist church, when the seating capacity of the church was filled with members and friends who had gathered to witness the and of a heated campaign ter the...</t>
  </si>
  <si>
    <t>                                           Finding of an undernourished and nearly starved nine-month old baby in a three-room house at 133 Busier street. which also is home for 13 other Persons. who too are uncomfortable and poorly fed. Wednesday was brought to the attention of the Atlanta Daily...</t>
  </si>
  <si>
    <t>                                           Eye Witness Tells Of Spain                 Rebels Are Anti-Negro In Sentiments, But Loyalists Are Liberal In Their Views, Returned Student Delegate States                 WASHINGTON (ANP) Ed ward E. Strong, national youth chairman of the National Negro Congress, arrived here Sunday after six weeks sojourn In Europe. Strong represented the Youth section of the National. Negro Congress at the .World Youth Congress                 held In Geneva, August 31  September 7. Seven hundred delegates from thirty-live countries unanimously  to a broad program In the tight tor tho maintenance of peace. After the adjournment of the Geneva Congress, Mr. Strong, In conjunction with nine other young people spent nine days studying the Spanish . The interna- ! youth delegation visited Madrid. Bercelona, Valencia, the Alcazar in Toledo, and the Guadar- rama Fronts. While in Spain na- tional youth leaders, army generals; women militiamen, and leadIng newspapers were seen. Upon being interviewed Mr. Strong declared that "the conflict In Spain Is a fight between the be- 1 levers In democracy as represented by the government, overwhelmingly elected at the polls by the people, on the one hand, and ins believers In economic slavery for the many and special privileges for                 the few as represented by the rebels on the other hand. Of the twenty four million people In Spain, twenty-two million are passionately supporting the government. Whatever rebel victories there may havc been must be attributed to the use or morrocan mercenary troops paid for and equipped with the latest artillery by the Ethiopian invading Italian fascists and the Negro hating German Nazis." The alleged destruction of all foreign property and church Institutions by the government, Strong declared io be "deliberate propaganda to mislead the American public. We visited the Bishop's palace and cathedrals built in the eighth . Wherever church property has been  the question of religion did not enter and it was destroyed only because It had been transformed Into barricades and munitions depots for the rebels. Strong declared himself to be In favor of the government because "It represents the Interest of the Spanish people and because the forces throughout the world against the Negro are allied wl tli the rebels. Including the Negio hating William Randolph Hearst in our own country."</t>
  </si>
  <si>
    <t>                                           WASHINGTON -- (ANP) -- Edward E. Strong, national youth chairman of the National Negro Congress, arrived here Sunday after six weeks sojourn in Europe. Strong represented the Youth section of the National Negro Congress at the World Youth Congress...</t>
  </si>
  <si>
    <t>                                           Situated deep down in the Delta Section of the Creole country ....Louisiana to you........is widely ballyhooed Naw 'Leans.......In fact this historic city is so far down that it is below the singing streams of the Mississippi River..........Huge levees protect the city from floods, and canals are erected to drain the city whenever such might be necessary...........Palm trees.......wrought iron gates....Spanish patios..... houses with doors which extend from the floors...</t>
  </si>
  <si>
    <t>                                           Youth's lovely supple lines evaporate When the waist thickens and the hips expand. These days, when a crusade, for health and hygiene goes on constantly, there is no reason why a, woman should hear with breadth amidships. Middle age need not bring...</t>
  </si>
  <si>
    <t>                                           Captain Eliner Howard led the Virginia Cniun Quintet to victory last night with a win of 54-15 over the visiting Howard Cagers.</t>
  </si>
  <si>
    <t>                                           UNDERWAY                  MIAMI,                 -                 Miami's iu:w .-cl, for Nctjm IfiiinntK known    Mlwrlv      ;iro. NlliluLcri in llw , . mi IiIkIi ,  to  od.  mid ; the ~:lly JlmlUi nl (~2ii(l .si rent  !4lh :  Us Inw rent  mid     ) nrc.  InLo                 the office. U Is  n I modern low mil ; : I free from Trills ami within the  of Hie fellow who (urns us little us SU.IIO per wot*. The   is   2 acres in size, the lamest of  of : first i;roup of  3 -projects. Coverage by  is only 'Jo per ctnl of Uie urea. About two-thirds of the :irna hus Ijccii reserved for  {. Tin:  art N. W. i:!t)i : '', N. W. fi7th . (. N. W. Hlh : lu esl' and N. W. fi'.'. street ) I A million rl illar.'t w;is  d for the  inn of 3S ;. mills comprising 2411 nun mill two story h(:s, ; Hfifl rooms, mi ;tye of :i.    pev houst:. There  30 houses with two rooms ench: 104 houses. t  I rooms each; 57 houses, .four rooms; nV.dA 52 . '" rooms . Tlic two room units will rent for S2.85 per week; three room mills for $:(.7(i lo $:t.~   rier     ; four room  for $4.25 lo $4.75 per week and five room units will rein for $S.2S per week. One of Hie  features of Liberty Scitiiirc     the Community Building, with its  . throe -stories, a day nursery  the Management (.). a .' woll : n  pit. find spacious hard surfaced (Continued on Page 6, Col. 4)                 I 1 New Project i i (Continued from 1**5* 1) 1 p!;iy . I Triuinfs of Ubf?rly Squarr will I i"'i vn\y  excellent  condition* [or their i*, hut.  fnl  unties I I'.t    spii it ituri -y pride. I Pnvrfl  Drilled :-. City ~''.  iva rr, hr:m(ift(~ I  p;irj;s ; Mi.'.s j I will  ami f*in; Dndo j I t^ Nrurors l'~ bi;'.v.)inr- htt.Ur I ;i:.   -p useful . /\       ;ik* hus .'Mul Jitney .PUon will  connect, tho  with Mi.' d Miami BCitrh  the  is .</t>
  </si>
  <si>
    <t>                                           Miami's new project for Negro tenants known as Liberty Square, situated in the northwest section, on high ground, hither to undeveloped. outside and adjoining the elly limits at 62nd street and 14th avenue announced its low rent scheduled and applicants are pouring into...</t>
  </si>
  <si>
    <t>                                           COMMUNITY SHOE SHOP WE DO EXPERT CEMENT WORK AND DYE SHOES to match YOUR DRESS :m Auburn Ave., N. R. Phone JA. 859!) FREE DELIVERY Leon Barnes, Mgr. Walter Parks, Asst. Mgr. H mm YOUR HAIR IS ROUGH t AND STUBBORN I Y0U SUFFER WITH DANDRUFF I I YOU WANT LONG HAIR YOU WANT SOFT, GLOSSY HAIR USE DERMIS CURA Hair Preparations And Service Dermis Cura Hair Grower Dermis Cura ScoId Food never  to  nutritious for stunted hair Dermis Cura Special Grower promotes healthy growth of thin Dermis Cura Glossine hair gives a lovely sheen Hairdressers get very satisfactory results by the use of Dermis Cura Hair Oil and Dermis Cura Press-Oil. All of the above are highly recommended by Beauticians and satisfied users in all parts of the country. NOTE- Dermis Cura Beauty College is the oldest institution of its kind in the South accredited graduates successful Spring, Summer, Fall and Winter terms. Admission limited to a selected number. AGENTS WANTED FOR FURTHER INFORMATION WRITE DriS'Kura Manufacturing Company ATLANTA, GEORGIA</t>
  </si>
  <si>
    <t>                                           Mrs. J. W. Williams, of 561 Larkin St., SW. was the proud honoree at a delightful birthday celebration on Tuesday. November 17, when Mrs. Loretta Chambliss, her niece and Mr J. W. Williams were hosts to a jolly gathering at the Chambliss residence at 625 Larkin...</t>
  </si>
  <si>
    <t>                                           Here is a peppy and highly seasoned dish that can be prepared at anytime. This quick snack made more appetizing by this unusual creole sauce can be served with crackers, cheese, celery hearts, potato chips and coffee.</t>
  </si>
  <si>
    <t>                                           Twelve years now since the pigtail was brought before the bar of justice, found guilty and executed. What a grand roar and rumpus there was when the bob set the world on its ear. The floors of beauty shops were covered with drifts of tressocks; they were swept...</t>
  </si>
  <si>
    <t>                                           Met recently. The minutes of the last meeting were read and adopted. The By-laws of the club were read by Allene Houston. We are trying our best to keep the by-laws, and abide by them. Friends are always welcome to our club meetings.</t>
  </si>
  <si>
    <t>                                           Secretary of the Interior Harold L. Ickes will soon announce appointment of the general manager of the PWA Atlanta University housing project. Advisor Robert C. Weaver has a half dozen persons under consideration for the post, all colored, at the present time.....A number of manufacturing concerns are springing no all over Georgia, a cotton dress concern in Douglasville; a shirt manufacturing company in Washington: a hosiery factory in Athens; a work...</t>
  </si>
  <si>
    <t>                                           NEW LINCOLN Jean Hartow and Sponcer Tracy in "RIFF RAFF"     - Joe Louii-AI Ellore Fight</t>
  </si>
  <si>
    <t>                                           In Hebrews 1: 1, 2 we read one of the many claims the Dible makes to being the revealed word of God. The book Is full of "Thus !mini the Lord' and verily, I say unto you." There area many rea son for believing these claims of Divine origin. The following have</t>
  </si>
  <si>
    <t>                                           Would you like to know what i 1937 HOLDS FOR YOU? A complete Horoscope for the year for SI. 00. Three questions answered froe. Enclose SI. 00 for. JJuroscopc and prompt attention will lie given. lie sure to send i your mime, address, birth month, date and ;ij;e.i PROF. L. N. ABDUL 3640'/. PARKWAY. FAIRFIELD, ALA. I</t>
  </si>
  <si>
    <t>                                           p VALENTINE SPECIAL 1 :V.~BK:-;K::KKKMi5KKKKKs:.::.:;.::.::.::.   :K:.     :        ^^</t>
  </si>
  <si>
    <t>                                           CHOOSE PANEL FROCK FOR ALL-DAY  j life V% PATTERN ^P I Claire Tilden PATTERN 257 You'll never find another  -s say slid :i:::il ,is Ritlevn 257! Th-":i why 1U3K -f when  ou ve i iui o'-lign'.f si style to   ."     ci; looking civ.-, and dainty all day long! You'll look  as can be in its puffed or flared sleeves topped by the crisp little frill. And just sec the way the adjustable half-sash "sets off" the flattering center panel. You'll present a cheery appearance at thc breakfast table in versions stitched up in sturdy checked gingham or Bright percale. You'll make this frock in a jiffy with the aid or its Detailed Sewing Guide. Pattern 257 is cut in sizes 14. 1G. 18. 20. 32. 34. 36. 38. 40 and 42. S'ze 16 requires 3 3-4 yards SO inch fabric Send FIFTEEN CENTS 1 15    in coins or stamps             coins: i for this pattern. WRITE CLEAR- LY SIZE" NAME. ADDRESS AND j STYLE NUMBER. Send orders to Atlanta Daily WORLD. Pattern Department. 210 Auburn Avc- N.E.. Atlanta. Ga.</t>
  </si>
  <si>
    <t>                                           REPORTER FIRST PATIENT OF NEW YEAR AT GRADY                 Kuburt M. /fo. im- of the World editorial staff, hits yet. to learn how to handle a si/. fire . A package crackers  in   hand  midnight ThursiJiiy. He wua Oraily Hospital's first New Year's Patient.</t>
  </si>
  <si>
    <t>                                           Hugh A. Dawkins. 272 Bowie st.</t>
  </si>
  <si>
    <t>                                           "Thus smith the Lord of hosts, consider he, and call for the mourning women, that they may come: and send for the cunning women, that they may come, Jeremiah weeping bitterly over the and fact that the wise men of Israel were too busy to join him...</t>
  </si>
  <si>
    <t>                                           i Igy Thomas Jefferson Fiawmagan         An Optimist? I !e curses automobiles, j Couldn't give "im one if you tried. Still, no s on every corner Sticking his thumb for :i ride! Says they re for fools and rich folks, And lie ll never own one beside, J.ong as his friends and neighbors Are always letting him ride. The Yam Song WE struggled in the berry patch. \fter we d cleared the ham, Xow summer closed the melon latch But honey, here s a yam Somehow the good Lord will provide, for both the sinner and saint; N:ever is the question whether you is or ain't Xow when it seemed, the last go ' was 'bout to bring a damn, All  fed out an'  sweet, yonder comes a yam. bless the Lord for Georgia soil, Mope's doors never slam', on whether you loaf or whether you toil Vou come in on the yam. Eternal peace to these fair lanes, where the pumpkin gol', Shoots its tanglin' yellow rays through a sinner s soul Soon will start the 'possum trot, en we praise the lam" For the glow of friendly fires singin' 'roun' the yam. i We struggled in the berry patch, F.ong 'go we. ate the ham! En where the skinny gobblers scratch i Heaven sends a yam.</t>
  </si>
  <si>
    <t>                                           The office of the Adviser on Negro Affairs Department of Commerce at Washington D. C., has Just made available "The Negro in Business -- 1936 (A Bibliography).</t>
  </si>
  <si>
    <t>                                           LADIES Use That FAMOUS DOLLY DIMPLE Hair D railing ON SALE AT ALL DRUG STORES AND S A 10c STORES</t>
  </si>
  <si>
    <t>                                           met at the home of Mrs. Erwin. 233 Ashby street, We had a very nice meeting and the anniversary will be held at the home of Mrs. David Townsley. Mitchell street, All members are asked to bring four pieces to put on exhibit and invite two friends each. The club will...</t>
  </si>
  <si>
    <t>                                           Graham W. Jackson, "headlined" in the columns of over 1500 papers throughout the United Sates during the past week, lent much to the discussion of the liking, rhythmic novelty, called "Swing Music."</t>
  </si>
  <si>
    <t>                                           Iff WiAtHtR  and</t>
  </si>
  <si>
    <t>                                           CHICAGO--For several years just on the verge of breaking into the genuine big time. Andy Kirk and his Twelve Clouds of Joy seem at last well on the road to international fame. They made the popular song hit. "Until the Real Thing Comes Along," and this hit...</t>
  </si>
  <si>
    <t>                                           Closing one of the most successful years in the history of the Iota Phi Lambda sorority here in Atlanta, the members of Delta chapter again elected Mrs. Sarah Lewis as president to succeed herself for another year. Mrs. Lewis has proved an efficient president...</t>
  </si>
  <si>
    <t>                                           MADAM WILLIAMS  rg  as Palmist 8 Crystal Reader HRuSvE Wm ^''1-v ''e  :~nc! discontented H wl  orie visit to this sifted lady will      ^i*BsS help  solve  our most difficult problY^M I . Truthful - on love, business K vL 91 ^'len -v011 are doubtful consult her. ^^*\^jh-^M Satisfaction assured. Hours: 10 A. M. HOB to da''^ Sunday. 2967 Peachtree Near Buckhead SPECIAL READING 50c</t>
  </si>
  <si>
    <t>                                           CITY WIDE  IN ENTHUSIASTIC'! MEETING TUESDAY1                 l;~  .MlNUl.0                 fv:~;iM;    ran hi^li Tli'xl-"' nl^hr at Ml- Vcrnon IJaptV.  D: Win. C. Bit m. mm1 .  ihp c'-'y-  Mrn Cmevn Hnuiobrook^ 1.. held :i brilliant merlins a' the  wh s clc wooi'.iu .                 Wl-ll Mr. U L Wlluh:.  iim. Iins. Ihi* M\. Vcrnon Chuvth d*.~i Ihilllcd the group with   icl mi.slc. 111 Kr Dr Bivins  Prcrcrlln'.;  ^ welcome ao(Irpss by Mrs       P Bums President ll:ui;-. Iv.-.i.il :ii an ;,l))c clc  A round*. able cl itu--     -cd by     Wright on I wim Iisji 'he - UY!'U Mam 10 Me"? TJkia^ pan In tli ~.unc  rv; Mr-. Romcllc Pn:     :i Conch*. V Ford. Mus Sarah j lev M:- Ji-       . Mrs. Pearl Rcc-f Mia Ma Mary Dicuei^on I  Store. A play fr.'. T\\e Down, ml 0~)b of ilic  was  tus-*.d nil- tire Hi'.-  of Mrs. Pat'ers-on I          by Mrs.      : n"~l M' Ford. The  whs conino vil if l-.c  members of the In- I              : \          Bcnn'n^s. Diunn Welch. Ad-ll Jordnn. Anna p. Road- Siirali F Ixe Morris Beavers ;ind Jj:p... j Hutchinson I Cdli nc: Ihlilk ol the B\"P J rvf.hout Ihlnimi Ol I lie lii;f Ur Peter J,-\niM Bnom sold Dr j Blvln* oj he -scd hit -  (or Ihc work flour by U-.' . while Mrs A. J Pnole. director of thr Junior J partment. und Rev. Smnuel Pcttarnie.        01 WcM Hunter S-       church were hc^rj In tine talks</t>
  </si>
  <si>
    <t>                                           Washington ran high Tuesday night at Mr. Vernon Baptist church Dr. Wm G. ... where the ... BYPT Mrs. Genera ... president held a ... at the inshicnable west side worship center...</t>
  </si>
  <si>
    <t>                                           Nothing Short Of A Miracle 861 Genuine Northern Sea! and other fine selected Real Fur I'^^^E^^^P</t>
  </si>
  <si>
    <t>                                           ,  .</t>
  </si>
  <si>
    <t>                                           SEBASTIAN IS [IN WIN UPHEAVAL                 GREENSBORO, N.C.-                 -                 The Medical Service at the Agricultural and Technical College has been so severely  by tlw alumni and students that it seems as U It might be  necessary that the present college physician. Dr. s. P. Sebastian, ought to bow respectfully out and                 say good bye to bis  years. From all accounts the alumni feels that Dr. Sebastian has rendered long and faithful service to A. anC T. College. It has been suggested so generous as he 'desired, but even the present student body seen: Uiat h's facilities have nci been to be wholly disgruntled  way he goes about the         affair of his duty. It has noL been questioned about, his ability nor his capability of handling his "work, but the students and various ^ of rhc alumni association keep 'bombarding our offices in on effort to insist that we demand a change in the policy of the college in regard to its medical service. Why doesn't Dr. Sebastian throw up Uve whole thing? This is    ; question most observers are asking today: It is believed that no .fi I (Continued on Page 6: Col. 1)                 Sebastian Is (Continued from Page 1) who has beer, so unanimously protested against by the very pe:~p!-'  whom he serves should want 1 3 hold on to his job. Friends nf th?  feel lihat a statement should be forth coming as to his  for not answering the protest levelled  him by .l.e students and . We do not know anything the doctor s ability. We cannot with any truthfulness  nor deny the co:;ii-ntion of the protestar.'.s except                  1 we are reliably informed that     i doctor, with reasons known only j to himself  physi- dans and surgeons who were not of the N'osto race, when it came to treatments ar.d ailments - mediate family. It has been stated i ven- reliably that Dr. Sebastian did not measure up to the highest expectations of these who are the j real guardians of the Richnrdson I Memorial Hospital, and whether or not these circumstances are I influencing the present    *  the medico, it has not been ascertained. Tenaencies seem to point that the  should with dignity an.l ^ res:yn his position from Uw A. and T. Cullese staff.</t>
  </si>
  <si>
    <t>                                           The Medical Service at the Agricultural and Technical College has been so severely criticized by the alumni and students that it seems as if it might be very necessary that the present college physician. Dr. S. P. Sebastian, ought to bow respectfully out and...</t>
  </si>
  <si>
    <t>                                           No. 1--Peggy is ten months old but weighs only seven and one-half pounds. Doctors say she is literally starved and needs one can of evaporated milk a day. Eight cents a day is so little but how much it will mean to this delicate baby. Perhaps your...</t>
  </si>
  <si>
    <t>                                           Loyalist President Flees Madrid For Barcelona With His Cabinet                 BARCELONA. Spain- 1SNS1 Following the encircling of Madrid { with a ring ot steel by Rebels. Loyalist President. Manuel Azanu fled to this city Irani the capital J Monday night. In the president s! immediate party were three cabinet members,  Giral Pereira. called by many the "strong man" of  s regime. The visit to Barcelona was described as "indefinite." MADRID- i SNS i- The govern, mem  d into .service every available  or boy 'who could aim i- in ;i last  to save the capital from                          :;.. Tin- troops are UMiiB a -ak army' similar to i Him employed by the Frcnoli In llic  of tlic Maine i World Wavi. Taxis, numbering three i thousand, are used to transport troops to the front. Meanwhile the j feed mid water supply problem is ; acute. Cutsidr llu1 capital, in Talavcra, fascist chieftains were mapping their last moves in an effort to reach Madrid Monday. They are at present only 16 miles from the  tt of their push, but many have repressed the idea that the city j will noi hi1 taken in less limn two weeks I</t>
  </si>
  <si>
    <t>                                           DALLAS, Tex.--(SNS)--Thursday night, January 7, the Negro Chamber of Commerce of Dallas held its annual meeting for the election of directors and made plans for the 1937 activates. The building of a new high school, preparing for the Pan-American...</t>
  </si>
  <si>
    <t>                                           FACE SUFFERING IN CASH CUT-OFF                 COUNCIL TO ACT THIS MORNING                 Will Decide Whether 10,000 Citizens Are To Continue Deprived                 MAYOR APPEALS                 The  on Hie of more than 10.000 unemployables or the city s populace was  yeaterday as the Fulton department of public welfare halted all emergency react .-'y. Those applying lor relief *ere told point,    *  liat -.he  has no money:"                 there we no distributions or any kind to the helpless, sick and cr.pp.ed a. ready living on a minimum ut life s necessities. WUh the dosing of the department work, the city council will mest at 10 o clock tills morning nnd a. tempt to solve the crisis. Mayor W.lliam Hartsfleia' .will personally appeal-to counci member" to release (25.000 of lhe.       'appr6;.     ' may be downed by opposition. One alderman, Robert CBrpcnter, declared last night that he  (j hold up the  as long as p , until the "welfare board cleans out those high paid executives in the welfare department The resigns' ion me board 01 public welfare !s . to follow by two hours the scheduled council meet.ng. effective February Welfare experts said lest nl^lv:  the si. of the poor was so  In some  ti-neven with some * f^r r. welt or so. many will die   resistance to disease     be  through this added privation." Aid irom  cour.'y Is being  'n an attempt to meet the ir sls. Chairman' of the Countv Cninmisslon. A. Ragsdale. said that the coun-'v will contribute ?2;.000 for emergency rel ef to whatever relief set-up Is  by the cl y. Ano'her a'.derman, Dan (Continued on Page 6, Col. 5)                 Council To (Continued front PaQc I) Eiicl.'O;. i. :uo :                  of rr in -Jirom:!! ihf: WlIUiI'C :;. :i!\nu wi:h Cui'lionlcr. tt ll 11^- I Ir.il im M11IL-II 01 Illl' :'  v;~i;'s 10 hi^'li ~:il:iri"b and nc-1 enough 10 relief ol'  r.yab!rs. 13: itl"    win ( Hie Si.".n01 ;:i(Miii ll i- Mi. ii". i! 11 i-- 10 b"     (!L" (n lli.-~ welfare Ijonid I'cr l cf.i'.:iiv. He  mil miv l:is. ' whr. or nr.t In- will ni;~ini:-  up i.iic money if it                 I* passed bv council. Two methods of obtaining " of t lie allocation arc opp.n for Uic cr.uncil today,  to bD opposed in -lie  analysis: A i!cvv resolution mny bo given to t he welfare department  ihe mency, cr -'he council may re-  t lie  mil resolution j I'm- 'lie allocation which the board fulled lo concur in when llu- tic vote wns c:\.sl. The majority of council :  of Hit'  ii favor -c or the relief . .'n inve.-U^n'.ion Is pending Into tin* nativities of ^he board over n rec-rnt . Mranwhih; .  lite word of what will occur (his ; wli?n;hc:: is 10 be made 10 i.av" (i:~ ~)onr c:\red for in some</t>
  </si>
  <si>
    <t>                                           The outlook on life of more than 10,000 unemployables of the city's populace was blackened yesterday as the Fulton department of public welfare halted all emergency react activity. Those applying for relief were told point ... chat "the department has no money:"...</t>
  </si>
  <si>
    <t>                                           Muscles like to work and play. They weren't made to rest against soft cushions. Give them daily exercise and they telephone cheerful greetings to the whole physical outfit. They tell the digestive organs to function normally. They have the blood screams on the...</t>
  </si>
  <si>
    <t>                                           The 7 teR Kraft        if ;.~S Cneese %7*ZP Spreads now in new-design Swankyswig glasses! Sparkling glasses strewn with  stars the new Swankyswigs. You 11 wane to collect a whole set. And while you re doing it. Ret acquainted with all seven jj ^s of t!ie delicious Kraft Cheese Spreads. They're i marvelous for I s:tnel  s.s:il:;ds t and appetisers. 1C^~</t>
  </si>
  <si>
    <t>                                           Every government in the United States is responsibe for the many crimes that are being committed, whether it is city, county, state or national government. When I think of the pitiful crimes that are being committed in our country, such as kidnaping, lynching...</t>
  </si>
  <si>
    <t>                                           In Memoriam                 Iii loving memory of our dear mother, Mrs. Nettie Panion. who departed this Hfe three years ago. February 1C, 1931. no one knows the silent heart nchc; only those who have lost can tell; no one knows how much' we miss you. rn our  your memory lingers 1 still. Mrs.        Totld.  i Mrs. 'Annie U Dupree. daughter I Mr. Richard Pnnion. son Mrs. E. M. Burson, daughter Miss ThKodorn E.'Hlll, grand  v In Memoriam In loving memory of my dear father, , sisler and mother. Aru you wn.'ting aL the beautiful UiitcT Peaceful be thy rest dcnr3 It ia sweet to bret'.lic thy names In life, I love 'you all dears In death I love the same. Daughter, sister and wife, Mrs. Gco. -y Parks til 1 Calhmui Avc. East Point, Ca. In Memoriam In loving but sml      my daughter, Bernie Kimball, who passed away one year ago , Tcb. 1-1, 193C. One year r.~.'0 t'/day you left me Hut sweet your memory still Your passing has left an emptiness in my heart That never can be filled. Gone hut not forgotten. Your Mother, Mis. Ola Kimball. 1117 Mason-Turner Card Of Thanks We wish to thank our neighbors and friends for the many kindnesses and sympathy shown dui iiii; our recent bereavement in the der'.th of our husband ami father, Mr. Lniinic Chandler. \   also thank you for the beautiful floral offerings and use of  in the funeral. January "1. Jlrs. \j. Chandler Lonnic Mae Chandler Lucy Pearl Chandler</t>
  </si>
  <si>
    <t>                                           JlgSmT ^jit)Qn'~_6n\y_colo.rj8d_      _  .~!W.~      ^ J Z ,            *r 5j.."to SI^rW .POO""* K          alia (Mmm</t>
  </si>
  <si>
    <t>                                           Joe Louis Fails To -Catch Up' /With   0 I Y:.AtMete9 But Wins By Decision                 NEW YORK- SNS- A few opening round samples of the Joe Louis punches caused Holt I'ustor to change his mind al the Garden  night. He had declared that he would knock Ixjuis out all during Ihe past few days but did not follow through with the plans, or seriously attempt to do so. Hi fought carefully and                 craftily lo evade the Louis thunderclap strokes and stayed ten rounds, all hough Louis won every one of them. Hence the fans who gathered were treated to another Natie Brown show where the quarry kept carefully out of range. Louis pursued the. former collegian all over the enclosure but never wu  In catching up                 with him and landing the axe. i The crowd was obviously bored by Uu: I trend uf affairs and yelled for mure action all the way as the while hoy danced away or fell into  clinches. I'aslnr landed several impressive punches himself but never was  to really bother i the Komher. Al the finish of the  It was                 evident that  New York University fullback w;is suffering intensely from the repealed  K)kes from the Louis left hand. LouIm turned on the juice in the final round after changing his tactics without avail momentarily to induce the dancing loser to bring the  to him. Joe appeared fresh at the last bell.                 The "Bomber'' Blasted Hope                 JOE LOUIS the "Bomber" mt Detroit* Michigan "ho failed to knock out Bob Pastor la  Jcw York last light. Joe, how* ever, remains 'high ;md mighty* in tiw rank* of heavyweight* in      world. Hi*          u to get tke crown und retire following one more fight, According to   - I d up+*.</t>
  </si>
  <si>
    <t>                                           joint Services Brighten Up Thanksgiving:                 Today at 11 A.M., Atlantans will trek to three centrally located churches to worship in' observance Thanksgiving- the day when tho God of the harvest will be tender ed expressions of ^ for the  blessin?s he has ^bestowed upon earth creatures.                 In the Fourth Vfaxd, It  Big Bethel A.M.E. 'Church: atr:tho West Sids. it is Central al.'-B. Cliurch and in Summerhill Allen Terr.-le A.M.E. Church wOI x'    sire of XTaion services in which. Christians of every denomination  faith will unite In an effort to thank and praise a common Ood tm i Fnther.   - The Union services are the  Lctj of the Church Cooperation Cornmi'tec the Atlanta Interdenominational Ministers' Alliance. The services vA'.x be held promptly at eleven o clock, lasting" ona (Continu-d on      8. CoU.7                  Joint Services (Continued from Page 1) j hour. They -will interfere in no way -with the f.- ana festivities of the day which was planned and organised as a day of divine wor- ship and pra se. If we have anything for which to be thankful during the  twelve months let us as the Pilgrim Fathers did on that First Thanksgiving Day. assemble in our designated places of .'p and express those thanks In the; presence of our fellowmen. rich j and poor, halt and lame, busy and idle- all who hath His name and sign should be there. Every minister and member ot the three or four hundred churches in the city is expected to be present and cooperate in one of the three ;es at this hour. The sites are expected to be crowded- the pulpits with ministers and the pews with church goers. Those who will make a big day of it at the football games and other events of the ei-ening are expected to be there, for they owe that much to the great God who has filled our coffers to the overflowing. Ninety per cent of the community is expected to be in attendance. This is a lare opportunity for forgetting the limitations of det. and  together in this grand united effort. Remember. TODAY is the day of giving THANKS to the   .n- of everything.</t>
  </si>
  <si>
    <t>                                           Today at 11 A.M., Atlantans Will trek to three centrally located churches to worship in observance of Thanksgiving--the day when the God of the harvest will be tender ed expressions of graciousness for the bountiful blessings he has bestowed upon earth creatures.</t>
  </si>
  <si>
    <t>                                           As Troops Smashed Sentry Boxes Of Striker*                 .Swooping down on picket I tut? a u\ u Chevrolet pl^nt in Flint, Mich., above, national                          'i  los  Ii.td been  *[~      during  vi(j:l ftt *t - General Molort  tin1 re. Tlitir  wa*  almost at thtr same time  Circuit Judgt* Paul Cadola        a          injunction                 ordering "sit. down" ^ to evacuate two G-M ~:l*nli within 2A , both Cli*           had       hi rike- locked  ince the    *t of the year. At the same time, G-M officials issued formal statement pledging to      negotiation! with       United Automobile Workers a* toon as the court order u carried out.</t>
  </si>
  <si>
    <t>                                           New Lincoln "Exclusive Story" with FRANCHOT      MADGE EVANS HARLEM SYLVIA SIDNEY SPENCER TRACY "FURY"</t>
  </si>
  <si>
    <t>                                           1T0 VICTIM i IDENTIFIED                 Think Man Injured By Auto Saturday Is John Brown A m:~:\ who suffered a fractured skull nnd was admitted 10 Gracly j hospital Saturday night in m. -im- i  condition, was  i Sunday :is John       . His ml-. dress Is still unknown. Brown was struck by nn  c on Hunter street  Sunset Ave. C. T. Hall, white. 24. of Sfi7 ForreM Road. NE. driver of Hie cur  hit the     .  Ui"1' j        \v:ts crawling across the j .street htk h he miw him. T!v? I driver of the vehicle SHid he m ! to prevent :  j Uie man. The condition of the injured j man Sunday night     pronounced ns "poor" Brown is be  to be j  50 years old. I TUcrc were se\- witnesses to tht* ,                 HANDS of                  In    4^ UlAHIA</t>
  </si>
  <si>
    <t>                                           Before we can get rid or the head aches of the Morris Brown-Clark Classic here comes Tuskegee and Morris Brown for a game, and what you reckon?</t>
  </si>
  <si>
    <t>                                           The slander suit filed against the editors of the Fort Worth Mind weekly, has been postponed. Truly such unnecessary steps of valuable time, prompted by this hasty act could have been used to a greater circumstance.</t>
  </si>
  <si>
    <t>                                           WASHINGTON--(ANP)--Nine colored fighters were ranked either us champions or in the first ten of each division except the lightweight and flyweight classes in the quarterly ratings released here Saturday by the National Boxing association.</t>
  </si>
  <si>
    <t>                                           GOING HARD                 Ikwii'i    uck  Ma' (  1 1    -   ~:.r.(..n la' I Sallirdar on wm.</t>
  </si>
  <si>
    <t>                                           All members of the Philharmonic Chorus and asked to meet Sunday at 4 P. M. for the regular monthly meeting.</t>
  </si>
  <si>
    <t>                                           IT PAYS TO LOOK WELL YOUNG S BARBER AND BEAUTY SHOPS ARTISTIC- 55 DECATUR- JA. 9347 YOUNG%S- 925 W. HUNTER- RA. 9431 Aw Hornet of Ar'Utlc Barbers</t>
  </si>
  <si>
    <t>                                           Tuskegee Here For Game; 80-Piece Band Will Play;                 TUSKEGEE S HUGE BID PERFORMS                 Tigers, Wolverines to 'Shoot Works' Today For Public i                 TITLE AT STAKE                 l.l.'CllTS JON KS                 S BEST  is  ra Poncu Dc l-con i Park today m witness a ine season classic which  10  some oi"      most moct ^Uons t"  a. dixie public in somo *. That thp gsn:e Mso i packs ) glamor   ! ?d                 by tiv piv.vnc* hero 01 Al Monrn?.-; i*-lehri.tPd  j                 I'rom Clii- j e:igo. who is on t  : quest for Ail Ainerl- cans. Tile crowl should b"  vll divided D-iwen  whiles and  il piti-ons. Orc-        . u  of 5.- opo  ^-j brs !s lar" freni .istic. The Tuskfgcc football                  rived In     city Friday ana the -       -d 80-piece     , direct^ by Captain prime L. l iry*. breezes into ttw  this morning, several Sours an.^sui 01      . Assisting us drum' majors wi!: be Iwo former  stars lor        T. Washington Iliuh   - More. MLsses MnMr Snurli ami Lulu Hymos,         Allnni:i . Ltrd h.v Drum Major Robert L. Jolinson. these young      .~ will pul nn a Ero.nl show at the half. Tuslii-c.-f Hits S(' Tuskegee.  . wi1.! be pitied  a toam that lias  all opposition in  consecutive starts. Including tlv (CoiKiuiK'il fin Vagr 8. Col.                     Tuskegee's i (Cacii^tiii tro= Pise 1) :"cur concluding  of the i933 season. On^thr other hand, the Abbottmen represent a team that, after several heart-breaking reverses, has starter clicking and bearing n close resemblance to the vaunted Crimson and Cold machines of old. The team is' definitely,, "on the rls*". and close Tuskegeancllnwers say th- team will take Moi ris Brown in stride. As a. matter of fan. a well known !  who rates AlAMuna its ^ even more   Morris Brown, says that Tusl orcc should have beaten Alr.' by threo touchdowns. President TrcnhoSa: of Alabama State College has been quoted as . "We were lucky Tuskesef didn-t boat  s a much  scor,. the way she ?d Thanksgiving Dny".                 Civat         on Paper On . Morris Brown looks ,1  superior 10 TtiskPSet1 but those who delve deeper than more  :uv definitely unconvinced  Morris Brown can cope with this Ahbott machine. This chin argues '.hat. after all.  like Slinw. Clatlin. and      University .studded the wolver- ine schedule with ils pretty collection of "goose-eggs" Tor the op- position. The above faction also raises the question that li Morris Brown Is ;is good us       think, why did ;    fail to score On the only first division clubs shi- lias met :hls ye:tr     ; snd Alabama. "On S:.ot" In oth(~r words. Morris Brown i" definitely -on tlu spot" . Whether or not the Purple Wolverines can Justify the faith of Press       J. C. Chunn remains to .                 Cne can ica-- :y  en,. Purple has h great set of runnins backs. We ]. haven't seen it to credit tr-.v Purple with anything better th.'jn an average air ;   . Her line, . 's     above xls average. But the         - forward v;all is no joue sna I her hack.! hir harder than any I :ther set. in th* conference' It    -ul: vo conceive of any combination within the  of colored football circles      packs any nicr.^ raw .^r than Tnskegec. Toddy, that power will bo blended wirh deception. i l.oral I'ridc j 'Fiisfccft.-' will h.' v.iken by Mor- j ris Brown if the Pcrp'.o Wc'.i ': i :acte cry l:n.~ ar.- as good hs J C Chunn . Otherwise. ;he Locktian-Oraws  \vi 1 I nave to step in faster  than j it has done ill . i We look for Tiiskegf-e and Morris I Brown reich the heights today and we re inconsistent .: j defy local pride and predict, e TuskegCp victory Or a tie Ram? BUT DONT THINK WE ?RATE THOSE WOLVERINES!</t>
  </si>
  <si>
    <t>                                           THE SEASON'S BEST crowd is expected at ... De Leon Park today to witness a late season classic which promises to decide some of the most most questions to confront a dixie public in some time. That the game also packs national glamor is attested...</t>
  </si>
  <si>
    <t>                                           HARVEST SPECIAL WOMEN S SHOES Vulcanized 4 t\f\ Sole and Heel. *~vw MEN S SHOES Rubber heel. 4 g\g\ Half-sole "VV We call for and deliver I RICH S BASEMENT SHOE REPAIRING</t>
  </si>
  <si>
    <t>                                           When HEADACHE; Is Due To Constipation Often one of the first-felt effects of constipation is ai headache. Get at the bottom of the trouble with a dose; or two of purely vegetable i Black-Draught. That's the sensible way relieve the constipation. Enjoy the refreshing relief which thousands of I 1 ^^^^^^^mt^ people have re- j  j"-^"^fN*frv" use of Black- Ura   wBn$- Black Draught Ilisl Slv-~y3? k made  r " II loll             I powdered; n Mil ^a^^^m I lea ves and r0Ot9 Black-Draught \^W /~*    U(~    ration*  ability  nj . f Kin1 1      w*~: i1  niw^   roM       fur th** ** i***z. KnJoy Al.l.        *.-)    *M  t IIO. S-X Ttbtcti* nrr             . .TS mr. BBI*- try ItulT m box uf H-X TfcblelK- if   pl^,   lu     tnt t,*^i  ninn^y back, Iti  l-\ir in**ti, order Ftiruuila Nn. SI. h or woman,  Kornuiltt No. 23. Kvry  *f(       tiny . In pin tn . Trie*,  1.QO :     box,  hi. I f CO.-T). poNt a h^  tra.         TOHAr-   "~l       tomorrow S-X PltOTIl'CTS CO., Drpl. 1M SjT7      ; BlTd^ OhlcMo,</t>
  </si>
  <si>
    <t>                                           Love is a purification of the heart from self; it strengthens and enobles the character; gives higher motives and a nobler aim to every action of life, and makes both man and woman strong, nobler, and courageous; and the power to love truly and devotely...</t>
  </si>
  <si>
    <t>                                           i                 KIKMINGirAM. Ala.-                 (S.VS1 i                 The women WPA  were j socking one organization  to U'ihi their battles. They have all j but lost faith in their present' loaders and organizations. Many of them have carried their plen; to be placed back on decent WPA jobs. directly to heads of organizations                 i "but they know that no action has been  in their behalf In  of the faci thai they continue    support the church and its pro?r:im.    ; ministers 'have refused to turn a hand. Du-ing the rainy and cold Tues- dsy of last       ui o of the- workers came to the World ami exhibited j heavy over-all ~-lo:h;ng that had i been :  ;i-d tlu-in for future work. The do*  will .u to conceal ihe identity ot' the  ii workers (Continued 011 PuKi- 6, Col. 4)                 WPA Officers i (Continued from    *e 1) I and servo to attract less attention from the passer by. The two brave women or? shown on the pictures I carried on this front page today i were well .      of the fact that they may loose  jobs just ns  as their pictures get in the hands of locai or state WPA officials who have  objected to  of the slave level conj . On several occasions the j women have been warned not to I talk to Birmingham World  prs or others miking investigations. Mr. W. D. Twang, local director of the WPA. is a former contractor and is said to bo a bitter enemy of the Hegro. He has made many i nasty and dirty remarks  T Nesrro women to whites who have discussed the .ir or  conversation. II? repeatedly denies that the women are   labor and rec-nt'.v made a tr'.o to the Baptis* Min isters Conference to tel! I th-ra that r.he World is "all wet." Tho mmi:;      decided in their last in- to make a thorough          'i?n of the  and fori vn***~ l^tt?rs of Drotest to national and sin to officials. Ncarlv (""ry d.tiv brims     tales of disgrace forced upon the  workers. No toU-.'t- are  the women who. eit cleanin^ the         near Roscda'e. It i has b?cn stated on more thaa one occasion that ns the wnm?n co "In 1 ill" "      sometimes "peep"  inrt  h Wnrt. The whit*  men.  of whom are foreigners and illiterate have no sense of re- j so"Ct for fho women. They flirt nt i wil' nil'! their r? are usually i ! bv Insulting . i Durins thj two months that the                 Birmingham World has continually curried .pictures and stories  the women workers not a single   or Negro individual had dared to defend the Nesro women. Not a single lead?r has called on :ocal officials without agreeing willi  in that the women are fitted for :he work. Whites            Pictures in the World have attracted many white citizens to "he case and on Sunday, November 22. two young white boys who were in the city to see Mr. Bueford Tugsrell. Resettlement administrator. called at the World and pledgee' "heir support to place the nearly *H) NeCTO women back on "inside Jobs" for the winter. They  of a Negro woman who lost her job ? she refused to be  by the white man over her: She lived at Camp Hill. Alabama, and because she had to walk five miles o town. ride a bus six  and ride in a truck the balance of the distance to her work she was given n job nearer her home. It rras on          job.  the only woman, j  htt the white foreman made his I demands and  lier refusal to i "~crt mon"v she was fired from j     job. Si\~- was told that her work vk* "unsatisfactory."       other women near Dade"i'!~. Alabama, are working on '"PA oro eets usin? picks and sh-vels on soil erosion work. Pilinc brish. dig^inc holes,  tree  oss rnd  buckets of slag w-Miing  fifty .. Acco-d n': tn t,lnr young white men I  hn furnished     information.    i-       nro Mnrv Korncdy. r"nu i'~ tmv s md       Robinson. "r-'~ four-h i. who lost her job  of      re n al to be insulted := Claudl" Woodie. t! s-~~   ;  unusual that in a town of l lS.Tjo M^groes not one single organisation or recognized                 leader has  against Oic injustices. In a town of three well supported dailies not one dares to i  editorially on t!ie subject. Of three Negro newspapers only one has had the people interested to the   of speaking both in news and editorials against the farting of Negro women on  labor jobs. On last Tuesday the       3t ministers' named 'the following to make a thorough investigation of the affair a"d report back to the body: Reverends Wm. Atraore. Wm. Marlin. J. C. Cunningham, H. Lanier. W. E. Burk and Perkins. This marks ihe second committee named by the Baptist group. Rev. J. R. Matthews headed the- first committee and invited Mr. W. D. Twang, district director, to n:"dress the group. Nothing- further was  by the committee. Last Tuesdays meeting was heated with many of the members charging that the views of the-           was not  the views of the tody. Cne minister suggested that euch church pledge support to feed and house some of the- women workers until decent jobs coi ld be found for . "The die Is cast" .'.lid one m:n:     In the hot of the i  on. The croup stated that they desired to work with any other  to fj nce the women back on  former sewing jobs or on other  jobs.     leadership of Birmlnshara Is i-u   -a: .-nd 'he  havo the r,:nity io ,--  civic worth.</t>
  </si>
  <si>
    <t>                                           The women WPA workers Were seeking one organization today to fight their battles. They have all but lost faith in their present leaders and organizations. Many of them have carried their plea, to be placed back on decent WPA jobs, directly to heads of organizations...</t>
  </si>
  <si>
    <t>                                           Social Security Openings For Negroes                 Nf,'W VORK                 (SNS)                 Possibilities for (he employment of NoKroes through Municipiil. Slut-? und Federal Civil Scrv :uv. ^,  out to col cn.it lit ij-.pus by ihf- N'alloa.'il Urli:ui l.~-:    . :,i,d iLs  /. i.-* in forty -s stat'.  ;~ Ui(- country.                 Hedrral Krants-in-nid to slates to carry mil programs of old-age ;i.vil.M:llu-f and old-agp . aid In di . children,  compensation, and u'.'J In Iho . cull lor the  itl     social workers In various li-lcls and others witli kindred training antl ?. Cnily those  d by Civil Service open               merit-rating  will be employed by thn 1- Oovernnienl. The Social Sernrily Board's j plans for the administration of j the Social Security Acl. will neces-  the  of  of  workers in district offices (hou'. ilic United i Suics and in Washington, and all I (Continued on Pane 6. Col. 4)                 Social Security (Continued from I'ase 1) of these employees v.ilj be taken rrom Federal Civil Service rolls. The National Urban League will   to the public through press releases and r.  lo its local branches, of Federal examinations scheduled, und will urge persons who arc Interested to secure detailed information regarding job specifications and , and flic application with the Federal Civil Service Commission in Washington. The. National Oftlcr; of the Lsnguc m 1133 Broadway. N;w York City Is equipped to render Informational service upon  request, to Individuals on Federnl p\-nm inn t Ions and on New york State and City .. Local  of til? Lensit" in forty cities will supply ' to individuals for 1I1H: respective Municlpnl and Stato examinations as well as for Federal examinations.</t>
  </si>
  <si>
    <t>                                           Possibilities for the employment of Negroes through Municipal, State and Federal Civil Service, are being pointed out to colored citizens by the National Urban League and its ... or ... in forty cities scattered throughout the country.</t>
  </si>
  <si>
    <t>                                           Occasional' MIST</t>
  </si>
  <si>
    <t>                                           I CHECKING AND SAVINGS ACCOUNT SERVICE I First National Bank ATLANTA CAPITAL. SURPLUS PROFITS $9,000,000   . Member Federal DupQiit Iniurancc Corp.</t>
  </si>
  <si>
    <t>                                           TEXflN NOW AGENT FOR MISSOURI PACIFIC                 FT. WORTH, Texas- i                 fSNS)-                 After 29 years of successful serv.. Ice in the Missouri Pacific Yards at Houston, E. F. Jones was recently given a position as special Colored Passenger Agent for the Missouri Pacific Lines ..Jones is the first Negro to hold such a position in Texas. He was recently transferred to passenger agent duo to his efficient service' for the railway company. His ,' quarters are in Houston, Texas. ol-, though he travels  throughout the state. He was re- cently in Fort Worth in interest of the company. During his visit to Fort Worth, he visited all the lead- ing Negro business men who Ihought his recent appointment a very worthwhile venture for the  company. Jones slates that many improvements and better accommodations for Negroes will be mndo.</t>
  </si>
  <si>
    <t>                                           Fells Law Officer His Duty, Lands In City Jail                 ATLANTIC CITY. X.                 -(SN S)                 James Little of 104 N. Michigan avenue has a habit  the officers the law their duty, even when they try to kc-ep him . going to jail. Mrs. Mattie Li'.tle, vii e of th--. "law informer," appeared befor? Magistrate Lordon. last  enc find made a compaint chargin;.James with  and bat:ery. At the lime the ." v.as  out the defendant was at work and  a job. which is very hard to ge". nowadays Cons:abte Clayton derided ihat lie would call him, and here was   - telephone conversa(CauUiiuril Kifje 6. Col. 41                 I Tells Law Officer i i (Continue*: from P.-\t;e 1) I tion. "Say listen.* is this Janu.. j-Little?" the ansi'.v.- wai "ye:.. i "     James t have a warrant :or you. but due to the fact you have I u job and are now working,  you stop by Judge London's office and sign 5'our own bail." la a 5in:iri manner, Jamej replied. "If yu have a  for me come or. the job ar,a get me.  wh?.; you are I getting paid for." Tlie Conscable hung up ihf phone sad   Little by placing him  arrest and  him to ri:y jail where he- spent- ihi night io . . Mrs. Lllile asKed      Judge to five him a treat, but 10 warn ?um to keep his hands to . Hi' was  to .sii.-x%. a Peace Bond.</t>
  </si>
  <si>
    <t>                                           Gene came again as she knew he would.</t>
  </si>
  <si>
    <t>                                           SEEN AND HEARD By SAM .McKIBBEX NetrrX old pui. it is with a  of joy akin to  That I.  column, again           to write I snail rrf-ntion r'^  and charn Jnx' I'accs Seen I  n          as I  my nose in  p!   -s. With.      is))rs ior li- imoS and a  trip I caution you not to *    5 "that"  ^rip And  you work none,  src you nlea.se Think uf ;~Hir me. methodically   keys. I  it s life and part or    * Came But frankly sn^.. -ain't it a shame?"</t>
  </si>
  <si>
    <t>                                           King Edward May Announce A  Plans Today!                 Luther King, Roland Hayes' Rival, Will Be Heard Tonight                 The song recital tonight at Spelman college by Luther Kins, distinguished new-comer in the American concert field, and reputed rival or Roland Hayes, will                 aux to Atlanta a . tenor who I iins teen mtcS 'by music cities as 1 one of the greatest singers ol his I                 i-'ci.  s concert at eight o clock in Howe Memorial Hall will  Mr. King opportunity, to dis- play bis abilities in a program ot Jic greatest songs of all times. He                 will be accompanied by his wile. Jean Houston, who has mare the Orangemen's for many of the folk p.ngs in his repertoire. Tonight's program will open with i croup of four sours in the classical style by Handel. Douaudv. Hydn nml Beethoven, including th; ever popu ar "Where'er You Walk" Harde!). He will follow with a OVtman and French group, with .-.rags by Schubert. Brahms. Strauss ^n(i Massen-t. and will      :n this pan the beautiful "Dream" son? fr*m "Manon" Massenet). His singing of this aria has been favorably compared with  of Hichard CrooVs. The third part of       will be given over to a number of modern songs. In this CT^up Mr. Kiiic will include      -**ar-ino'''x "Mv Native Land" j and "    - Bov" .     i ~"-       wi l clos* with a series of i       sr,'ri uals.    "e   ^n j an*an^pd hv .     H^U'iton. The n  IK's th^ followi i" for to- j "      ;        ^a"'-"r T w*          I   n^ c-v. bos' Sheen and P'~ntv p*** Pr.~   . Po' Pilgrim       and See. While Mr. King is a native of Georgia this will be his first major concert appearance in his native      . He went early in life to Cleveland where be  in church choirs, avd 'began 'ills musical education-dt.tKe'-:TGl6        'Music'      )l Settlement. Later he continued his voice training at the Da'1d Mannes School in Nev York City. As a member of the Pisk Jubilee singers, he made his early (Continued on P*fe 6: Col. 4)                 LUTHER KING                 Luther Kin?      :-u.- I from Pj.~e T) con-en  ;        : the United S'a'cs and Canada.    T-ar-d ;.v t-     ; role in the       cv-a. "Tom Tom." when it xas firer.  a'     Clevlnnri P'adi""i. Tn 1034 he ma*!e bis        at ri^'-Mar^'1 ?~= 7      *rt . and ''urin-;     season of lSS^ he to"        n"~~r tfi h      . sure-"*. Th's v**ftr b**  r*     *F f* r*~tf*-*n-conS r. *-;i- n-rt-r -    or WAnH.pii "H^is^fo^. ^" manager nr      M*  "'1J5?* is Svnr^i^rv O.*-*^ Ua l^o^ fl ~~,~vv^  r-.i- in m nf the l. cft e5 ^f t r* K^* iw*'*    : n"*r; ni-~h -r..^ ~.!i cr"!"~, ani ~~*^    _o'-li*~ I-          : fro*^ his ^V M-~r*-c.   ( Tn*"v!" ^*      , V"    "''ehr/V- n-'r"s(.      . nov?"  in  ass"         . bu: never n vibration l^ss than nc jly heroic in it? so':cs: phrases."</t>
  </si>
  <si>
    <t>                                           The song recital tonight at Spelman college by Luther king, distinguished new-comer in the American concert field, and reputed rival of Roland Hayes, will... duce to Atlanta a young tenor who has been rated by music critics as one of the greatest singers of his...</t>
  </si>
  <si>
    <t>                                           I :-- ED TO1R A '~'JMH?[ I PAGE SIX ATLANTA DAILY WORLD. ATLANTA, C.A. WEDNESDAY. JANUARV 27, 1937</t>
  </si>
  <si>
    <t>                                           The Police Department clamped down on motor vehicle laws and you had better get acquainted with the law or leave your car at home. It means tickets, tickets, tickets, and the cops give them with a smfic. A person can't get angry with a cop for enforcing...</t>
  </si>
  <si>
    <t>                                           Picture Story Of Volunteers, NY A Students In Flood                 LEMOYNE COLLEGE VOLUNTEERS AND NYA STUDENTS who worked with flood refugees. They are shown with Prof. A./A. Latting, who was in charge of this group.</t>
  </si>
  <si>
    <t>                                           Marie Dressier's Self-Styled "Chauffeur" Called ft Fake                 COLUMBIA. S. C-'ANl') lical csl;ilc (-s here are still  over tlic   appearance ot a  man.  after Biving  namo :is M. P. Phillips and declaring tUat lie wiis  in Columbia.  K.*rn^ iim i-o:       hv                  lo he the "chauffeur" for lhc late Marie Dressier, and  he \v;is  in building u $25,000 home here. He liad been left a large Iccacy I" Hie will of Hie late sla^c uno screen slur, lie said, and within short time had selected llie site lor his new home  had ll;c plans drawn by architects. A little  tame however, before the work of construction started- a small matter of signing the contract, and making a substantial advance payment- and when the lime came for these necessary formalities, the "chauffeur" had vanished into thin air.     efforts lu locale mm were fruitless. Around Christmas time he  Hie real  men lie had tu j;o lo AUKiistii. On., on business and would complete the negotiations on his return. Meanwhile his reference Iiaci  clicked and  he . 'I'huii other '.nls  i: I". Am   iald ho had  cul. n used i- trial- :m ostensible Xinas pur;li!isc for a IrifiKl- and  he  returned the car later. it s ; lank empty, with the information that he had decided nol lo buy a used car. but a new one r.nd that he would  later for it "Phillips." according to Ihosc wim had ?s wilh him. is  10 about '10. A realtor said H was simply a case of an   " lo put on the ii. r.  had also                  to have Ijccii led a Xi.aeri: estate by Miss Dressier and Unit. hc   on I he income from Us rental. Colored residents here, familiar with the bequests ol Uic Uue movie star declared  the only colored  In her ] were Mis M.TMii,. Cox and her husband. Jcrrj Cox. who now  !hc Huvcn . al Cocoamii Crove.  Savannal). Ga. Mamie Cox v/as cr. toy Miss Dressier for more Ihati 22 years  after Her : Mr. and 'Mrs. Cox were lef;  sum nf money. Miss Dressier 's auto and other valuables. Jerry Cox. who had been working in ^few York. City was  io the Dressier household staff alter      ac'.ress had moved to Hoilywood nnd was the nation s outstanding portrayer of matronly roles.</t>
  </si>
  <si>
    <t>                                           COLUMBIA, S. C.--(ANP)--Real estate dealers here are still chuckling over the recent sensational appearance of a colored man, who after giving his ... as M. F. Phillips and declaring that he was reared in Columbia. ... by claiming...</t>
  </si>
  <si>
    <t>                                           MUSIC NOTES                 Elizabeth Handy-Whito. daughter of ihn' "DADDY OF THE m.UES" left Now York. January :ntli. and is now in Hollywood in the interest of her sang "STAY". A' a 2 writer she has mot v.-itli considerable .~-    '. on the Pacific Coast by. race music men wlio arc in a position to make unusual contacts. Mr. Wellington Adams. w-Mhnowii in musical circles has joined the  ot Handy Brother1! Mirie Company. Inc.. in the car. or Miisicnl Editor. H" is "i tod  the nin0 (01 leading .Afro Amoricnri composers in "Alodrrn Music and "MurlcSans" E'icvclopedla. ~':nf. 1-P!ii]!in:':? Fdltion Cn Great Coro)U5   ;"   smen; !    ]fa'!in". Wnnamakor  winners. At  lie is entitled in ^ iv; l-v.'o volumes  inm^."         by Ruby Ber):lcy Gcort\?in   f California. Mr. W. C. UnrrV is  rd by him i!)  n lis! nf Necro - I lie U"i!"ri States. who   much to Anwip.    music in the past two centuries. Tills worl- will     rs n stimulus to our youth? of  ~"hn  bp .tcd in th" ^t.udy of music.</t>
  </si>
  <si>
    <t>                                           Arrested Man Accused Of Shooting 2                 Radio patrolmen arrested C. "W. Anderson. 39. of tlic rear 1070 West Peac'. Street at Orady    ,;iti1 Thursday  and tuni- Led. nun .over to detectives to be fit " io*. connection' 'with a* U'.- ;$ reported to have ta!:cii plac? in the rear of 39 15Ui J i Street. X. E. I Anderson was carried to tl:c po- j lice station after lie had been treat- i j cd for a bullet wound of his  j I hand. A woman, with Andcrssn.  as Lev; Arvrlcberry of 978 Columbia Avenue, was treated Soi n gunshot wound of the ansi. Police said the bullet that pierced /Midcrson's hand struck die woman. Anderson is  to have tola the arresting officers that he was shot with a fountain pen sun. SOi;.X HAIL WORKERS; i BACK ON JOI". BATON . La.- 'ANP;- j i Gov. Rlchsrd W. Lcchc last Fri- j dity announced that a  bj j arbitration had been rf ached in the j j -n.a and Arkansas st-. ar.d ;.!:!io J;h d tni'.s of the -,o:t!      i c-cro not disclosed, . i of tin: !our BroU:er;:aoo.~  walked out on September 1~. said 300 Mriivrs would "soo;i I-.'.- back to work."</t>
  </si>
  <si>
    <t>                                           FELIX, THE CAT t -B^Sullivin</t>
  </si>
  <si>
    <t>                                           SLIGHT DROP IN 1936 FATALITIES                 WASHINGTON, D. C- (8   - Highway motor fatalities in tho United States during 1936 total approximately 35.700. or slightly under 1 percent less Ulan those of 1035. State contacts of the Bureau of Hie Census have reported to tlie Accident Prevention Conference. NliUit fatalities, particularly In rural sections, continue to constitute a majority of all deaths. The chief cause of these accidents Is I veil ns. excessive speed- or " beyond tlic lights." By  Ik :arant driving al rules of speed higher than car lights . Mcst modern curs tire geared up to from 75 to 120  an hour. '. by  show      it is   beat rond or.tl light condition* to drive fatter 'linn no miles nil hour at night. Much lower  are mean) il for  thun tho      , roads. i</t>
  </si>
  <si>
    <t>                                           BEFORE THE BIG FOOTBA LL WAGER WAS PAID OFF                 No * color was add* a to iln* annual Tluti***g2     . between Mo.  Jttr*~WA ^          UulvmUy la. AtUntfc, Ca.( b/ a "" bnw^n two of the city s     known  l*au., "tl^ Smittir". Jycd-iu-tlie-wOwi      *u Ltt*owu , shown on the* running bo^rd of the Han ley Company     on the left  a collapsible *ilk hat and A. T. ("Holly"               , on the *       on the  smoking An expensive cigar.                 F-acl. "bo," wagered h.\ team  wu.; 1 1~~-  agreeing  C i-IJo the       *           ?4'. Avenue, a ; -t.^-j, ;r, a      -      .w {cr more than     . 3.000 lo^ -       game "Holly"', *     Cl.^fc K.-.~..- l-'ul IS-0. whaled "Biff Smiltie"  the  ir.. ffic of the            known street. I. P. (Deacon      ) Reynold*. famed Auburn Avenue  of the AtlanU WORLD, originator of the ide.1, i.  below "Holly" with h:~ hand resting on spare tire.</t>
  </si>
  <si>
    <t>                                           j Just a Reminder I don Redman TONIGHT I Sunset Casino S Til! Lute Adm. 55c</t>
  </si>
  <si>
    <t>                                           I"V" BOYS TO LEAVE I TOMORROW I                 A - Catherine of buys wll* Itflve thi* "V" at 6 o clock Fri day morning, for I.. Ga where    ?       will  the day, d*Tti in the        %       Is the 'laAt day to muKe resen-ation for the trip so fet Iotts, if you want to he in one of  southbound cars, which will bike you mure than G3 miles from home\ you had better call or come to the "V" today.</t>
  </si>
  <si>
    <t>                                           Constipated! 3O Years "For thirty yearn I had stubborn constipation. Sometime* 1 did not uo for lour or      days. I  had awful     ,  and paint In the back. Adlerlka helped right away. Now I eat , , pie, any*  I want and never felt better, t sleep * alt flight and enjoy Ufa." Mr*. Mabel Schott. If you are  from constipation. ,  , and a a* , there    quick relief for you in Adioi-lka. Many report action In thirty minute* after  Juut on* doso, Adlerlka ulven complete action, cleaning, your bowel tract where . IV. ii. Shuul; A'-tt. York, r*MMfi  l^/Ml./ .-       , AdUriU. ch*fk* ~/i* growth **t ItuattlfUil 6nci*rUl  h4  bacilli.Clvd your' bowels a real  with Adlerlka and how good you rebl. JUftt one         OAS inu stubborn . At All 1 .u.: rr:~t:   4. TI?!AI '"r ^''i^'^1' TitiAr. hv/.k A rn,\~ii.-. iii-iii.  i. rum. OFFER Minn. N. Demy **yx J have  nothing     UU past 20  that can  tA# p^ace of Dr. Miles Anti-Patm Pills, They arm a *ur* r*U*f jar my headache." Sufferers from Headtckt, Neuralgia, Toothache, Badcacfao, Sdatica, TR.hf*^        _ LaxnbsgOk Neuritis, Muscular Pains, Periodic Pains, write that they      used Dr. Miles Anti-Pain PHI* with better ~-esults than they had even hoped for. Countless American  v/ould no more      of keeping house without Dr. Miles Anli-Puiii Pills than without flour or . K.eep a package i/i vour medicine cabinet and eive yourself  . At Drug        ^5c tr*4 $  0 AWrt-KMN PIUS</t>
  </si>
  <si>
    <t>                                           _MIY  I ^-"Tfi* .-on s Cnlv Colored  M#*~^n.*- "j OtablUhed Aur. 6. 1S?S; Ecrame Dally Mareli X!. i PubLUIirri K.UI.V Hi.. I  nt S1U Aiiburo AvfHut. V K. 11, ATLANTA L'All.y V.OKl.l' I'M  1 1X0 CO. Trl*phor.e*! WAlmil H.'.H- 1400 Wnutitfr of  si:\vs**Ai'i:it   \V A. Scot I, II.      .    A. STo'lT. (Irutrul .      (~r i\ A. bL O'f".  Munuurr l.n. hui 1.. .lont-n. .    .^1i,tj ISJitor :^N i:ati:s: Ll. H V- Yrar. :U.2t. 0 Muiitlt.H I i Moiilli^ \Z 1 Muntli  0o bA ri lU1 VY ON1.V:- 1 Vi-;ir I:: 00; 6 Moi. K.UU: 2 . S!.:i Cynur.it: Year JMu: U Mi.mlis JL'.Ti; J*ur.'iL"n: I Vcur I-.iu ,\u;if,,i.U      -s li.-in^ K.-j.l c ^^i. MU i\ W. H. -* CO. Jus s. :ii ^i   :i:;-~. U1 jm.l M Ww.irth Au\, .\.-w \~.i\.. S. y.       -rc"l :r.  t'-'! f fi i^ ft Atl;ini;i. C... :.s r*-. Mi-I mn l  i he Avi i \.    i" y..- r. h r i The ATLANTA I'Ail-Y .l' ;m 1 rt.lr ;.on''f i.l    -1 t-f-r- non s". 1:1 ri.-*~ uJ -tli-iiu, pr.nt. ncwa unt.;~ru-J:y ;.n.l uf-r-t-s !-   IK.:.o lli.uy-. ii   -        to ll-f "-UT^.l (.f .   i.n-l (.^~..-.rs   "--~-= .t;.. .......mm: i j... .i,:^r.-~t \       .      .    A I.I. COM MI MCATIllNS    i.ri.J  III ICt'KS ~~:        u , ItAll.V \\i)t:i.ll r.- llm i.li* l.*. I I..- UttKIJi rM.,.-^l_, r^UU.iUlr,   -~~ %     :        -r ui.s. il.-.l ~.J. -. s. .ij.tK. nc,</t>
  </si>
  <si>
    <t>                                           B^^B   A Big HUb  "MARCH 01! rax mm RHYTHM" ' a  1  3 .THS MSI" T     IK JoAKED t mt?? S Vootl' ALKA-SELTZER for COLDS, Acid Indigestion, Readache, Neuralgia, Muscular, Rheumatic Sciatic Pains aad  disorders due to an orer-acid condition ot the boar. Tbe'uialceBle, ((-~~) relieves Min.     a)        help, correct ttu cium of Ujoie pains in* u,  at (lie , Ccl Alka.S^ltr^f 4 t, .^d Orut note in 30c and 50c '   .  . for home die, "or     for  H Alki-Sclutr at the tod* .</t>
  </si>
  <si>
    <t>                                           BIBLE WEEK SUCCESSFUL IN ATLANTA                 Sunday was a  day for Ui.Amcricon Bible Society. The  were begun in the  ai Central M. E. Church where Dr. R. A. Belts, one- ol the gi- secretaries of the Society delivered n masterful address to  and appreciative audience.                 He .        his '.v dedicate Use!! 10 ihe lio:.v outlook of  tin: P.ih'.c a 1iv ini  ,cii!i ty In the  l vp.s of the peoples every raff and n;  lhc world The- Drv D;.  W.t.or of Mi., church. ;md his eo:: . profited by Ih"  Ai 3 . S'ni'inv noon. special  w;is held a l Allen Tciuple AME church. ~'iu i Prol. C. I,. Gideons direc'. Ihp entire program. Seldom hag an Atlanta audience listened 10 more Heavenly music  that ItirnLsliRd by the Morris Brown College and the junior choir of thc church. A thrilling address was deliver- cd by Dr. George Win. Brown, i Rcneral secretary of the America.! j Bible Society of New- York. i Thc h.ass  at Wheat I Street. Baptist Church Sunday I . .surpassed the expectation of the . Reverend .1. Raymond Henderson, pastor, and tha Rev. B. H. Smith, secretary of the American Bible Society, delivered brief . The main sermon was Given by Dr. GcorRe William Brown. None could listen through this (Contniued on Pnpe 6. Col. 4)                 Bible Week (ConiinMtl from Pagr I) .'~ without brine informer!  the work of l-hc Society  struck by l.hc need of this Generation's .c h;ick lo l.hc Piolc. Thn  from Clark University rendered Hie musical . They l;cpt the audience, interested until the I'18'' strain died a ;va y. Immediately  the address of Dr. Brown, the    audience to place an  on the table to m.ikc i; possible for some  f 'J'o people havy Bib'Cs who are not able to purchase them. Ten dollars was Given In the collection. Special features of the Sunday program were panel-services hc'.d nl. Allen Temple and Central churches, in which many  people took part. At central. lh* program war in charge of William Gibbs. Euccne Cralc and E'.ln Jnckson. while Prof. C. L. Gideon directed at Allen. The Sunday  marked the termination of a successful week of continued programs stage by the Society. Dr. StantOn of Atlanta and a i division secretary for the Ameri- can Bib"o Society, was Instru- I mental in making "Bihli- Km-  week" success,</t>
  </si>
  <si>
    <t>                                           Sunday was a high day for the American Bible Society. The services were begun in the morning at central M. E. Church where Dr. R. A. Betts, one of the general secretaries of the Society delivered a masterful address to a large and appreciative audience.</t>
  </si>
  <si>
    <t>                                           + SOCIETY IN THE SOCIAL REALM CLUBS T</t>
  </si>
  <si>
    <t>                                           CAtfO LEVEE STRENGTHENED                 Workers are shown  ;i three-foot addition io(':    . III.,  wall- in  of n. the u-                       flood of al! time. International Illustrated News</t>
  </si>
  <si>
    <t>                                           HAMPTON INSTITUTE, Va.--As a ... climax to the Founding of the CIAA at Hampton Institute two of the assocation's strongest rivals. Howard University and Hampton Institute, met on the hardwood in one of the most...</t>
  </si>
  <si>
    <t>                                           A Three Days* Cough Is Your Danger Signal  A cc)i?h.  cold or  nnd ? by  and  today  lead to serious children. ThuusnncL) of doctors (rouble tomorrow. You enn  now use Crcoiimlslon In their own  mow with Crcomulslpn. :m  nnd practice, and druggists emulsified I Creosote that Is pleasant nuk CreormtJsIon lop because. In nnd to relieve the  nut). cm"lsi"~l that It.  to tho very Inflammation ns the -laden smt of lhe         t0 ) loo3eo phlegm Is loosened and expelled. aDd expel gerin- phlegm. Medical authorities have for Creomulslon Is Buaranteed satl3mony  recognized the wonder- factory la tho treatment of coughs,   of Drcchwooa Crco:;nte chest colds nnd  troubles, for  . . colds nnd especially  Ulat start with a bronchial Irritations. A   cold mid hans on and on.  out  i i- process of Get a bottle of Creomulsloa right Wcmilmr Crcorotc  other in- now from your druggist, use It all .s so  mw in Crcnnml- up ns directed nnd if you fall to get Eion you pet a rml close of Beech- satisfactory relief, he 13 authorized,      .-nte  Is  to refund every cent of your money, nml cnn oni   - I     . fri'~~ Ch^l, Cnioiuulslon  now. (Adv.) Nature's Herbs Produce Health The / Chineia Hcrbi and Root* met] by T. Y. Young, Jr.,      been y ^$~dfi)~~feL 1 known' a*~A mnd        .^  ' for j^M^^^Wfife. . They li*vn been       for 26 86^ '^^H r**    It^ro in AllnntA.       .j"^ V       nod routs  ro recommended  od fc*-.'/Sii"^-/V38''--^ B'ecl in *          f  of Lung, '~~.:.'~$' '.~^'~*~lj[':''Zi        :h, Heart, Liror, Kidner*, Blood !vS;-"   :;^^^~~^; Poiion, Rheumakiim, Catarrh,   *^S^^^J^j[^0j            , BUddar TroobU, -^.^I'M^Mfiffiy-V;:;?.             , Appendicitis, Sldn DlrMj1    ;       . Female Trouble, Colds, Coufhl, ^^HSB^P^ v: ft mB Special attention given  orders. All inquiries' promptly answered.. Way ii v im.,..  when you can gut       7 J. I. YOUNG, Jr. A RUNDOWN CONDITION OF YOUK FAMOUS HERB BODY CAN BE RECTIFIED. Why SPECIALIST  or be discouraged? Herb    25 Yrs in  ara a natural moans of treatment. Atlanta MALE OK FEMALE CALL OH WRITE % % T. Y. YOUNG. JR. WITH ORIENTAL HERB CO. CHINESE HERBS- ONLY NATURE REMEDY FOR EVERY DISEASE OF THE HUMAN' BODY 131          At.. PKon.t WAInut 21(19 Atlanta, Oa.</t>
  </si>
  <si>
    <t>                                           BUTTON AND TIE IT AND WEAR ALL DAY j P/~TTF.RX I L. I Claire Tildcn PATTERN 212 Arc you one of those who never can tod what they want In a flattering, comfortable "at home" frock? If jou are, Pattern 242 ends your .! Accompanied by its Detailed Sewing; Guide this easy pattern is such fascinating fun to make that you re certain to  to stitch up mort than on* say version! A "coat" style, this .ound will make you look young and slim as can be. and It's d.-.nnc! and fastened in a split . Just set its trim collar, puffed or flared sleeves, adjustable sash ana   CCuUnt be smarter. cou:d it! Good in percale or cotton . Patt-rn 242 S cut in sites 14. in. 18. 20. 32. 34. 3E. 38. 40. 42. 44 and 46. Size 16 requires i 4 3-4 yards 36 Inch fabric. Send FIFTEEN CENTS (150.1 In coins or stamps   for this pattern. WRITE CLEARLY NAME. ADDRESS. STYLE NUMBER AND . Send orders to Atlanta Dally j Wrtrld. Pattern Dmartmen*. 21  I Auburn Avenue. N.E.. Atlanta. Gn. I</t>
  </si>
  <si>
    <t>                                           BANANAS Fanc* 3 lbs. 1 4g  **LL ^ELERY GIANT STALK 6C V#^# j) APPLES York imperial 3 LBS 1 2C T^. ISTA8USH5O /ff STRINGI-ESS BEANS 2 LBS. ioc ^Ste-r -^^g^j. NliW             )- Utd Hliss- LBS- l5c SjFOOP STORES Potatoes 1 Maine Cobblers 5 LBS. 23C "\-S C0RNE.1 AppleS Sm,.Wine8apS DOZ. 10C "r SSTef^ Rutabaga Turnips     2c YamS Fancy Kiln-Dried 5 LBS. 1 9C 1 C Danish Cabbage lb. 2c Post Toasties 2      13c Seminale 100  SHEETS R0LL 5c Purity Margarine LB 17c Recipe Marshmallows 2 m*-     25c Pork Beans cambers 4 t-lb. cans 25c Waldorf Tissue 6 rolls 25c lona Tomato Juice 3 CANS 25c Grapefruit Juice 4 No 2 cans 29c Bona Tomatoes 3 .2 cans 21c Macaroni ^^'ST1 PKG- 5c Peaches ^;sT.   N0- n CAN 17c Salad Dressing s^ PT 17c Jewel SH0RT T 15c^ 57c"~n. $1.09 Sugar  OK domino 5 27c- 10^~. 53c Sititiiyn.hi (Jnlrl: l\,: 'uii/ s .-l.' Oats 2 20 oz ctns 13c 3OupsES 3 cans 25c Mmilr   SiU'crlcaf ur Star i urc Peas no. 2 can 15c Lard2LbCtn35c4-Lb.~n68c Mi-iil,- i.r.rly 1,' ShrHiiJ/ I'kv-Stiin,/ Asparagus no 2 can 19c Brooms EACH 43c Cihb's Tmmilu  Fresh Cucumber Ketchup ~-oz. 8ot 10c Pickles 2 1j*   "25c X. B. f. Chucnlute I. Hush's Mallomars pkg 10c Lye Hominy    2; can gc f/c/it iH Oesscri',,11,1 I'uliliu.js $1O.CCO Cuul.sl Sparkle 6 pkgs. 25c Crisco 3 u. can 57c</t>
  </si>
  <si>
    <t>                                           NAACP Membership Drive Ends Tonight; Frank Thorne Will Be Principal Speaker                 Tmiifihl ill 7::il) p.m. at the Dul-i icr LT.vt YMCA will  place] the final report meeting or Iht-      :r:'hip ciii vc or \ho AllanUii Bnnith or the NAACP. Miss Hal-: lio V. Fckct. L- of the  i 1:; Ihal although the quota foi i Hie nation il  lias already j                 been  she is determined to, obtain :tOCC members for ihe N. A.- C. 1-. ; 1937. Frank Thornc i of Hie Niiliniial Housing Division,; who is ; at tlm            Hotisiu/; 1'-l. will bo the   )c:'kcr lor  s . The pro-; r mi will bo i n                    with  selections by; D;via Wnsiiin^lnn ;md ;i !  by William Cos. Tlic public is c"rdi;illy invited by Miss FeyiM to hear  HK'.'.'age which Mr.' 'J'hofi!'1 will h.ivc! . It i.~'  d lh;il h? will  sonu v;ilu;tb!c  from Ihu rec:cm  in ihc Wiishinglun. D. C.  of    f the l;: ul i  h li? vv;is lender. Tci d;iie. Hi? - (,' hr. Mrs.  Miirclcn and Mi; r:iir:c 'J'nylur hns  (Conliiit-VM.' cm Pace 6; Col. 8)                 NAACP Membership (Continued from page 1) S7(i.OO. Tin: public school group is tin- largest reporter with $'250.50: Miss Ruby Wise as captain  f ~.i\r Filling Stations, reported $14; Indupendent workers. ?3C.M. Th-: Neighborhood Group Clubs under II12 captaincy of Mrs. Lullicr Brooku and her lieutenants Mrs. N. A. Hooper. Mrs. W. W. Fleivellcn. Miss Ethel Jones. Mrs. M. M. McGhee, Mrs. H. L. Gouldrock. Mrs. A. T. Waldcn. Mrs. Horace Thompson. Mrs. S. Cunningham, and Mrs. Lena Pcrrymnn reported $94.75: Private colleges and schools under Prof. E. L. Brookes. $100.50: The Atlanta D. World, under Mrs. W. A. Scott. Sr. $54.75; Citizens Trust Co.. under the captaincy of Miss Nettie Bennett $22: Churches of Atlunla $01.50: Doctors Association under Dr. Billings 3l!).S0; Advance Gifli- under Attorney Wiildcn  Ilobrrt Wilson, .(r. ~)0; NYA office under      Sar.i Humphries $8.50. The Janitors' Association under J. L. Dobbx. Sli. Junior Welfare League $5: Tavirrns under John L. Atkinson SCr-O. A complete list of nil  and workers will be published in a next week s edition n[ llm Atlanta Daily World.</t>
  </si>
  <si>
    <t>                                           Tonight at 7:30 p.m. at the Butler Street YMCA will take place the final report meeting of the membership drive of the Atlanta Branch of the NAACP. Miss Hattie V. Feger, colonel of the drive states that although the quota for the national office hs already...</t>
  </si>
  <si>
    <t>                                           Stab Victim Improving At Crady                 Thomas Jones; 20 of 129 Hilliar.i street. SB. the latest stab-tn-     heart patient to be admitted to Grady hospital, was reported ao improving Friday. He was stabbed in the lower section of his heart wilh a knife early Thursday mornIng. Garnet Battle- 21. of 133 Milliard street-, SE. t:     lie- stabbed the victim when Jones attempted to break  nis place of business. Thp ai^cusat-ion made by Battle is being investigated by city detectives. TllETHTO  A 55--old . Tzzie Uarroll. of 602 Ira street, was bound over to the stale under S100 bond, in recorder s court on a charge of I i i 1 1 1 1 j 1 1 1 iu ju-iii 2S loaves cf Orr-inl  iii front ol a store at 7K Braid . I Ctmrles Gober, 12. of 335 Piedmont avenue, NE. \    in il'.o  t'~l " to   on ii rli.uv.e of  $80 In cash from a -.1 in 180 Pine .~lr?Pt. NE.  hi; vvr.s . 1 Nora Johnson of Ri Fort street,  i ported  two blankets and two Lea spreads were taken from her home. A bicycle owned by Famnie Je j flics cf 641 Houston street, w:  stolen from the Booker Washington  school campus I One halt ton of coal was sioli from the yard of. Willie Hayes 383 Irwin street, NE, - said. i AUSTIN (   The entire cere- monies of tho inauguration of  hc President of the Un ted Stare were executed at Samuel Husior 1 College recentlv under the direc- i I tion of Dean Robert B. Hayes.</t>
  </si>
  <si>
    <t>                                           BOASTING a trio of victories against a single defeat, two of them conference triumphs, Ralph Clarence (Hog Maugh) Robinson, basketball mentor at Clark University, and his Panthers play their second game of the season against Coach Artis Graves' Morris Brown Purple Wolverines this Monday night, February 8, at 8 o'clock. As usual, there will be a dance after the game; J. Neal Montgomery and his orchestra will play. In this game, Clark will be the "home" team, but, despite her amazing...</t>
  </si>
  <si>
    <t>                                           Streams In The Desert "And when forty years were expired, there appeared to him in the  of Mount       an Angel of the Lord in flame of fire in     , saying, 1 have seen the affliction of my people ind I have heard their groan ng, and t am come down to deliver, them.*'- (Acts 7:30-32, 34). Qrcl is never in a hurry; 5ive Him time to speak to you int reveal Hit w*~~. He is never too late; learn to wait. Do not run  before the Lord: learn to wait His time. The minute l*:~nd as well as the hour hand mitt point the e.v,*ct moment for action. IVEY BROS. MORTICIANS "The Institution With A Soul" AMBULANCE SERVICE Phones: WA. 8454 Res. RA. S230 492 L. Street, S. W. AiUnta, Gcorgi.</t>
  </si>
  <si>
    <t>                                           THE WEST SIDE MATRONS PENNY SAVINGS CLUB --met with Mrs. Sallie Jones. Alter the unfinished business, the members were served a delicious repast.</t>
  </si>
  <si>
    <t>                                           Miss Ruby Harrell. 209 Auburn avenue entertained the club its last meeting. The club welcomed Miss Charity Harris and Mr. Henry Harrell as visitors. The club will meet next with Mrs. Drummer, 552 1-2 Johnson avenue N. E. All members are asked to...</t>
  </si>
  <si>
    <t>                                           There will be only a few schools throughout the entire nation boasting of a schednic mere or equally representative than that of Morris Brown College next tail if any. The Wolverines with her "Seven Pillars of Steel," a line that over a span of a year and a half has yet to yield a touchdown by running plays, are in for a hot time from the first of October until the fourth of December and perhaps on to the New Year, as it is high speculation that they...</t>
  </si>
  <si>
    <t>                                           AKABqule In Louisville Eventful; Sorors Hear Basileus In Address                 LOUISVILLE. Ky.- (By (W. H. Perils for - Quinn  'church here. -Dr: Roverdy C. Ransom. Jr- pastor, has been tho scene of many educational religious and             but never has It been  crowded, with the  of ihe                 ,gro -race thao ]qst Sunday night  the' AJpha Kappa Alpha sorority opened     191b. Boulc. * Maude IT. Brown,  or the 1930 Alpha Kappa. Boula Tea. and .chairman of the PnnJftiienlc OiUZKti:  as MJs;~ress or Ccrcmonips. i Tho  ol the. Mayor. for?' C; Hussoll Htmti. Director or th0 South Eaaleni Region of We A. K. A.. Dean -Rurus B. Clement .of tho. LoijJsrtUe MunJclm College. Soror Eira'Mae Glass "f. P. Swoonoy.     Bowie 6~!ott. Mr. W."     6^ir C. Bufocd. MIm HBrrlet Leftrrest end Mr. Jamos A. Redd delivered  . but. telling   S:dre5 c5. In.  flag"                          achievements or the Alpha Kappa Alpha sorority #cre emphasized. Soror Ida U Jackson of Oakland. Callfornia,now working 'or her doctorate In New York City, the Supreme Basllcus or the Alpha Kappa Alpha sorority, made Uic response to the addresses or welcome. Soror Hazel Mountain Walker or Cleveland, Olio, a  lawyer, singer, n member uf tlio GIlpln Players and the first colored -woman to be elevated to the position of principal or a colored school Jn Cleveland. Chio,     presented as the principal speaker. Her theme was "Race BuildIng," and she stressed the economic 'cultural and political advancement of the race. Sorors Evonsellne Hams. Mabel Atwood. Crama Shaw of Paducah and Helen Walker King of Cincinnati rendered' solos and the  climax of the evening   with Soror Aleno Martin a-, accompanist, ths Sorors sang tbr.Alphn Kappa Alpha Sorority song with moving power. Rev. Roverdy C. Ransom Jr., the pastor, pronounced the invocation and Rev. Vm. H. Ballew, moderator of the Oeneral Assocta.(Continvad on   (q 2, Col. 6                  AKA Boule (Continued from Page I) tion of Kentucky Baptist the innovation. Notables Present Soror Ella Pearl- Mitchell of' Cleveland, Ohio, Dr. Dorothy B. Fcrreebee of Washington, D. C, director of the A. K. A. Mbsis-. sippi health project and Soror. Ethel Edgcmond Lyle of Philadelphia, Pennsylvania, the founder of. he. Alpha       Alpha Sorority were presented Co the audience. Cher outstanding Sorors attending the Boule are Maudelle Bousefleld of Chicago, Illinois; Ruth Handy, Supreme Grammalion; Zelitia Watson. Irene Baxter of Ftiiladelplila, Pennsylvania; Virginia Toles, librarian of Talle(leea College, and Mary Elizabeth Johnson, a Talledcga College graduate. The hostess and co-hostess officials were: Mr. c. Russell Harris, director Southern Eastern Region. Miss Helen C. Yancey, Basileus. Eta Cmega. Chapter; Miss Fern Buchanon, basileus, Beta Eps'.lon Chapter and Miss                 Maude E. Brown and Soror Carolyn S. Blanton, chairman ol the committee, of place meeting and ], Miss EJtobeth. Johnsoni librarian or Central. High and Anti-Baslleus Is director of' publicity, After the mass meeting- in the Quinn Chapel, a reception was held in steward Hail of Municipal College... Thuty-nvc. local and national  were in. the receiving line. The color scheme was pink, and green. A large center piece of silver with pink; roses- and pink and green candles- stood In the center of the serving table on lace table cloth. A delicous, fruit pu.Rch.was serve!!. Candies and holly wreaths U; each window  an artistic set up to. the reception. The Bouie- with a ipi/ and dance in' the* Allen" Hotel, Wcd):i;sday ?'.</t>
  </si>
  <si>
    <t>                                           LOUISVILLE, Ky.--(By for ANP)--Quinn Chapel church here, Dr. Roverdy C. Ransom, Jr., pastor, has been the scene of many educational religious and racial conventions but never has it been more crowded, with the intelligentsia of the...</t>
  </si>
  <si>
    <t>                                           hmd3   Utfail Th e N a ___Q n ly  loi^ Newspaper"  1 ^ VOLCIMi; 0, NUMBER 380 x^ ATLANTA. GA.. WRDNl^.  27. 19BV  FIVE CENTS</t>
  </si>
  <si>
    <t>                                           The last of those choice basketball morsels is on the books for display tonight. With Morehouse and Clark off speaking term standards fans here have seen but three of these Atlanta basketball rivalries under headway. The Clark Morris Brown game tonight will be the last unless the teams decide to engage in another exhibition or so.</t>
  </si>
  <si>
    <t>                                           An affair of brilliant proportions amid a picturesquely Valentine decorative motif was the Friday night entertainment of the Girl's Reserve Committee of the Phyllis Wheatley Y. W. C. A. branch, 218 Boulevard. N. E., which was attended by a throng of well known members...</t>
  </si>
  <si>
    <t>                                           Now Paul's voyage to Rome claims our attention this morning. He is described in the general subject as being an ambassador in chains. Paul's visit to Jerusalem in the face of the warnings and the prohibition of the Holy Spirit was very disasterous. Last week we found some...</t>
  </si>
  <si>
    <t>                                           "You mean." I said, staring, "that you suspect Abe Ryland, the multimillionaire, of being Number Two of the Big Four."</t>
  </si>
  <si>
    <t>                                           42- Year-Old James, Wright Reported Pugh Slayer                 James WrlRht. 42. of   55. Prom i . SW. confessed Mor. lo tin- i Maylnc or si white man. Cycle E. j r.uji. 2S. nt nr.s  street, dc- i  Leo Nahlil: reported. I                 A victim ot mistaken Identity. Uic man was fatally shot Sunday  lit 430 Vine street. N\v. A .. fired from a pistol pierced his I cm pic. Four  colored p-:      were taken Into police custody         ;  held for the  jury  meets today at Fulton County courthouse. Among the quartet is Flcyrl (Slim) Colvln. 35. 436 Vine St.. NW the man whom Wright   to. shoot. Colvln,' an   and operator 01 the - stand where the white man  as killed, had engaged in' an -wlth Wright. prior to tl-x                 killing of Clydr B. ruc'\ wlt.ncs.v-? told investigating detect ivr';. Wright showed .~nicer* large Rash over Ills eye.     ; tn have been inflicted Sunday  by Colvln. who Is =M In have struck him , a bile!;. Folltvolne the . Wrlchi. obtained a Inrcc pistol and  to the stand. He  Colvln. but shot the white man. who wiis Uie first man to come out of the small building. Witnesses  that it was   Wrisht fired the pun. Insinuating that the slayer thought Clyde Pugh "Slim" Colvin. Witnesses  CilKta statement that Wright came to his j stand Sunday evening u: the Influence or liquor and committed u nuisance near some barbecue. Colvin (s said to have knocked him down. Other witnesses held try police . Annie May Colvin. wife or "Slim" Colvin. Garnctt Harris, as 438 Vine street. NW. and Willie Jer- i ferson, 42, 436 Vine street, NW.</t>
  </si>
  <si>
    <t>                                           James Wright, 42. of 955, Front street. SW, confessed Monday to the slaying of a white man. Clyde E. ... of 958 State street. Detective Leo Nahailk reported. .</t>
  </si>
  <si>
    <t>                                           Louis And Pastor In "Dodge And Run" Fight As Fans Boo                 Bob Pastor, young New York heavyweight, stayed the limit with .Trie Lou's. Brown Horn her of Detroit, in an uneventful and eo.' fight in New York. Louis, im able to get set to throw his formidable Sunday punches, nia-'e a lamentable shi.' against the sprightly young college grail- I                 . Eisrhfxen thousand fans booed Louis when the judges awarded him I he decision The di.'~fosters had Paytor hilling the canvas in (.he second or third round. There wasn't even a knockdown. Here   : a  in the final  in which Louis cut Pastor's eye.</t>
  </si>
  <si>
    <t>                                           The 63rd session of the West Tennessee AME Conference closed Sunday night with the appointments to district churches for the l936-37 ecclesiastical year. Booker T. Washington High School was the scene of all sessions held Sunday, beginning with - the model...</t>
  </si>
  <si>
    <t>                                           IN THE HISTORY OF MUSICAL FILMS few if any singing stars, have had the heavy schedule of songs that Bobby Breen carries in "Rainbow on the River," Principal Productions melody ... of the Southland.</t>
  </si>
  <si>
    <t>                                           Now that our turkey, cranberries and fruit cakes have made their adieu for another year, we turn from our harum-scramum to settle down to our regular routine of chores and dodging collectors.</t>
  </si>
  <si>
    <t>                                           JACKSONVILLE, Fla.--(SNS)--The Southern Regional Convention of the Iota Phi Lambda Sorority, composed of five graduate and two undergraduate chapters, has just closed here, with Mrs O. P. Williams, Southern Regional Directress. Head of the...</t>
  </si>
  <si>
    <t>                                           ATLANTA HpV WORLD 1 **Tt\m Mat Ion'* Only Colored Daily    ^-"^"~r" EitKbUihfil Auy. 6. 192S; Bfcam* Daliy Maroh IS. 1S:3 PsbUahcU UAn.Y 10.1 Sl'XDAV Ml KID Auburu Avrnur. V f By 4 DA1I-V  1'1'IU Ji'lllN'G Telrpbonrs: UAluui J4'ii*- 146U Member ol SCOTT NEWSIMt*KK S%*         ^~4 A. Sccrt, 11. Touiuitr; I'. A, St'OTl". r.            ^fr SCOTT,          Manner J. R. P.     ;on.    't. .M*r.; l. I.. June.-.. .Mani^lnK Kditor .IPT1OX RATES:  A1IY- J Yeftr   .?5. Monili* *~.T5; Month.i K.f-0: 1 Month  b* 1 SnVilDW ONI-V:- 1 Vfnr IS. 00; C M^mlm j:.05: X Monihs II. ?V r*     : 1 V#~r H.S0; ti Muntlia X2.:i;     -: l Ymt Ji.iU J National AdwrilJilns Hf present alive: W. B.  CO.  0t H. DuvrOom St.. Chicago, III.. a*il 361 Kourtli Ave.,  w York, N. y, i "~Bn(   -ii in Uir n*~~t Offlc* at Atlanta. Oa.. tfi;    -      irw.ll uni)*r I Hie Afl of ConKTtB*. Huveh 2, 1STS I nd naii-*         . ; new^  mnA  t)'c** ti*               lo     lnt*     of     * *nd opposing  * ^gi- tin?  ef its . Uddrcta A1.1- roMMI VirATlOXS lo nod ..li.kr CUKfK.S n^ ATLANTA DAILY M'OUUl        lu Irnll* *. Thr \        . .tU*t*'~                      -n of          ,        -   ^k. etc., VAltfk*           Mrr  rDt.</t>
  </si>
  <si>
    <t>                                           TUSKEGEE INSTITUTE, Ala.--(SNS)-- An interesting, instructive and altogether pleasing musical entertainment was given here last, week when Lorenza Cole, planist, and Cleola Collins, soprano, members of the Tuskegee Institure School of Music faculty, appeared...</t>
  </si>
  <si>
    <t>                                           HASH KARRY 1G2 Hunter Si., S. W. Fresh Pis H?ads 6c Fresh Pirr Sides 111/ n Pig Shov.* I      Chuck Roast Bed Pork Sausage 1 Cp P!B Backbone Ul* LSmb Leg, -J    Lamb Chops UW Fresh Pig Hams 17l/,p Shoulder R. Beef /   Round OOn Loin STEAK ZUU T-Bonc Full Cream Cheese ^rt Small Pork Chops ZUC Fresh Pork Slcak Sl'cef! Bacon C No Rind *Ot Brookficld Butter 35c 4-Lb. Carton Cflp Pure Lard  WC</t>
  </si>
  <si>
    <t>                                           The nomination of Perry Pit)- kin. insurance man. for national honor from the United States Junior Chamber of Commerce v.3 the most outstanding citizen In 1936 in Memphis Wider the age or 35. Was 0 worthy tribute LO a young man. Mr. Pinkly. who is</t>
  </si>
  <si>
    <t>                                           Annual Xmas Sea! Sale To Begins Soon                 Mrs.. M.     .*s Jones. chairman of Mm: C'jlurud 13;mch of .the Al.                 is Association, an.  thai the Christmas Sun 1 Sale materi.il has arrived and that the  I'ollowiHC Tlianl:;      local AssociaUou, ai jn^ with som-: other 2.000 .- Mirou^ I li u United S I t. cs. will launch it:: annual sale of             Seals. I                 "Tlio All;nit;i Association." announced Mrr. Jones.  Is serving some fifteen hundred colored people in its clinics, which ore staffed by colored physicians and ."1 Buy Christmas Sales 10  your Christmas moil and to help serve those who are poor and sick.                 Buy sm.-l   ?  si-: a</t>
  </si>
  <si>
    <t>                                           i The Loveliness of a Fair Skin i Whites Specific Face Cream The Fair Skin Cream" j j Removes pimples, , skin j 1 , freckles and ton. i LEAVES YOUR SKIN SMOOTHER, CLEARER AND FAIRER j i Uted successfully for more than 30 I I ; irs ever increasing popularity 1 I it proof of its merit. I Trv It (or one week-     bcMa' Hill lor fwe    4cb you and your  will    delighted with the results. At vour d u-;;iMs in :5c ant. 50c ). T-cpl in-. Or  lv moil, repaid on  of price in slo.-np.v White's Specific Toilel    NoiJwIllr. Tr;.:;. 1</t>
  </si>
  <si>
    <t>                                           Miss Clara B. McCrary, principal of Little Hope school. Martin was pop caller to see Miss L. M. Allen, Saturday.</t>
  </si>
  <si>
    <t>                                           Arrested Murderer Looms Millionaire                 CARTHAGE, N. C- (ANP)- I proving again that truth is  ;han  and IJiut some stories of real MSv rival ilio.^e fiction, Henry McCormlck, Ckeinnh. Okla.. resident now in he Moore County Jail awaiting i rial on a murder charge, may I                 loam  day that he has become' I a millionaire. The man Is charged I with murdering Uis wife. IB year*                 asjo.  Ciiuiri-oii. N. C. on Christmas Kv.~. TiKJl Ho , .  Ihe fatal shot was  as lie : his wife  and  it- w:iv purely :.il The ''.ional : of the story ; his  In Ckc'mnh. :1k1 Ci. all-Negro (Continued on I'Age 4, Col. 8)                 Arrested Murderer ;S-fo v.^.v-. :(Con(muet)VjJbm J Pa^o 1) town, where he Wai known us "a, prominent and respectable citizen.- He owns 40 seres,  ofri.er land Qntffte /* , and; live a1 In' a- modem'1'  bungalow.-; ^Recently, an 'oil company paid McCormick $500 for a three-year privilege of drilling for oil on his          which. Is-', located Mn the ' of one of  hoV" . producing  ln"      homo. If ofl is discovered, as geologists believe it will be, the man now in .this North Carolina Jail will -receive royalties that may soon nuke him : wealthy.' McCormlclc's connection with thei  at 16 years ago  after 'on Oklahoma sle-tc' 3  sought to have him  in a ]~        Job as a  for -McCorinlck's support ol: (Us candidacy in the. last .. A supposed friend of            ,'s,., according (p- reports,  North Carolina police of his con-  with the old crime. The Sheriff. MeDonnlcl, of Cartilage, verified Hie -ge,  for. Oklahoma, and returned with tlio prisoner.</t>
  </si>
  <si>
    <t>                                           CARTHAGE, N. C.--(ANP)-- proving again that truth is stranger than fiction and that some stories of real life that those of fiction, Henry McCormick, Okemah. Okla.. resident now in the Moore County Jail awaiting trial on a murder charge...</t>
  </si>
  <si>
    <t>                                           New Discovery Grows Hair If Imlr I* . kinky, -. l.u.lir.  mill wlmr 1   mmw M*ml fnr it mra SAtrra.K of       ^r  tn.  triple           BHUlnntlne n.ilr Growvr today. It  make tmlr  , Mtntiirht. tort aaj it1     . AililmtN .1IK. JOHNSON CO. Dent. !t7-  . Sit S. nt.VN-Kl.TN. Clllmto. 111.</t>
  </si>
  <si>
    <t>                                           SOCIETY t IN THE SOCIAL REALM + CLUBS + I MONDAY, JANUARY 18, 19^7 ATLANTA DAILY WOuT/dT ATLANTA, GEOnaUT PAfiK</t>
  </si>
  <si>
    <t>                                           I .'  l MlllM-M I- New Lincoln THE LEATHERNECKS HAVE LANDED" with LEW AYRES Ado- "LAWLESS RIDERS"    Ken Maynafd "LAWLESS RIDERS"</t>
  </si>
  <si>
    <t>                                           Don and I have been friends for three years and he has come to see me steadily all of the while. He has been very nice to me and I do not think he has another girl, although he knows that Jack Adlin has been coming to see me for about a year.</t>
  </si>
  <si>
    <t>                                           MAUD e WHERE Alabama quaked its .im In Russell County's sweet perfume. One clay when April decked a crown Dame Beauty lured an :         -ii: WliPro ''s lili-     iin^lil Ihc I .ord ]'".vi iy  v.  .Mmiil. Humble, ([ ihc cabin . Like a bc^ar bv tlu1 road: Hut :  vines waNi il their maize Along ibc tangled mossy ways .Heaven's minstrels in its chapel lnv.    ]" the. advent of Maiul. T. : brown  in  eves Tints a thousand f rescind skies: The  gardens in her lips Are sunset havens for my ships That  for  e -\iul  curd JJefi'ri: the ln.ily  (if Maud. l"."ir hi in i:tik"it*~l      and l:nne .   peasants  the name 'I hat ~\'..i\s tu timo .-;ich li.illi il       And Ynlinnes in a  like this? Where weary lui ; cnes: "The Lord" "Here We Rest"   with MauJ!</t>
  </si>
  <si>
    <t>                                           NAACP WILL FORM NEW CLUBS                 Neighborhood Units Planned; Organize j All Sections                 BEGIN TUESDAY i                 . E. Luther Brookes. ch::in of Die Comiiiill.ec on Women's I Work of the NAACP.  I I.Iip ! or ii  llic j ori!    ;ition r-r NAACP Nclalibur- j 1  Grnnjis Tlio iir. ob- i Jcctivrs (if the project arc:                 1. To   under-            ! of Ihn      :i' 01 the NAACP iii Hip lif" at. the Nemo. 2. To  Hie community  tho nut onal  lu'-'iil pro- c:*:tin 01 the : :i. To cr.      re- Don !    .ly  in the- NAACP and u-i- l.hc  a.s :i moans tif ; 1. To j;irr trainin-;; lit citl/.Mnsbip: 5. To solicit  Mipporl for the '/: (J. To ^c!  :'t tl)Li   of Lhc Jot:;il  sn nr. to keep  cor. the  which  Hie ;i.:iLion and the Nejji'o  B-. Tl^c lii-st.  is i.d lie orp.;".- ed in South Atlnni.il Tncstliiy. ,I:in-  l!l. :i:30 P.M. nl tin;  of i Mrs. Hrcokes on t.hc         ol Clark . Thr committee i  -s Mm . ami lit TIKl. Ol till' UOirlCM    111'- South All;ii it.;i  y In this ip.HK.I nni.'-;. Suililnr !'.ulit.oii. ..ci oups-j  lo be organized in oilier sei- I linns of t.hr city fli : lhc  two weeks. Announccincnl.s ol the   and places meet my vv.ll be made i:i   issues of the '-WORLD." Tlii.-- is t lie cl: the Allan- t:;  lo bring the- NAACP to their . All arc  to  Use date of . u; their respective community.</t>
  </si>
  <si>
    <t>                                           Mrs. E. Luther Brookes, chairman of the Committee on Women's Work of the NAACP, announces the beginning of a protect--the organization of NAACP Neighborhood Groups. The immediate objectives of the project are:</t>
  </si>
  <si>
    <t>                                           Friendship Baptist Auditorium Given "Face Lifting" x                 Culminating a fine 11.500  for the  and remodel' Injr of the church, members ttt Friendship Baptist church ars looking forward to an  morning worship and baptismal service this Sunday at 'II o clock, with Dr. E. R. Carter*,                  pastor of the church,, behind ths pulpit. The loyal Friendship member* and the                a cordial invitation to look  t the new  nd Improved auditorium of the church. According to P,M. Dovla. who mui director of .public Information and  for; r                                          Friendship Baptist (Continued from Page 1) the S1.500 drive, it will exceed tha fondest expectations of even the most loyal member. A group of the city s   children will render n  program Sunday :. Dec. 5. at ]0 o clock at Friendship Baptist church. Vocal, piano, violin, rending, and whistling selections arc i included. Children from several Sunday Schools will appear. Among those visiting are Little Missc; Ehvood. JuarUta and Blanche Sellers"  I Clara Yatcs: Masters Marvin Jones and Jesse Hawkins. i From Friendship Children's dc1 partment ars Little Misses Sadie Horns, Peggy Turner, Selonin Sith. Mary Minor. Rebecca Marie Jackson. Ruth Bullock. Gloria McMath and Doris Ward: Masters 1 Samuel Harper. Albert Wardlav. j James Griffin and Calvin Ward. This program is sponsored by the Intermediates or Friendship Sunflay Scliool in an effort tc  their yearly quota. A special invitation is extended to    ..</t>
  </si>
  <si>
    <t>                                           Culminating a fine $1,500 drive for the beautification and remodeling of the church, members of Friendship Baptist church are looking forward to an interesting morning worship and baptismal service this Sunday at 11 o'clock, with Dr. E. R. Carter, venerable...</t>
  </si>
  <si>
    <t>                                           I w^22 K G0LD CR0WNS S4  Saturday TRENCH MOUTH 50c Until 9 P. M. Sundar 1O.J ]~LATES that fit $3 Whitehall Dental Clinic UiV/i WHITEHALL ST.</t>
  </si>
  <si>
    <t>                                           Old Atlantan Dies Unexpectedly Tuesday Mqrn                 Mr. Nathan Eberhardt, resident of Atlanta for more than forty years, father of R. C. Eberhardt, Atlanta Ltte Insurance Company Employe, died unexpectedly Tuesday morning at the "home of hl3 son. In addition to hls son, with whom he. resided, the df censed 'is survived by two , Mes- dame s Annie E. Hodges and palsy Acey, and two other sons, Messrs. Harry and George Ebcrhardt, all four of Chicago, 111. Mr. Nathan Eberhardt was Identified with the transfer business ior many years, a deacon in Liberty Baptist Church aori 4 Mason.</t>
  </si>
  <si>
    <t>                                           "Don't let's talk of me. I want to hear all about yourself. Where are you living?" Mrs. Vandaveer asked Jimmy.</t>
  </si>
  <si>
    <t>                                           for m.\T. and woon CALL MAIN 7992 Large Bags $1,00 Delivered Kindling Free  I), iit   .i iv;iti[  ur low ami ,      /ibl =nri H.~,l lull? 'I hen hi- l;oi:i:KN.ih.:    i In t !~:ui .lit-.- tin: f UMilc Hltii . l(irl    nur Acem f*j"Y J .\MAGIC ini; roi:i-:i-:n Lri ut  5iNCEN5Eij"u';;~ji^~"'v i;;Ml-^;;it; mi.' n.l.li.-~~ .in.l n-      l-li; ii i.m-y  ;iii.ti.        VVF.V. '~-K nii:K Ill-jit. W-17. Memphis, Tciin. CHEER OP. 6lG 8OV. DONT Bt SlCK AUA-~LT?~t} DOES TMt TRICK Why don't you try Alka-Selfcw for. the relief of- HANGOVER Stomach Gna. Headache, Arid Stomach. Colds. Ncuralgiu. Fatigue, Mm- cul*r, Rheunutic und Sciatic PumT     -Srltter has a . , tariff? Uuilf). It  ait  (AcetyNSulluyluto. HiHtlum .Suit of Axnlrln)           pain and ,  IU           and   halp tu. oor-           of   -~U* )  with  of tho Ntomach. I At your dmr , ai the            tain, and In Me and etc  If home    .</t>
  </si>
  <si>
    <t>                                           Mr. Monroe Prentice, 64-year old Smithfield resident and janitor of a Southside apartment, was at liberty Tuesday night when a jury of business men acquitted him of a charge of criminally attacking Mrs. W. P. Bitz, who lists in the apartment.</t>
  </si>
  <si>
    <t>                                           Sale! Clamorous Dance Frocks Regularly ^^B^k 4^  r^ ^Bk i '~~*ll1V ^1h SIZES 6orn To dance in Swingtime! So much       excitement for to         Dance through Lite R*y swirl in .n g)        , with ,  ve line. unc  tonic with the noil impertinent of puff  ~(Wie   entirety . Match the  s * in high th.idet! Every line, And every detail proclaim their smartness. HIGH S BASEMENT</t>
  </si>
  <si>
    <t>                                           CAR CRASHES INTO TREE NEAR CITY                 Mrs. Emma Kennedy, 5 Students Barely Escape Death                 "LOST CONTROL"!                 Apparently losing control of lior automobile near Adamsvillc  nine miles from Atlanta Monti- y afternoon, Mrs. Emma Kennedy of 604 Magnolia street, and flv school children  escaped  when she is alleged to have crashed Into a tree.                 Mrs. Kennedy, who said she is principal of the Bethlehem  nt Adamsville, suffered a loss of several teeth and a fractured 1- jaw. She was admitted to Grady hospital. Two of the children, who  passengers in Mrs. Kennedy's cur, were treated In the Grady clinic mid dismissed. Katherlne Welch, 10, of Adamsville. received a gashed forehead, .,nd Charles Welch. 8. believed Katherinc's bro . was treated for a bruised nose. Prom heir hospital bed, Mrs. Kennedy said she crashed into the ti ee to avoid an accident with another automobile, "i w;is coming out of n side road, about to enter the main highway when another machine, which was  up most of th,. rond. ^pod clown the highway. "I must IiuVq lost control of my (Continued on Page 6: Col. 2)                 Car Crashes ICoutiniKd from pace 1)  while trying to  hillins the other car." she stated. The Bethlehem school principal could hardly talk above a whisper. Several stitches had been t.iken en tl e right :idc of her !!p ,i:iti portion of her face was in . Mrs. Kennedy said she was enroute to Atlanta and v.as carrying livi: of hi-r pupils, who reside in Ariamsville. to their homes when thc accident occurred. She has been principal at Bethlehem live years and has  a teacher 27 years, thc victim stated. Her husband, a former Atlanta . is A. J. Kennedy. Local ambulances wer^ summoned to the scene of the accident to remove thc injured to the hospital. Miss Annie R. Rober'son. 16. of 330 Hills avenue, suffered an injury to her right leg, Monday mornin" when sh,- was struck hy (\n ,</t>
  </si>
  <si>
    <t>                                           Apparently losing control of her automobile near Adamsville about nine miles from Atlanta Monday afternoon, Mrs. Emma Kennedy of 604 Magnolia street, and five school children narrowly escaped death when she is alleged to have crashed into a tree.</t>
  </si>
  <si>
    <t>                                           The Number Genii Knous'l And l)    Numlwr (Iriill mn (~*   )ui 11 hill      In  ONK Mr T\Vll **T * tUrer ; *  itt mi*  . S**ud ~.iur * I uim] ** I. fur *me     *~  lr- j ^'   1*11* ju Ifltili tutu * ;, *:- -nl v    -k-*. \,q\v Miller Entfrpriscs 11 South- Strrrt Mt.         . N. V,</t>
  </si>
  <si>
    <t>                                           WASHINGTON. -- (ANP) -- Heirs of William H. H. Hurt, principal of the Hart Farm school and Junior Republic for Dependent Children, will be paid $48.765.20 to settle their claims against the federal government if a bill introduced in the House...</t>
  </si>
  <si>
    <t>                                           TUSKEGEE INSTITUTE, Ala.--(SNS)--The Burlington High School team of Burlington, North Carolina, State Champions, and the team that was not given a chance to win because of the stiff competition offered by the 22 championship and near...</t>
  </si>
  <si>
    <t>http://search.proquest.com/docview/490516929/</t>
  </si>
  <si>
    <t>                                           Charming personality is a passport. It takes you every place you want to go, makes friends for you, oils the wheels of life. As it can be self-created, it is riches that are within the possibilities of ever seeker of pulchritude.</t>
  </si>
  <si>
    <t>                                           Sunday. March 28 will be a high day at Bowen ME Church. At 1 O'clock the sermon will be delivered by the pastor. Immediately after the sermon there will be the last roll cail of the Million Fellowship Unit and all appointed pastors of each Unit are expected...</t>
  </si>
  <si>
    <t>                                           Kemper Harreld ,musician extraordinaire conducted his Morehouse college glee club in its annual recital last Saturday evening in the finest and most outstanding concert this writer has ever heard on that campus.</t>
  </si>
  <si>
    <t>                                           THE DUCHESS OF DIXIE SOCIAL ClUB ... at the name of Miss Doris Allen 1042 Violet are, March 23. Business was transacted bricily and two members were added to the liss. Miss B. Turner and Miss ... Kent. The next meeting...</t>
  </si>
  <si>
    <t>                                           Quest ioned Concerning Murder In N. Y.                 Nf.VV VilltK -ilN S)- (Mrs. Major Cr(*ii, hi* wife, and Henry Green, imir.    .. were                  l  Headquarters waiting lo in-     )~li..ii.-:U, -.01111 uit.-i RJajor      ).  anil handy man. was taken in i- as  cl in Hie . of    - Mio Cast- in her Jsivksiiii  AiiartntPtil.</t>
  </si>
  <si>
    <t>                                           BACKACHE Flush Kidneys of Waftlc Matter Poisons ami Acid and Stop Gutting Up Nighte Ulu-ii Mnir Ulilmj- arc         35 CENTS PROVES IT Wlii'ii v,,ur Kl. i,rc Ho(*~-.l  your t. Is Irrltntiil ami  iiu-ni*i' I'M ii ty ii      ii ft vi' Miiiirli ! Iiiituh you n.r-,1 I M.-.lul .-,,. Oil rut^iil^. n rim* ^H Klliiiuliinl   Unit - W(      mill ncU but J3 f lito at mi)'    .  l'~ on.' sm.il. huff  u.v to put .       ii   UIiIiih.v- tin t MiitHlrr- M. ll ll -Ire,, .nun.   lt. wlH.lf  . i:ut M,n- anil Krt r.Oi,   MI'.HAl  rrt.'iti Iliiurtfitt Ui - ,,r.. Mwmiri-.l ~.t rf.    . i Oiln-r ..\ .~t  ^H   iJ l..-r net* liut-Uiit-tir, puffy ~~.~M . : l-Mt.S .\nti^    - '1'nr Krouor uill [Mcliiirly ri*       * *     li;iir, . O.\     IT unil iTl^lI    ; M.M.I'. mill Id tit. K-HS l,\ T .\    SUM Ifii ility  t will positively n-im-t.' Ii.*. vt ut 1'rii.- it). mi. ii. s. Jifr.   .. m. Mi-Jml.i-. A vi'.. %**~ York I'iiy. Cn-li  r money nr.J.-r- only. ll:  Alfalfa Seed, S12.00; Gnmin Alfalfa SH; Wiile Sweet Clover. S8.S0; Red Clover $20.00; all CO lb. IiumIicI, track Coucorrihi. Return . if not . Ceo. Uo\\*      Concord ia, Kansas.</t>
  </si>
  <si>
    <t>                                           A Baby For You? If .Mill n rn ,1-iiI.mI II.. I,I^..~,iC ,,t ItMli)* nil  invn ft tnl ji- for A       'w urin fiml II  N    1   , tin nitt kUc      *. just write In ~-       :e In Mr., Mil. In, I (lu . I--5 i3. HlililHI Wile K.- (ll.r. Mil., mill * will (HI .miii r. a Klinitli* Iimiiir  Hint  il lirr     -    ili- I.*;       . .Mnny i-        n,y tills hull Ik-IimiI l.r.H ini lr Hies/ Urllr  nail try fur II. U  I .K. DAINTY  rR(3CK   TOT</t>
  </si>
  <si>
    <t>                                           NEGRO JOURNALISM IS JUST REACHING PEAK, EDITOR OPINES                 With the warning Hint-  row young  H.~~)le who think they would liku : Tor their life s profession on: m-lii ally "cut out" tor  . Lucius U Jones, editor of Hie Atlanta Dally WORLD, made u:i effective talk Id a group                 hers of Die . student publication and n( the tipper classes In Room 417 nl B, T. Washington Hiffli .School W*         Immwliatply after the lunch period Mr. Jones, coining lo the school In Uic interest 'of u  Riildnnue project,  by J. W. Smith mid J. Q. Carrtillicrs "I the Washington High faculty emphasized the necessity for u sincere and genuine- love Tor "the work; for thorough1' application: for accurate coverage; and fo': strict adherence to the most rigid mechanical laws, of the field. He discussed nl fie - occupational opportunities in the field of Journalism with emphasis on the .\ secondary school students                 ni:[. , what lie ?(l. n I'ompiinilivrlv new, yet  i  field. "Nfjiro" journalism Is just touching ji. , ho .said. Avornci- salaries of news reporters, .s, pressmen, mid oilier newspaper workers wcie I'itec). A point driven  forcibly B.v Hi.'  was Llio  of ; tlie field of creative writ ins in ilie hope of th .  ii living. For Negroes, under  conditions, he termed Him.    'ld ol endeavor u ".starvation" profession. It was pointed oul. tli" I ~"ly George Scliiiyler. Lang.slon UiiBhes, and a few other Negroes In creative fields were  decent living. It was   out that ninny  successful creative writers have to resort to newspaper work or "free lancing" In order to make a living. Frank Marshall 1 Dnvls. former editor or the Atlnnla Dally WORLD and author or the widely acclaimed book of poetry. BLACK MAN S VERSE wns Blven us a clawing '.e. They were  he actually  his UvIiir Us  editor of the Awsocifllecl    (;io Press. The speaker was Introduced as 1 one of the first graduates of Wash (Continued an Psffe 6, Col. 8)                 Negro Journalism (Continued- from Pays 1) ington High- School and one ot the flr-L editors of the WA3HfNDTONIAN. Miss Sara Grace Bradley,-~ Instructor of. the   "s and. ad riser: for the journalism students also present.,- who -made the introduction, said she considered him one or- the -most progressive young. Nogrnes In the . Mr. Jones 'left u ropy' or his manuscript'  Hie Journalism cass. to bo used foi- reference if the student* desired. Hu received a warm .and  hand when,' after presenting his message, he then answered questions for the 'respective persons about the room.</t>
  </si>
  <si>
    <t>                                           With the warning that comparatively few young people who think they would like journalism for their life's profession are actually "cut out" for that Lucius L. Jones, editor of the Atlanta Daily WORLD, made an effective talk to a group of...</t>
  </si>
  <si>
    <t>                                           Providence Musicale To Present Unusual j Talent Friday                 nir Proi- Muslc.alc slated tor Prklny . March 2C at the Providciu'e Baptist church an Greeosferrv avenue will present to Hie lni B^ attendance expected, one of Hie  s   and interesting; programs. Mr. Benjamin Parks, 9 senior at Morehou.se                 College anil president of the student lio.iy is wv i  IliroupliGiit- I lir  tor lit:: r-i'/.i- IdIoiii us :i .~;ir.i";.-r lit I I r.r his ability to r.lt-:rc. n.'furi'  to Morclionsr Cnllegu in thp fall of .1935.     h:    !  roll in . circles in thtr city of New Vork :is :i  nf the cast which        modern  Four Siiinis in Threi' Acts." Thp sOi Onci grnt p 01 the '.s pi  will torture MY. (Cimtimii'rt on I'uce ft. Col. 2)                 Providence Musicalc (.Ci'.-ti fr,,,,, I'jyjr I) -K-ln\M"iii .  Who Will li'-M1  . Mr. ,  i.-. ' u lo-. ill Ulr David i. Howard :;c-. was unite* popular a.-: :i .soloist :inrt  in Hit- Morcliousp Collo^o Clloe CluU  Orcht'sti'a : u\is rcii Dlly :i  nl Ilio Pounilevs' D;iy  tjf his Alma Muter. 'I'Iil- third MK'inlxir 01  pro!;t":un -iip is Drew Days, a i  or Pict. KDmpor Kairrtl und :'l.so a former member of the Moivhou.se Orclicslru and Glct" Club. His friends and admirer:' will r? him for  ninny appearances in and about the city,  'ii various campuses where fie has played. The Florid.i Q;     ;t of Morehouse college is  in that it includes three ".s who were formerly associated Tor several Lenns at Betluine-Ccoknian College in  B.'acli. Fla. Tlie personnel is as follows: Ernest ponder, Edward Strickland, Benurd Jonej  IS. I. Ar..</t>
  </si>
  <si>
    <t>                                           The Providence Musicale slated for Friday evening, March 26 at the Providence Baptist church on Greensferry avenue will present to the large attendance expected, one of the season's most delightful and interesting programs. Mr. Benjamin Parks, a senior at Morehouse...</t>
  </si>
  <si>
    <t>                                           Free Course In Hair Culture Con.l.Un, of M.ru. Fin,.rw.~    Shampoo FormuU INCLUDING DIPLOMA BY MAIL Write CUBAN COSMETIC COMPANY. BOX ?31S . ILL.</t>
  </si>
  <si>
    <t>                                           THE HILLIARD STREET FLORAL CLUB will hold a call meeting at the home of the president, Mrs. S. F. Dickerson. 286 Hilliard street, N. E., Thursday night, January 7, at 8:30 o'clock. All members are urged to attend; busines of...</t>
  </si>
  <si>
    <t>                                           ^jj^Goldan Brown  n5     Hair Dressing R0 NOW 25V  tad mo to in u.      ^W Niatli) tint -~M bj mil- j7    9BW Emm Me-' *~r  /~AVgMr^ am now  M. ^f ^pr ^R^.LUCK BAG FREBl HhH "*= Alftrlu      Lack Bw and       Draulnt. Pov7^~^-'. 4 r. Otnlimot    4 Mg f t***r mal!~ac             J^owt ^ Cm.. D*~j   -t.,t.hl- "     . CAN YOU KEEP A SECRET? 1 RA/1 0O0D NIWl FOR YOU  d wtel your .        m lllll i IM  hal7   uau JnnMUM*. YT H.. and SaMaw 111 Vllj^~        prill Tatar      T* ^EV.tHAS. P. COLBERT MI   VL DETROIT. MCM GET      ---'-OVt 1  to help you set new Met b Hit No cut t*yoa4 Vpc Stop       M. , Journal Square gt, Jersey City, K. J,, Dept. 3S.</t>
  </si>
  <si>
    <t>                                           conments that would lake up a space a ... long have ... that the dynamic force of the Jewish War Veterans, numbering one-fourth million in the USA,. have begin' to echo their disapproval of the proposed heavyweight match between lint Braddock. champion and Max Sclimeling, German challenger, in the form of a boycott.</t>
  </si>
  <si>
    <t>                                           ABBOTT IN CHEAT DEMAND TUSK.EGEE INSTITUTE, Ala. (SN5) TuskeRcc'  Winter   program mid 3 it necessary For Clc'vc L. Ab bott. Director of Athletic* and coach of -the Golden Tigers football team, to decline sov* eral speaking engagements bo* fore 1  Clubs in various sections of the country,       ^e Clubs  n Chicago, Cleveland, Cincinnati, Da troll, Louisville, Kansas City, New Orleans, Houston, Birmingham, Memphis and Montgomery had invited Coach Abbott in .* i It ^ir</t>
  </si>
  <si>
    <t>                                           OLIVER Holder was by the office the other day. He knocked me cold and even Lucius Jones found himself stimulated when the visitor had gone. It is not often that you encounter collegians who can talk and talk interestingly about a subject that is very close at hand. Holder can do that. He is "hot" copy for any newspaper and his visit gave rise to this column here today.</t>
  </si>
  <si>
    <t>                                           HAMPTON INSTITUTE, Va.-- (SNS)--Over 100 persons including athletic directors, coaches, deltqiles, newspaper men; and visitors from the thirteen member schools were at Hampton Institute February 5-6 to take part in the Silver Anniversary celebration of the Colored Intercollegiate...</t>
  </si>
  <si>
    <t>                                           Louise Beavers, Bobbie j Breen On Harlem Bill                 SET IN THE COLORFUL  or New Orleans In the kh.v 7U's. "Uuinbow on Uic j River." Bobby BruiMtts new  Iiik vehicle produced ~,y Sol Lesser .tor RKO  , oners film ~)!.s a l:)   IwiMiliiiii ii : -y                 . line ens).  Inlionilu -s  ii Kniiip or  by the talented nine- - . May Robsou heads llic supporting cii.il ol  young ::' who :?:eei to fame in his debut picture, 'Let's Sing Ami"."  t ICr  u'3n wide  as Eddie Cs.Uor's radio protege, j Charles Bullcrwoi'lh. Louis'; Beuvers. Ainu Mowbray. Bunila Huinu. Marilyn KnowlUen :uul Henry O'Nl'II essay import ani. rules. Mori: than a thousand atmosphere '.s  in Hi:- j .several .s])]ar . j Adapted from i':c well- i:ovel, "Toinctle's Philip" by Mrs. C. V. Jamison,  :. play  young Bobby ns a win- I some waif raised in Die south- land by n devoted Negro servant, I Louise Beavers, until ho is  I j away to live in New York with i  Yankee . j j May Rouson i Jn this :     i Bobby yearns tor the colored j mammy and tl:a simple lite they led in their humble cabin. B'jcause of her haired or the South. j Inspired by the less or a con- federate son who died in the Civil War. the   is  to claim the south- ern lad as kin. Bobby, however. finally melts her heart with his i i  voice while innocent' ly revealing his loneliness by .sing- iny those songs which endeared j him in the hearts cf his southern j friends and playmates. I The musical numbers, which arc keyed to the ao lo,, of '.hn j I story and mood of the . come /ram trc pens cf fore- I most composers.</t>
  </si>
  <si>
    <t>                                           SET IN THE COLORFUL BACKGROUND of New Orleans in the gay 70's. "Rainbow on the River." Bobby Breen's new singing vehicle produced by Sol Lesser for RKO Radio release, offers film patrons a lavish musical drama boasting a strong story...</t>
  </si>
  <si>
    <t>                                           f you re the V ONLY GIRL FOR J .rti hi     I. -.via Hum IV =, I ili. I.' -lu'.l nil I... ,.:,,url  I iri.    ...il.-      , (;,,,(..-~f,,.-,l...r.Vu.i-. A,,,tl, t..r ri. ,., i.   ' prl'.  ti.~ ~..~ . "f -          -.Thrn.xu  dull. -- Yri! nen      l.'             M.-   into a .tnt. Kli^minc halo. i.n.l.     . Ihen  ou cja win jwl huld iht I  m.iv hr ...  itli .i  m.ill m n *"t 'or  i.or %cry o*n              at h-.n.c- hr din-*         ( l"~r -ind ri.  "t c- "'lor"" J"'" '"r 4 .v-itt, of l.jri..,., :.:.:,r.^ yO godefroy s fJa/LieitAe -^^!**~ij^: -French HAIR coloring COOIFtOY  COMPANY 3JI0 OlIVI IT. ST. LOUIS, MO. Nature's Herbs Produce Health              H*    aad        ted by T. Y. Young, Jr..       ^~^ v-.' known,  and provan /ul for flaP^ol^K'4 . Tkay hara bean atad for M -.~R;. i^9#V     r'~bt h*ra  B Atlanta. TaMM ^T^t Stt. WK-lVa  and roots ara   aj4 '*.-'."^T K?*~;-   ""x*  n treatment of  of LaOf, '^~^lf'4ui^ Stomach, Heart, LiT.r. Kidner*. Blood ^TstSaT   2'on, RhennMtita, Catarrh, W*    .-~'.'Wtu^^fl^' net*. Ntnouuu, Bladder Troabb, 'ik^^Bt-- l Constipation. Appendicitii. Sid* DU *"^m' "anni 1 . Female Troabla, Cold*, Confht,  Jnnal Special attention  mall order*. All  promptly . Wfcf T V X7/-     .. *uffer when you can get relief? Y0UNW. Jr. A RUNDOWN CONDITION OF YOU*' fAMOUS HERB BODY CAN BE RECTIFIED. Wkr SPECIALIST .uff.,. or be         (ed7 Herb ran. 2S    . ia  are a natural        of Ireatmeal. ATLANTA MALE OR FEMALE- CALL OK  gl m w T. Y. YOUNG, JR. WITH ORIENTAL HERB ?0. CHINESE HERBS- ONLY NATURE REMEDY FOR EVERY DISEASE OF THE HUMAN BODY IW           Ato. Pbonei WAInnt  ISt AtUau. Ue.</t>
  </si>
  <si>
    <t>                                           In Memoriam                 In memory of our loving J'nthor, Mr. J. J. Wliitnold, who passed four years ugo today, 'Murch 31, 1933. Our Father's Jiome is built ,ou high Par above the earth and starry sky. Torments ifrom earthly judgment then free, In that Heavenly Mansion we nil shall be. Mines. E. M. Whilfiuld anil Xiumu Grimes, .wife and  ister, Atlunta, Gu. .Misses Emma L. Wliitfleld, Thcdn Rollins bud Mr. imd Mrs. G. \V. Rollins, children,           , I'u.</t>
  </si>
  <si>
    <t>                                           HARTSFIELD TO BE "MAYOR OF ALL THE PEOPLE"                 New Mayor Seeks Cooperation, Aid In City Clean- Up                 Colored citizens of this city Tuesday afternon were extended the official greetings of their new Mayor.                 Speaking through tbe press, Mayor Hartsfleld said, "I shall always try to be the mayor ot all tht people." Seated at his desk in the mayor s office on the second floor of tha City HaU. Mr. Hartsfield offered official greetings to the colored people of Atlanta. When the matter of the' dty*~ high homicide record, especially among the colored people, was brought to his attention, he said, "I appeal to the colored people of Atlanta to join .ui in bringing about a spirit of cooperation In law enforcement. "I am going to see that the Police Department extend the coli ored people fair- treatment" fact that "It takes not only the Police Dopartment but the cooperation of the citizens to rid a city ot criminal activities." The new mayor said he seeks the cooperation of the colored  m making a clean and better Mr. Hartsfield took over (be municipal reigns of his new. ? R,       '- Ke arrived at Jis,   Iy Tuesday  and between business rounds held</t>
  </si>
  <si>
    <t>                                           Colored citizens of this city Tuesday afternon were extended the official greetings of their new Mayor.</t>
  </si>
  <si>
    <t>                                           Gammon, Clark Hear Dr. Weatherby In Lectures On Religious Emphasis                 It u as a "very alert "arid  audience consisting: of Uic faculties, student bodies and  of Ciark University and Gammon Tl: Seminary thai tlic Reverend R. T. Wcatfter- by spoke Monday at 11:30 A.M This  Uie . of the series at                 C'ark tnd Gsmmon during the I religious  week. Thu ,      of the address. 'The Master's Call." was based upon the j incident when Jesus came to the grief-stricken home of Mnry and Martha and when Mary was told, i "The Mar-'.cr is come and is calling I for you.'' I Fran a rich background or ex- i . Dr. Wealhcrby. who is one of Gammon's most highly re-  and successful alumni, . For a quarter of a '..rv lie has been the  pastor of the same church. Saint Mathews in Greensboro. N.C. His long pastora p .'here was interrupted ! th- World's War. at which ..n.c lie served in the YMCA. IJr. Wcatlierby is widely  as a clear '. and persuasive speaker. The manner of Ills delivery is deeply personal. and ho touches each Individual In ills audience. He is known on many  where he has  . audiences and held   with -minded students making t!~clr decisions                 for life work. Thirteen years , lie recalled with a glow of delight on his lace, one hundred and forty- j one students sought his council in i personal conferences. Among these i are many who are rendering sue- cesi-ful service I" various vocations and professions. Said he: The MdS'terV call is God's call. I Any worthy  is of God. There never was such  need for God-filled lives a* the present. Nor was opportunity ever so great as today. God calls each one of us to the place which is best for us. j Sometimes  uch calls arc not In the directions we would ourselves have chosen. Any other than Goofs i course    doomed from the begin- rins fa lure A Godless or i Christlcss sect, "ism.' or movement *. succeed. To work honestly j in '.he right direction . m U'.c  of God. ever fail. Chrijt v.li: broaden one s horizon, deepen an^ -'hen one s purpose, enlarge ones heart until there w.ll :iot be a Chinese. Japune.se. Afri- i can or any other needy member of j o:ir ; Father-God's huma.n family beyond he reach of one s sympathetic interest." i With such direct, pungent and per- incm statements. Dr. WeatU-  laid his audience. i Sijccial joint chapel ser\1ccs will ke held at 11:30 A.M. each day this week except Saturday. Beginning mis afternoon. Dr. Wea-'. will hold personal  with students. This evening trom  to eight o clock, he will haje chaise of .he ' prayer service. The :s are all open to the public.</t>
  </si>
  <si>
    <t>                                           It was to a very alert and appreciative audience consisting of the faculties, student bodies and friends of Clark University and Gammon Theological Seminary that the Reverend R. T. Weather by spoke Monday at 11:30 A.M This was the first, of the series at...</t>
  </si>
  <si>
    <t>                                           Members of Mount Olive Baptist church gathered at the church Wednesday. February 10 for the purpose of determining whether Rev. A. L. McIntire would be retained as pastor of the church After the voting, in which only active members took part...</t>
  </si>
  <si>
    <t>                                           ARKANSAS STATE TO BE HOSTS TO COURT TOURNEY                 PINE BLUFF, Ark.- (ANP) Arkansas State college -will serve as host to the 1937 Southwest Conference basketball tournament .li 12 and 13. it was announced last week. Teams Xroni seven colleges will clash for the championship trophy in    (_, new .</t>
  </si>
  <si>
    <t>                                           Men Prefer Girls Who Have Clear Complexions (f Tfifci'M n. Inrct? akin,  to via nir-u N . To M^acti Hhln IWhtar mill rl-:        .[~ on FAN T.VN lll.KAOll I . Onl)     nt   r bj mall fmm I ho TAN T.IN Id..   .-nt. 23-.NS, S13 S. . i,l.-,ii.-n. 111.</t>
  </si>
  <si>
    <t>                                           Of the 52 cases handled Saturday in the clinic at Grady hospital from 7 a. m. to 10:30 p. m., eight were the result of automobile accidents. Clinic records revealed that violence led the list with 12 of the number treated for wounds caused by knives, bricks and ice...</t>
  </si>
  <si>
    <t>                                           Cold Weather Fails To Dim Easter Spirits In Atlanta                 By WITTIE ANNA 8                 Butcr was ~*n high day" for Atlaiitan* in  of the fact that the changeable month of March   vc Its 24 hour warning notice of what the weather might .                 Bven though throughout the centuries March has been known for sunshine, sleet or rain. lee.  or favorable  of       ,  hearts Bister fans  hopes or warmth and mm- shine on Easier morn, ? j Snluidav.s chilling winds ami Tallinn flakes oj snow. } Those who packed downtown j stores mill  merchants to rejoice over a profitable Satin- i lav s business, were not lo be oul- I  lone regardless lo what llin con- .s r.f the (lav mi"ht brini;. Karlv Miirninir Worshipers A.*:    - screaming winds round- i  il : r:. :ind windows i and   from Mil:  "I March's  . ) before day break.  dn- men anil women, "III; and i.ovs. adorned Atlanta's , making their war to Ihe i  churches      " day- bri-"  asd!i- sen ices. And as Ihe dnv mew older. Hie j sim likl .shine : but tin: -; winds ~.lill liad ( way. I The -i  of sutin and and silk, could l-. l)e discern-  d !; .i, m:\nv a .  and heavy fur - . But Iheito were hundreds of o liers who were determined to j ' the    ' life and  i lint Er\ . Tlicy faced 'he blowing wind. the:~ turned . rnd  a?ain. hiding their races in the seamy collars of heir coai.s. and every nou' ond j then struggling to       in       I '~heir neatly modeled (.'owns, beautiful  and Parisian designed wraps. 11:0(1 O'Clortc Services Nevertltcless. they overflowed the churches and encouraged tl-.c  who delivered soul- stirring messages of that first glad Eaitcr morn when Jesus Christ l))m.volf orose-  tin; ton:!~ tii ; the primitive story of new life and new light. ISiir Betfiel In Easter WorsliiH Big Bethel's historic songbirds ! harmonious strains of Eas- I tor anthems, and Lho  wor- sh Users chimed sweetly in uni- son with the message those  brine. Rev. Babcock. like hundreds of ministers throughout the "Gate City" began his message to an  cun5 "Why Seek Ye the Living Among the Dead? He is not there, but is risen." M'Jllhcw 24:5-6 Hn part). Easter observers lost sight of the rainbow parade of . and frocks, and listened attentive- ly while he  the lesson of the resurrection: and made plain the absolute necessity of Christ's       body- not the immortal hotly but the human boci.v that was placed in the grave: which Is  of tlic  of the hu- man hody of mankind. A.v he painted the picture "I n  spring ^ budding trees and  flowers, the back- I  of glided  palms and pure  lilies      a '. soi-l-ine. The : or n  toul to Hie  lend lo Hi-.- l):        which is always typical ol new ; and new . I And even though the   on race 5. Col. SI                 Cold Weather Fails I (Cimtinucd from page 1) winds whistled throughout tin: Krister Snbbain ri:iy. hr.-irls or men ami women i-, -trin^                 their ills and troubles: and uvon the Cusiial  was compelled i 10 lake  of attractive bevies.  groomed .  of men. sometimes of worn- i on. ami even crowd* thai joyous- ly observ^l tile original custom ol celebrating a joyous Enstcr .</t>
  </si>
  <si>
    <t>                                           Easter was "an high dar" for Atlantans in spite of the fact that the changeable month of March gave its 24 hour warning notice of what the weather might bring.</t>
  </si>
  <si>
    <t>                                           CHICAGO--(ANP)--Spanning the oceans for news: Playing with Leon Abbey the former Harlem violin wizard, at the Taj Mahal Hotel in Bombay, India, is a white man named Emil Christian who doubles on trombone and bass. In case you don't know your jazz history, Christian was trombone player in Nick ("Tiger Rag") La Rocca's Original Dixieland Jazz band, the group which is considered responsible for modern dance music. Christian's presence in a...</t>
  </si>
  <si>
    <t>                                           MEMPHIS, Tenn.--(SNS)-- Memphis' beautiful City Auditorium, scene of a spectacular automobile show, closed ... doors to colored automobile owners and other race citizens the World learned Thursday.</t>
  </si>
  <si>
    <t>                                           H II PJL 0Jk.i Iki 1 Bib. fi 9 Bar"T"1 h m HH ^^B Cm Wmft Hm XiSslk B8S Bl SJ Ik I I  l^I1 IB</t>
  </si>
  <si>
    <t>                                           FfoqpstoiusI /7  - f*. ~~{.- ,~i it; this - arc the  ?*v would /-;~y M I.V ^v.-v /V /~~./;V/ tW.i.v. c/r/ [,^6836 lb- 2dC M/~ i'i'.t.iv i lii-Mil-: ii in!.~ limit. //ry .wn1 vni! /I:.. ;;i v. N- y. STATE Tomatoes iona Red. mpc 4 no. 2 cans 25c Cheese 29c Fancy Peas      '2 c^ 15c TA Corn   -2 can 10c Evap.MilkK^TiiiorBx1. 19c Rajah s*        pi.t Jar 1 7c Soap5   !~B:irs10c Corn Flakes swh-m % 8.oz. PkBS flc CUIT Apple SauceAnnpag*3   ~-25c TlS"l3l*19l? iona Cocoa l-ih -^Qc Beans *^T 15c Sparkle D-^6 p*. 25c T Extract o^o1 Oc Spaghetti i^,.^;,, 2   . 13c Powder^ pw Baking 2 i-ih. cans 25c Extract i-ot"~-9c R{C6 Sunnyliclri LONG GRAIN 2 ~-0z. PkRs. 1 3$ Jjggygg Bo^ QC Preserves r",,-,!:^;-,^1;;;^"^,,. 't; 17c Strawberry and Raspberry ll"';" 19c SvrUD2 i',,'"' 25C Butter Siiit;!n:i  2 i-~h-     25g i-~km.um Spaghetti 3 1QC Flakes 9c Macaroni 3 ?h,  n\*pT Bolls 5c Coffee  eo circle 2 39c BEG. LOAF Rajafi Saniiwich si"~3:i 2 ~-~z- Ja" 25c Bread 5c Jellies          *  ^i 3     28c 3^ CZ. BOTTLE Tomato  ona  3 24-~z- cans 25c Vinegar 15c Cherries 2   . 2 cans 27c sultan Ketchup          2 14-oz. Botties25c Beans2 1 3c</t>
  </si>
  <si>
    <t>                                           IN "X H E jg.OO IjAJLi REA ICiSJi</t>
  </si>
  <si>
    <t>                                           I am eighteen years old, a high school graduate and n former college student. I have been married six months. We were sweethearts for several years. Of course, my husband, like other men. fooled around with a few other girls but I was true to him as any woman...</t>
  </si>
  <si>
    <t>                                           Transpiring amid a gay atmosphere which prevailed throughout the evening, was the gala Saint Petricks Banquet and Ball. The affairs were events to long be remembered by those in attendance. Lads and Lassies from the various colleres and the lone high school...</t>
  </si>
  <si>
    <t>                                           3 XffiMJL*         @~~ Seminar^ Opens Tuesday; Far-Reaching Discussions To Be Touched Upon In Meet                 Tile General Y. W. C.A. Srcivrctarics- Seminar will be  i:; Atlanta this week. -Mni-cii ie-  . at UK; Central Associnlion on H7 Auburn Avenue tine! nt Pliyllis WlieuLley Brnncli. 218 Boulcvnrd. NE. The topic to be discussed by the secretaries is "The Chnnginf:                 The Executives Tor th.~ meeting js Miss Annie Elizabeth Necly. who is the Executive of      Leadership Division of the Nntionul YWCA. The meeting Monday will he given over tlic National Staff members 'and National Board workers of the Southern region. Monday evening is open tu                 members and friends or the YWC.V : ai 8 o clock. There will be- an interesting program at. the Phyllis Whesitley BrencJi nl Ihis time. Persons oil program will include Miss Annie B. Wright. Secretary .of the Notional Board: Mrs. Bryant, of Birmingham, a National Board member; and Mrs. Cordelia. Winii, i of the National Service Division. Mrs. J. w. Dobbs. chairman or the Membership Committee, and Mrs. Annie Belle Hatcher,  Chairman or the Hospital. Committee, will spare no pains i:i making the affair comfortable. Mrs. Willis J. Kint:. Chalrman of                 Board nr Munagcmcut. would I Ik; delighted to havc all .ers i  friends of Urn Brunei! present. Tills program win begin  I at eight. i The program for the rest of the week will hold at Central Asi ,, as follows: Tuesday . Marcli 10 0 to 9:30- Meeting or General Secretaries of Southeastern . 0:30 to 10:00- -Chainjini; South" by Dr. Howard \v. Cdiim. of tin. University of N. Carolina. Tuesday evening 7:00 to 9:30- (Continued on page 4: col. G)                 YWCA Secretaries' 'Continued from Im^~. Discussion Groups (Bused        Dr. Odum's presentation). J. Rncc Miss Helen Mccnndless. General SecretaiT of the Kentucky District. a. Industry Miss Eli'iuior Coponhaver. Laboratory Division of Hie National Board. Wednesday, March 17 8:30 to 11:30- 'Pregttun Doveronment in the  YWCA in Lij.'it of Community Factors"- Miss Mildred H. Esptnr. Leadcrslilp Dlrislou of A'ntfnnnl Board. 1:00 to i.-30_-TJic Rosponslbil- ity of 1Mb General Secretary ns a leader In Religious OrEanl2 of Totfas""'- Miss Anna B. Wrisht. Oenei-ii! Sec'.e(:iry Of the National i Board. I 7:30 to 9:30 "Techniques for Don'iiie with conflict situations" -Miss Copcn haver. Thursday, Mareli 18 9:30 to 1 :00- "Prosrnm Devclnpinenl" (continued)- Miss Hat'ie I V. PsRar. Other Persons : on      are: Miss Wells, Miss Burner. Miss Gilbert and Mrs. Cordelia Winn. All of these women ore of  National Siaff thp YWCA. Mrs. Luln . the  Secretary of Ulc Phyllis Wheatley Branch, is  r.ll Atlanta citizens to attend these meetings. j</t>
  </si>
  <si>
    <t>                                           The General Y. W. C. A. Secreretaries Seminar will be held in Atlanta this week. March 16-18, at the Central Association on 37 Auburn Avenue and at Phyllis Wheatley Branch, 218 Boulevard. NE. The topic to be discussed by the secretaries is "The Changing...</t>
  </si>
  <si>
    <t>                                           BROTHERS Modernistic Cleaners Dyers We arc offering you more in 1-937 -t him over before. 3 FOR $1 00 Kur better cleaning and prompt service .: Call, J A. 9382 All Garments Insured. 3US  AVE.. N.K.</t>
  </si>
  <si>
    <t>                                           In Memoriam                 On i" , Myrticu Shiuijliler. (ii!~          lift- six  ii(  ) today. Myrtis, your  will never      in our -B. Sleep cm ; uml lake thy rest.   ! loved ^.' well, but Jesus loved thee best. Mr. ami Mrs. .Imues Sliiupliler ami l-'amily. In Memoriam j In loving memory of our lius- j hand and , Mr. Henry W. j Payne, who departed this lifo one year apo today, ~'mutiny 18. There's still n vacant  in our hearts fur     Tho' years may come      go. 5 But ~.erce will come und ever- j Instine joy. When we join you on the other shore. j'</t>
  </si>
  <si>
    <t>                                           TALENTED                 Cli.'i!!!.'.) 1 Hi \V.  M SS                 (;!;:'.KNVi;~~';;i. x.  l.i'.tV :;;::n: Mw -il ': i.f I"r::f ill!;! ('.'.inn of ;;;ir iii;;ln:i. N.I'. Shi i-; mily !i-vt-~~ .V.Mrs old aic.l ;l!r.-:'ily iias  ~:i- of l;t:iis :i wi ili r ami     st jry  "T!lc 1'-iir;':~." .-n :--:c-!t^ivc'.y !vv '"'ri!l     ~-.i:l:i::-.: i:i (hi- Trilmiir ill ~'1!1C Ml!:sc(   -ltl      .</t>
  </si>
  <si>
    <t>                                           'Good Friday' Music At Congregational This Evening                 A solemn Good Friday service will be hold at Hie FIRST CONGREGATIONAL CliurcM. Houston tit Courtliuul .street Uils evening at 7:30 o clock. The  will be  by  minutes of organ  by Mr. Giuliani Jackson, organist and choir . Tin; sermon on the theme. 'HOW DOES THE DEATH OP CHRIST SAiVE US?'' will bu  by the pastor. Rev. John C. Wi icht. nn(i Holy Communion will be . All members and Iricn.ls lire  invited to  lii this . Under llic  of tin: Church School a  prayer meeting \vl!~ be held Sunday morning at five o clock nt tlic church.                 Stab Wounds About Body Leave Woman In Severe Condition In Grady Hospital Ward                 A          by  n.s Mrs. Airy Galncs. 31! years old. 263 CourUnnd Street. \ras ln a serious condition it Grady Hospital Thursday suffering from several stab wounds inflicted about her body Wednesday. The wounded woman and two witnesses Informed detectives that a man known as Estcs Gaines, 34. believed employed on a PWA job near Atlanta, made the attack laic' Wednesday  at 241                 Houston Str'ji:!.. Accordliii; lu police records Mrs. G.' was  on a porch with Mrs. Mary Irving of 241 Houston Street when the -cI  ui) with pistol In one 'hand and knife in the other and   the victim. Hl- fired the gun once,  bystanders and then sliced Mrs. Gnlnes. Another witness to the incident was Ernest Dudley of 243 Houston Street, police said. Detectives and police  a wide search for the suspect. and lost night were of the opinion that he was being harbored by a relative.</t>
  </si>
  <si>
    <t>                                           "president gets taken in"                 ROOSEVELT INITIATED Lali'bt . lu Aa'm President Knnsevclt as :i member i.s Hie I'hi Kappa Literary society *tr of  of      ;U. which enrolled the   ; hib vacation al Warm Springs. Ca.. above. j</t>
  </si>
  <si>
    <t>                                           Federation Head                 MISS. H. A. HUNT MIlTSOtic  lli'.-   111 of III)- C.COIKi:i SLili' 1-ViliTafimi   r Cnloreil i Wimu'ii's ~.'      : :i i Ok in        ss anil i-\i-nlu:illy  essl ul I r:   ):   *or i a Drliniiiit'iil ' -</t>
  </si>
  <si>
    <t>                                           TIM TYLER S LUCK ^B^LymYountf                 FELIX, THE CAT i 1;;f '~^~^S.. ,.:..V' V ^By Sullivan^                 DOROTHY DARNIT -By Cha. McManui                 It's A Great Life If You Don't Weakep -By Jack Rabbit                 NIPPER -~**(% ~"%: --By Dwig I                 JACK SWIFT U -SyBily</t>
  </si>
  <si>
    <t>                                           Varsity Cleaners Dry Cleaning Laundry, Pressing REASONABLE RATES Special Discount on Cash and Carry Service Field Representative Per Furniture Cleaning Service PHONE JA. S001 769 Hunler Street, N. V/., at Chestnut Street</t>
  </si>
  <si>
    <t>                                           In compliance with instructions from the Executive Secretary of the National Urban League we began. Friday, March 5, to make investigations concerning the manner in which Negro refugees had been handled in the concentration camps and given relief by the local...</t>
  </si>
  <si>
    <t>                                           Streams In The Desert QUIT YOU LIKE MEN, BE. STRONG- (I Cor. 16:13) Do not pray for easy lives! Pray to be stronger men. Do not pray for tasks equal to your powers. Pray for  equal to your tasks. Then the doing of your work shall be no miracle, but you shall be a miracle. -Phillips Brooks. IVEY BROTHERS, MORTICIANS "The Institution With A Soul" AMBULANCE SERVICE Phones: WA. 8454 RA. 8236 492 Larkin Street, S. W. Atlanta, Georgia</t>
  </si>
  <si>
    <t>                                           The Glee club of A. H. I. S will render a radio program Monday, Feb. 7, 1937 at 7:30 P.M. The Negro spirituals and compositions will make up the program.</t>
  </si>
  <si>
    <t>                                           !l THE JUNIOR CIRCLE I Edited by Gamewell Valentine</t>
  </si>
  <si>
    <t>                                           Miss Carrie Burton of Augusta. who is now teaching in Oxford N. C., was married to Mr. John L. Lindsay of Boston Sunday at the home of her sister, Mrs. Ida L. Carter in Anderson S. C. A delicious dinner was served for the bridal party. Prof. P. B. Harper.</t>
  </si>
  <si>
    <t>                                           CHICAGO PROMOTER SUSPECTS JOE LOUIS DUPED                 NOT TO BE FOUND                 "Fight Of Century'1 Takes Uncertain Angles. Turns                 BELIEVED OFF                 CHICAGO. 111.- (S K S)- The  .scene changed again Friday, when          Joe Foley  clear his suspicions that Champion Jnincs J. BradUock, who is sinned for a 15-round bout with D: Joe Louis here June 22. has "" the Winily City bout                 mi(i headed for Germany to  Mun Schmellng. Said Fok-y: "Braudock was scheduled to  In Chicago 'Wedirschy. Then lie Kua duo .. Ho  l  . -1  with Mike Jacobs by  today and Itiinied j Jacobs  l been  to reach Joe Gould (Bniddocu's malinger) for three days. In spile of the fact that he has had transportation lor j  and Gould booked since Wednesday. With champion and   disappearing acts. ( tut l agc 4. Col. Z) i                 Braddock Is Not (Continued from      1) I'm beginning to think they have i aone to Germany to fight Schmelj ins after all." Further he said. "Seviou.-ly. there might be something in such I a fantastic theory, at that. Gould has said that, the financial angles being equal, lie would rather have I Braddock meet Schmeling before I lighting Louis. "Maybe that s why Schilling so 1 suddenly announced his 5350,000                 lor ;i  in Berlin was oil" stif) headed for German- Two-- day." The Chicago promoter  j that lie was "through" .g for 'ho  and Ins '.                 thai all further notion must be none by . Mcnmvliile i:i New York. Brad- I (lock s Manager Gould said thai he had abandoned plans for  oine to C'.ncu'-'O i.unU legislation  by                 the Illinois Stale Senate ; j I $10 top for so:r.? lo the BracklockJoc Loui-: bou: is removed from the .     dici j:ot say where Bradtloc'-- was. bin *n!d  lie ain't" on his way 10 .</t>
  </si>
  <si>
    <t>                                           CHICAGO, I11.--(SNS)--The fight scene changed again Friday, when Promoter Joe Foley made clear his suspicions that Champion James J. Braddock, who is signed for a 15-round bout with Daroiter Joe Louis here June 22, has "jumped" the Windy City bout...</t>
  </si>
  <si>
    <t>                                           Fire Damages I Two Homes In Jjty Wr Piirly Prld.'iy  -d in /igr la Itvu homes, p..   one,  Wr liro . Palrolnipii of I2   'i Cm- No. II,  :i Man- 510 Tjjvrjoy street, N\V.   il.Tmaue lo Hie 1001. i A Iioiiso  by Coinolia Aiisl.n at 103 Yonjji; street was almost,  de. cl nt 5:05 a. in.  of Kndin Car No. vs ilah d.</t>
  </si>
  <si>
    <t>                                           To enact "The Enemy," Channing Pollock's internationally famous play against war which the University Players will present on Friday and Saturday. January 15 and 16, a cast of nine has been chosen by Director John M. Ross from among the ablest actors in...</t>
  </si>
  <si>
    <t>                                           Weak Bladder DCS TO   Relief Or No Pay! Chock W*~W*r  an.! \oum  f     from KflUtlnc up . Halt    : unrf fcn**~c        : .            due to  IrrlUttlvn. u* UiouumlM     O-~*. ^OX. N. .Y. doctor1* .             co*ts no thine un1    tmIc i )          -.    *ll thl** notice- to  I*AB.. 44 EitRt C3nl Su N. T: City. Sena no      . Pay postman $1. plus C. I). *  ho  BONN OX.     quick.             tint  or  dollar refunded. .(Z. Pub.) SCT MONEY-LOVfc M. ', Journal Square St. fenny , n. j7      .  a</t>
  </si>
  <si>
    <t>                                           Discovery always holds its thrill--thrill for the discoverer and thrill for those who profit from the new idea. And so it is really exciting for me to tell you all about the new-fangled way of fixing those tender delicacies of the meat school--lamb chops.</t>
  </si>
  <si>
    <t>                                           j TOM THUMB WEDDING Ddii'i f:ii! in see i lie TOM THl.MK \)I.\(.' 1 1-.    Mrn-I.i; . o clock. March   ).T/. ;il JJiur! l!;      [ church. Then ^vili In- six brides ami tuu;ilv- I (iM- alH .-. You'll  :i IrfJil if you ('ail     --cc I i this ;irr;   of   s.  Ihc :iusi)HTs sii' j i i In- .Mi.~~     :ir\ S.-cit-ly. .Airs. I. I", '.-rsi n. Prcs. {</t>
  </si>
  <si>
    <t>                                           ATLANl^IIlY* WORLD i f "Trie UotTon'* Only colored Pally ~..r- j **             - 1~?*: 8~**   TWIly  11. 1 J* i          1MII.V  n.1 Sl'SllAV HI :IO Auburn       . m.        i-Aii.T ~---~i:t.i. ri:ni.        "i""1: NAImU l".!~- MM Mrml'-r nf 1 MiWSrAI'KI!  W. A. Srolt. II. I'nnnrt'i--. f. A. .       "r CL A. fi".'O1*r.  C^      }Unai*f l.ut.ii.t I. Jnnci, MAniirlnr BJUo* 5i;n^'t:rp"n^N      ;: milT'- 1 T-*r Mnnlhs H.:i; r. M..nl1  II.   : I Mmlh KaVtiI.\v C.NI.V:-!  Vf.-.r l:~: t   .Ml.~ I: 0~: 1 Moall..     '  : I ^~ar Jvil; C Mpnili* Jt.Ti; l*or.-    : I Y^ar JO     ....l .\.l.-:      I:. Itl s nr.r'.orn fit.. I.'.:~  . 111. --I I-V.    ..    \oi-. -V -r_ ~,,i,rtJ in       .t i-rti r  i .Miifis. '.'"'".I"!"1'''" m*:1 thr .'.-I .jf ~'..ih.--..h. N:.i.H ..1 Th". ATLANTA Mil V \V..::i.[- n i t.-.^n i r *~rt finn r"~f'  n: m-~" t.^."l.y ar..l fc J?r"". r.K.lf. AHllr*~~ AM.  \\v In   ;l Ofcl I 'lH':'*   l.,.. I"         "A1H  .1.1,-. I" lM.ll.i.l.,,.1- n- XV.IIM.II "l.r..j.l, nn4        p^n IW"'~        "I</t>
  </si>
  <si>
    <t>                                           They'll Sing "Hosanna" Af Your Funeral; Even Those Who Stoned You In Life                 Ily REV. 1VM. .ES Tt is apparent at a funeral that only the devout friends or tho deceased arc present. The  singers and  give that Impression while the I last rites ara in progress. The  voice of the near- esl relative is many times  hv Iho Intermittent, blasts from the  tins of' those who : nl funerals. Tlie words or the preacher are drowned nl a funeral by Uio lamentation* of the mourners,  the sermon is well taken by those who nrc .sober enough to understand It. "Why everyone is loving. sod. solicitous, nnd sympathetic tit a funeral of one whom 'ie haled while he lived, Is past finding out. It is paradoxical how a funeral. le will show signs of grief at the bier und know he did not do a single thing to prolong the life of the departed. People will give one a whole suit in bs Ijuiiod    , but will not lend him a pair of sox while he lives. They ~'.;i contribute to \ burial expenses and noi give n dime to                 you from  Many of I hose who bring roses to the funeral would not give a bunch of  to the living. Funeral Notices AND(113WS- Friends and relatives or Mrs. Ann!* Andrews of 31 TUfflilnnd Ave., N. 13.. Mrs. ['In Pope. Mis. Minnio Cipon and Mis. Rstella Cmmbh'V arc invited 10  tho  of Mrs. Annie Andrews this (Wednesday)  at o clock IVom Poi-t Street M. E. Church, . C. J. Johnson will officiate,  Devereaiix, OenTRia. David T. Howard A "Card Of Thanks We     thank our            and friends for the many kindnesses and sympathy .shown during? our recent bereavement in tho death of our dear father, Mr. William' WilUins, also for the bountiful Slnrul        (rM and use of cars to the funeral. Mr. nnd Mrs. W. U Wilkins. nnd Family.</t>
  </si>
  <si>
    <t>                                           AJLANIAaBYWDRLD ^~~- *.m-  n: 11       M, . j DAILY Md BtWDAT M  1   obon. imw X. vi ATLANTA IV "T WOR1J5 PUBL1SHD.Q Tolcphonmi KAJdui IMS-     KoattB ei SCOTT JiEWSPAPKB SWDiCATa W. Sec**, Q, Focadsxi 0. A,  , Goscrsi Uasafor 0. a.  Gsousl us,-~ 2. B.           A^3*t. Her.; i^ I* joan,            Katlonti           (~t:  : W. B. OFF CO. j^g n.          flu. Chlc*to, Iil.  od SSI Fourtb         Torlt, Y. i, pon Offlc* kt AtUntA, Oa., k*       -    * mall  16. aci of           IS79 Th*  DJlJLlf *OBi.D U  0 ina.    .i;.   -r- non-         ^1 BOO-     *mQ.   UDblAAtdJj aca        it. ft          to     Intcrast tu       * ma             1n!~t rhr  tu     . A4    "Al7      7 CICA'nOJ(~ U  U mail*          W ATLA.VTA DAILY 1TOKUI                . Tli. MURI.II         I1                     7 for        *f             . .     Mini         ra     .</t>
  </si>
  <si>
    <t>                                           Draws Up 10-Pt. Plan For Community Welfare League As Urban League Member                 MKMrnrs.                 SNS'--'                 Ill keeping  Die Coniiminiiy Welfare Sxitzuo Ewird of Directors iind Advisory Committee's decision to have the organization become an affiliate of the National Urban Usiauc the local organization which I is a member of the Memphis Community Fund was already bosun to                 enlarge its  to meet a num bcr of the unmet social and industrial problems of the city. J. Harvey Kcnis. Field Secretary of the National Urban LcaRiic is in the city ;,nd assisting the local .staff in the set-up lor the enlarged pro-ram. As sin affiliate 01 the National Urban Lo:i?ijC ~],e ComnuiJiily u- league will develop in Memphis  I)C .saute type   f   s is - conducted by Urban Levies in cities. The experience  Jid technique which Mic        Ijcasne h;id developed during the      will ~,C           in .            in Memphis. The  pf tlie ten-.   ;,i, which is to \k developed during 1U37 is -i to meet, in a more definite way. the problems oi Health. Hous- I inp. . und R*cc Relatioas. Tlio  is the ten- point plan which ~-iIl be u p?rt or j Hie extension prom-am of the Com-  Welfare Lcsiruc: l. FinditiR.  ;.nci civ-' ins publicity to the essential facts. about the economic life, or Nccroes in the city. An employment. Dcpl j where Ncirccs may be directed lo I jobs, rn  the Conuininil.v U'(-:iarc Iaheuc will  Irnde  classes and '; ~.7.i!c in VuiMiianiii Councilint:. The creation of a public                 position to employ Nc;~'.*;s mi jt.bs now c.'osed to them. Periodic and special surveys nv.d studies on N'cero life in Men- j j-l'.is to be used as a basis fcr con. Mi- development in social and economic welfare. 4. Spoavorinii of  on problems of relief, housing, juvenile and adult delinquency that alten- tion may be focused on these prob- lems and a public interest aroused to improve those conditions. 5. Organizing Bis Brother ana Big Sister Clubs in order that many I ci the problems of the - i leged -ood boys and girls many have more intelligent consideration. 0. Orcanla; Cnmicil of Nc?r5 workers where :isi    ..y  Ix: had fore.\ch;in;e      or these men ar.d where more definite planning can be m;ide io im- prove the workers status. To      !nn .1 Council of Nci;ro Orf:;/:~ where .in exchange experiences and cr-inions my be lnd :uid join; action taken in :i  of many grievous problems in the city. 3. Crca:iiv;e neighborhood clubs or units in bc!i; areas  a competent worker when at ention may be  to child welfare prob- Icms  Improvement community health, homi anc neighborhood . '9. .\j)al:.-ze  of Nc;ro deaths i-.r.d develop a year-round health education program to prevent many of     causes of needless  :i:r.t":ig r.'cs.-ocs. II'. To establish a .i;n In R.-icc Rel. -.vhich will be con- i (Continurt) nn    ;c 6. Col. 6)                 Draws; Up Continued from P*Re 1)   \   improve the conditions under which the Necro lives and works and to emphasize  various white (troups some We better phases of Nesiro Jfe.</t>
  </si>
  <si>
    <t>                                           In keeping with MC Community welfare League Board of Directors and Advisory Committee's decision to have the organization become an affiliate of the National Urban League the local organizatiOn which is a member of the Memphis Community Fund was already begun to...</t>
  </si>
  <si>
    <t>                                           NOTICE The business formerly known ;ls A. E. , Insurance Adjuster, is now transacted as  INSURANCE 1), :il!) William-Oliver , I'hone Ch. :!()7I. Insurance Policies Examined and Collected No Charge for Examination A. K. Uarfcsdalc is no longer connected with us and we will not be responsible for any debts incurred by him. Streams In The Desert "He Still and Know That I Am God." Psalm 40:10 "All loving Fa t her, sometimes we Itave walked u.  skies that dripped * like drenching . We despair of :          or  or        . The sullen blackness gloom* cd above us    it would last forever and out of the dark there  no soothing voice to mend our broken hearts. We would have gladly welcomed sonic wild thunder peal to break the torturing stillness. We were listening and we heard. Wo look' cd .and we mw Thy face radiant with the light of love.   5V life came back to us a life come back to the. withered blooms tli at drink the summer rain.*' IVEY BROTHERS, MORTICIANS "The Institution With A Soul" AMBULANCE SERVICE Phone: RA. 8154 492 Larkin Street, S. W. Atlanta, Georgia</t>
  </si>
  <si>
    <t>                                           Mrs. Addie Gannaway remains to the regret of her many friends.</t>
  </si>
  <si>
    <t>                                           W.K.W.--Should I stick to the job that I have and Wait and try for a better break or should I do what my mind leads me to do?</t>
  </si>
  <si>
    <t>                                           M l^j^^ if" *f     *1 "~'TWT* "WT"* TMT"'"' XI nn r ^~t-* ~"~^w r t"</t>
  </si>
  <si>
    <t>                                           FOUNDER S WAY SI :                 TUSKEGEE INSTITUTE. Ala.- iC) John Temple Craves. II.  tor ef the Birmingham Aj;c-Hen:!d. j n-Hl be [lie Founder's Day speaker at  Instiluie on Sun.iay afternoon.        -1.                 New Tobacco Tax Coming Into Effect si:iml:    I'nincis v\ Hsii.niMo..; uill hf. i net-fused Irotii the . \ri rents lo 17 i.ir HI ceni.s ~)~rk;~i:~.-          :i.v  Uii: nrv: Ctoorsiii Lohncco [mx  i m ~.fI n-i.. 'i SUitu m- Commission ni!c;cl Tuesday  all packages o; .sold on or after        dale  be stamped in accordance with tin.1 now \u:r. Dealers indicated       ' is anticipated in tile  -if cigars.- The cisar tnx is .tightly lower. Tiic new law require,, .i thi  stamp on packages tout air.  twenty cigarettes.                 A.M.E. Ministers Conduct Interesting Session Tuesday                 KoliuwiMj; ,i  i ir. devotion luri by n-.v. V. GUlorci. . AV. w. Slci'h'jii^. vice president.  Rev. R. E. Roman, who                 di es.sC'! tile union on the subject: "Hew Cm The District Conference be .\uide More I:-'iii;j ;md Profitable?" Drs. C. A. Wm-i . John Hat- nion. B. V. Thornton and others t:i:ide helpful remarks on the sub- . Drs. W. R. Wilkcs. a. H. Rome an() E. V. Thornton released en-  reports. The lait/cr  '.he recuperation ol the mip.  ave ill. The union voted ful! po".ver to Ihe sick com-  lo administer to the needy, j Bishop Fountain's ' adc!    5 uts as usual, replete  j wholesome information and was well  by the union. i Inforniiitlon was received thai f Dr. T. J. Linton was reported  improved after having suf- I  a . President Fountain spoke of the record ; made by the several I professors, wlio are on leave of absence working on their masters' and Ph. D. degrees.                 GOVERNOR SIGNS REFEREIi MEASURE Governor Rivers signed t li*^ liquor bill  measure 'Hicsday. which calls for a statewide referendum on repeal. R'.'.Ti.'d  of Georgia uill \olu Jiiijl1 '0 ou Un: ( ol ; the present suite prohibition Uiw. Those who wcri;  al llic last November elect iun arc eligible to vote. Tlic     .'al of tiie prohibition ICunlinui'il on I':igc 5, Col. 81                 Governor Signs (Continued from Pafjc I) law will lie based on u popular vote. counties will be required 10  local options within 30  lifter presentation of petitions bearing names of 15 ikt cent of Hie . voters, if the law is repealed. If tlio county votes wet. liquor will become loyal within 15 days. Liquor will be .sold only in packages at - stores, if repeal io .</t>
  </si>
  <si>
    <t>                                           Peplum Chic Two- In -One Item To Have iii $~{ *H  niii I i ?:!:i I I B j M rr.iiN PATTERN 173 W'lu-ii  vi' :i tay occasion j l "till hand". \"ii l  Tind I his  -k jii^t t l.i-  i.;i  1 1'.-. ;l , i.-n l if. wil!i ils .rd I'yok"- :iml .-"~*~!y ..] -fli S. '\\i wi iir,   r in-! lo wti;u- von.* I i [it     -Iy up lii . bul i I OIK I' yull'\i" ' this r::~:ii j inj; Chiiiv Tilili'ii I'. ink. yuu il  yuu w l"~i  l styli'.i in fine i it rt-iiu vin^ tin- i!i;L:- pi'~       ily cii;in;:i-:; you1. lYm-l;'s app'.'ai . The very simi  "I' I'siUrn IV:i will  your   In gi".  il. (Itt'U^li     '\f ni Vi imade a I'pn'k hi- 1 civ. Vou'il Im'v this in a      - or i-risp tal IV-ta. DvluiliMl Sc^vim.' Ciuiili;  ll.is  .'rn. I'ath-i-n is cut ill sizes 1J, j i-i. it;, is, -!u. ;;d, ;:i. :;i;, j .'JS. anil II*. Six.u in  y-l yards  fabric. I Scud   (I.V) j in coins or  ( y coins i I'cr  pattern.  CI.KAIJ1.Y SIZE. NAME.  AN)) STYL1C NU.MBK(~. I Si.'iui orders to Scott Xew? [I Syndicate, Pattern , 1-10 Auliurn Avc, X. E., Allan1. !k-a,</t>
  </si>
  <si>
    <t>                                           A NEW KIND OF VIC TORY FOR ETHIOPIA                 HAVANA. Culia- (INS)- ir Hit- Kalian anuj   : its rifles and  U (In'                  '~(inn on llu- ri  mat, (he ri Mill mii:IH li:nc In-ril . That is. 11 all IHliiops an- as  :is the "Kthioiiiaii ," who is Mitnvn Iiltc as he                 *  to  limit with .M Campos, Mexican . a I (In* Crist ;i) SUtliuni. . Tin* PaiUhrr,  Is ri pult il     h;u o 1u-     1 1 ml y- guard     Huilc Sclassii*.  tl Cuiuiiu.s tn t\    out oi (luce lulli,</t>
  </si>
  <si>
    <t>                                           :;,ft$!jir, GO TO SOME ATI Ak IT1 n^PSh^\ i1 \U/nni Pll "The heart b deceitful i^ CHURCH A 1 1   \~ I A I iB IV \Xf I lUI II al thing "^*Wr I L "The Nation's only colored bally Newspaper" "1 Jeremiah, It! VOLUME NUMBER 310 ATI^^ A^^^IMJ^^AHYje;^^^^ = jff</t>
  </si>
  <si>
    <t>                                           A. M. E. Ministers Elect Romans As Their Leader                 By REV. C. A. )                 The ministers comprising the :-r Atlanta HV.' Uiilon assembled in regular session in Big Bethel Tuesday morning. Rev. H. M. Parker, president, presiding. Rev. H\ C. Carswell is secretary. Following the regular routine of business. Dr. W. R. Wllkes. pastor                 of Allen Temple, offered a resolution or thanks to Rev. Parker and his staiT of officers for the excellent manner the affairs of the       were conducted during the year and proceeded to the election of officers for 1937. After the fatherly address by B'shop Fountain whose admonition and counsel as well as kindly advice fell into the hearts of the (Continued on Page 6, Col. 3)                 AME Ministers I Vpiii Iniitcl front V.tKr I) ministers both old and young as lie urged them in bo true to themselves us loaders of t lie people. The following officers were i elected president Dr. R. E. Rom- j an.*: vice president, Rev. W. W. Slephenit: secretary-treasurer. Rev. S. II. Rome: recording secretary. new P. W. Bn;by; . secretary, Rev. 13. C. Carswell; press reporter. Dr. C. A. WliJRfield; reporter. I'luireli . Rev. II. C. Cnr.-.vc!l: . Rev. Horaci! Williams: asst. chaplain. Rev. P.  ord: chorister. Dr. E. J. Odom: . . Dr. T. J. 1 -In ton: '. Rov. A. Li. Brnwster: critic. Dr. W. Rr. Wilkes: asst. critic. Dr. D. R. Pobbs: . Dr. B. R. Holmes: \~t.. parliamentarian. Dr. W. C. Kelley: marshal. Rev. M. C. Morr is: . marshal), Icev. J. C. Vtalngs,</t>
  </si>
  <si>
    <t>                                           The ministers comprising the gamer Atlanta Ministers Union assembled in regular session in Big Bethel Tuesday morning, Rev. H. M. Parker. president, presiding. Rev. H. C. Carswell is secretary. Following the regular routine of business, Dr. W. H. Wilkes, pastor...</t>
  </si>
  <si>
    <t>                                           L *S^^J W"Y  After more than Ihree months of suffering from :i nervous ail- j . Miss Gliviir usi-d Dr. Miles Nervine which g;ivu her such j splendid results  she wrote i Ui Hit  loiter. j If you suffer from "Nerves." i(ou lit'  /lit) /'its,  far( u[ sudden vo isns, tire /. nrt- /,        , your  are  out of order.   and  them with tha  ajne   "did the work" for this Colorado girl. Whether your "Nerves"  troubled you for hours or fot years, you ll find this lime- tested remedy effective. At Drug Stores ?.5c und $1.00.</t>
  </si>
  <si>
    <t>                                           Police Chief Feels Wild Auto Chases Endanger Safety Of Pedestrians, Other Cars                 A u lki  u;          chase, re-  between ;i lottery c:ir  machine manned by coutHy j Policemen which is said to Imve   of     )lo to the . of Aubi:rn Avenue around noon Wednesday drew comment Thursday  from                 Chief of Police Hornsby. In beginning an investigation Into tlie automobile chase  is S3lc)    have  place on I Piedmont Avenue, Forrest Avomin nnd Auburn Avenue, the Chid sold: I "I would much  lottery I man or          than for un innocent person to be  or \ed In n  of this kind." The chief ordered lil^ men sov* eral weeks     to .slop  j  In thn rMy m a WgU                 speed. Vtic two curs Unit . out Aulitirn Avenue Wvdncsilay (Continued on Fase C, Col. 1)                 Police Chief Feels (Continued from Page 1) traveled at a speed or approx- j i li. 75 mile.1; per hour, witnesses said. A I least \2  rail."! Chief Horiisljy and  him to . the Incident Patrolman W. C. Patrick, who was MMictu-d ~:ji Pirdm"::: Avt'n'.  . said both car:, lml Mi'ii.. u-:  . rar    :. A Forrest Avenue '-nt si id Hip fars  r.i;1 over a  there. A v.'hHc :na:: \:~,[i c! (ti:v Uixon. 2.J- "I :i Wa-li:      , ft. . xii; alix-sted Thur. ;~:;d bo-.)i:c-d :ts the dri'.ir nf the :!!ri:f'.i !i)t!fi".' cur. His l;oi:d \v;; fixed Sl.ono.</t>
  </si>
  <si>
    <t>                                           A wild automobile chase, reputedly between a lottery car and a machine manned by county policemen which is said to have a articled hundreds of people to the sidewalks of Auburn Avenue around noon Wednesday drew continent Thursday morning from...</t>
  </si>
  <si>
    <t>                                           Try this "quick Salad Dressing" for your next buffet supper, and watch the men come back for more. It has "that certain something" that pleases, yet It is easy to make.</t>
  </si>
  <si>
    <t>                                           I T fl T ^J ^J M T aJ fAM0US 5~--GIGAHTlC BOX- ) 3 COCOA S.           / Impeded Meatt Sunshine or Chicken 0}  jP%^_^~ W% m_ S.-U.I,-. s..u TwwFlifc IrAHl/ hVj%#   J% A Crcc, Lin.k Southern Manor or Huffs All-Urtiit  ROUST  '.*1"11 1    ^^     V Southern Manor Halvn y*c Peache, ,0 HOAlf M 9 2  *Cans2lC Heinz Soups 14   ^m mm mm Clia        , UWM Mamt Fancy Western Branded Corn-Fed Beef Apple         2Se D66T Pot ROclSt   . 17e         .iMr'"f" Snipe Jam    ISc Beef Chuck Roast u. 19C  fe0*111 l2c ^!?ih OR Clou/ 1 Olc  Pinto Bean* 9c Beef Shoulder Roast 2Jc      Rib Roa.t 27c 0 2      9 1 f S^. I freshly Ground Beef u. 21c t Shortening     ^ JJe i Rest Grade CailCacyAM^ n, O"7C Shortening      S7   -z/ Ca,,,1)U.M, T()lli;llu ^^u, Ga.Hams% 24C JUICE ^~i" ^      Good Luck 21o Sliced BaCOn 0Fr 29C land Lake,       Crtm Sliced Bacon 35c 4'4-02CaM23c  Shoulder ^"S1 23  uv Butter -r 4le Cloverblooni Patties v Butter 42c jh Southern Btlle I Octagon Soap 5-11  KSr *%, M Sweet Milk 7  Octagon Powders 5 11  sweet M,,k ^kl4. Black Pepper a or 2 29C EgKt Kellogg's All Bran 13C Flour Values Nu-Treat a 17c - fe Poncy Bread s^ 5C % G rape Juice a 2 1 c s^; ^5^ Mackerel Fillets 19C      Blatkeye Peas ~*~3 -a 25C W</t>
  </si>
  <si>
    <t>                                           Some great the coming of spring in sunshine:</t>
  </si>
  <si>
    <t>                                           i New Liatcoln j "THE MAN WHO j LIVED TWICE" I with Ralph Bellamy, Marinn I Marsh, Isabel Jewell i HARLEM "WINTER SET" With The Original All Star Stage Cast</t>
  </si>
  <si>
    <t>                                           The Alabama State Hornets. Southern cage champions for the past two years, won their second conference game of the season by clipping the aggressive Clark panthers on New Year's night, Tullibody Auditorium. 38-32. The Hornets won their first conference.</t>
  </si>
  <si>
    <t>                                           Confab Urges Anti-Lynch Bill, Full Franchisement                 YOUTH MEET DISCUSSES ISSUES                 Is Led By W. White, Wm. Hastie Under NT A Sponsorship                 PRESENT BOONS                 WASHINGTON. D. C- Under IJ-ir  ol Wullcr White. Executive Sci- of tlio Nntlon11 1 Asxccinllon Cor Uic Aclvnnmmrnt or Coloriul People, nml WllIlmn Hnslle. AsslManl Sollcilor In I he Department or the Interior, menus whereby members of the                 race might bring their combined strength nnd influence to  upon adjustments of inequalities' under the Inw wore devised and recommended at the NaUonni Conference on the Problems of the NeRro find Negro Youth, held here lost week under the sponsorship of the Notional Youth Administration. Delcvalcs to the conference adopted strongly worded resolutions  passage without dcl.ay or n Fodornl antl- -statute and of  on. guaran- j teeing the Negro full mid froc use or l lie "ballot. Other boons naked or the H(i- I , were: (I) n civil right-; net for tile DIstrcL or Columbia; (21 an amendment to the Wncner-Conncry Labor Relations Art. . uny labor union from being declared Uie spokesman for the workers in u given industry is th:U labor union denies  In any otherwise eligible person on account ol race, creed, or color; Cii the  of legislation requiring Hie Inclusion In all cnn rac is lor construction  in  or in port by the Federal i/ a standard clause  thiK discrimination in  on  of race, creed, or I'.; iti an amendment to the Intrrelnte Coninicrcc Act to          lhat no interstate carrier shall *ep.rri;ntc or in nny way  nl.~ . any Interstate pa.s{.on jer on account of nice, creed. ri!- : and (5i an Investigation 01 poli'-e  in the District ol Columbia. The work of the LaFollettc Comtniiico now InvestlEating denials of civil liberties wns endorsed. und . Congressional  lo continue Its work were iii Civl A  was also made that NcKroes be employed In Mip (, or this nnd all I C^.-ut      il mi I'aci- Qol. I)                 Youth Meet j i (Continued from Page I)  . i These recommendations were   h lengthy debate  over by Waller White. Declaring that more and more  Is being found In   (or the Negro iy the present administration. Mr. I White said In his preliminary re- narks: "I have been familiar with I  adm  in Wash- I ngton ever since the time or Wll-  on. I have never seen n time  Ulcrc whs as much willing- lets to do something for the Nc;rn us there Is now. 'But we must stop being afraid. We must have courage enough to  the things we want and work and strive ceaselessly for heir ach . We must  low to  ourselves of the  that are  us." Associated with Mr. White on he committee that formulated the  later adopted by the  delegates tt-ere Louln 4, William Hurtle, B. W.                 PrrKliui. n Vami. .Irsw Thonius. .1. Mulcy Wilson, George H Murphy, mid West A. Hnmll- Ion.</t>
  </si>
  <si>
    <t>                                           WASHINGTON, D. C.--Under the leadership of Walter White, Executive Secretary of the National Association for the Advancement of Colored People, and William Hastie, Assistant Solicitor in the Department of the Interior, means whereby members of the...</t>
  </si>
  <si>
    <t>                                           The marriage of Miss Evelyn Naomi Gantt to Mr. Manor Zellner was characterized by beauty and simplicity at an impressive Ceremony taking place. Sunday afternoon, December 20. at the home, of the bride, 1480 Walnut Street, S W. with...</t>
  </si>
  <si>
    <t>                                           Made Her Skin Lighter And Much More Be.- All ~.h.~  l.i IlKl.i.-i, .li.rli akin An, I Moik-Ii m.-uy ~.-.~*UI.~* itn.t MfinKh.'H l.i Ki.r.'n.l IMS TAN 111. HATH i /XM. II .11.1 Hi. M-. (irt       - I    i-\/f Ml.' I AX TAN mini  -JniK- Klsl or .lln'.-l from tint FAN' TAV CO.,   .~K. i . Sla S. I'nnUlii, CHI.-,, Ui..</t>
  </si>
  <si>
    <t>                                           HEALTH TONICS FOR SATURDAY-SUNDAY- FACE CREAM j. Sl.OO .McKcssun-s BEEF. MONDAY-TUESDAY FREE- 200 CLEANSING IRON ;ind WINE  19c TISSUE- With each SI. 00 Wiimpole's C L. OIL K9i: 5l)c 1  0. Y. M. Menthul $1.00 WINK of CARDUI 09c 4!~iA *    Disappearing Cream  l!)c SI. 00 pi. McKesscm Pure  g*eK \*SOSSaMSlS 3VC t ]b Y M_ cleansing Cream J9c COD LIVER OIL 09c r.Oc APEX j u,. y. M. Four Purpose (iUc ALKA SELTZER 19c Dcvibh Strength Cream 19c SI.(K)        ()'s Aclex Tablets.... 19c      2 fW^ ^tOC 1 t'1- Y- M- Almond Lotion 39i: YEAST and IRON TABLETS 39c HASK            J9C ..I. GoWen pca(.nd.  MOUTH WASH -zzr- Crc.T 25c 500 C'- Tissue 2ac I Vl V. M.  WASH Me J Plnt w^~, si.oo . H oz 59c Rubbing Alcohol 15c FOR COLDS McKestfon's Antiseptic SOLUTION I'.'e Pinl ^""T ;~   ,vu?. i FACE POWDER WITCH HAZEL I9e Uf: ..^ll! ."l!" 4fc 55c Luxor Face POWDER 3    Yick's Salve 2.1c 55c Nadine Facs POWDER 39c Y. M. Nose Droos 25c 55c Golden Peacock F. Powder 29c .^-c  S Norwich Tar Ccnipound 3'ic 55c Calmer.? Hounuet 39c ~~,~%-/~   Mcnlho Mulsion 69:  SHAVING CREAM B. q. u 29c 1- 1    i ir -'Or and 50c McKESSON'S Fret- 2ac Mutton Suet Salve and r. Sc SaT2Sa.CrMB SHAVING LOTION     {11- -k'. lJ" 50c KUnTSoih Pastel S Both For 49C ^    30c        -s Tooth Paste 19c L r--- FOR THE HAIR Giant Colgate's Dental Cream 3:k Sl'bCIALS 9 :0c LvoTs Tooth Powder 3:~c Kotex or Modess...l9c dn,c Wa.ncrs    ,nC 2 V Sl,c l-   ,lh Brush 33c 3 f Jri"^,',. f()r JJ LAXATIVES V;kin? Tissue, 3 for.....0c Kstlcnlo         Pomade 1 9c pi  HKAlinHT 15f ,r- tr 11 n,j, 1 ft,, Berniarinc Quinine Pomartc 19c t' it Milk of " Me 15c Veldown Sanitary Pads...lOc Haradt. f,ait. 1.011. !-,c (;V,,ve-s Cn.mo Quinine 25i Lux Lifebuoy Soap, 2 for.. .13c Firestone's Hair Grower \'M- i ,,l. S.,bV Mineral Oil 59c Col te s PerfumedSoao S^27c ^X^c S'vTT'' Tafes Milfdit Pharmacies j AUBURN AVE. at BUTLER-WA. 1401-1402 FAIR ST. at CHESTNUT- MAIN AU4 'V,</t>
  </si>
  <si>
    <t>                                           Louis Slated For Bout In Europe                 SAY  FIGHT IN ENGLAND "Elimination Series" Designed To Include j Louis, Baer, Et Al i          30 i LONDON- (SNS) -Announced by Brifindler General A. C. Critc-, Britisli sports promoter. :ind confirmed by Mike Jacobs,  for Heavyweight Joe Louis, was the  that the "Bomber" will fight In the White City stadium hero July 30  the win. nor nf a current " se- rles' involving Heavyweights Max Baer. Walter Nciwcl. Ben Foord and i Tninmy Farr. all white. In :i 15- bout here Monday . Tommy Farr. nf England, won Ihe British empire heavyweight championship title by outpointing j Bon Foonl, of South Africa. Flirr weighed 203 pounds: Foord 200. The winner will meet. Max Bner, former world s champion, here on April j 15. Max Finer is scheduled to bat- Ho- Waller Netiscl In his second .European appearance. Concerning the proposed Euro- pean fight. Jacobs hod this to say: I !~       jn cr.nq'        .nii;.r there I sometime in July and told "Criicliloy to set 1 1 date. They lell me July is n rood month in the -  business over . and it s not so nood here." The New Vorl: promoter  .' 1h:it he m:iy keep Louis  there for more then one month if (. are favorable. NUL Announces Campaign For April 18-25 DnriiiK Ihe week of April 18-1I3 t.ho National Url.iui Lengtic and i It;; brandies are sponsoring Midi    campaign, which is organized for the purpose of directing the attention ol Negro youth lo a more positive consideration of the vn.st  of vocations. In keeping- with the nnl- program, a sponsoring .-~o has        selected by Ihe Atlanta Urbnii League to carry, oh   in Atlanta and' this ' will hold Its first imM  tins afternoon ) al 4 o clock In the Urban League office in the Odd Fellows Building. The primary purpose of the campaign' this year will be - j  guidance. To this end the i vocational  division or the NatlQnal Youth Administrn- j tion and. the Georgia chapter nf the National Vocational Giiid- since Associallon will be - od with tl e campaign' nnd will work closely with the program during the week of April 18. Robbers Prey Upon Player Victrolas, AVine And Tobacco j Burglars broke into a cafe at 382 Linden street. N.E.. during the night, 'James Presley reported to police. A   was robbed of $7. and Cobacco and wine valued at $12 were stolen, Presley said. A  was broken and robbed of Sli during the night at 250 Butler street. N.E., .P. C. Norman tol(~ officers. TUF.ATIiD FOR DOK . Bittrn on the right arm by a  log. Wlllnlm Roberls, 17. of 21 Butler street, was  at the  Gnulv  Monday.</t>
  </si>
  <si>
    <t>                                           I made JBFj my skin mb% 1 shades   *. lighter" 231^" And now you, loo, ca:i Invcthe joy of a . clearer -irco frum freckles. I i -a.:. !:i.-j;c pore*, blotches. Toniniaal :  on Nadino!a : Crt^i:n no ^. nu j robbing. While you sli-vp it :icl\ully   dark pigment iur Ka'iinoi.'i in i Jmibti-. Tlial'.-. why it jji-i   ordinary  (ail. i TEST c'~ N'adinola today at any toi- i it mm lcl -r or by mail      )aid, I Al UUR r/Jc. If not delighted, money i RISK cheerfully . NADI- i j NOLA.Depl.9-t, Paris. Tcnn. I .</t>
  </si>
  <si>
    <t>                                           "The Enemy" Opens Tonight In Spelman College Theatre; Will Be Repeated Saturday                 Channliig Pollock's intensely dramatic ploy of the World War, i The Enemy," will have its first presentation tonight ut the hands i of the University Players of Atlanta University, Speunan College,  Morehouse College In Howe Memorial Hall, Spelman                 lego campus. The play, the second major dramatic offering of the college year, will be directed by John M. Ross of the Atlanta University faculty. The ten characters will be played by                 imci an all-:.        stun" will W in charge of Hit- technical details or Liie  "The Enemy" will be  il on Saturday . On' both evenings, the curtain will rise at 8:00 o clock. Final  have indicated th;U in -The Knemy," the University Players have attained a high  or dramatic finish. In the three leading male roles, James M. Brown and Raphael (Continued an Pago 2, CoL 3)                 The Enemy (Continued from Page 1) Mclver, both of Atlanta. University, and Eugene McGowan, Morehouse College senior, promise to give superb performances. At the same time, the work of Ida Flowers,. Spelman sophomore, who Is making her first appearance, and Eva Neal. a senior at Spelman, Is certain to win for them great credit. Leroy Haynes, Morehouse senior, will again demonstrate his capacity for  drama. In  roles, Harriet Mayle and Harriet Williams, both second year students at Spelman, and Robert E. Johnson and Pierce Thompson,  at Morehouse Collige. Jive excellent promise. .The production of the play, which Is laid In Vienna In wartime, ;hri(s offered great, difficulties to .the producton. staff, .but filial rehearsals indicated that t.     have been fully surmounted. 7n the lighting of the plays, Clara Ivey, Spelman college junior has         out an elaborate and effective plan, which will utilize tc the .full the new lighting  of the college theatre. The act for the play, a loom In    Vienna apartment, has been designed by Eugene Grigsby, Morehouse senior, and built by Roland Hayes, Morehouse junior. The assembling, of. the            lias been attended to by Em1!y Copeland, Spelman College se uor, find the -i's supervised by Horp. Uiy Hamilton, a Junior at Snel.. .Cenu-ii supervision uf vha performance will be ia the hands of noise Usher, a Junior at Spelman, who is stage manager for this play.</t>
  </si>
  <si>
    <t>                                           Channing Pollock's intensely dramatic ploy of the World War, "The Enemy," will have its first presentation tonight at the hands of the University Players of Atlanta University, Spelma College, and Morehouse College in Howe Memorial Hall, Spelman...</t>
  </si>
  <si>
    <t>                                           MHMni-RSHir APPLICATION Hi.ANK Cut out uml mull or IjtIiie m JUNIOR CIRCLE F.DITOIt 210 Auburn Awruif. N.K. Atlanta. On. Name -Age Addrnss Groilt;  Boy or Cllr! Town</t>
  </si>
  <si>
    <t>                                           GUTHRIE, Okla.--While different administrations were experimenting with the municipal bath house with an ... of one hundred thousand dollars, one man has made a success and a nation-wide reputation for a sanitarium many citizens at home are...</t>
  </si>
  <si>
    <t>                                           Janitors' School Begins Annual i Enrollment                 The r.n  Janitors' Training School 01 tlie Atlanta Urban League is now accepting .str. for t lie school which opens I his coining Wednesday. March 24. Many employee! ami unemployed Janitors, . porters, nml elevators nifc- arc                 ns :i menu;1 of ini re.iMm: Ihclr efficiency and us menus of securing . Last, " many ijr. of llic school received  us n '. of Ihc   in t\w .school  :i           nf  who :i!i'~\'ic1.Y  i.' (Cnnllnui'il mi P^c" I: Col.                 Janitors1 School (Continued from Page 1) have received increases in their salaries- as a result or the training received. special  of the. school this year as the section for wome.i. In this division many maids. employed as well as unemployed, are enrolling to receive  in feminine . correc: tires.-. the job. the use of cosmetics on the joi.. etc. The .sio,, from women otters additional information and assistance to those who are either reeking employment or trying io become more efficient. Resist rations arc ; received at llic Urban Lea^'Je onice on the third floor in Uie Odd Fellows IV.:-1. 'J50 Auburn Avenue. Mom 'J a. m. to G   . m. each day !!~i.- week up to and including '.Vectne.vday. Resist rations at the Urban League office "ill c.nd Wednesday at G o clock and ail those who have not registered up ic this . must register between 7 and 7:30 p. m. at the Auburn Library. Auburn Avenue and Milliard Street. where the Courses will be held. The .cr i,s '.'!~cii to aJI who :.rv interested, tree of charge.</t>
  </si>
  <si>
    <t>                                           The annual Janitors Training School of the Atlanta Urban League is now accepting registrations for the school which opens this coming Wednesday, March 24. Many employed and unemployed janitors, maids, porters, and elevators operators are...</t>
  </si>
  <si>
    <t>                                           The strong arm of the Law ever reaches our and the shrewdness of men in beating their way through life ever fall and crumbles tp naught and destruction. In jail without bond, charged with obtaining $100 from Mrs. Dora Taylor, West street woman...</t>
  </si>
  <si>
    <t>                                           7.ETA PHI BETA TO MEET Epsllon Chapter of Zeta Phi Beta will meet at 2 o clock today vith Mrs. Willa Owens. 981 Beclorith Street, SW. All members are urged to be present</t>
  </si>
  <si>
    <t>                                           Full-F lare! Ski rt Packs Real Class 11 Jmm -i ILL^i- C:.- Tilclcu PATTERN 2S5 "Thr wi.ior your sl:i:a Hu1 . er your ."' is Chiiiv Tilclun's .nono for her jay            and all -  senior.! Who wouldn't loo)            H[~*" in Pattern 285.  nf . with  remit! yoM. loni; or -licit sleeves. ;.:id -iip- bodice! You'll 'specially ' :hc rull-p.ore.l skin  Hares out so . :1~(1 '.lie high-lf-w neckline Ilia1, may be  oil oii!~cr to close with an up-5i:4 "bow" collar, or .in open in  -fd cci. A wide  I nj  :irc --' for Ulis  i  i . ;*   r,r n . wool. Deinilod Sewing Onidr-  . p:".!. I'niUTii U'".' i.-i rnl In .'.izes 11. ](i. j I:;, i ii. xj. :n w :md f.l'i- n: iv(~nln- :i :". ::0   i.-. Si-nil I'lF'I'firN  T_\"1S ll.ifi ill         iir Stumps lin - ) lor Iliis  i:ill.m  !i i.v si'/.i:. N.-r.Mi:.  ami I sTvi.i: Ni!.Miii:i;. SVn.i  i'.s to . Ni\~ Syntliwiff "Worlil." 1';    -.:iii1 . L'10 Aiilitirii Avi-.. N.K.. AiI la:lla da</t>
  </si>
  <si>
    <t>                                           The Harrison-Black Education Bill is but a revival of the Blair Education Bill of a generation ago, My older readers will recall the ill-fated Blair Bill, which was intended to extend Federal aid to supplement local educational provisions in the most needy states.</t>
  </si>
  <si>
    <t>                                           Storms Take Huge Damage Toll                 Scenes =ach as this were typical in Missouri and surrounding state* after the belated arrival of winter, bringing with it an lea storm described by the u. S- weather bureau as the  In 17 years.; *te7i this huge tree feil during tha storm, it cams down  a oUe. forming an .aj over the street In Columbia, Mo.'~~</t>
  </si>
  <si>
    <t>                                           I don't know a thing about the Constitution of the U.S.A. nor the Supreme Court, which I feel would be of value to the public. But I do have some mighty definite feelings about both, And of course, I don't flatter myself that any feelings of mine about either are necessarily important or all-influencing. And yet, since everybody else, even those slightly inclined to speak out, is adding his ... bit to the current discussion about President Roosevelt's proposed changes of the Supreme Conrt, here go some...</t>
  </si>
  <si>
    <t>                                           FT. VALLEY, Ga.--(SNS)--The Macon District Teachers' Meeting convened Saturday, March 13, at 10:30 O'clock in the auditorium of the Fort Valley N. and I. School. The devotional exercises were conducted by Dean J. E. Brown of Central City...</t>
  </si>
  <si>
    <t>                                           BETRAYALS, FRAME-UPS PUT DIVINE 'ON SPOT9                 FEAR DUE IS LOSING POWER                 Trouble Is Pursuing Harlem's "God" At Every Turn                 SUSPECTS PLOTS                 .NEW YORK- (ANT)- Has Father Divine, shrewd call leader known as "God" to thousands of white and colored followers from coast to  come to the end of his trail? Will his extensive "heavens" crumble into the dust or Is he                 smart enough to thwart law action on many fronts and thereby more firmly convince "disciples" of his  which would mean added followers? These questions loomed big this week, not only In Harlem but tr.roughout the nation, as the spotlight focused on the mysterious activities of the man who has  d the entire country and has successfully warded off previous  to ruffle his "holy clam." What causes many to believe Father Divine Is at the end his trail arc these developments of the l):ist week: 1. Arrest of Father Divine Thursday night on the tip of a woman follower, for felonious asEP.ult in the stabbing of Harry Green, white man, last Monday mghi in a riot at his Harlem heaven. 2. Investigation Into the  ui  used to keep his "angels" warm in  mission. 3. Renunciation of Divine's Divinity by "Pnithful Mary," his "No. angel and so-called wife1' and her refusal    give up property held In i er name. 4. Refusal of "Mother Divine," :.:s legal wife, to part with property in her name. 5. Sun by Mrs. Barbara Jones,  follower, for $2,313 in which die charges she was forced to subn.it to intimacies with him. C. Indictment in California of John W. Hunt. 33, wealthy white  in the movement, for alloyed violation of the Mann Act with a 17 year old Denver white Cirl. Assault Charge Arrest of Father Divine followed a three-day hunt by police. Officers found him hiding in the cellar of house at Milford. Cotih. He is  held on a charge of felonious assault, along with three disciples, and if Green, the stabbing v:ctim dies the charge will be .'hanged to murder. The wounding took place Monday night when Green went to the  Mission with Paul Comoro, a li. server seeking to serve him ..itli n summons In the Blrdsall suit, and Joseph Denove, a reporter lor the Evening Journal. Between 2.000 and 2,500 worshippers were Jammed ill the third floor   and the auditorium . They were shouting and -S while Divine ~'communed with the spirits." Alter remaining until 3 a. m, and when it .seemed the leader might go on talking all night," Ccmoni walked up and slapped lather Divine on the chest with the ji.. The black messiah stepped back mid the "amens" of his followers turned to angry cries. As the three white men started to Have, the crowd charged, beat them i'.nd threw them out. When police (Continued on page 6; col. 5)                 I Fear Divine (Continued from Page 1)  they found Green lying on ithe sidewalk in a serious  Jicitn .in ice pick wound. '"Gort" Ciiiiii* When officers quieted (ho heaven I! icy I o\i ml Divine  gone. John L.). white follower, told Ihcm he illicit be at some of the oilier missions nnd was sure Divine knew r.: about tlie manhandling which lip believed look place :de I In- . Three male /ers wort' arrested, ' v.ere Happy Qny Job. id: Hoosevelt Perry. XI. ;m(l Charles C'allov.av. .09. all of whom denied  in i lir- riol The/    S.00O bond KH'i'i'is id  Unv I'van^c'.ist          ;!i Arlluir Madison, one of I:is :. were . when ki d why ho did not . .\i:.(jn : "Kllungll (" "Wlial. '. Oncl In' (;  id ,i  man? Those who dont bi Mi-w in our  it. v.'Iiich i.s  and ,  1 1 1  l Kiiilicr        I.s no! . Our  to that is he Is i. II :ln' Goo wo wam. To us lie !s CJOcl." Miss . whose suit   riot- resulting in Ihe cult !        . s.ud she gave him her life s  of $2,700 with tlu                he would ? lor her for the rest of her life. Ins:rad. he " put her out."  lier Inwj'er. Richard L. Baltlinore. Jr., who also said Miaa Eirdsall is so' "" she win nut reveal her address. Another Suit The other suit, that of Mrs. I Jones, widow of n former minister. I vus filed the previous week nnd a v rit served the Friday preceding the riot. She .said she turned over the $2,315 to the evangelist while she was living in his Siiyvllle hea- ven and  us a maid In private . She declared that she Wai 'forced' to submit, to im- I proper relations with him on Ihe I Bi'cmnil Mint those intimacies would be a blessing to her. nnd was threatened with  should she  her connections with the                 . i Trouble with Ills .so-called v.ifi:" .began us police wore  him in      Green . case. It     imported thai Faithful Mary, who v. as born Viola Wilson,  with him over properly mi'.ti rs.  her heavenly  at a Harlem heaven nnd v.'cit to her "peace " at Hish Falls in VJ1sli:r county. Say Alary Cur.srd Divine Refusing to turn over deeds held in her name to the Ulster county promised land.- Faithful Mary  void him to his face, you re not Octl; you re just a ( old man." "Mother Divine." his .nl wife who has kept In the background while F u I l h f ii I Mary organize the movement on a national .fill', has been HI fur . deH)iio her husband s  powi-r Ui heal and is in a hospital n: Kinusion. N. Y. She is also  to have said she would not nive up the mil s  held In her name. Another source of trouble for the RS'Kunlzalicm w.is the    by AskI. Dlst. Ally. John C. Uennott. into Hie source of coal used in the '. missions. McLX- said Ijo believed the  was  mined and n i(.'.s(''d a driver. -BUvscrt Thomas." who trucked ci al from a breaker in Schuylkill county, Pj.s. to tin- Harlem heaven. The driver said he ( i know If It was mined illicitly. .More Trouble The other trouble besetting the movement Is one in which Divine Is not himself involved. John W. Hunt, wealthy while California!! who calls himself "Jesus the Christ nnd "John the Revealer." is charged wit], seducing Delight ., 17. in his Impressive Beverly Hills home nnd at a Palm Spring hotel. He allegedly declared .she was to be the 'Virgin Maryland give birth to a child by him who would become a. "new redeemer." The girl declared among other  th.it she doesn't like fat. blende men. At liberty on bonds of $10,000. he was ordered returned to custody In ball of $28,000 after lils Indictment. Hunt was ; construction of u $40,000 throne car" for Divine when arrested lie Is a former advertising                 nr.cl member or a prn. Cleveland . "FYlther Divine" wns born  GoorRe Baker Jtist CO years ni[o In GoorRin. Hp Is 5 feet 3 Inches tn height and weighs around 176 pounds.</t>
  </si>
  <si>
    <t>                                           NEW YORK--(ANP)-- Has Father Divine, shrewd cult leader known as "God" to thousands of white and colored followers from coast to coast come to the end of his trail? Will his extensive "heavens" crumble into the dust or is he...</t>
  </si>
  <si>
    <t>                                           I M T Ef iff f0C 151: Li v  E A. LM , MARCH Hi. lfl:{7 ATLANTA DAILY WORLI). ATI,ANt7\7(;7\. ~:'n7   ,.x,ev</t>
  </si>
  <si>
    <t>                                           t Five Million Women Can t Be Wrong For 35 years women-millions of .C.J. Walker's Wonderful Hair Grower and for 35 years we have used the same pure, high grade oils, and the price has been fifty cents a box. We cannot change the price fe. without changing the quality, and we refuse  s-x.v;~~^. to change the quality. Three Things To Remember When You Buy Toilet Preparations 1. Women should be careful what they put on their hair and scalp. If your hair , brittle, short or stubby if you are suffering with excess dandruff and falling hair-- . C. J- WALKERS WONDERFUL, HAIR GROWER. It has no equal in  the scalp, and promoting the growth of hair. 2. For a hair dressing to produce that^gloss, softness and natural fluffiness so desirable by all women, use M.ME. C. .1. WALKER S -thts original only genuine GLOSS1NE- now so poorly imitated by many concerns. If you want a perfect shampoo that will give life and glow to the scalp, and thoroughly cleanse the hair, get A1ME. C. .1. WALKER S VEGETABLE SHAMPOO. If You An; Bothered With Hard Water, try just a small pinch of this Shampoo in your wash bowl or your bath. It is softening and cleansing. Try it  and yon will never be without it. "ALL OF THESE PREPARATIONS HAVE BEEN ON THE MARKET. 35 YEARS" NOTICE! A six week s trial treatment or these - CataloR sent free upon request i lii.- one box  f - Nriil to any address, postage.   - THE MME. C. .1. WALKER MFO. CO-. Inc. -    .inly- $].!(). Write today.  IHJriJHNr. INDIANAPOLIS, IVD. ~.-v.~..^^.~-.</t>
  </si>
  <si>
    <t>                                           Perkins Is Speaker To Southeast Ushers Run                 Featured by a program by tho Junior Ushers and a brilliant s. rmon by the Rev. c. K. Pfrlans. 'niv.i \c:. Crank Temple Bap'isl  liM-c1-  Southeast Ushers Rim. Hiss Mary Perkins, presiding, held an Interesting session at the' Calvary Temple Baptist church. Rvv. A. Knight, minister. Wednesday night. Preceding the sermon, the Junior Ushers rendered a fine program under Ihe direction of Miss Elizabeth Brooks. The devotions '.vere conducted by James Sims, Jr., Vcudin,. Walker  a solo, selection by the Gospel Eight, and song by Georgia Davis. Speaking from the theme. The Overloaded Ship with the l. or sin," the Rev. Mr.  thrilled the group as he ij  the horrors of sin. His message ins among the best heard .luring the session. DR. sTsT^ORRIS STOPS HERE ON WAY TO S. C. Tn (lie Gato City Wednesday was Dr. S. S. Morris, of Nashvilic. Tennessee, who is general secretary of the Allen Christian Endeavor League of the AME church and ,, director for tho giant Sesqul-Ccntcnnlul of Methodism to honor Richard Allen this June in Memphis. Dr. Morris was on route to i Charleston. S. C. for Uu- Bishop's Council where he Is scheduled to discuss program matters relating to Ihe June Sesqtit-Ccntennlal.</t>
  </si>
  <si>
    <t>                                           Tlie AlliiMl" Siip'mdn ('lull.. PRESENTS THE Washington Iliirh Slum Club '~1 CiMilral M. K.- Cliurcli Gym Friday.    .    . 1937. 8:00 P. M. ADMISSION' l-r. rents; TYPEWRITERS FOR SALE Remington. $5.00. Portable Si 0.00: Underwood. $20.00: Royal. $20.00. 411 Wotley Memorial Bldg., Ja. 1817  w Buy gloves with what it- saves H   'l          t.i     T-W,., ro^rr lit frt  toft  M)   ;.-p. Ij-,,^ T.~-h IVi-. n*dr V7x mr.       t IJ'i'nr.r, * tn txb in d Ijfi i  at 2.*if.      Low il rlr^m.  and (~ i*  .    ^ bit**- ""T '1;'"?' ~'~i urad **th  Mvia^^^Wrw LI5 TOOTH PASTE 25e I</t>
  </si>
  <si>
    <t>                                           Alter stabbing and cutting his 16-year-old wife with a knife and ice pick, on highway 61. Ed Childress, 22, made good his escape Mrs. Montrola Childress, 605 South Fourth Street, was taken to John Gaston Hospital in a T. H. Hayes and Sons ambulance. Her...</t>
  </si>
  <si>
    <t>                                           I OII.VO (JL'IL'l'Y j Tried (hi a charge of stabbing i a lor:i! woman  lust month. a 111:111 listed as James IJenue- field was 1' guilty Wrdllrs- j day   u jury in judge Illicit lll^rsi y's Superior - i inal court, j Men PrelVr Girls Who j Have Clear Oomplexiim1-" j II luki-N ii l.n.ly . . I., ulit  li*-i(rlN. Vo lili   tl.ln   cli-lin r   HI IAN IAS Ill.KAril . Only lit lira*-  nr  mull from 1 1 r* TAN' TAN ('(I.,       . yj-NS, ^1^ H. IVuakUu. ri..-  . 111. NOT BAD ""' When the  of  house  on fire tally Wednesday j :. Glnver \Varc ot' 57U Martin -ct. SE, did not wait (or firemen to fi(,-ht the . lie not a bucket of water,  cd j. ladder ami      out the fire hefore Hie fire truck arrived. A  Tiii'silay did   to a roof of :i two  house at .*i(il     ;('\\' uvi.'-.. l)olice reported. i</t>
  </si>
  <si>
    <t>                                           SOFI, GLEAMING HAIR US SO *, EASY TO HAVE j^^.^i w7 ^K Soft, gleaming,  hair     %~  J" Tj have you this charm that wins /JVfilSlir ^^J men s beans? If not, use Godcjroy's C* Ulr '^Kfii -^Sfcl Lariensc. Ugly streaks and patches of ^Jk ^^^J?^; 5 I^1 Krey disappear as if by magic with ^       -^K j it but  of  ^     : 3^'~1**'^f J preparation. Color wanted comes       %. rf*W%. 1 evenly: Black, jet black, dark, medium 1     ; ^j^B7* y or      'u. So quick and easy to ^BfiKJU, r v"" ""-7 11SC. so succ- so satisfactory. Don't ^''Mtc^feii^et.v wait get a bottle from your dealer, dir^" 'Jftg^-'1 HAIR COLORING  MANUFACTURING COMPANY 3SI0 OLIVE_ST. ST. LOUIS, MO. **~*^~'    '~*    'i'i r^;"i*'!"i*~'''*i'~*i^''*^''*v**"'rr'^*~''i''^  -%*  '''"'^"~*~*</t>
  </si>
  <si>
    <t>                                           "Born To Dance" Stars Miss Powell                 America's Queen of tap* leads ihc band in the sing time musical Ji't of (he year, "BORN TO DANCE", start-in* Eleanor P.-.. "  v Til Rnilry'; Rnynl  for       run.</t>
  </si>
  <si>
    <t>                                           ~~^~~  ^~ IS MADE* J^ ^~     ' OiN THE STAGE! ''^i;    Casino     Artists'  ii</t>
  </si>
  <si>
    <t>                                           Gather ye rosebuds while ye may</t>
  </si>
  <si>
    <t>                                           WEDS                  81KS. .I/V,V.K!~ I.01T j Of wide Interest In CrorsAms  TclllieSSftlH* is tile ,'- I Dcill hy i\irs. ISrrtlm Jurksnii the  or her ^, Vic- i lorin Allen, . l-muc I^oll, I cr .Mcniphls Tchmcswp  Mil- , WIs. The  n  -r of Hie .      of Allan- (a and :l former  of I he At- i  Iliilvcrsltj- IIIrIi .. The  Is the son of Mr. S- L. l,otl. ii r I.KIIe Rock. Arkuiisns, and a member nf niic iir Atlanta's leading . T)ic  wus  i Sunday . . 3. hy the I Kcv. .1.  )H.</t>
  </si>
  <si>
    <t>                                           NEW YORK--The Mississippi state department of education is putting pressure upon colored educators in the state to get them to endorse the Harrison-Black bill for federal aid to the states for education regardless of the fact the bill does not aid colored...</t>
  </si>
  <si>
    <t>                                           Brilliant Newswoman To Cover European News For Colored Press                 CHICAGO-  ANP)- Sailing from New York harbour January a. for Paris, Prance. Fay M. Jackson, newly appointed European correspondent for the Associated Nearo Press, arrived in Chicago New Year's Daj-  to New YorK City.                 One of the West's most outstanding- Journalists. Miss Jackson iia-i served as editor and publisher of the California News and West Coast representative of the ANP for a number of years and was the first Negro accredited by the Motion Picture Producers and Directors Association as a Hollywood - i pondent for motion picture news. In Paris. Miss Jacksn will have b special presentation before the French Parliament as an agent ct goodwill from the Associated Nesro prefs and will cover the coronation of King Geroge in London. She r!l remain In Europe approximately eight months. Her appointment by Claude A. Bamett. director of the news syndicate. Is said to mark a distinctive advance In plans of the organization to increase its service to member papers by maintaining a special correspondent in Europe f.r the dispatch of material of  Interest to American Ne^ro readers. '~young and aggressive. Miss Jackson's varied experience in newspaper work fits her admirably for the duties we have assigned to her and we have every belief that she will set a hish standard In American Negro Journalism." Mr.                 Barnett said. r Interviewed In the  ANP this week, the young woman  a serious concern for the advancement-of -Journalism jn sacs papers. "I do appreciate the privilege of serving my race and an opportunity to advance in the field which I hare chosen as a career. It is ono indication that Negro Journalists need not be limited in their ambitions to go as far as any other race if they have the real desire to go places cod do things,"     stid. "My. appointment Js OBejaLtbosa "Cinderella things" thai, came out of a clear sky without any  design on my part. I do not fee! that i have any more of an  than a thousand and cms other newshawks I know. I have seen the growing Interest of the white press in Negro news and, being an editor myself, have  how much we have to depend on stale news and rewrite stories for our copy. Like many others, perhaps. It occurred to me that the Negro race will soon lose Its last and most important vestige of power if we do not keep pace with other newspapers and other sources of news supply. "The apparent Indifference ot our people to their newspapers' 1s appalling the country onr. some of them actually brag about not reading or subscribing to a single Negro newspaper until they get (Continued on      6, Col. 3)                 Brilliant Newswoman (Continued from Pmgc I) Into trouble r.nd  the  editor Is tlic first one  because they realise, sometimes too Jute, that the newspaper Is. utter all. the real spokesman for the . -An  Negro Dress undoubtedly the only salvation Jor the race.'1 Miss Jackson . Wlrai we Insc (hat medium of expression we become, nmrc than ever, paw-n lor exploitation at the hands nr thoKo who take advantage of   to discredit the race". "In my travels abroad, it xh .-1 Ih1 my aim mid object    record j         tst as thev are  j  m\            I shall attempt 'n  tr*   nvr i  without       or *.  dwe credit to the cause  r. I well ns the effect of the  p( Kterocf  on the frio. i Itw ill doubtless be an  j experience for some our - crt as it certainty will bo for me I</t>
  </si>
  <si>
    <t>                                           CHICAGO--(ANP)--Sailing from New York harbour January 9, for Paris, France, Fay M. Jackson, newly appointed European correspondent for the Associated Nearo Press, arrived in Chicago New Year's Day enroute to New York City.</t>
  </si>
  <si>
    <t>                                           TUSKEGEE INSTITUTE, Ala.--(SNS) -- Beginning thirty-one years ago, colored Agricultural Extension Work in Alabama has become an important factor in the economic development of Negroes in this State. This was shown in the Conference of four...</t>
  </si>
  <si>
    <t>                                           COLUMBUS. -- (ANP) --The appointment of Jesse Dickinson, well known in Democratic circles and an active worker in the NAACP, to the position of Librarian in the Attorney General's office, was reported confirmed last week by Attorney Herbert...</t>
  </si>
  <si>
    <t>                                           Oh, dear! Another vacuum, cleaner salesman. And they talked so long, unless you were really rude, and practically shut the door in their faces, which she never could do.</t>
  </si>
  <si>
    <t>                                           May Return Here Friday, Mar. 5                 ANDY  the man who   I time hit. "Until The Heal Thine Comes AIoiik",  has brought i about approximately 75,000 sales on I phonograph records. Kirk ami Ins j ork" ait  il for an  lien- March 5. A capacity I crowd hi-ard tint  its  ' here  ial  airo.</t>
  </si>
  <si>
    <t>                                           THE world champion Renaissance basketball team will not play in Atlanta this spring if present plans hold fast ... Itty Dalton has a high opinion of the material on the Clark cage team ... J. C. Chunn failed to see one Alabama star on hiss first team of All-Dixie stars even if the coaches and writers, were unanimous on Wheeler and Mills. ... Watch LeMoyne, Xavier, Alabama (the basketball big three) again in 1937 ... Chief...</t>
  </si>
  <si>
    <t>                                           WASHINGTON P-T.y ASKS .C IN        ;; Kit NO                 The l -Tt'H'.-lii rs1 ^Association of Hiiokor T. Washington] Ilittli school has established .1 Student Aid Kiiml which is  to aid worthy, needy sin- i  of the school. The fi/sl ill- j tempt to establish the  ii be- iUK made through a paper sale. I'ersons ; to (rive to thu worthy cause are urged to order either directly Irom the school, or from Mrs. Sam Irving in the city. .Mrs. Df.lly J. Alexander, . of       , asks I hi-  s         :iii(in ill ^ 'he fund          -RESUMES WORK Afii-r :i week s vacation, lowe: :i! conn :,i Die Fulton t Oimqv  resumed  sn Monday ;. of the T.I c:1m.'s . four  lo'.tor)   ol the "" ". drawing S50 t ines. Only jail cn.sps  Ijp tried tilt' month.</t>
  </si>
  <si>
    <t>                                           Etta Moten To Sing Over; 78 Stations                 CHICAGO- (Special)- Etta Motcn brilliant young radio, tags, and screen personality, will be heard over a Columbia Broadcasting System national network of 71 station* tomorrow, February IS, at 4:30 to 5:00 o clock. Eastern Standard Time. Miss Motcn began her  career early by singing regularly; over Sintlo WREM, Lawrence Kansas, where the mu then a. pupil in the F.ne Arts School of the Unlrersity of Kansas. During  vacations, she toured with 'a Redpath ChaUtauqua Circuit7 unit. In 1033. after frequent guest appearances over station, in Chicago: New York, and other cities where theatrical engagement* look her she became a staff member of the National Broadcasting System at San Francisco. She sang,', oa; many coast-to-coast programs, ' aa  with the        Mcrod'ili Wilson orchestra and tile popular "Kare Free Karhlval." ALCORN- P.- K. Easoni. M'atc supervisor of Negro Education, addressed the Alcorn College  forum last Monday .</t>
  </si>
  <si>
    <t>                                           TO APPEAR IN MIAMI                 ETTA MOTEN Noted concert, radio, and screen star, who will appear in concert on Monday. March S. at the Booker P. Washington Hish School Auditorium. Miami. Fla.                 fey.N.P.</t>
  </si>
  <si>
    <t>                                           ("IT WAS MY) LUCKY FOTlA LUCKY DAY VME TOO DEAR,,) SWEETHEART yes. lucky that i WHEN I FOUNDS iHR/~(/5  //v r//W5, 1 1 _~jim w *          .u,,/   to. know      ,.oor ~,,,~r Ihlll . lu.      ""1T- l^rr^^^vS"^11.^.-. ~.-V...l.Tnp .l,h a .-ln.,.10  ,.f ~:,,.--.  IM'l!    "i.. ~.~l,,r ~~""-l l^-io. 'l"hat"s Sm-'s  uml v*"" '- Jfi lil.itk, hl;u-k; tl.irk. iiii- . loo.       , nr         1k. N..     , no J.I.I ,.,k your dealer for a I,     - of '""rc ~"~'hl" ''="~   "    .. l. (-tl -USK).  Don't wnlt -Irv ~;        'it l.   tn thu rc// AniilyMillt i/ny.* It imr NiulNlipil, your -r will ;t  brush--s(.-e Imiw (~   -kly It          your , ir  d..i.. GODEFROY S  not hove J^V It, send $1.25 ,^r jg ^-~^Z%!*mmm*rL french HAIR coloring,. OODSfROY MANUfACTURINO COMPANY 3310 OlIVI ST. IT. 10, M O.'</t>
  </si>
  <si>
    <t>                                           i Ymi NEED This  j f ine, -nourishing. LAeam WlTH winter winds drying out your skin, wrinkles will soon result \~j if you don't do something about it. Black and White Cold Cream Kv, contains precious oils that your skin needs to keep it youthful looking, firm and smooth. It banishes those tell-tale marks of age and '{- gives you the compelling skin of youth! Large jar of Black and White Cold Cream, 25c. Trial she} 10c. For sale at all stores,                 LIGHTEN skin with Black and White Bleaching Cream CLEANSE skin with Black and White Cleansing Cream PROTECT skin with Black and White Peroxide Cream "260 MILLION PACKAGES OF BLACK AND WHITE \j j fl =T=j BEAUTY CREATIONS HAVE ALREADY gE^" ^JTL'^^c^SSA K  I^      ^HBBBSHBSIwQ^F^^^^^^Q and you will receive liberal package of ^^^FV 1 MBST]jm 1 I B L J bJH Black and While Bleaching Cream Free. (Thii I ^1 AobbJ f H B M D B *H coupon  be mailed in to secure lame.) I It! 1 H         1 I I I wM 1 1 i n k Ysgl k 1 IE 1 1 tI name- ^WBBpMBBB^B^^^PBl^^^ff^PSSp^^^^^W^^^B ADDRESS. _T. ^~^H g I Bf "^n^^-jB-^^^^T^^^ ^.SOLD BY DEALERS EVERYWHERE state</t>
  </si>
  <si>
    <t>                                           Elected Prexy                 REV. C. H. WILLIAMS In regular session, Tuesday, Rev. 0. H. Williams., popular  of St. John Baptist church was  elected president or tbe Biptid Union of Chattanooga, Tfinn. for 1937; He laid when seen, "that with the. cooperation of. .the brethern, I 'hope to do something; worthwhile for the BaptiiU of this area."</t>
  </si>
  <si>
    <t>                                           FlfiK  HVM.\i;K ON cn.\MUKi:i..\rN  nire. believed have been started by n de/ .  si ch damage Monday morning t" a hour.; at 4!W Chamberlain Strec; Sfc. Tl:e  was occupied by John Baker.</t>
  </si>
  <si>
    <t>                                           Hear These Stars Tonight                 PI1A TERRELL                 MARY LOU WILLIAMS                 ANDY KIRK</t>
  </si>
  <si>
    <t>                                           SUN FLOWER SOCIAL CLUB entertained with a fish fry recently at the home of Mrs. Mabel Arnold. 899 Smith street. The club regrets very much the illness of the president We hope for her, a speedy recovery. Plans have been...</t>
  </si>
  <si>
    <t>                                           Tuskegee institute will play host to the fourth annual Southera Imercollegiate. Athletic Association basketball Tournament which will start today and last through Saturday. Cnusual interest centers amount this years meet as Atlanta, with its three culstandine institutions sending strong representation, one of ther... Teams are rated as number-one favorites to capture the Southern diadem, an honor, if accomplished, never before held by a local school in...</t>
  </si>
  <si>
    <t>                                           Little Felix A. Robinson, Jr., son of Mr. and Mrs. Felix A. Robinson of 371 Irwin street, N. E., is in Grady Hospital where ... underwent an emergency operation for appendicitis on Saturday night. At this writing, little Felix is resting nicely.</t>
  </si>
  <si>
    <t>                                           Thieves Enter Two Doctors' Offices, Take Teeth, Watch                 According to police, the office Dr. G. B. Warren at 78V4 Auburn Avenue, was entered during the night and a set of false teeth valued at S25 stolen. The office of Dr. S. A. Peters was entered also and, a wrist u-, which was the prop-[ erty of Miss Clara Daniel, was re- ported missing, ihe investigating officers reported.</t>
  </si>
  <si>
    <t>                                           Agents Wanted Make ton to twenty dollars per week selling one of the nation s fastest selling I lair Growers 'and. Cosmetics. WE START YOU IN BUSINESS Send 10c to Help Pay Postage for Trial Order Address:. I PeplineProductCo. p. Hox -inn ATLANTA. (iJV.</t>
  </si>
  <si>
    <t>                                           Dr. T. W. Thurston, president, elder of the Beaufort District, A. M. E. Zion Church, and well-known among his constituents as the venerable leader of the "Flying Squadron", is the subject of much publicity. Recently Dr. Thurston, Who formerly lived at...</t>
  </si>
  <si>
    <t>                                           Fan Tan Bleach Cream Is Highly Recommended Thousands of  cm * FAN TAN BIXACn CREAM to m.k.  skin !   (. . clf*r anil  and to kMp II        b*~ntl(ul. Ort           me PAN TAN  CREAM  Tonr .t  r  1!    from . FAN TAH CO.,     . ll-NB, ?1? 8.  St., CWcmo. UL</t>
  </si>
  <si>
    <t>                                           The Ever Ready Club of the First Congregational church is sponsoring a rare type of entertainment for discriminating Atlantans this Sunday evening at six o'clock at the Houston and Courtland site. The feature will be a children's music recital using talent, under the tutelage of Mesdames Essie M. Groves and Marion Partee and of Miss Lillian Webster. The numbers will be both vocal and instrumental. The gifted array of young misses and young...</t>
  </si>
  <si>
    <t>                                           The Georgia Assembly is in session again. Many interesting changes have been proposed. Some innovations have actually come to pass. May the citizens of the Empire State profit by them.</t>
  </si>
  <si>
    <t>                                           Conference! Standings W I. I' O.I'. Alabama 10 470 ;M8 aim-chouse 12 -ioi r.is Tliilicew 7 S  till 4117 M. n. e. i; s ::ti :;ns j t'i.-li 7 fi Wl :ilJ5 I Clark I S 25S .".lu l.t.:      ' 212 222 Kliuwillr I 1K!I 221! .'c!:! I I 11!) 174 S. C. Slalr I 5 15:~ 201 TalLiilrxa II 22S .".:~i l.:ino K^ i i  S KKSlll.TS i Chirk :!7; Morris Hrou-ti ^li j IMiiri- s. C. Slate 21 S. C. Slab- :~l:  IS Miirris I'. ."I: S. C:. Slaic 21 MornhinKi- -i:;: 'ru^        ::n Clark ::il: s. C. Slalc 2!l 'I'llSkl'BI'l1 27: IIuicIkmim- 21 I</t>
  </si>
  <si>
    <t>                                           KSI ATLANTA PHY WORLD [IHmmmMmmmmi "The NatioTPs_ .ColcTred_JPaily Newspaper" I  MIJgliJAM^    VOLUME 10, " ATLANTA, GEORGIArTUESDAY, MARCH 9, 1937        FIVE CBNtSI</t>
  </si>
  <si>
    <t>                                           PAST EXALTED RULER                 N. II. HAWKINS or (Lite City 1  mI   *. number Til. who will ; tin* slate merlin;; uml  al  at i\I;t(- ni. Gu.. .Moiuliiy and Tiirscl.iy. llr           Itiis will In- tin- ImvsI  of Klkilnnt.</t>
  </si>
  <si>
    <t>                                           "House Called Bethel" To Depict A.M.E. History At Big Bethel Tonight                 i Hcruldcd us one of the grandest i and bust-  ever scheduled tor jin Atlanta audience, "Tlic House Called Bethel." written and produced by Prof. Earl A. StnrllnB or Morris Brown college, will be staged tonight u-l Biff Bethel A.M.E. Church. Auburn                 avenue and Butler street. Thi! curtain will be mised ,ti exactly 8 o clock. Tile House Cnllcii Bethel"  I written with the aim of depicting the growth nnd development' of the Afrlcon Methodist Episcopal church.                 Prof. Starling. auth0r of thq pageant, heads the Morris Brown college Music Department. Since !he beginning or this year ho bus kept 200 talented students busy preparing for Uic various  the drama. Tonight's  comes us a climax to ti week of observance of the Pounder's Duy program of tho A.M.E. Church, -which was  In the first of the week. :'~~'$ Time  Tor the perform*.,; mice Is an hour and a half. A..1 100-voice choir  slug the 2t choral numbers. Several critics who have viewed Hie '200 members of tho oast In , declare tho production one or the best ever presented on an Atlunla stage. Followlnff  B , the  will bo presented,; to audiences in other section*     tlic state. 11' was stated, Close to 3,000 pcr/     mb    '?  to crowd Dl(f IKilhcl fof,$       showing.</t>
  </si>
  <si>
    <t>                                           Heralded as one of the grandest and best-prepared pageants ever scheduled for An Atlanta audience, "The House Called Bethel." written and produced by Prof. Earl A. Starling of Morris Brown college, will be staged tonight at Big Bethel A.M.E. Church. Auburn...</t>
  </si>
  <si>
    <t>                                           STRICKLAND BELIEVED KILLER                 Claim Detective Has Confessions Naming Youth As Slayer                 TWO WITNESSES                 Fied Strickland. 18, of Lincoln '!. was named Wednesday night :i.-: tilt; slayer of Adam McNeil, 40, "i MB Walnut street, who was ' battered to death Sunday . It was reported by police.                 Officials said City Detective D. V Taylor had ob  confession s  Prod Strickland's brother. Orndy Strickland, of the rear of '700 Stewart avenue, and from his brother-in-law, Jesse Randall, of 'e 1748 Stewart avenue. Adam McNeil, night watchman "or the Concrete Pipe Company on V.ivan road, was found battered to  r:ilh by another employe early Sunday morning. The superintendent of the plant, C. C. Minor, white advanced the theory that the night . had been  because he was paid $22.50 thr- previous Saturday night. Fred Strickland was first suspected of the  when he is al(Cominuccl on Page G, Col. 8)                 Strickland i (Continued from Page 1) c,  to have, flushed two ton - t Inr hills at a store  Sunday, ft Tile two who are reported t-3  if signed statements thai Frsd Strlck land  them he killed the night. watchman were being held Wed-  night ns  . They Wei's  Tucsdny. I Police officials  Orndy Slriclt- I Innd mid Jesse Rnmlnll staled {~  Pred Strluklnnd lost .ill of his money nl :i Rambling game inte Eatiucluy night. According to      { -h o, McNeil wfis struck with n wrench three times us he slept. in :i . Ills .skull wns  and his rlfc lil eye knocked completely out. Final rites tor Adam McNeil will be held thus afternoon, starting (it 2 o clock from the Flipper Temple AlvfE church. Inlorment will take r.lnce in Lincoln Memorial Park. iThc Rev. H. M. P. will .</t>
  </si>
  <si>
    <t>                                           Fred Strickland, 18, of Lincoln drive was named Wednesday night as the slayer of Adam McNeil, 40, of 148 Walnut street, who was fourd battered to death Sunday morning, it was reported by police.</t>
  </si>
  <si>
    <t>                                           Murder Indictment To Be Sought For Young Woman j                 I Indictments !? murder I will be sought today at the session of the Fulton County grand jury against Lurillc . 16. of the rear of 535 Robbins street, sncl Lovy Robinson. The young woman is  held bv police for the  stubbing tills week or her 23-year-old husband. Jim. who was round Jcad  Is Buiiislead's . A   Levy Uobinson of Killing 25--ol(i  Phillips nf :i Clmpel street address last' October over n ?o!f bcl. ~-a-' "" by :i  jury serving Ml the lust .</t>
  </si>
  <si>
    <t>                                           J. M. P.--I am about to enter into an affair of great importance to me. Should I no ahead?</t>
  </si>
  <si>
    <t>                                           WINNING. POET                 LEWIS II. FENDERSON of Pittsburgh, winner of the National Poetry competition conducted by Fantasy, a literary quarterly. Several white poets also entered the contest. Mr. Fcnderson. the first Negro poet ever to win a Fantasy contest, plans to publish hk Tirol hook of verse this                 mer.- (ANP Photo)</t>
  </si>
  <si>
    <t>                                           OTERDENOiMINATIONAL MINISTERS ALLIANCE IN REGULAR SESSION                 Tile IiHerdenominatlonal Ministerial Ailinnce had its   at- Cenlral M. Ii. Church with a. large number of the  in '. The devotions were   ;d by Reverend Bailey  r tti ich tl e  business of Ihe dny was token up. The members voted thai ir, vio.i' of Hie Holy 'Week  Kirmsored  the Church Cooperation Committee the Alliance v.Miil'i nol intet Monday. March '22. Tin: Allliir. is ursine all members ro  i these                 ices and uri-'c   to cio likewise. These sei"vices will be Street Y. M. C. A every day  i" the  of hie Butler neck beginning at 12:30 P. M. The Alliance was honored !~y 1 !'c presence of Mr. Reginald Johnson who  a  :iii!ily.Ms of the relief . in Atl.mt.i ond Piiiir.i County. So iiu-!es;ini.'ly did l)e present the       I;, the case that the  . an extension of time in order Ilia! he might be heard fur- thcr. I</t>
  </si>
  <si>
    <t>                                           Ministerial Alliance Announces Winners In Crime Essay Contest                 Tlio Tnterclonomin-. Alliance, motivated by a desire to make .'i c   Llic  against crime  some months ;igo dy thc Atlanlii Daily World recently, sponsored nn -essay contest. Tile  was onen to children In                 Duviil T. Ilortfircl Hiijh  mi'.l                 Uir Junior High department of tin; Booker T. Washington school. Tlie subject was: - me Public School' Children Can Do To lessen Crime in Atlanta." The essays wer(. not Lo be less than three .'Cl words in : nor more th;~n live . Al1 .-; .submitted wero nrst To be (~ by ilie  teachers in I he two  :md the ten bosL Itirncd over io :i  ot tht. Alliiincc for lin.il Judging. rl ho         wi sc  h\ on Jaminry 'JO. A prize of live  w.'i.s ("i fci-pd In   lo tlic student ivri.iMB the best es(Continucd on Page 6; Col. 6)                 Ministerial Alliance (Continued from Pijje say. The essays have been submitted and judged and the Interdenominational A'. Is happy to announce the winners. In the David T. Howard School, the prize or live dollars will go to Orlan Bnbcock. An award of two dollars nnd a half will be Riven lo Wl'. JefTerson of David T. Howard School whose paper was a close second In consideration  prize. Miss, Jennings ot Booker T. Washlnclon School was given honorable mention by the judges fnr having come nearer than ony other contestant In that. Instil ntion to meeting the requirement for Hie award. Plans are being made by the Alliance for n public presentation of the prizes at the First Congregational Church Houston and Conrtlam! Streets. Friday. March 12. at which time the winning essays will b0 road .1  y their writers. It is hoped that a large crowd will be out to acclaim In* youngsters u ho won (he prizes In this contest, nnd to encourage them nnd many hundreds more of our  school children to begin  to think constructively noon the credt civic and social problems which they must face as leaders In the not loo distant -l!. The Alliance met at Central Methodist Episcopal C h v c li. Tuesday ni noon. President J. C. Wiicht was in the chair. The Rev. Gladdens led tho devotional exercises, after which the business part of the program was entered Into. The Alliance voted to sponsor til? (lay nursery, which is operated by Hie Federal Government., under ihe supervision of Misses Wcoclmfi' and Morton at Centra! Church. Clubs and oilier groups will bc. asked 10 assist hi this                 worthwhile project. A letter of congratulation will CO from the Alliance to President M. S. Davagc of Clark University on securing- a  dollars for the  and his leadership In bringing the Institution lo nn 1 place lei the  world. Tuestlay at noon. MiireM 0. will be the time or the next meeting.</t>
  </si>
  <si>
    <t>                                           The interdenominational. Alliance, motivated by a desire to make a concrete contribution to the crusade against crime launched some months ago by the Atlanta Daily World recently, sponsored a n essa y contest. The contest was coon to children in the...</t>
  </si>
  <si>
    <t>                                           PRESSURE IS PUT UPON SENATE                 Influential Leaden Urge Solons Give Bill Approval                 SEEK PASSAGE                 NEW YOniC--'     -SnurlVcl on In Incrraiwri  by Ilir       by  K'fli Ht^  mi April ITi  1 1 in (Invagtili ^ 1)111. r. uf Uw   Uwir  to Hip 8    - with                  Bated over momentum  by thu Oavsgnn Mil in Uir House  heartened by expn  or determination to keep flu i  which ore  In from all sections ot Uip i*. Uw K.A.A. O.I*. this wn k urged a  barrage of loiters, telegrams, petitions n ml -ions be sent I'i K(-                     upon them  of tin- country for I his legislation. There Is 11  ! ui Washington Unit It Is not Miflirlcnt for senators to state that they  re la favor of the legislation mid will vole for it, when it comes lo the floor. Whnt is needed now    the promise of senators to work to ; the l)l11 l0  floor. Tlie citizens buck home are nre,rcl lo write and  Uiclr senators ijo to Uie leaders in the Ser.ai" mid cnl! for  on the  bill. In I lie Senutf. the 1)111 is l:      tis the Wngner-VinV Nnyi: Bill iS.17001. II -r:; only .':        .v from the Ciuviig.in   mi  bi- Hie two is - to :i simple . 'Hie N. A. A. C. P.  il this v.c.ik - li li-ll  I In- ')lll  pass II ii emu' up for a vole.  William . of llm Jloiisc. told reporters lust week l-hnu It ; bill reached the floor of tins Senate and there was 110 filibuster* I IiiB. it would surely pas*. While the f-:rces which were vl:1 in  the Oavucan bill throuGh the House are jubilant over I heir .*' ami are tackling Ihe Seunlo undaunted, they  toin: cut thai thetv are two very real danger:: facing Mio bill In Ihe upper house. One Is the prolonged bitter ficht over II ic President's supreme  . Tlie other l.s the direct filibustering on- Ihe  bill Itself. "In order lo . action, the people if the country have'' t;ol lo make themselves heard in Washington, Mild Walter While. N. A. A. C. P. Secretary. "They  Irt the Scnnte know that  want this bill pissed. Tlie Lilll must be (lot Iliroutili  Suiiiile. Wo  Ihink of ." Tlie Duck Hill. Mi.v.. lynching Hecounlod fur               dally papers ' over hi .support of Hie bill, The. :.             of ^ Is Ihe Danville, j Vii..  which on the very :  il the Duck Hill .f. { er. an  . a fi  :inli-~; bill, bill re(Continued on PaRe G, Col. 7)</t>
  </si>
  <si>
    <t>                                           NEW YORK--(SNS) --Spurned on in increased effort, by the ... vote by which the ... April 15 possed the ... lynching bill, supporters of the legislation turned their attention to the Senate with redoubled energy.</t>
  </si>
  <si>
    <t>                                           Made Her S'~i" T. And jVl ich More Beautiful AH cUr did tn  dark MUln  blench  trc(                 mw lo Mimiil "i FAN TAN III.K.1CI1 nit AM. It (11(1 die  K(rt(. Got the (1('USI.- k1/.~ r.ltc r.\N TAN from Jour  or (Hrcl ' the IMS TAN CO.     (f. 20-~y. il- s. . Cliliocc. 111.</t>
  </si>
  <si>
    <t>                                           JAUNTY RIC-KAC TRIMS THIS SLIMMING  iii*^' Alii CLAIRE TILDEN Palltrn. Ifi4 Wli.-il. m.iivi ),,'-; for Dis ""   .5 ~:lr-mli-ri?.    : Claire Tildon sl- sn  an'1 .;, I'm    '     "l.'iys. .'cii l dC  iil a.-. WC'll I'M' Rlll'lillliV Ml'lrriiOOIls! You'll CO !/.'C .Vmr M'i'li.. I've I '"~. .s"  ii yen \vi*:ir ils i.*:isy-   -j)jii)CM .   )/~lit il.y} Anil y Mi ll l)p  hy :i)I wlio we you, dii iho   , -- .', ;nu) .slim-lim: skirt. Cny l-ic-rac  is c. crisp  fur . . nnd                 b.'  ls, jiii i hou* .i'i ii I would bo 'in bright conti*:i.sLin^ j color. l Mlicrn Hit is  in;  or silk . Uruiiloil Sowing  ai c-(~m))."(\s Oiisi n:iil T~. I I'al t id Hil is fill ill   10, IS, Uii. :;-l. :H'i, ::S, Hi, u, it, .-in. :i ici ;X. Size .'III  Wi yards -10    fi-8 v:inis fcj^-. SonJ  CENTS (ISc) in coins or  (preferably ) for ll.is . WRtTIi CLEARLY SIZE, NAME AND DRESS AND STYLE NUMBER. ScnJ orders to Scott News Syni t  "World", Pallet-it Dtpartnient, 210 Auburn Avc, N. E.. Atlanta, Ga.</t>
  </si>
  <si>
    <t>                                           In Mcmoriam In loving  of our d:      ; -r, Mrs. Kiln Watly, wlm (       life I'Vliruary l!l.'!5, two. years :ij;fi . Mrs. KuLli Ciarmoii, , Mrs. Maiulu Smith, , Mr. Churl ie Wally. Mr. Son Wally.</t>
  </si>
  <si>
    <t>                                           To get self-respect one must do those things that merit respect. I never approve myself unless I do what I know I should do. Self-respect goes back to morality.. When I am moral, I respect myself. When I am immoral I despise myself.</t>
  </si>
  <si>
    <t>                                           The Memphis Branch of the NAACP wishes to call the attention of young people, who desire to secure professional or technical training to the scholarship bill recently passed by the Tennessee legislature. The bill, known as "an act to provide scholarships for...</t>
  </si>
  <si>
    <t>                                           Look here, yawll! Look what the SNS sports editor has brought back to the sports page... BASKETBALL! Mommer oh Mommer, why does he dig up this picture here today...basketball has been done with for nearly 75 days?</t>
  </si>
  <si>
    <t>                                           Jesse O. Thomas, southern field director of the National Urban League, is back in the city after filling a series of speaking engagements in Cincinnati, Ohio.</t>
  </si>
  <si>
    <t>                                           PAY TRIBUTE TO AMERICA 'S WOMEN AT SUNDAY MEET                 Climaxing :i week of  In Hit; observance of "Finer Womunhood week" sponsored by the Zela Phi Beia sorority, a simple but impressive program was rendered nl Morris Brown college Sunday evening ii:30 o clock.                 The program, presided over by Mrs. Mayme Fountain Lockhart, anti- of the Epsilon-Zeta chapter, was opened with the singing or ihe Negro National Anthem, after which n brief history of tiie sorority was given, including "Who's Who in Zctadom." A panel  was the feature of the evening s program, the theme "Finer womanhood" permeated each address. i Speakers for the occasion were Mrs. Alice D. Carey, professor emeritus of Morris Brown college and Honorary Basileus of      sorority and Miss Frances Brooks, popular teacher of Howard High school and youthful dramatist. Mis. Carey, with her rich experience, analyzed and interpreted the movement" by using synonyms which would mal;e vivid the I rue meaning of the word. "Lilt you climb and hold your heart up os the pine tree" seemed to om-  [lie necessity of cu.'-  uii appi-cr-laHo,, for . i  women.                 Mi:;-: I'irotik.-. who ~.     .: -d her subject, "Woman's Duties in a Chunking Society.' hf:Id her -nce spellbound as r.hc reviewed  origin of woman and her given place In the past up to the present tirm.\ Concluding, she said. "Let society have no muster and slave, bin each one  be." Vusic consisted of a .so'.o. "Smllin' Throush.1 which was effectively sung by Mrs. Susie W. Jenkins, accompanied by Miss Sadie Walson.  01 the chapter. Miss Grace Bradley  the presentations, which consisted of a $50 scholarship 10 Psl chapter I from the national body; $2.50 pris^ i to Miss Paralco Clark. Booker T. j Washington Hinli School senior, i for Hie best  on "Finer Womanhood." and ;i silver cup for at- tendance to the ChRiitauqun Cir- j cle,. a club of over 75 youm; worn- cm. students of the Boolter T. Washinqtop  School. Mrs. Helen D.. ]UU, president. The second largest attendance number  \v:is a tie between l. Psi [    :nul ]5hi HC'li, Sism:i fi iiii .s. I The 7.Q\-j Phi Beta sorority son-,' I'onchtdiHl ;iu'- lir.',  was  rd lo :,n Mpprr-.' audi- j i;.</t>
  </si>
  <si>
    <t>                                           Climaxing a work of aetivitlo,i in the observance of "Finer Womanhood week" sponsored by the Zeta Phi Beta sorority, a simple but impressive program was rendered at Morris Brown college Sunday evening at 620 o'clock.</t>
  </si>
  <si>
    <t>                                           KNIFE FIGHT EDS WITH DFJ1                 Clarence Johnson Is Victim Of Struggle With Weapons                 SAY BOTH DRUNK                 A knife  In I tit-  nl Iavii   men proved filial to mil! Tlinniiliiy   tlip  iif Clnrrncn Jolmson recorded on his second  t" Grnclv clinic.                 Johnson, who lived ;il II Lynch Alley  Alexander Ainns. wns M alleged by the hitler In h.ivr: ronin home mi l started am . Ihcn knife Ii^ht. Bulh men. reported  a In drunken stale, were severely eul und stabbed in Hie affray. Amos is said to have walked to llic Grndy hospital, while an ambulance carried Johnson down to Hie Dutler Sired site. Amos, less seriously injured of the two. was  and sent to the police  where charu.es of "disorderly conduct-slabbing" wire hooked against him. Johnson, more badly hurt, wns kepi under observation of n Grady doctor. Around 5:45 o clock Thursday morning., according! lu the attending physician. Johnson "snapped out of It" and appeared enabled to take his place in the  jail along with Amos. Hospl.il Patrolman B.j L. Mosclcy was called and the maul sent lo jail where the saint' charges were placed against him us Amos.i When- the --lo Hike: Johnson  the courtroom for, Irinl shortly before H o . the: Alnshed man wns found In an unconscious state. He ~;is pronounced ~'dead on arrival" when a patrol i.-. reached Grady with him the M'concl time. Charu.es against Amos wcrs         lo "suspicion of1 murder" upon Johnson's death. The murder of the Lynch Alley man marked the 3Ulh colored ! for the city of Alhtnla during the current year. The death of Eva Knlcy. ol 115 Walnut Street. on last Salurd.iy night, which  upon investigation have been caused by knife wounds, was Uic I'illli. It was not -d at the time hie lo scarcity of details. Three women h.ivo since been arrested and charged with Die crime.</t>
  </si>
  <si>
    <t>                                           A knife fight in the home of two alleged drunken men proved fatal to one Thursday morning will the death of Clarence Johnson recorded on his second arrivel to Grady clinic.</t>
  </si>
  <si>
    <t>                                           Rain intervened the opening game for the newly built Atlanta Black Crackers causing the management of postpone the opening tilt between the Atlanta Black Crackers and the Chattanooga Black Lookouts, until this afternoon at 2 o'clock when the two clubs will play a double header. A soggy field, after practically 7 hours of rain, is the direct cause. Both clubs were primed to the notch, ready to open up what looks to be the banner...</t>
  </si>
  <si>
    <t>                                           CLEARANCE                 With five .slum clearance and low-rent housing projects completed in PWA's  housing program, 1,778 modern. well-designed dwelling now are ready for Occupancy -it modest . Howard A. Gray, director of Housing, reported  lo Public Works                 Adminlsirnlnr Ikuolrt 1... . Bring    ; nil I'm I id .slum Hvjp.n I'oiulit- for low 1 1.;. the '.s :nc  in                 Trchvootl  University Federal  in Atlanta. Georgia: tho William B. Patterson courts anil Riverside HeiRlils developments in Montgomery. Alabama, mij Liberty.. Squaw -Jn...\Uumi. En... Rents  rrom $3.!)7 pot- room  lo $S.5a. Till' live / uvr l nuu u:   uers in PWA's   (Colil -fl  iu Pa;;r   ; C'dl. 1)                 5 Slum Clearance (Continued from P.ii-'- I) clearance nui lou'-  program, which includes     pro-  in some an cities. Other i projects will bo opened in :i mini- j her of cities during Uie ne*t few months. When completed, tin: program will offer some 2!.0()0 rare-, fully planned homos at low rent:- j to families wlio will move from substandard living conditions in the various cities. Techwoocl . Hrst project, j l.o open, is almost. 100 per cent I occupied, with f)77  families making their homes in llie dc- I .  rents are ;\'i low as $10.40 for a three-room apartments. More than 1.100 colored registrations nuw :tre  i considered for University Feeler- i ill Homes, tlio oilier project :n Atlanta, which contains but 075 dwellings. Tenaiu selection in this project hns been put under way.  buildings of the Projo-jl  not yet been turned over to I the Government. With two appli- cations on tile for every available. unit and more  daily, i it is anticipated that when the buildings arc delivered to the Housing Division, the dwellings j wi l be filled rapidly. The average j rent in this 'development is $3.72 I per week, for a three-room how. In Liberty SqUMie. Miami. -n :i])l) four weeks, a first  of some- MS families ha^ mowl into ;.;rout) houres of the development. Selection of  tenants U under wny. with new  s arri\p ui{i weekly at. the pi O.icr'1 to take up their new quarters. lien1, tlie average rent is S3. 7") per week, which pays for a spie-and-span new three- room house, complete with modern  and bath and spacious yard. Tenants are now  chosen to occupy the two projects iii Monluomery. Ala.. which were completed at the end of Jnnuiuy.      than Sdo persons   d for the ISO available Tuiits in Ihe William R. Patterson Courts, v.-lu re trim croup houses rent for an avi raf.e of $1  X'r room per week. On the Riverside Heights project, more than two persons hav filed for  of Uie 100 available : unit;. ^:rc. . well-  houses of  i'   'oms will  lov $17 a month.</t>
  </si>
  <si>
    <t>                                           With five slum clenrance and low-rent housing protect, completed in PWA's national housing program, 1,778 modern, well-designed dwelling now are ready for Occupancy at, modest, rents. Howard A. Gray, director of Housing, reported today to Public Works...</t>
  </si>
  <si>
    <t>                                           FLORIDA 'DAILY' FAVORS ANTI-LYNCH LEGISLATION                 miii Dtr IS  I LUG                 Thinks Legislatures Of South Realize Need For Law                 'U. S. MUST ACT'                 NEW YORK- IS N 8)- An. cdl-  In the Miami, Florida Dally News for February 26 comes out for a federal anti-lynching bill. The editorial in full:                 Battle Against Lyncning It is probable that, within a number of years, Southern - tures will be ready to pass laws against lynching. It Is evident that no such general assumption of state responsibility is Immediately in view. This leaves the federal government to dcai with a menace which Is inspiring increasing public impatience with the brutality ot murdering mobs. Into the senate yesterday went an anti-lynching bill, modelled after the Costigan-Wagner measure which was killed by  Southern senators In 1035. A companion bill has already been inr troduced in the house. The measures provide that any legal officer lound guilty of negligence In the protection of prisoners is liable to five  in prison or a $5,000 fine. The city or county in which, the lynching occurs is a'50 liable to a fine. This range from 2,000 to $10,000. Immediately following any reported lynching the G-men will bo set upon the trial. The law Is not so drastic as lynching legislation goes. Probably.it is not drastic enough. Virginia has had an anti-Iynching law for ten years which not only punishes the negligent officer but provides (Continued on Page G; Col. 6)                 Miami Daily (Continued from page 1) for lodging of murder charges against members ot the mob. This law is accompanied by provisions 'or .strict enforcement and there has not been a lynching in Virginia -ince it was passed. It will be said the proposed measure violates state rights. Constitutional authorities have argued b3th ways as to that. But lynching . human rights and few  tates have shown a disposition to  their rights toy assuming '~he responsibilities which they en'.all. It is doubtful that our Southern opinion will long tolerate perpetuation of mob rule. Last year there was founded an association of Southern women which declared !f* resentment that the honor of white womanhood is  as  Tor brutality and crime. Lynching submits one human being to  tortures. It submits a dozen or a l.Jiidrcd or a thousand other human beings to moral  and loss of self respect, in recent years it has been a matter for gloating in the European press. America should tolerate no further compromise with barbarism. The states have hung Lack. Now it Is up to the federalgovernment to drive the matter through.</t>
  </si>
  <si>
    <t>                                           NEW YORK--(S N S)--An editorial in the Miami, Florida Daily News for February 26 comes out for a federal anti-lynching bill. The editorial in full:</t>
  </si>
  <si>
    <t>                                           Fun Tan Bleach Cream Is Highly Recommended Win I- "f wnm    ' Ki'liillni' TAN Ill.H.xm  I" mulli- Hlflr Nkln . .  mill loH ly mill In ki-rp II  l..-,iul Iful.    -l Ihr   K dm r.~s t.\s HLB.tni          nr /-rt from I In- IAS TAX TO., . 5INS, :i: S. FruulOln bt., Cliicotu, 111.</t>
  </si>
  <si>
    <t>                                           FRANK MARSHALL DAVIS' LATEST BOOK, "I AM THE AMERICAN NEGRO," RICH IN THEME</t>
  </si>
  <si>
    <t>                                           CHICAGO--(ANP)--Now that Benny Goodman has smashed traddion and demonstrated that interracial orchestras can be accepted in person by the best-circles, who will be, the next American dance hand leader to follow in his foot steps? Will he white or will he be coloren?</t>
  </si>
  <si>
    <t>                                           NEW YORK -- (By for ANP)--Singing before a capacity audience that had wade sure of its tickets weeks in advance. Marian Anderson, now world-famous contralto gave a splendid concert here Wednesday night in the historic Carnegie Hall.</t>
  </si>
  <si>
    <t>                                           FOOD PRICES IN in RAISED                 Indian Trader Tells Of Hardships Now In Exista/ice                 EXPOSES ITALY                 , Prciiei, Sninnliland- i f AMI')- An   (~(~ 'Iritish  I, un Indian  who lia.t hwn i- hy  -s utter ^7  in Ethiopia, lius  Iipiv  Hint .f.  \vn)i Mussolini's: l.oa-ii nf now rout rolling all of I                 thai African . T)   Indian declared that  warfare  proceeding in many parir. of tin- country and           '   months ? invade/.1; an- still trying to disperse some IrfuidK of native.-;   trr.iil)     . Th(~se bunds and others  in        district  .~ -rod .v Ioxnox on Hi*~ Italians. '*TIk- :ins nt^Vfr show  i-:  :n:il!ii*.s i-vi n 1..  own soldiers," iho Imiian  nn. "They pass them to l).        at . fl H first        land Ihi-ir , whom  lake up      positions by a different route, so I hat the- new batches nr-vi" see itu* wr.  t.hey arc ;. traders, Europeans,* In[.-:. and Arabs, are b'.-int most  treated. Italians spies      to k'-i           against '.is  (Continued on Page 2, Col. 8) 1                 Food Prices 4 (Continued      :     1) bnd characters of the town; It Ik nn everyday . in Dtredawa,  I lived; for soldiers to iry tb _,"t*reh?^: disc nt a low . When tne.  refuse,  nro hauled up before nf- court -.ana  up in prison for nve The: Indian  the  of foodstuffs ha\K:, up    three timed ,       .- '^</t>
  </si>
  <si>
    <t>                                           DJIBOUTI, French Somaliland-- (ANP)--An aged British subject, an Indian trader who has been expelled by Italian authorities after 27 years in Ethiopia, has brought here stories that conflict entirely with Mussolini's boast of now controlling all of...</t>
  </si>
  <si>
    <t>                                           William GARGAN BINNIE BARNES WENDY BARRIE Raymond WALBURN i^Mjjk "1 ^HRm in blue" ^HHsiuHKildi!! 8 V 0 D V I L J N 0 W 1' L A Y I N G! CflPlTDL THEATHEvi</t>
  </si>
  <si>
    <t>                                           BURDEN -GUILTY OF STABBING                 A Fulton superior Court Jury TucMluy found Albeit Puliin guilty of slabbing Krncsl Biu-dcn following n brick-throwing  Jomimy 22. Judge Davis will  sentence tills . The Irwln street  hud been  Indicted for sin assault with  lo murder, but Hit Tuesday jury f.' to lin I  evidence    warrant  of the Indlcliinnl. Several witnesses   both men threw bricks al  oilier,   with the ; st; taking  n-.n Pulllu's . It wus not  revealed ns lo what hnd  the sudden dare of  Itctwern the two men ; the , testimony CUIllllellll;: Hi. points. Man Is Injured By Falling Weight A 300-pound weight lell on Ell Mitchell, of MO Brown Avenue, during Tuesday. Grady  ri.-poi ls showed. The man s shoulder woe severely hurl und an Xray requested. 1000 Feet Copper Wire Stolen One IlKiiiKiiud feet ol copper strand cable on n wooden roller was reported stolen from Vf. P. A. Project Number 301T at thn City Aiidltorium Tuesday. Tho   f the project hnd no iden how the big steal was , it was tinted.</t>
  </si>
  <si>
    <t>                                           MONROVIA, Liberia--(ANP)--Citizens throughout the Liberian Republic were elated over the recent announcement that Great Britain had resumed diplomatic telations with this country after being without representation here for a long period. The new Consul...</t>
  </si>
  <si>
    <t>                                           Sunday we anticipate a spring awakening of our members and friends. It will be our Educational Rally Day and each member is asked to pay to their leader $1.50 and each leader is asked to raise and report $30.00 so the ... is "Come over in Macedonia and help us."</t>
  </si>
  <si>
    <t>                                           THE BEST ATTRACTION OF THE SEASON BELL AND POWELL CIRCUS AT SUNSET CASINO TONIGHT. IF YOU WANT TO LAUGH SKE THE BELL AND  CIRCUS TONIGHT AT SUNSET CASINO.</t>
  </si>
  <si>
    <t>                                           MONEY For Salaried Peopl*</t>
  </si>
  <si>
    <t>                                           Mrs. Lelia Banks Is First Person To Actually Move Into Housing Project                 Ry        M.                  Mrs. Leila Bunks is a happy lit tin woman today.                 She went on record '         morning as being the  person lo more into     of the University Homes, the l WA  project for colored people of Atlanta. She  her husband. Oscar Bonus,  at the Southern Rnilroiid yards, and their , Mrs. Ruby Cvofl, arrived on thu scene almost ah hour earlier than officials  planned opening the door to the four-room apartment assigned to this family of three. At eight o clock. Mrs. Banks was given the- key. An hour l: her furniture hac- been moved into apartment number 157 at UHl Roacli street. "I foe.1 mighty good about beins Ule      . to move in." she informed a World reporter. Mrs. Banks estimate^ that it will take her at least smother clay lo get her  in order. The neat little . consists of two be.i rooms, living room, kitchen, bath and a small hall. It is :                 ;-lair:;. The Slinks  d from 43U Asli- j by SU'itI. , whore ih'.'y  lived two yi nvs. They will pay $6^5 a weel; for the present, home. This I will Include rent, light, waler and 6'js. Mrs. Bunks figured that she anil her family paid1 a little less at the Ash by street home :is compared to what they will have lo pay now. She .'aid she :e?, d last, O;'io- I her :i[ Ihe Tcdiv.- proj'.-c-.t for I one of tin- apartments. So intent was she on living in Hie University center, Mrs. Banks said she visited the  almost every ilay while workers were  Ihe , in shape. Vva been through nearly all of .'" she declare it'. Tlie first lady to occupy one of t!ie University apartments Is a  of Zion Hill Baptist church, but frequently attends services at Bethany Baptist church. Thirty-two families were given keys to various apartments Thurs- tiny. 'Hie ; management has accepted 3117  an^ given entrance notice to 1H4.</t>
  </si>
  <si>
    <t>                                           Mrs. Lelia Banks is a happy little woman today.</t>
  </si>
  <si>
    <t>                                           Mj^OLMj/ANT I Stop Worryin*! De You Nwd a New StMtt Writ* Me. Todtjla( tn*. M. WILLIAMS, Journal Square Station Jersey Ciiy, N. J.</t>
  </si>
  <si>
    <t>                                           TO HELP YOUR COLD Do this NOW! IF COLD IS IN YOUR HEAD Try the famous "2-drop treatment" of Penetro Nose Drop?. Just 2 drops in each nostril and you feel relief. Quickly, the  that Penctro Nose Drops contain, together with other perfectly balanced medication, spreads throughout the nasal passages to soothe the inflamed area and to reduce the redness and swelling of the mucous membranes. Use Penctro      Drops for both children and grownups. Keep a bottle at home and at the office. Remember, for head colds be sure to ask your  for Penetro Nose Drops, 25c, JOc, $1 bottle*. IF COLD IS IN YOUR CHEST Do this tonight: Before you ro to bed rub Penetro on your chest ar.d throat, then apply hot cloth. Relief quickly follows because Penetro is stronger, contains 113% to 227Cc more medication than any other nationally fold cold salve. And because Penctro has a base of mutton suet, it conserves and concentrates body heat to enable this stronger medication to help nature break up congestion. The aromatic vapors of Penetro also help to relieve stuffiness and soothe the inflamed area. Remember, for chest colds ask your druggist for 6, snow-white Penctro. New si:c Penctro, 35c, contains twice as much as the 2?c sire. Larger sizes, 60c and $1. Cet a jar of Penctro today. PENETRO HOSE DROPS ~-d PEJ1ETRO aro products ol Flough. Inc.. -rs ci St. Joseph Anpirin.</t>
  </si>
  <si>
    <t>                                           Hi ;- kinu JjJIjjjIJLPAINS ip^' ^W' monthly period! B   t .~k?  '\'~- or * %  J,tm*%V tlon. cramping t%; ~*38 r'-/'  pc"n n:ul Jnn^ttj^^^^/ gled nerved ^^^^f^; soon rob n  or her ^ffi^ natural,   J^ fill freshness. PAIN linos too orii-M grow into AGE  If you are subject to suffering at  periods, it may be that Carclui will  you. Tliuusunds of women  have round it helpful to     ![ { take Cartiul. Tliey sold iSt^? i it HOcniL-d to  their .fit pains and they noticed  nn increase In their ^SS- 5  and finally a ??ff I  resistance In tin; stress of monthly periods. Try Ciudiii. Of course tr It doesn l hi-ljj you. ,sl-l- your doctor. % 6OLD AT ALL  STORES</t>
  </si>
  <si>
    <t>                                           M. M. D.--Would it be advisable for me to make the trip I have planned?</t>
  </si>
  <si>
    <t>                                           TITTER STUBBORN ITCH tf^';'"-Sl C)l*utr   mil    t,f\Jfm Itch In*  with Av ;/M JPR. FRED '_PAy^~^^ '^S/gi Stop Worrying I i Do You Ncea New Burti V- 'Write   . Today. Information     . A 'M: WILLIAMS, ..Journal Square Station Jersey Cify, N. J.</t>
  </si>
  <si>
    <t>                                           CN. T-H EjT ;B;erc IJ2klC REA LM:</t>
  </si>
  <si>
    <t>                                           Death Before- Wealth Behind                 TARRYTOWN. N. Y.- Aw.d l,y ll,r ,,,vs,....v of J.-..H, before I hem,       - cl.iM1.-11 wire .n..~~~~.-d :i, they  I casket of John   . Itaclnlollr,. Sr.,   ll.c train  bore it tu CI, v.~j,,d for Iniiial. May 2(i. Tin- children          .~tf J al  I  tu i.i.r ul ihi- '^   -          n.cu l. ll.rn,, Jol.ii D., Jr., wl,., aUi, , il.* Jeparii.iv ol !.   ..i,^', b^d, to it.      it-;    :~Cf.</t>
  </si>
  <si>
    <t>                                           TIM TYLER. .^f, % By LymanYoiin)                 FELIX, THE CAT By Sullivan                 DOROTHY DARNIT _By CW MsManJ                 IT S A GREAT LIFE IF YOU DON'T WEAKEN "T7? r Z T'' ByJackRabWt                 JACK SWIFT By Brai                 NIPPER v i</t>
  </si>
  <si>
    <t>                                           Victim Killect By Deputies In "Escape Attempt''                 , (SNS)- Thd bullet-riddled body of Willie Reed, 24-year-old Turpentine worker, who is alleged to have confessed murdering two white women, was taken! from an undertaking shop Monday  and carried by a crowd of' approximately 300 white Denons to                 a nearby baseball park where It was- burned on a pyre built ot boards  from a fence. Allegedly captured in a barn loft nt Dothan. Alabama, Reed was shot to death when deputy sheriffs taking Mm to Albany declared he attempted t0 escape. The victim was reported -, lied by Sheriff W. J. Catledge,,      arresting officers said they,', traced the suspect to Dothan after the hacked bodies of the  were found In a lonely; woods near here- After Reed was fatally shot by.the deputies while  to AI-,                 bany for "safe keeping.- his body was  Tiere and turned over to a colored undertaker. Spurred by the mob Instinct, the 200 oc more  organized quickly and., then took the body from the  parlors. The burning of the already dead body was described by witnesses as a dastardly act. Tlie bodies of two farm women hart heen hacked by a sharp Instrument. The older of the two. n 30-year-old woman. was found Intc Sunday and the body of the younger woman 16, was discover* ed Monday morning about 400 yards from where the first body was discovered. Arresting ofl'.ccrs declared that Reed admitted killing the older woman nrst and then criminally attacked the girl before- taking her life. The search for Reed was begun when the two women failed to put in an appearance and neighbors Insisted that they had seen Willie Reed following them. A similar Incident occurred IB Ncwrmn. Ga.. May 11 'when Jaraet Sunshine" Williams was killed by a deputy in what was termed "an attempted escape." Williams was accused of killing a white man and throwing his body into a creek. The suspect was shot down by the  In-. a woody section near Newton when he Is alleged to have tried tu elude them' About two days later, th0  (Continued on Page 2; Cot. 4)'                 Victim Killed (Continued from Page I) miin thought killed nt the  of the dead colored man. was found working on n (arm about 12 miles from Camilla, in Mitchell County. Williams was shot and killed by Deputy Slierlfl Aaron Ocnson.</t>
  </si>
  <si>
    <t>                                           BAINBRIDGE, Ga.--(SNS)--The bullet-riddled body of Willie Reed, 24-year-old Turpentine worker. who is alleged to have confessed murdering two white women, was taken from an undertaking shop Monday, night and carried by a crowd of approximately 200 white persons to...</t>
  </si>
  <si>
    <t>                                           CLOUDY and warmer./</t>
  </si>
  <si>
    <t>                                           To Thrill Knoxville Music Lovers March 12                 Alinvt! is pictured George H. Shaplm ;uul his l.  hi:slr;t us lln-y will appear in the KiyiNvilli- Oillri;.- McMillan Chap- ul in a concert mi Friday . M. VI. a( :!:::i) :. Tin;  public- will miss a very unusual   (his presentation or- l-       OrthcMra he . The orchestra is nut a. reduced  at all. hut is  of  leen musicians cai-li "f whom is   in the realm or classical music. Critics the world over say lh:a three musicians an: :i: j of giving every  color to the Rrcal . I C. II. Shapiro, the conductor, is a halon- of no little I note, lie has won international recognition fur his impressive appear- j   in America and in numerous Kurnnran . The  press has paid Mr. Shapiro a:id his orchestra many tributes fur their artistry as a musical organization.</t>
  </si>
  <si>
    <t>                                           THE GAY FLUER DE-LES CLUB had it call meeting Monday night. It was decided that a moonlight picnic would be given Friday night, May 21, at Washington Park. Trucks will leave from the corner of Eadford and Angier Ave., at 7:00...</t>
  </si>
  <si>
    <t>                                           URGES ORGANIZATIONS' SUPPORT FOR FLOOD AREA REHABILITATION                 NEW YORK CITY. N. Y.- Ne- gro Hood sufferers ot l/~ have high praise for the  with which salvage and relief have thus lac been  but (hey  have the support of Negro organizations all over the country if reclamation Is to be                 rled on along the same high level, the National Urban League is Informed In a report made tlu week by iis secretaries in the Kentucky flood areas. J. A. Thomas, Executive Secretary ot the Louisville Urban League, states a committee .of colored Citizens is working closely and effectively with the Mayor's Heller Committee. Colored citizens are represented on the Red Cross Administrative Staff and the Orbnn League Is In constant touch with the heads of other departments 'administering relief and reclamation throughout the city. Thu serous situation of housing Negro  was   for. Over ill the Highlands, Louisville's fashionable and                 wealthy residential district, colored refugees were taken in large numbers. Sometimes, ten or  wero housed In a single mansion. Churches, schools, and hospitals, ordinarily serving whiten only, n-ere thrown open for the shelter and care of colored people. Negro leadership aided in the supervision or these shelters and had excellent cooperation from the Red Cross Department of Welfare and the 138th Fiold Artillery. Devoted services were rendered by Negro physicians and dentists (Continued on rage S; CoL 6)                 Urges Organizations' (Continued from page 1) i ( tlie period whim the  of typhoid cases was a pressing need. Many or these profession;.! mon stayed on Hie Job twenty-four hours without food or sleep. iii:cl nurses were likewise sell -sacrificing. Warning comes. however, I hat (his high level U not, apt to be  during the long- re-1  period, unless watchful care Is exerted by Negroes in other cities, as well ns Louisville. To j quote one observer, "when great nnl.! forces have subsided, the meanness in men s hearts begins again to assert itself."1 The National Urban Loague was alert to tills  when, on February. 3. a conference was held at Washington by Eugene  Jones and Dew i it C. Smith. Director of the American Red cross. Mr. ,Joneu impressed upon ih e     Cross administration the need of careful watch against discriminatory practices in local communities where traditional prejudices might influence  and employed workers to withhold from Negro  Iho full measure of aid brought, to the whites. As a result'. a letter, from the National office of tlie Red Cross to the regional and area directors, urged scrupulous observation of the policy that relief must be administers without raci.nl  nation. Approximately sixty colored nurses arc nnw employed by the Red Cross in. the Ilocd area and a larger number of colored case workers are employed in cities like Louisville and Cincinnati.</t>
  </si>
  <si>
    <t>                                           NEW YORK CITY, N. Y.--Negro flood Sufferers of Louisville have high praise for the fairness with which salvage and relief have thus far been administrated but they must have the support of Negro organizations all over the country tr reclamation is to be...</t>
  </si>
  <si>
    <t>                                           SLAIN Ml KILLED BI OFFICER. BELIEF                 Wlfllc Dennis, 3S. 0  Yunsjr Street, .'). was believed lite victim of police shots  Tuc-sOr.y  when his body was                 found Inter uii EonJoph Struct with a.  hole 1 1 irony 1 1     ! right side of the chest                 A I. ii lule hour Tuesday f.'. it liad nol been positively (Ivlcniilncd as t.o whether "p nut.  was the man shot j at by  allegedly attempting i to ~)ii'::.  concerning moves  jcl us "suspicious". According to police reports, around 2:40 A- M. Tuesday Lieu1.. Davis and b. A. Puckett had parked  patro] car and were v. a store at Glen Irish and Highland Avenue.      a man came " down Howell Street, acting in a suspicious manner, looked about awhile, and "tipped" back up the -treet. Later the -3 IicarJ dosi barking in the rear of n Highland Avenue :-3, they :aid, and with the ellipse ol a few moments, caw the man come "tipping" back. The    arc reported to have given 9 "stop'1 command which  the man s . "SomcUiiiii; shiny" was said to have been drawn by the man from hi.1; pocket :is he come nearer tho police car It was then, tlv police state, that the man was  upon and chased. He was (Continued on Page 6; Col. 6)                 38                 Slain Man (Continued from      I) lo.sl between .es in     I'll". limy said. Near .1:30 A. M.. Officers ISurdcl-l. ami Scolt discovered l.lir  of a mini : an  ld     - nf overalls. Jumper and  (railroad i cup  u  SI. address. A . of U'c   s IiockPts i- :i small xn-w driver, two wrenches and a  .    )ii .. I .U-iit Uuvls and I.. A I'lickcU came In Hie scene and staled Ide man wus  J similarly In    ' otic :; at earlier in (lie iiir.:. Tlir man was  "  n arrival" at. Grady by Dt- Cliunibcr:; ul the Grudy staff. Witnesses  the man  s Willie Donuls, oner, an alleged  and smt-o U'icr.</t>
  </si>
  <si>
    <t>                                           While Dennis, 35, of a yonge Street, address was believed the victim of police shots early Tuesday morning when his body was found later on Randoph Street with a bullet hole through the right side of the chest...</t>
  </si>
  <si>
    <t>                                           rx-si.Avi:. iut;.                  HAM] 1. TON. Bermuda- (ANT1) Mrs. Jam1 Johnson, last survivor: nL' .slavery in Bermuda, which was aboli.-hcd Atiqnsl 1. 1831. died Tuesday at      I'iKirlioiiso. Slip was 10ft j ViMIM Hill. Known :iti "Aunl Jam;", sho was enjoying i^  and  ^lu ht and  until becoming feeble- recently. Unlil a year ngo pIh.1  church . She  said she could remember (he day slavery was abolished here.</t>
  </si>
  <si>
    <t>                                           Morris Brown Students In Recital Today                 This afternoon at 3:30 o clock, the men of Morris Brown Coflesii: will present its Department of Music in a musical recital at Allen Temple AMIS Cliurcli. This program will climax a series at efforts In behalf of the current ' Founder's Day drive                 now in prociw; at Morris Brown. Prof. E. A. Stalling, director of music at the institution promises a very fine program of solos,  . and group renditions. Never before In     history of thp  lias tho Music Department boasted such lino tnl(Conlintieii on Pajje 5, 0)                 M. B. Students j (Continued from Page 1) nuts. Several potential  famous artists arc included ,hi me department; Some or these  who will share the  ht on today s  arc Miss : Doi^ev.  soloist; Mr. H. G?. organist ani i"ani^t of promise and the famous Morris Brown varsity quartet,  l of Messrs. Abraham Miller. Fred Letiran. Otis Smith. and Willis Goodwin. j The KCiiernl public is - invited In witness this  crv musical concert.  i crean Prelude: "Bells of Saint I Mtv's John H. Gattis- Soorano: Sunshine of Your I Smile." Ray Carmota M Branch. Mnle Glee Cluli: "Praise Ye the L:rd." Crtrnn: "Fourth Sonata in D Minor." Maude Woodruff- Guilmant. Soprano: "Vylla." Helena Rfilini? Dorscy Franz LcHar. RLMimrks: John Sander?. Chair man CcntiibutiO;i Commiltt'c. .% '.vc Maria." Ouonod. Male Quartet: "So Hiuh. "CUmbinu Up the M. Children." "Save M'_ .m : Down." CrBii,, PostluctP. "War March of the Priests." Jolin H. Gattis- Mendelssohn.</t>
  </si>
  <si>
    <t>                                           This afternoon at 3:30 o'clock, the men of Morris Brown College will present its Department of Music in a musical recital at Allen Temple AME Church. This program will climax a series of efforts in behalf of the current students founders Day drive...</t>
  </si>
  <si>
    <t>                                           111 d bUy bANu! LET S SET A RECORD OPENING DAY n-)!~; champion Atlanta crackers would ^t) NOT HAVE BEEN ABLE TO ESTABLISH A NEW   t SEASON ATTENDANCE RECORD WITHOUT ITS fe^^^P#^- 10,000 COLORED PAID ADMISSIONS DURING ^; j ^K(L "Ie  invites you to '/m^"" -4"^~r attend the season s opener W  m(^S^X FRIDAY '^S^^/'-^fi^0 APRIL 16th ATLANTA CRACKERS vs  VOLUNTEERS At Ponce De Leon Park .i</t>
  </si>
  <si>
    <t>                                           iM,ANlA'D^  1 "Tint Mfl'tton's Onty colored Daily    *p*ner" j-g          *d Aw_ B*     r**ll7 W*reh M, MM  OAtLY ami  itt StO Aatmra A?~nfl, 3f. TJ      ,Y  PU UL16I  OCX T-.      "*-: WAlnut 14.W- 1460 Member of SCOTT NKWSPAFKIt SYJJDICATfl W. A. Scott, IIt l  rt C. A. SCOTT, General Man*rar  1 A- . General Uamcc Lucius U Jone*.           Rdltor  RATES: ZVAIl.T1:- 1-Tcat. $9.:t; 6 Monthn J4.15: 3 Mootba J1.65; 1 Month HA Tt' IIP At ONl'Y 1 Vc*r JC.OO: 8 Monthn J2.00; X Monthn 11.21 CAnfttia: 1 Year $4.50; 6 Mcnllm *:.1i; Koreirn: I Tv*r (5.40 Kutlofuil ArtvettHins; K^prcc-; W. B.  CO. a a I c P^*^  J*t    ^i         . ill-* onil ^Sl Kou r i h x^^*# r* gmj? i ox*^# if      ^d 1" lb*. rfi Office A tin n la, Ga..     l-    Act of Ccnpr*sn. Mhrrh 3. 1 J!T?     ATt^A-NTA f AJI.T WORJjD 1* nn *pcn'!t.*nl re. ..  *p-r- non ~?ct*r1    '(~*fl non-.  new* -  nJ *; thw*  it    ;~f r-a-l*  . t          '     lo  nj nu*   8            USTL.ANTA 1 AII,Y WOULD  than to Inillvlituuls. T\\t WORLD      *~~~ilj {t^^i r?*       ; for  of  picture*, *. ttc^ mwl^M  t*     ro sent.</t>
  </si>
  <si>
    <t>                                           don't suffer the discomfort of For more tli.ui twenty years inc Black and White Ointment and world -famous Bl^ck .md Wliitc Skin Soap and start to use them  and Skin Soap have cording to simple directions. You'll proven a dependable combination gct "results that you can sec." treatment that has brought relief to 1 thousands suffering from the dis- Tllc 3Oc  Black and While Ointcomfort and annoyance of itchy, nient contains more than twice as  irritations, pimples, bumps much as the 25c size. Large bar and dark patches. Black and White Skin Soap, 25c. If you are troubled go to your Trial sizes of both Black and White i druggist right now, without delay, Ointment and Skin Soap arc sold for and demand the original and genu- 10c at all five-and-ten-cent stores. IF YOUR SKIN IS SENSITIVE try safe, gentle-acting Black and White Skin Whitener to quickly and safely lighten tender, sensitive skin. Sold at all dealers Kit 25c. SOLD BY ,D E A L ER S EVE ttY^H E R E                   pH  M Vb^MtmV i f ^TlW- 1'. I M fci J Jm free offer I' T M ^B II II ^H For ^rcc      ^m fi H' 1 1  H V^I^P^' 1 I I I I I M^H age of Black and 1 1*1 I'^^^S' A I'l' I -:"H' ' Bleaching ^Kjjggi^L^^^^^^^^^^^^^^^^^^^^^^^^^^^^^^^^^^^^^^I Cream write Dcpt. ^^^^R^ff^^ PrTVWI^^H X-68S, Black and ^^Hll'I I J 1 ~^^^l*f f I B^W fi f j 1 V^^H White Company, ^^^^^^^^^^^^^J^^^^^^K^^^^^T^^^^^^V^^^^B Memphis, Tenn. "More Than 260 Million Packages of Black and White Beauty Preparations Have Already Been Sold"</t>
  </si>
  <si>
    <t>                                           ".JK? "Did ~/ic work' ^'"v, ^SKsdjw Miss Glivar L **^^ffi^ V/HY DON'T i ^^^~^r TRY 1T?       more than three months of suffering from a nervous ailment, Miss Glivar used Dr. Miles Nervine which gave her such splendid results that she wrote i us an enthusiastic letter. you suffer  "Nerves." you lie awake nights, start at sudden noises, tire easily, are cranky, blue and fidgety, your nerves are probably out of order.  and relax them with the  medicine that "did the work" for this Colorado girl. Whether your "Nerves" have troubled you for hours or for years,' you ll find this timetested remedy effective. At Drug Stores 25c and $1.00.</t>
  </si>
  <si>
    <t>                                           Freedom ia state or condition that invites destruction as well as fuller life. Freedom is the ... of the individual, a race or a country. When freedom is asked for, there is nothing else left for which to ask.</t>
  </si>
  <si>
    <t>                                           Thieves Active                 Thieves Active                 Many Report Losses To Police                 Criminal    II All;: won' on tilt*  over Hip wd k-ond.  for -roiLs I'OnipluinLs from  K'lm li:~l hfi-n  hy petty -v.-.-;. While  along       -   .vl :ivm.ii.- m.ar YoiiRi'      -.-i. Nailijiii Miirii.-ll nf. 410                 Aiiijum AVI.-HUI* w:i.-. ii,-i.l up by I'.v.i armi-il b:.s  robbed of Jl.Vfi in i'!ish. and a         - of I'iB^r.-tii-s, iiiv.-tft ing to pr. reports. Miu-h*U I old ;. ..iii.v-r.-:  ,,nf 1,1   ,,, me,, \v.\a a kink- :,r:uii(l his u,ik whil.- Hie uUu-r : .i. a pisi,,l, and, ,.r .ii:n . to cl lu:n lo "yo  on." when he started off w:,'. In- said oni! 01' ihi; bandits  nvic-. in the afr fie- cans,, hi- w-     'l  f;,':i enough. Sarah AITokI of 487 Johnson Alloy I'ppiiru-tl td j)-c  thai Komi if! had ,.n-cl i,lt ri'.-iici' mid       -d li -;f  -il :u approximately $10. While ' around in i.hi- . Dcti--s Roper :   ! Sexton, the :.)(; '1-s.    )tte(! a man named Charli.-s Joluison walking witn  :! muli-r Ills arm ani upon (iiii-; he admitted brt-'.; Into ihe house and mm- ~-d Will Itobiiuon of an unknown .is as his . Both iiu-ii ~'f, i.noli''il ;ii   :lln-  I on a I'li.-ir^c ol  biv-:, j ami the .ivd articles wer-.1  i.1 in lo th,. ;. lii-utt-u.tin (' r.U'fplr.it In n vac.ii'.t. h:ti-.p in Hie -i"0 -k nn Pitiman Plarif. Paei-a Cursw.-ll. 18. \v:is ur.   -:U'~} -ri)   booked on Mispiclo.-t aller  ri-rc i- that  v j  st-veral pieces nf s!,,li n auto . Thiesi':; lii-nkt-  :i i-:.r bi-I'-Miuinu In A. C. Holt an Ashby C'uclt-  ss and i;~,k ! I valued al $~_'!) wlh'.i' the c-ar nv..- I -ii on r-' -t-t, Tliit-vi'.s - inti) Hie rt-.'idom f nf CSeoi'Kia Alford  S -a born Kins: 107 Davis street and K'oti-il it ,,l i--; valued -,t $30. 1! lu -c records. C. .1. J'a'^,. nl fj"_'5 Pair :~t  re- i -d to i. tl!at f-" had stolen his i.. valued at j $^1. while- jl \v;us  at Peach- j {(.' on l*a^i- .*i. Col. :;i                 i Thieves Active j j (Contnurd from      I) tree and Eleventh streets. Prod Cobb. employed us a delivery boy a  .sid(; , -d to -rs        nnd  d of Sinn while on Ills way to  \vr :u: oi-dcr.</t>
  </si>
  <si>
    <t>                                           Criminal activities among colored Atlantans were on the wane over the week-end, save for numerous complaints from people who had been victimized by petty thieves. While walking along Edgewood avenue near yonge street, Nathan Mitchell of 410...</t>
  </si>
  <si>
    <t>                                           f  x WITH I STUNNING Hilt STH.E I ty ^we LIKETHIS M ^JH^^^^T^SSHilflWt^BiviB^Bi^HiwWIHt^ST^  MMMMiMkl .JMMiiiikiiMiiiiteiaBiiMrtifluffi M.il.v 'nit lix l: V'ltji* w.iy v.iih .ii ''^9ES!^9B^BK^i^HHi^^^B^ili^ h.'lir I 1.- Tlny'll      it: f..r .. ;im:ic(s ^8      ^y^MEgMi^i^H8^  ^^HBB :'::~ lil.o .1 'Ivlishly Jiv-nl lu'.ul t* li:iir. 1 *i^3iw^^MwiH88 Kr*^V l!m       ymi ll have to tyl  li:iir soft ^^"SflH^^l^i^     ^^BHl^HHfe ; ro.idy (hat it will (.liv-s  /^% .~.^BBaiMMB^^a^388^^BI^Bt ami hold its . That's where Black and    ^Sp38J9k^  %SBHt^^^8^HGiiflD9HHv. While ll.iir Div^si m^ comes in. Tliis wonder ^^^""^v. ^^S8L^BMBHftl^B^^^9l^k^L^Ek1Bl^Ll^LllkHW preparation 1 always ^ to even the "\Skiii ^BB^OK^^^^^B^^^K^^B^^^^KtK^ moot .-,  hair. Daititv ami '% vTy^JSp-j ^^^            ^K^9KKf I'racr. , it softens ewry  "^^^^ ^it^^P**'^  B^SMMp^W^BP^^^HNk to let you        hair easily and smartly, y ^^^9^^~^^HHS^ ami I eep it that way. Cot a can of Black ami V^Sb^^ ''v_ ^^BbBS^BeB^B/B^^^BMi White ll.iii- Dressing today. White, 50c. I'SPPi^?  I$f!*3^^B^BBmm^^UyM Amber. 2,'e; trial  ue, lUe. At all dealers. '^^^^SSB^SBbBSBKB^^BKL. I ^^k/*1- l^*;j.:.--/.*vi?.*v.VTv.**-~-;i.*- **^^^i^BB?~^\ ^~w^^^  W\^ BLACK AND WHITE  Farmvil/ BUck Anil Wlille H.iti Growsr.   ^ r======::=:========jh BLACK AND WHITE  K-l ^^^Wl BLACK AND WHITE POMADE DRESSING oe r^'Vi" 'I m A ri^ " k'"'p' dnw" l"     klir- T':''1 w'' L"9  *~*~C ~\;:  'I .^*-  BLACK AND WHITE QUININE POMADE Of= l''V'~S?l PLljLlS^     Givs  hair.       lil.-. 10c. L.irr,o li,., /5C j PL'^"'''! !jWW!WFl^lHi^H Uso ;  W'lilli' Shin .Son/i in   Hindi  H'ltlli' l' Si ^^Ss^^B .^       ^^^^    l n i . Lnrpi' Imr, 2!~r. 'I'ritil . I Of. S11I1I  . ~^J^        ^^^ SPECIAL FREE OFFEn "More Than 260 Million j I I  t^Q 1 1 I I I I 9  RlS^'SnlS'f Packages of Black and   i^^UJUUyMUUHUUH      write Dcpt X-~~/ White Beauty Preparations I II I J 1 J J J J 1        ack ami Whta-Cmnpa^ Have Already Been Sold" ^^B^^~J^~~^~a^         ^~ Me,nPh,. Tcnn. j 'v</t>
  </si>
  <si>
    <t>                                           FARMERS IN SOUTH NEED RELIEF                 WASHINGTON'. D. C- iS N Si There is ';  J'Or a ;ipi.'c::!l program tu aid tenant farmers in Hie South, according lo :t report on -'Landlord and Ten- j ant on the Cotton Plantation." just released by Harry L. Hopkins. Works Progress Administrator.                 The report-, based on visits to iMU typical plantations. Interviews with more than 5,000 tenant farmers, and the examination of relief and AAA record.-, reveals that the problems of the Negro cotton grower are unquestionably more                 than those of his  . Reasons given for the .ee of tills situation are: (l) tha1. Negroes are restricted la their opportunity to .w land m desirable sections. (2) that they have been able to build up only a -few proprietorships to plantation size, (3) that they have less frequent opportunities to leave ono farm lor another than do  farmers, ana (5) that the standard of their schools are almost Invariably lower than those ot  schools. The report shows graphically... tho great Inoreapa or while tenancy up to 1B30, the growing burden of. debt upon all  as a result or low Income and exorbitant Interest rates on borrowed funds, the social effects of excessive devotion to cash-crop farming, the noll- trails of cotton farming1, and other difficulties confronting  In their efforts to ; Independent . Tho oft*~~7(~i; (Continuod on      .4, pHl Q).:v                 Tenant Farmers (Continued from Paffc 1) or relict and . of colon tenants are also described, nnd he importance or continued  by the Federal government in he necessary reconstruction of the otton tell is emphasized. The l-eport reveals that in 1910 i here were 124.000 Negro land- wners in the seven cotton stales. lid thai Hie  lo,- the whole South was over 200 000. Since that line, however, disorganized           in cotton production have  a decline in thus number ot Jcgro owners. S:ncc Negroes have ecu generally restricted in their  r. to purchase land in he desirable sections. Negro  ps for the most part have   on y in ; .- on back roads, and on Ihc irnr land. Negroes, for the m^st part, could ict  farms of plantation size. he report shows Thus in 1934. 74  er cent of the Negro farmers in - Georgia counties own:ri less  100 acres each, 22 per :cnt owned between 100 and '20u . and only 4 per cent owned !C0 acres oT mere. In 1934. the  Negro holding' In the u -four Ccorcia Counties was miy 71 acres, while the average  wax 213 acres A lack of mobility en the part or lie Negro population was another  fact. by the re:art. Negro  v/erc found tn lave lived on  fa 'in where th-~ raided at the time of the surve;in average of i-.O years, as con::    ( with 5X: year' for whiles ~.'euro families  n sn      \ on ewer farms than hail whites. Tills  ivc stability was said to indi:ale Ihnt Negro  were loss move .t m    'ch of tetter iving conditions  whiles, nnd hat their viability was the resul' if  to some extent for.-:,l upon them by . The report goes on Vi show Hint         access to mote  thin Negro f.\, ana hat they  .t-ations more Tcciiiently u la:~c job in private ndustry. Tl'.e.~o factors place tr.t. Negro tenant in a less favorable  position Mifi "-he white farm worker. The report make.- '.be point thai poor educational situation in the tenancy system Is worse with  to Negroes than to white-. It reveals that in the seven Southeastern cotton states the average length  'er:n for Negroes was shorter by son:~ '-n 5' 'lays than the term for wh  193132. It shows also thuc t.-e slates or Alabama, Georgia. Louisiana. M.i;sissippi and South Carolina pa c menial salaries of less than S30( per year in NegM teachers of ont; rural schools in 1929-30. No: only have such salaries  to attract .* ami adequately prepared Negroes into rural . tut they servo to drive mary of the mo?' ~" of ihe prepared teachers either intc lines of wort: or into states which puv  st.l.. Of the .il . S3  cent Tere operated with NoRro tenants excl'^ anti 42 Mr cent with both whites and Negroes. This is taken to be indicative of the fact the.*, white tenants  arc concentrated on the smaller  ami Neuro tenants on the larger. Net, '..cs ot tenant .                 are  by the report1 to he very small. In 1934.      overage net income per  ly l! nil tlie \      hands, cropp-rs.  tenants, am! tenters o.t l).  ln the areas surveyed ivas only $300. 0! $13 per capita Sharecroppers, who made up more than  the total of families surveyed, ;, S312 per IoipUv. or $71 pci en pita. High interest rates are u major  in Hie  or  progress fcr both landlords, and tenants, the study indicates. Interest rates on loans ranged from 10 to l(i per cent, tile combined Interest On loans  nd  debts amounting to almost as much as the landlord s net labor income. Tenant rates of interest are even higher  landlord rates,  s the landlord and merchant charge high interest rates to compensate lor losses due to bad debts. The  rates or interest involved in tills system of credit to sharecroppers are one of the major factors preventing  rise on the agriculture ladder. These and other basic realities of the social and economic organization of the South must be                 If constructive plans nn to l,e made to cope with the , the report, concludes.</t>
  </si>
  <si>
    <t>                                           WASHINGTON. D. C-(SNS-- -There is urgent; need for a special program to aid tenant farmers in the South, according to a report on landlord and Tenant on the Cotton Plantation." just released by Harry L. Hopkins. Works Progress Administrator.</t>
  </si>
  <si>
    <t>                                           AnotherSnake Bite                 LINDSAY STREET MAN IS SECOND RECENT SNAKE VICTIM                 A snake and two dogs contributed to injuries of three        Wednesday, Grady reports revealed William Green, 19. of 079 Lind. any Street,  bitten on thg left forefinger by a reptile, species unknown it was Indicated. One hour had elapsed before tho patient wns , but attention given wn3 thought to bo sufficient to the youth s safety. John Owens, 12, of 320 Tftomp* son Placu, and Royal WMte J Winfrey. 6, of 3S7 01(5 Wheat Sfe.~ were both bitten on the left Iff by dogs, they reported to Ondy . Both were  M City Hall following treatment. '-f1*</t>
  </si>
  <si>
    <t>                                           ll-' :) ATLANTA A.) I- ll il       . ::ii r, I 2 2 I Suiupsun. ss I i    2 11 Davis. 11 2 2 1 1 11 ~;      \ 1: I II I X I 0 Kruvcs, rf I I I 2 II li , .v. .'I II II I II Timi'iMuii. Hi 1 x 11 n . II II II 0 II II ISnnvii,  i II II II 2 II k 1:1 27 i:: i  MOUNT All r li n v II.    Ik r. if li II 1 0 II Ityau, ss I I I 2 I Tsiylor. iT I il II II llull:. c 1 II t !l II II ICcihri'lMin. Hi I II II X II II Krik. r.   0 II I I I    ;in, IT I II II 0 II II Slri'lc. 3h II II "i II IC. Tnyliir. Il I I I II 2 12: 12 2 .\(;i 1    11 11 1 11 11 .s      ky M\ II 2 II II II 0 II II II 1 .    (JAJIKl is. 11 MI.UH., 2 II II II II II I :i K I norl.v Ml II II II II II I I 7 I l!.        : Williams       (jn-*; II',. anil Itnllaill.</t>
  </si>
  <si>
    <t>                                           It seems as if we nave comPlete lY forgotten our club.</t>
  </si>
  <si>
    <t>                                           Madam Mingy THE WOMAN WHO KNOWS PERMANENTLY LOCATED       past,  and future Palmist and Life Reader Gives advice on all  of ^^_^^^Ltfe, Love, Marriage, ^EJflH'ntf Speculation! of  RbHj *U kinds. Don't fail pB^^Uto see this gifted . Points tbo KrC.fl w*y to troubles,  tdr-^fl*n(' shows you how to overcome enemies. Madam Mingy has -1 thousands and she can help you. TELLS LUCKY DAYS AND SPECIAL READING- SOc Take Federal Prison car to end of line. Look for Name on Sign (Not in Tent) Satisfaction Guaranteed 638 McDonongb Road Madam Mingy Makos No Home Calls Office Hours! B AM to 9 PM</t>
  </si>
  <si>
    <t>                                           EXPECT DECISION                 Result Of Special Investigation Is Promised Today                 Police Chief Will Divulge Findings In The Thursday Morning Side-Kicking Case; N AACP Legal Re-dress Report Tonight SAYS MEDIC FEARED EXAMINATION liii-f c.i Police  Monday evening promised to divulge sometime  the result of a special investigation started by him last Friday In determine whether or not Ruth King oi 65 Hogue . SE. was kicked twice in her left side Thursday morning by a member e-i the Atlanta Police Department. Attorney A. 'I'. W'aKlrn. counsel for the father of Ruth King, and  ni die N'AACP's Legal Re-dress committee, plans to make u  uf hi.-  to llic local branch of the National Association i""r tlic -Advancement ot Colored People tonight, he said in ;i statement last night to the World.                 The NAACP voted last Friday night to investigate the alleged police brutality which was explained Thursday afternoon to Chief of Police Hornsby by the mother of Ruth King. Miss King declares that one of five members of the Police Department, who came to her home last Thursday morning before daybreak seeking her 14-year-old brother, Jerry, on a burglary charge, kicked her twice in her left side while she was In bed. Shs claims she was kicked by tho officer because she denied' that 'her mother, Mrs. Viola: King, sent Jerry to Macon. The case was carried by the mother to both the Chief of Police and Mayor Hartsfleld.. Mrs: King said she sought' a' col-' ored doctor to examine her daughter, but the physician she approached "seemed afraid."</t>
  </si>
  <si>
    <t>                                           Congregationaiists Go Into Renovated Structure Sunday                 . .sen: it \u Rc-   will br  ;tt the First Cfii^ ,  iM Unii.ston and Court la iid ?~li"ei t  morning at 1 1 o clock  the ^ of the Ccvctiuiit club, sui  ol CGi)Ki'c: la.1--                 men. The  li lias been  inside and out.  renov;ucd and beautified. The  v.iio have for the p:isl Iwo Sunciaj-s been worshipping in   .will return with   rai.~e ; thanksgiving into  is practically their new .  (Conlinucd on page 5; col. "I                 Congregationalism (Continued. fr^m Phrc 1)  will ru-dedicate  s and their  iTnl lion.se of  io the "u lory ol God and the good of men." The service will begin ui in A. M. with fifteen minutes Minislry of Music. Mr. C.r. Jackoii a I. iln; console. He will -r "Fnith. Unr.r  Love". :i  loi' the organ based en  - by Carl Mueltr. Durinc the service Uie   will be . 'Laryo" from the New World -DvcrrtK: 'The Old Rernlli" Krci.sler: "Aiuhuueno." Lfnarc. These selections will l)    uy a String Qimrlei  oi Messrs. Drew Days. Joim Jewel. I-icel Smith ;    A. Waliei Dhilcls. The choir will render "Tli Iran.'.ion" from Calilvr. Andrews. The sermon on  Th'/ Mcnnini; ol \        - will Ijo Jiracliod by Ihc pastor. Hie Rc\ John Clureiice Wright. All members nucl  plan: to  the services aio 'sked be on time at WAS A. M .0 enjoy the  minute   by Mr. Graham Jackson.</t>
  </si>
  <si>
    <t>                                           A solemn service on Re-dedication and reconsecration will be held at the First Congregational church corner of Houston and Courtland street tomorrow morning at 11 o'clock under the sponsorship of the ... club an organization of Congregational...</t>
  </si>
  <si>
    <t>                                           Eta Sigma chapter of the Sigma Gamma Rho sorority held an interesting regular monthly meeting with Sorors J. O. Thomas and Gertrude Williams at the home of the first-named hostess, 212 Gritlin St., NW., Saturday, afternoon at 4:30 o'clock. So enthusiastic...</t>
  </si>
  <si>
    <t>                                           ^^^^BBBas em SpHB'***'^ 1 'y^t-  A. i^. R R I n A I PAIR v v I A HL ^b Bfcj b^ p* r^ f ^v ^vS "'''ipO^^si^. BOTH RINGS ^t* ^^^d ^88 ^^^gj^g^^gg^^^    la I 1 3 I I W V *V n 111 I k W ig^aa^^K^  S$~~^Sp i^lf  5^ T5! DIAMOND SOLITAIRE Diamonds will be exchanged at any timu 7-DIAMOND RING r^^^^P^^^^^^^^S I ^S^S^^iX?!'/ /^V/ ^*3 A . stone graces for  diamonds at full purchase Chanr.ci  side iji^HlniifS1 V'Ii''^^~^^''j^~~S!!!!Z:  y^^. ro j gam ^fi   mount- pl icc- We ?Brec l0 repurchase  diamonds. lends a clis- WSsSJRjiffl'filw**' X? ^IH^S^^ ^wliM: /~W Annihw  mps- choice or white agreement on basis of 12 monthly pay-   Uia- S a q^*:'^''*:~'0i /$!!!~~~ ^P^1    with ''I beau- 'm B  in   ^iUi bonded Dia- mond. ~~#Bo ^^^^^^IMMm V^A 25c Ocwn-SOc V/oc.,, m^. ^Oe-._JI MT..H, BEAUTY ^^S!jv^^~if p^^!~^H^;0pi;wgi:~E';::o^ ^^^^^^^^S8S: $0 O.75 ^^'^S^^^^A 3-D1AMOND RiNG 7-DIAMOND RING 7-DIAMOND RING 9-DIAMOND RING Y: ^^^^^^ki'^'^^^mM in a class by . ^v^'v-'!1   charge it: pay weekly use your credit J^^^hI ^^~   ^^^^^^^^^j '~'/j2~%0^'-tf'- During ff^f 'BS^ir jfc-/; -^~^7 J^S^ tfo^Si? the only watch in the world 0^^ if ^V^^ 4' r^r' gj JMllmfrf v/ith full value guarantee Sale f:coii^:~          ??s! kew styles i, p(       : ^N ir':.'.'.""";,"' r":;;,^;: !:r ;::;:;r,:!;r;r M' ^-~   ?5^^^^Su\      If  am GODDESS 3 BENRUS MANS LADY S MAN S  l "~v itol As LOW As ifA j^g^SS^^^SJ^^KN llC OF TIME" 'S2NATOR1  BENRUS HAMILTON HAMILTON' V 1 "hh lri"lr ^'^M^^^M 25c $29-75 .$2-7s- $14-75 *""7-5- *i7'5^ $ll;5u. I "-i'"...T,,r.rr:::5 *4 9 r-:.~ 3.-.v ii,...,,_;oe ' 64 WHiTEHiHH- STREET- S W. ~!;V"h 1 U</t>
  </si>
  <si>
    <t>                                           ~""a BELL anil 1'OWELL Circus Top's "Em All. Two performances. 2:30 I'. M. and 8 I'. M. today. Thrill every minute</t>
  </si>
  <si>
    <t>                                           Morehouse College scheduled two events Saturday. The Alabama State cinder path stars were supposed to fill an engagement in track at the Atlanta University athletic field and the Florida A. and M. tennis team was invited to match the Morehouse net men on the courts.</t>
  </si>
  <si>
    <t>                                           BfrYWDRLD "Tna .f3fc f r^ ."15 n i v_.        Oaily._     -: pqr" *y ~**4l PAn.T mmI MTN1 AT  t C!6        Atmim. X. S iir ATt.ANTA PAM.Y WOftl.n POBLWIllNO    . Tf1*   "*^: WAInnt 14.10-  H^tnh*r of  XKWSPArKIl 1I W. A. (      , II. FonnH^rt C. A. .     *r*l         C X. 9, O*    1 IIimi*        i. jonea, UAMdnc BdtUr  RA.TBB:      .T* 1   ** ll.M; I  tt.TS; 1 Ifoatbi U.19; I         Om,T:- 1 Tnr S3. 00; I Month* ft.~t; U*b()   n.M CAnarta: 1 Tftr I*. 10; I Uonih* Jl.1t; ror*   ; 1 Tw U.M Kntlonal ArfvfrtMnc      ^~       : W, B, ZIFT CO. M JL            6t, Chlcnrn. H'.. a.od          . Nw      . X. X Bntftrtd In     T*    Of Tie*  t A Oanta. Oa,,  com1-   *~ mall     Ael of        . Mkreh 1, lt"~     ATLANTA .T WORT.H \m  ti              B^..3p*p*r ti on          ltd nnn-.   rl"l.lni n**i   *nd       *      *  tl WIipv^k In t ti f* In^r^it of If f ^ad'^ca a. nil  Ctiw**  ajr^ln^t tti^ tni *r*0t r ro^. X'lu'ri..7"ATl."^Mr\      mr.1*         " ~*.~l.u" ATI .A VTA ItAII.V Wnitl.It miller I linn In Imlh        . T1.~ .1I           r*pnt)               .li.uif.t     r-tmn ft          *t1 ^ir*-. *.</t>
  </si>
  <si>
    <t>                                           B^BHgJ^J^BBlMHM A fa m^^V V ^^B ~.t* 111 fcr iw^ Jrvvfll iBy Thomas Jefferson FlanmaganM^sS^XJ The Wind Sons IT ri.-i-.- in sin- Mil'nv I'ri.ni iK- i"''*')'1 );mi-m "i K'.'ivt S .\:ul      a           .- :i-'I"~ii ilu- iU-11, A:wl        wiu-rt-   - I .lcd   Tln'ii ihii,-U-- Viv ilsi- .-- like- :i ln-ll. TiiruiiiK ki.-k  (k-i-.Mi- sjn-pil il nk.'s a MiUcn  ii(Won soar Aiifl *c:   ;; il'.c ;; 'l'O stars, AikI ilion it   ' ilic p.-i ; of :i-,i n:ir Wln'ii :!t lv.riii.iar,'- C'.:; '.lu-      . Tln'ii 1"-.. :r^aiii ii 'Lip- ;il..ns ili J c-Wii - iiG/eu V.nW Ami ii-it;fi-.- Inn- nmi :lii iv (Hi      "f tro-'S. l.il;.- :n\ .-ir^ini mrr-ur.  ^ with tlio ram li  il-:i- jn-. ni"iiiii:iins 10  Uncc.-.. Then, mvr -if...;..; - il -  llu: Hue 'IVllin^ lit!   - -    .in-: rye- I'1 r\~r. Ami v.' o iii:.--  v.iih its           ! ski.-s of . It ..- : lii.v liu-ad AV-way and dies!</t>
  </si>
  <si>
    <t>                                           IVuf. .M. (with ): "There will he no classes .v. We  li.-ivo ? make II:- U::iO  in r-.!-iii;iii!-:- of I he Hi-ll ;ni(l l'~i.i!l fir- ens. II 's</t>
  </si>
  <si>
    <t>                                           DEKflLB MAN TO DIE FRIDAY                 .7 I1. Guodmal). 20.  las September of the murder m Willilllll TllOIIU.'i,  L ll. V l-sl Oltljl J nis removed irum tlie 13f:        Jail to Uic stale prison ill Mllk'dKCVIIIc to await,   : mere Friday. H Cooclmiin is . lie will be Uic second person from l)i-Knlb lo pay the supreme   luce the chair replaced I In; r,,~'. lows  12  nyo. His  electrocution al.su murks the  lor DcKiilh .* Jake mill  av.vr. In I!I28. Moron 1$ Forum Speaker This Sunday TIllS Ktlnllay Vfiilli.'j 7:J0 o  nl. Wiirirn Mvinorliil Molli- OtllSI   )lM    rli, (llr - fior '.'Inh will lui.-lrr  flu-.- i public   r"Rruni ol  n  n l      ( ,      - j        ;iic music, will Ij,, - Uy (. ilom Uic  coin- !nn!!lty  i!d the  Rim- Evan M. Iiinle.v. I lie I'HSlor, and FrpI .1. Dennis, ;  j for Mils  n . aiu .i\-;pc-  .'ii:.   lv : p.tvu ((.'!1'! "it "agi: 4, T) j                 I  II PoKo I) ' . :i sill.Ji'Ci  the . li:is  Hi" i Mni'oii. ns,,f Hi,. Uiilvi- Proji'cl. as spi-. He will   will i ir  :ifit University Homrs. OIK: Ol till" bi SI   .11 Uh' city. ; ly i--nci*.  ;:     'inic  i-i's      t'"' fi ili i sil ,1 in J.lic ViiRin Islands.                 TillllEB 60 MARIANA. Mi'.- 13N3I- Li 0 Tliomn:;, truck . (ins hern  on charge s til  iil  ti V      " ii - crush I'Hi'ly Siinilny In  :h r.i vrn    'tile  Kiinlnliiliiii Ihc     ::,  Cirrclibbori) from n PuUirn Fiiinicrs of Aincilcii 1MB ll TC Wlll'll UlC UCCldLMlt .</t>
  </si>
  <si>
    <t>                                           Py  Will Parade On Westside Sunday                 n-t K'lriir I! SIm.iI.T. M;u h:il h( Hi.- rl:iy. will  r;.   tile  .dr iii ihr Kiuuhls nf Pythiatis Smi'l.f.' .il'(iii'"tii. j: u-.is ; il l.'r-l . H'- si;, I. (I Mliil Mil- ; will fi i in Mir  nf Tillnull Mini Miii-lu-M streets imd  tin-  M? di Wiirncr. ParMm. I.j.-Ih'l'. ami Cliiipel streets. 'I'll.- m.ii-di will   .il Flipper Temple A.MK  mi Wist Kim- street, where ii  iiu- will     held. C"]      SMui- : ' assi.--~iiii!. Arthur Drakes, have ;    -ci  .'i'.s  ill tin;  l:; ~)    : ;u lino p.,n.   ,arp. l lio  ;imt church                 lily will he in l"j-jii     i. rv;ince     Hi;- ! Anniwrsiry. Several  will  ur in the p; In ;kIH  ;infi spini lo the :   -      .                 COLONEL SHORTER</t>
  </si>
  <si>
    <t>                                           We enjoyed a fine day of services last Sunday. A capacity audience was on hand when the morning worship hour arrived and all were rewarded. The church mourns the passing of Sister Jenkins.</t>
  </si>
  <si>
    <t>                                           The Unemployed Circle met Monday night, March 1, at the home of Miss Lillian Gilliams, 21 W. Andrews Drive.</t>
  </si>
  <si>
    <t>                                           Having done all things well, Hooper City High brought its athletic activities to a closer last week. It was evidenced last Friday at our school that track meets can be successfully sponsored in this country.</t>
  </si>
  <si>
    <t>                                           "For the kingdom of God is not meat and drink but righteousness, peace and joy in the Holy Ghost." Romans 14:17.</t>
  </si>
  <si>
    <t>                                           ji stage i] [i cabaret    1 THEATRICAL WORLD \j*~Tl_A     !2u! I  TWO ATLANTA DATI-Y WORLD, ATLANTA.  -Vf\~-~!'.NVA-.V^V''\V ^,..\A^.v^sS)     $^'\ MONDAY. ..1, 1087</t>
  </si>
  <si>
    <t>                                           PI ATLANTA My  Ml WJmMMMimm I "The Nation's Only               Newspaper" H  VOLUME 10. NUMBER 48 4 ATLANTA. GA., TUESDAY. APRIL 20, 1~)37 I PRICE FIVE CENTS  t</t>
  </si>
  <si>
    <t>                                           "FALSE FIREPLACE" IN OLD HOUSE SAID TO BE PRE-CIVIL WAR 'DEPOT'                 WlLMtNQHAM. O.-)- A "false -o." discovered   Vok by  wrecking ;l.i o!ri - on tin- WllmtiiKloii-Xeiitn rond.  back  of pre-Clvil \V:ir days whm ;:         nf slaves escaped Into Can.  over tli(. "                 ," for whirl) this  cx-: w;is i a moil*. ThLv fuls,i  Mis  of the "depots" in which lTi t iiii;   from :;eart:hers. Aciu.il oi  ol' I he  ;   is . but 0110 or     most, popular  s j.~: that Us  was [ ii ' Tli:c  run away  Ills muster In 18:11. was rlo.ii ly pursued, and                so  ly that the  : "He. must  Rom- i,fr  n 1111  ." Tills  I:; s.il(l to   ao much  Uiat                 ill,,  : lo all subsequent iii  In helping  t,i escape. The ri Kilhir rente for fleeing  was tsi iii rally through Brown and C'lermoni count hu, which offered plenty of -iil  lor ;. In most instances, shivos from Ki'iituctcr fled of  own . '.Noihliiif was  to  -s from Kentucky." suid Byi'oii Willlunis. u lio wrote u history of Clonnom . "  "us  came were they sped  i ii their w;iy. True men never refused brend to the  NeRro. ; from chains and with his   tho North Star." From Hie Ohio river, the under, si-        l. in. many directions, always bearing toward the Nortli and the CTcmuillnu , 1U eventual 3.</t>
  </si>
  <si>
    <t>                                           WILMINGHAM, O. -- (ANP) -- A "false fireplace," discovered last week by workmen wrecking an old house on the Wilmington-Xenta road, brought back memories of pre-Civil War days when thousands of slaves escaped into Canada over the "underground...</t>
  </si>
  <si>
    <t>                                           The Atlanta New Black Crackers accepted the invitation to open the Chattanooga baseball season Sunday in Chattanooga according to M. Schaine, owner of the Atlanta aggregation. Mr. Schaine said, in accepting to play a week earlier than had been anticipated, that the owners of the Black Lookouts, selected his team because of the nearness of the two towns and the advanced publicity that has helped us a lot. "We need another week's practice badly," Manager Jones says. But he feels like his boys are in...</t>
  </si>
  <si>
    <t>                                           HEALS THOUSANDS Suit's. IVIlupra, Syphilis, Bail Blood. Goiioiilifii, Bud Skin, (ius- trie Slnniavli, Iniliircsliun.         ",  Down Nature lind Kidney           'nl. GuaraiiUTi! Trcalmciil 5 1. mi Poslpaiil. Send: SI. 00 wilh C.O.D.'s. C. A. Wil-  iMcd. On., McKsimic. Ark.</t>
  </si>
  <si>
    <t>                                           Morris Brown Players Thrill Large Audience With Comedy-Drama                 )ly J. D IfOAVAItl) A - crowd til stunt-  ~~)~)law'.~l  null np.Mifully mi tin- i-iid  r .:idi uf tin-   WCll-       Ill'tl Ul'lr 111 Bi" Hl1'Ihi-r." u '.iy-ili  "I ntli. -li wu). iJl.Miibil by l)  '                 I.iii 'II mm in- '.I Mum-Ik Brown L--'.-.i- ill III--    !ll-l!~- -l lll.it.  Tin- i-- i-.-.-.l !:jit very  ilit'--i -MtiiMi.-. ..f  ir respective -. Ivp-'-l. i:     -N:lvi! wii9 li.ii.ii! Willl'ini:..  f llin cole i.l .1 iM':   "'il ("'mill' Krinli:.:ui. -\lr VVtiiKiuiJ '.v r i  ol' upi.i.ium-  iii:, tin'' Kniillslt nri-i Hi l:nr.i- r-:~-i-s.-. pl:i\lni: *  nf inn '.'il  v:1   couldn't I'.li-i*:*''- ',.  tin  Uiti ;,i,t:ivi' ~~'i'!';. The ;isi nl ".  ',-,1 Mnry .iTSon. Knarvlo W:i!il- n . s Williams. Esthi-r I i,.-. i:ii/;)i IVlliy. ami WIU 11:, in CM:- dfi-iii' l?:u-ll RIlVO II jn-i i''        "i ftf iiii'*^: . 'I In- ~.ii- i - v::i:: MlrcclMl by f l il-- Hi- .1 Slailf. with John .'~i.'. ,/-s -." P.i't.tl,  Aifnnl U-mi)-i'v.                 URBAN U  CALENDAR WEKK WAV I*t7 WEDNESDAY -M:iy .l. Tmlcunr. :',ihn.,i Auburn  I      ;fv ?::ui I'. i\f. T/ M:iy I! AlllSlic Cllllil Ul'U.III iJ^ ASMMIlllly II KIHI r,;;iu l'. M. NflHliborliuml Chili Cmicnil Urban Lfunui- A.'.si- U'."in (i-.M I3. M. FRIDAY- May 1 TMlrii'i-ii Ki'ys ISM Fiioie Sin-ft. N. E. 5:30 P. M. Painters Union Urban l.-ae"'' Ass''inbl  Doom 1:30 P. M.</t>
  </si>
  <si>
    <t>                                           TREASURER                 .U.AS i:i)\V.\      Tlra- iif lie ]':iss;iii' III".:i ii Allili'tic (lull. :SS Sllm.  lri-rl. I'ilssair, N .1 .Mr l- ivv- :i( I'.rll.villi- X. .1. ~'h:       liii--is iiT Hie .  w.is /rd II yr;u* ;i^h. arc Kuhrrt Mlin. William .Millrr. . IVcsl. li.inl. N Hyli-. I'.il! Sl:         ami 'I'iiiii. l-~l\\ards.                 il alvin Srivin-I.</t>
  </si>
  <si>
    <t>                                           MA To Seek $10,000,000 New Business In OneWeeK                 mmm TO PUT OS DRIVE                 Nation's Companies j To Combine Figures For Big Realization!                 MAY 17 TO 22                 DURHAM. NX.- (A N P)- "Ten million :- iv a lot of money." i i Cicorxe \V. Cox of this ctly j Mumlay.   bin the colored Insurance i companies of America have joined I i Iiiiiki.s fo,- a c,rc;il c*.rive and on N:        iN e^ro in.MinintT Wnclt which will run from     17 lo May 2':. v.r plan -.vith Ihc alti of every i'l.-iu-amr :i'.;.~ni.. nun iin^  I"H $]0.~00.' WOr1.ll of ~)(!v/ b':~lll'-:.:i 0!! our booK"' Mr Cox is ((''~            n   col. :{~                 Insurances (Continued from page li  of National Nc;ro Insurance Week  points out that lie is being bucket i:i his effort by President W. S. Hornsby. Secretary W. Ellis Stewart and W. S. Scott, head of tlie executive conr.. all i of the Nationaj Negro Insurance Association, in the special efforts being put on this spring. Ever* company Is striving for new  j for Insurance AVeeK At the eno. j of the period the total for nil com- panics will be computed. j</t>
  </si>
  <si>
    <t>                                           Rev Curry, pastor of the A. M. P. church is conducting a series of meetings this week.</t>
  </si>
  <si>
    <t>                                           IT SUNDAY K UFT TO CRIME                 A Rise In Criminal Activity Viewed By Police                 MANY VICTIMS                 There Is a cherished old proverb winch says: "When the sun shines the adder strides forth.'1 This was clearly demonstrated Sunday when the first real coring day of 1937. as fRr as the weather Is concerned, was with the city of Atlanta.                 There was a distinct acceleration In criminal activity as the  of a bright April set the population into activity. The ledger at police headquarters was cluttered with law breaking bits of every variety. Two armed thugs held up James West of 292 Olenn Street. The actual robbery took place in an alley off Clark Street and the victim was robbed of $6.75 in  and articles worth $2. West was severely beaten. John Green. 268 Decatur Street, evaded robbers by running away from them. They threw bottles at him but he soon outdistanced them to safety. James Spencer. Brickyard Lane, was stabbed at 309 Tanner Street by a man allegedly known as Joe," of a Town street address. The brawl was the result of a "skin game" and the victim was Emitted to Grady In a serious condition. Wounds were done  the head and body. A family - resulted in the wife, Matlle Howell, being cut across the lower abdomen by Husband Charlie Howell. The victim declares the affray was prompted by an  centered around the spending., of $5- by her .husband.. He was arrested and charged with assault and attempt to murder. Wanted Man Arresled Frank Stroud. 301 Tanner Street, was arrested by radio  Hardeman and Brown. He Is wanted hy Detectives Campbell and Stone for questioning for alleged parts in a  of burglaries. Eugene Brown, IDS Chestnut Street, was hit in his right eye with a. glass  by an aunt following an argument. Brown slated that he had been drinking and requested that no case be made against her. Willie Raven and Norman Cole of 506 Dalvagney Street, were both shot with a pump gun at above address by Jim Chambers. According to Cynthia Wesley and Annie Raven, Chambers and Hayes Ledlcr came to their house from a  game aid started an (Continued on Pifc 6, Col. 6)                 Hot Sunday (Continued From Paec I) argument. Ledlor struck Chambers in the head. Both men left to Bet their 311ns      Chambers came back and fired through n window, police records revealed. His aim was good and both men were struck. Both were admitted to Crady. Azell Terrell. 25 Maple Street, was shot at 4 Davis Street by Einmctt Thomas. Thomas declares that Terrell came to his house drunk and tried to get him to leave nnd when lie refused Terrell, the latter sot angry and drew n knife on him. Thomns declares that when the man stabbed at him cutting his , he shot him. Anothcr Man Wounded Mathis Thomas. 030        Street, wns shot witli n  on Groves Strcot hy Jlmmle Lee Walker of 922 Drove Street. According to nye  Thomns was shot  slapping Walker's mother following an argument. The witnesses nrc Virgin Thomas and Louise Thomas, both of 922 Groves Street. Walker           "d after the affray. Willie West, rear of 437 Wesl Poachtrce, was arrested on  Then lound witt 5                  of motor o.l h.k ep beneath  il. I coat tind \vnU:ii.    the Intersection, of Mfci rills .mtf William Streets. Clarence Hull. C31 Connolly, nno. Lawrence  of 80 Mammool Place, were  after lln n told  he m.d Conycrs had looted house on DeKnlb Avenue. Both were booked, oil suspicion.</t>
  </si>
  <si>
    <t>                                           There is a cherished old proverb Mitch says: "When the sun shines the adder strides forth." This was clearly demonstrated Sunday when the first real spring day of 1937, as far as the weather is concerned, was with the city of Atlanta.</t>
  </si>
  <si>
    <t>                                           Made Her Skin Llplilcr And Much More Beautiful All Una Hlit to IU!it*n dark Nldn and         nil M*      (n  on IAS TAN Ht.KACll (, It  th*~ . Oft      !c      HIV FAN TAN from four  lint or  from tli- FAN TAN CO., tl.DI. K1-.N8,  1  9. FrUDiaiii, Chlraro, III.</t>
  </si>
  <si>
    <t>                                           KIDDIES ADORE FROCK WITH BUTTON-FRONT Claire Tiltlen :^?v3- 7 PATTERN PATTERN' 009 TJiis year, no  lady, large (ir small, will be without a .saucy coat frock anil this ; Claire Tilclen model will delight the heart 'of any "two-to-ten" year old. Little Mury Ann will have no trouble at all dressing herself in this practical style, and mother will have equally little, trouble making it for pattern ;!U!l boasts a most helpful Dotaileil Scwinir (Jtiitli:, one Hint's an indispensable help to home ".scam.stres.sc-s"! See the -k'.-; winsome details a I'clur l an collar,  up sleeves and ; panties! Ideal in v/. fast color cotton. I'atleru IIO'.i is cut. in sizes 2, 0, i.S and 10. Size  2 '.'.-a yards -'jli inch fabri;. Send FIFTEEN CENTS (15c) in coins or stamps (preferably coins) for this pattern. WRITE CLEARLY SIZE, NAME. ADDRESS AND STYLE NUMBER. Send orders to ATLANTA DAILY WORLD, Pattern Department, 210 Auburn Avc, N. E., Atlanta, Ga.</t>
  </si>
  <si>
    <t>                                           by "Raking TSbwdeAsy^ -ndt/ Lui, HaUinq V         ....              A ^ECONOMY and SATISFACTION ~/x* Doubklested// IVV POWDER. S345)~3 25 ounces for 254 full Pack No Slack Filling</t>
  </si>
  <si>
    <t>                                           WILBERFORCE, Ohio--(SNS)--Speaking recently before the Third Economic and Vocational Conference. Lieutenant Lawrence A. Oxley, Chief. Division of Negro Labor, U. S. Department of Labor painted a vivid picture of the plight of the Negro worker during...</t>
  </si>
  <si>
    <t>                                           Cup 2%~J ^Ly ^^P .^M. ^^T 3^^ M*L 3^fc _^^^^^^^^^^B^^^^^^^^^ J^^MmBSfS!'    . .T7 ly!  NVw               :i7 PHI I. CO Soli to make a porch        SPECIALS Makummmm^. "'Mt.L*^ J$' SPECIALS 5-PC ENSEMBLE COMPLETE   ..,cr   ?^ u.~,,,c P m^'SmrCELKU^TION'sALK'' A";S;S1v"'Sn'^;1"l,M;""r'~E;r;:   ,,1i" Sl0  Wi"''"-V       "=- $1.95 Car.!,-,, M..-.,-. i Dr.lv S9.95 i  ^teu; $~ gg.95 si.05 1;';!! **ZZ^~u v^-: :79c S6.9s u^",.,,,;, ;:Vi;; -50 1;-      l- ^,3tw  nn.l ,:,t: :U"K T 52.4!) " i-.h:i:rs '".:;,li  v i.urr-. USo 7.50 'I ;'U-~'li"  - Sucwlar.l .1 :.;..-M .V27.S0 r.i.l, .-pr.iis a:-.J M:n:r-.--. s;y.-j5 %r % v J ^^f Salc TEHVr.: 'Mr. cash, si no v/ 36.95 .C-I'U'lY Diiliu'.' S.'i $2.08 $7.95 I1..u;i!i.:r . vll.iil/. $-1 US S39.50 lp;;-.o S..IU nil; ,;:,- S2!l 'J1; i S JTT?' T-_ M I  w il;Mk $ h V M ~;pt!0$$y :""::-V -M V j ifi-'WOAlC VAI.HK SIMOOM FQUAl I ID IN A WM$] f-# V. ..ov-^y^^ j--- l^!ir i Vi^-s U?.*)        -..AiN $~~  :. .-,-    -ci- .k MvrNG  oom sariT. ,..^L^. 'n-i::::-;..:.,.;--.vs.,.,:-.;=_/ $^.;S2; Kif';;7.-i '!'AB3.F.S Cti.MttS ^^^r,^A^^,^\\^s am La*/ Week's- Cr-~.          T,-c.r.c.~!tt-~.s ^^^4 $^.95 '*.? ^"X,^:,,3-1'""- *^S A, -^Sl SPECIAL TERMS: SSc CASH. -.1.1:0 WEEKLY      -i v-~    Hu.s- Situial Ktr/Exiitv 85...--;~;n! V I rio.ilit bill tlN.I i.-Jiin ~~.i i\.:i l.:.\ :i.~,t,.,-,. .-mi  Jr..,. A i. r. i j i- rr full SIM I1.-I -IK.' ii.uny .m,.i ,if.:;v. S'j5^*:.fe6 I :a;le"""r"y lil-1 .,m,..., ,Br,..: 'j^^ j C :.---W-:-*lv I :-J_^; Jl;^' I "A- '-v,Li.,., ^"^^r^ 0ALL ; Ct^- CASH, ii.00 WttKLY j   Z j '*y". '''*"*  $~!     "w SS^^^V "'{SKf 'i?~-"Zi"zzi'^?r A Smashing 2-Pc. Tapestry Living  ^USr*c^Vr .,?S"i', i  '~o,cr SIX ela7.,; N.31ura, (. JWI ,.nW ic.,, t,.,,,- ^,r uv Room Suite Value- At Havcrty's . S!r,S.. .*'V^,n--"prr--Si- "r y SfoX'T.-."1,'.,1."1^"?.1.1 Mlre ^"i-^^i^vrT M" J M' :S'y,,^r^\.^'' r1:,..^:--;.. Z^ T. $^7'77 Mm ?n^SjlnlrMir!c1"~~"lm"ke\  %n?"''1"si i i TERMS: 7?c CA5II. C1.00  Mr. CASH. Sl.00 WEEKLY TERMi: Me CASH. 51.00 WEEKLY 77c CASH. 50c WEEKLY v... M-.uiU ,i,. I, n:-.,!,.-     out" above nil others. Note \hv broad flaring ; and S  tf QitOO 1 J 1- I sall TERM1.- cash St 00 v.'ECkly how the monotony of the luxurious large back is broken. LjLwM Expertly  in fine tapestry "W^^ i SALE TERMS: 88c CASH. S1.00 WEEKLY pui  J *~*TI-1 -s-o**"- i Srp*?~  ^ifg^^MS^ GE^REFRrGERATORS RANGE GROUP PORCELAIN JOIN ,,,r. CELEBRATION SAM. PARA1JU THE GREATEST DINING ROOM VALUE        :JJ:t*ij jyL:b i^Vl^-^'Z^.^Z^'.r I.,Tfv.v^Tr'1EifvrTi; OIL RANGES ail 3 ur.Airnrui.. .kn niL-.ci'.s OFFERED MASSIVE WALNUT SUITE ^r^.^---^r;.r:rj :v, l::r :I^TCWt^, iCA5!1^1:1^ sh.,.M -,n ,m  SALE TER1U. ,1.88 CASH. S1.50 WEEKLY BALANCE . EASY  V:RB: !IV HW.'i;.  -i:.j CAiH. il.CD  TERMS: 8!c CASH. 41.09 WEEKLY SPECIAL TLI1MC- \,::8 C.V.I!. V/I.:'-.L.</t>
  </si>
  <si>
    <t>                                           BUSINESS WOMEN PREFER RELIABLE !]         : if Mme. C. J. Walker Products -^^^a If "Wherever I go I o/ look for a Walker %^$^%$$p^*0$^ Beauty Shop because there I am  to get b^^^^^-J-^^^'J^ ir f/ifc  of serv/ce One/ genu/rte Mme. C. J. W^^^^0^^^^M ~% Walket producti." jSj^j^f^vi^p?^"^ j \l tS. ilot.     Mm. Alb.rto Sfc^^^SefeH^S^^fi iJ-^igl -K.p. Thompton (         har* j, owner of     fiKE7^^-i^*"'^iy''^-*#!3^n'^'V^ y b^ -id.l, Vnown Anna Low. Hot Shop. 615 i f^0)W2 M$*$M*      :   Si'1 Indiana   .nu.. Ind.. Ind. Mr.. ^#^S^%~V3Vi^!        _{''' Thomp.on I10..I. oil o..r In th. inl.t.,1 i F^J^    ^SSEHSSgfl^Blot h.r        9 Luiir..,, and j jj^^p^^^flj.-pj^^ ho.n l.o.lng Woltir B. Shop. ^^^SS^^Jal^'^^Sg^^H It ij      women , in spite Sri^^^^^r^Si^iSf^ffi^al ot Ine many   on trie mar- }\s i Affr^j^^t^xj^. v. "^SSSttSS t t tit 11 tit l f 1 TT I (Wyi5*1J,5i'';?i\"'-jV'''il^T;  *.i7K;vP"\JSjta/''nM . Li. J. VYalKcrS  IlaU  .^'jt^^vvr^.^waM .Ss has never been more popular than it is today. ^^^^'S/^r^^P 3 Old and young are finding it is unsurpassed as ^^pK^j";^wS!^^^j a food to envigorate and enrich the scalp, ~^  ?    '?fe9i5^^PK thereby promoting growth of the hair, and j ^fM^'^-^^^^SLi'^M giving it thickness, lustre and beauty. j ?fs'^f;~5  0v$"^^ Sold by Walker AgtnU and Drug Stont Everywhere.  ^^-S'/'-tt''^^'^^^^^3 ILLUSTRATED . FREE jgg^ j ^^^^^3^   Wtlbr Building Iadianapolis, Indiana ^P h^^Sl^Jwij</t>
  </si>
  <si>
    <t>                                           I Nature's Herbs Produce Health the famous Chines* Herbs and Roots died by T. Y. Young, Jr., haw bean Jljjjj^" known, used and proven /u] for       ^^     centuries. Thar have bo en used for 26 MS* Iks years right bora i* Atlanta. That* ^T -3iSi       and roots arc recommended and Vv' r        n treatment of * of Lua(, r.^ .+ Stomach, Heart, Liver, Ki-, Blood f \-^~~~t^m       , Rheumatiim, Catbrrh,        'CC I^wT     , Norrouinfii, Bladder Trenbb, l^Nl^aK Comtipation, Appandicitii, Skin Dl*     . "^r^*T-J Fern Ja Trouble, Cold*,      *. ^^I W iPB Special attention f      nail . All  promptly answered. Why r v vni.Kir  when yoa can (et relief? T. Y. YOUNG, Jr. RUNDOWN CONDITION OF YOUB FAMOUS HERB BODY CAN BE RECTIFIED. WKy SPECIALIST suffer or be discouraged? Herb ram25 Yra. In       are a natural means of treatment. ATLANTA MALE OR FEMALE- CALL OR WRITE   a life -=fc- jdh. ^35 Pic *?lv    b T. Y. YOUKfS, JR. WITH ORIENTAL HERB CO. CHINESE HERBS- ONLY NATURE REMEDY FOR EVERY DISEASE OF THE HUMAN BODY 111         At*. Phone. WAInat      Atlanta, Oa.</t>
  </si>
  <si>
    <t>                                           White Man Acquitted, Negro Convicted In Theft Case                 . John D. .'s could find "no common sense" In tlr; st: of Adolphiis Muck, IndjiMH for   with E. W. Hcndrrson. v/hito. in  Tuesday morning tri.il of Die  v/hi.'ro Mack w;is  as '.                 Mack, who lived at Hoar 34 Peachtree s reet. told the judge that Henderson picked him up the night of April 15 and carried him to a garage adjoining an inn and sat him down in a chair while he (Hendersnni entered a hole in the wall of the latter building and hod a "look at things." A short  later, Mack declared, the while man began handing things, including a  te vending machine, out lo him. all the time of which he                 wrong With Mil'     :(    . .ludge - s told I ho iii.-in Him  if he thought the whil*1  owned the  of -s. il must have seemed  for ihu owner to go  a hole in Uie  to remove belongings nnd hand them to him. It was brought out that after polio: men answered the burglary call, they found the u-hiv man in an automobile outside the place and caught Mack with the stolen articles after he had run into a fence r ar the place. Henderson stated ;hnt he was only sitting down in his car and had not moved. Tried without a jury. Mack was found guilty and will receive sentence this ! The white man was "not guilty", the court decided.</t>
  </si>
  <si>
    <t>                                           Judge John D. Humphries could find "no common sense" in the statements of Adolphus Mack, indicted for burglary along with E. W. Henderson, white, in the Tuesday morning trial of the latter where Mack was serving as witness.</t>
  </si>
  <si>
    <t>                                           dew' drop fnn Invifi-: v.'ii in vi:il our I'arlnr. Booths hikI Private l-'.:il. v (' Service pI All Times 1(1 r.   A./l SOCIAL- , F!~B. I On 1^4-, Aiir..      II Ailihy St., 3. W. RA. 3045</t>
  </si>
  <si>
    <t>                                           "Conflict"- Starring Jean Rogers, John Wayne At Capitol j                 Replete with -high   fast action. Uttiversnl's "Conflict," starring John Wnyi\c and featuring lovely Jean. Rogers In the feminine lead, opens a wreck s engagement at the CAPITOL Thuatre starting                  starting . Based on tho Jack London novel. -T*c AJ. .Brute", the picture Is (i robust and  story of two' brawny battlers- who settle their own  and ai the  time cud n bitter (cud  cen two  lumber camps. "Conflict" tells, tho story of n I farmer boy (John Wayne) who j becomes embroiled with KnockI out Corrigan (Ward Bond) wh(.n j tlie pugilist comes to the little town of Springfield. Cnllfornln,  lo pay any man S1000 li j p..   .ly  n the  with him j j in:1 rounds. I l iT. i ii rims a ; - r.n;~ his fights are faked V.'h'-.i he knocks ont Pat in a ~:n which n number of ^MDi.. have bet money. Maude Es.- (Jenn Rosorsi Is sent by I r San Francisco newspaper to investigate  racket. I'M moves on to p. lumber camp ot Ccdur City, where he meets Mnutlc nnd rescues an U--old  boy from . Tommy (Mommy Bupp). thL. lad he j.. Is  ri by Pat. and  lioy  to adore the brawny, two-fisted lumberman. Maude falls in love with Pat. When a bitter feud between two lumber c;.mps develops. Pat is asked to  Cnrrlgan, to settle the Tierce quarrel. Prom this point on. -CoiJlict" swirls to a stirring climax as Put knocks out Carri- gun. wins Maude find is acclaimed r. hero by the lumberjacks. Wayne's performance is excellent. Joan Rc?ors combines  .. with lior  . TJlie flaxen-haired girl is cnsi'.y one of the best looking actresses j on Uv screen. Others In th(j- wist who Klvc lup.hly ;  arc Frtclie Borrten. Tommy Bupi). Prank -SliRridan. Wnrrl Bond. Mnrinrel Miiini. Bryant Wasliburn and Fnnik Hiisncy. Trem Carr produced the film for Universal.  Conflict" is a stirring action story that will provide top entertainment lor the entire tarn- j ily. On the       the Capitol will of*~r a letter than av,. vaudo"ille unit. "Talk Of The Town." In  to the      time nets of vaudeville as n special a traction  will be SC'.-n the world famous Lutes Brothers. ani lcss wonders who were - j ed In Rlnlcy's 'Beliove It Or Not.''                 Another Action Film Booked For Capitol                 John Way m* takes thr mlr     iuM IirIiUt in "Conflict". u story of  in the * ramps which  :i  s  '* it      ;il tin: Cupilol Uu-.iln*.  i;ti*; today. Kifilil :u*ls of vaudeville are offered on the .sl:i^ir.</t>
  </si>
  <si>
    <t>                                           Replete with high adventure and fast action, Universal's "Conflict," starring John Wayne and featuring lovely Jean Rogers in the feminine lead, open a week's engagement at the CAPITOL Theatre starting today.</t>
  </si>
  <si>
    <t>                                           "Rejoice, O young man, in thy youth; and let thy heart cheer thee in the days of thy youth, and walk in the sight, of thine eyes: but know thou, that for all these things God with bring thee into judgment."--Eee. 11:9.</t>
  </si>
  <si>
    <t>                                           SWEETHEARTS REUNITED                 The surprise of Ihv year. I he sweethearts "I1 The Troll or The Loiuuiumc I'ines" me at it again In Walter Wumjets' "You Live Only Once" ;  s ASI1RY  (inlay The i-ouple as von know is Sylviu       *y uml Henry l-'mulu.</t>
  </si>
  <si>
    <t>                                           SGCllLllt                 INDIANAPOLIS, Ind.- CANP) Oiii; of the large meetings of the year of Interest to Negro social workers and others concerned with the problems of human welfare n-ill r.e held May 23-29 In Indianapolis when the National Conference of  Work conducts Its                 S-Hh annual meeting:. Between 8.000 and 10,000   ersons from all pp.rls of the United States Includ- ing many colored persons  in social n-ork- are expected to attend. Recording to Howard R. Knight of Columbus. Ohio, general secretary of the Conference. Fifty- other  social n ork  will meet In Indianapolis at the same time, blending Llielr  with that cf ihc Conference. More than three hundred daily sessions have been scheduled and more than four hundred SDeokers w li participate. The Conference sill  with current welfare problem; such as the federal relief situation, the -tration of the Social Security Act.  problems ol racial minorities, family and child welfare, juvenile  and crime prevention, public housing project.1 and public health, Mr. Knight said. Many administrators of federal departments are listed as speakers, including Harry L. Hopkins, Works Frogress AdminlstrBtor; KaUierlno (Contlnncd on Pace 'CaL f)                 Social Workers (Continued From Page I) F. U-, chief Ule United States Cliildrcr's ; Mtl".ur J.     -i ir.   Prank     ,  Uircctor of tlie Ruro! Uc3t: Artmir.istration. Founded in 1674. tlic National Conference of Social Work Is on? of the oldest nnd largest v.       in the United States It Is non-religious and non-!. RJ annual meetings are con ducted as discussion .</t>
  </si>
  <si>
    <t>                                           INDIANAPOLIS, Ind.--(ANP) -- One of the large meetings of the Year of interest to Negro social workers and others concerned with the problems of human welfare will he held May 23-29 in Indianapolis when the National Conference of Social Work conducts its...</t>
  </si>
  <si>
    <t>                                           LYNCHBURG, Va.--(ANP)-- Virginia Theological seminary college is preparing to welcome 1,000 delegates and visitors from all section of the country for golden jubilee of the school here June 1-6. The 71st annual...</t>
  </si>
  <si>
    <t>                                           I I. P. REYNOLDS TO ALBANY This evening; at the Bethel A. M. E. Church In Albany, Ga.. pastorate of the Rev. Allen B. .Cooper, formerly of Atlanta, L P. Reynolds, well-known Atlanta Daily. WOfcLD columnist and religious worker, will be the featured .speaker. Mr. Reynolds left Atlanta Saturday night around ten o clock.</t>
  </si>
  <si>
    <t>                                           PANAMA CITY, R. P. --(BY E. J. Jamieson for ANP)--With the Panama track team comprised mostly of colored men Americans may have the opportunity of witnessing the boys is action if the local sports authorities accept the invitation of the American...</t>
  </si>
  <si>
    <t>                                           Thieves Continue To Wreak Havoc                 Thieves continued    raiser Imvec in the confines of the city Suiuiclay. Herman Allen, of 403 Coiuially street, reported to police the loss of several articles of clothing valued at around $35. Allen   puss key was evidently used In ' the house.  Thonws. 030 Prank street, N. VI.. lost : to  !'l Iht home lute Friday night. Willie Mny Drown, of 61G Hunter street. S. W., Apartment 3. was hi work, someone broke Into her home and took Jewelry, dresses and dishes. Jncob Lester of 529 Mitchell street N. 12.. last his bicycle to n culprit curly S. '.r. he told police. The vehicle wns reported stolen at the corner of DaVis and Rhodes streets.</t>
  </si>
  <si>
    <t>                                           TRAPPED                 FrauiX!) Draki! is ;i    .cd-mad sill .ii! lilt-  by a. Iniflir  ill "And Smidm l)(l:ii!i."  -o ;  In lllc IlarU-m Thralru.</t>
  </si>
  <si>
    <t>                                           Dr. L. A. Pinkston Attracts Increasing Throngs To Big Revival At Ebenezer                 (By SPECIAL REPORTER)                 Dr. L. A. Pinkston. former minster of the Beulnh Baptist  md  of the Atlanta Bapist Ministers Union and present  of the Tabernacle Baptist :hurch, Augusta, Georgia, is  the "Annual Revival Servce" for the Ebenezer Baptist                 church ( for forty years by the late Dr. A. D. Williams mid now pastored by the able, efficient and forceful divine. Rev. Martin Lu'.lur King). Dr. Plnkston began preaching                 Monday evening with a crowded I house and the audience has In- creased each night, coming out to I hear his powerful messages nnd the fine evangelistic singing of the church s  revival chorus. Ebenczcr Is well known for her great Blty-wklc revival meetings of the past Unit were conducted by such men as Doctors C. C. Harper, E. L. Harrison, H. H. Colemun and D. F. Thompson. Dr Plnks'.on Is one of the outstanding preachers, orators, . evangelists and civic lenders found In the race today and anybody who  him will readily understand' why he ts the successful successor of the late Chnrlcs T. Walker, better known as the 'Bluck 3"; why his  ii are In (Continued on pate 2;    . 0)                 Dr. LA Pinkston i (Continued from Page 1) ':y V-^;n;s demand as an evangelist for he has conducted revivals of far reaching. effect. in cities like Detroit, Washington,' D.C.. Philadelphia. New York City, Wilmington, N.C., Orlando Florida Chicago. Ancerson, S.C., Ronnoke, Virginia. Memphis, Tenn., Savannah ami many, other notable point* of interests. He. is n man with a  soul and like to       about the "Jesus Whom Hp Knows." Atlantans will not only remember him for his fine pastorate at the Betilah Baptist church tor eleven years but for that famous sermon, "That's My Baby,'' that brought thousands out to hear him deliver. He is also remembered for that great emancipation address delivered at Bethel A. M. E. church in 1927, for the manage-  of the entertainment of the great National Baptist Convention. U.S.A.,. Inc.,, that convened here in 1031. He is commonly refered to as the most favorable successor of Dr. James M. Nabrit, President of the- .General Mission Baptist, Convention of Georgia. Dr. King is anxious that Atlanta will hear Dr. Pinkston. He will preach, according to announcements. Sunday morning from the subject, "The Beautiful Shepherd," Sunday afternoon at 3:30 to 1.000 men in the "Annual Men's Meeting'' from the subject, "The Need of an Ic'.eal Manhoo.i''; Sunday night from the famous parable known as the "Procliijal Son''  will treat tin; passage as being the "Gospel of tile Second Chance'' and next week some of the interesting and helpful subjects will be: "The Half Dead Man," "The Need, of Divine Security an.i Guicanrc."' "The Question of the Ages," The Biggest Pool in tlie World," "The                 Unknown Cod." "The Supremacy nl Love," -The Nnked Mnn." "The Home of 'the Redeemed." "Dry Banes In Hid Vnlley" or some other timely evangelistic subjects. Next Tuesday. Dr. Pinkslon will preach for the Allanlu Baptist Ministers' Union which meets :it the Greater Wheat Street. Baptist church, Dr. J. Rnyinond Hcmcrson, minister. The president. Dr. C. N. Ellis, minister of the Reed Street Baptist church, is Inviting ministers nn(j the laity or other denominations as well as or the Baptist churches io hear one whom Allan- I ta has made and given to Augusta and the nation us one" of Ihe most  ministers of this generation All roads lead to Ebenezcr th is i week ami next week where you will find u cordial welcome to take part in this "Saul-Saving Campaign." Hear a man who preaches over the. Radio Station in Augusta weekly in Hie regular morning devotion where white and colored hear him for miles around. Hear it man who j has crossed- the Atlantic and - i                 en Hands willi people of Europe, henr a man who Mas had a vision of Go(~ and best of nil. one who can tell It m nn  way.</t>
  </si>
  <si>
    <t>                                           Dr. L. A. Pinkston, former minister of the Beulah Baptist church and president of the Atlanta Baptist Ministers Union and present pastor of the Tabernacle Baptist church, Augusta, Georgia, is conducting the "Annual Revival Service" for the Ebenezer Baptist...</t>
  </si>
  <si>
    <t>                                           Lightens Skin 7        Ih;, 7 NlKiits (jwk. Hlr rwt. jiM! trr VA.V TAN  , Owivn          Of mM^rbMk OMr IMS at  or '  Will :f At (to.. Dope. IB.NI, Ik-TiMUtotM. CWC,,, 1U. -.,;.,:,.o;.;4aiM</t>
  </si>
  <si>
    <t>                                           Ism Tnii Itlc.irh Cicmiii In Highly Krioiiiiiiriulc'l t h*~ff. ~..  'l..~l II*..    N I'-lN ClP.F.If'ff TK*~ i.Mu.       hill IIClll.  i'. I., kr.,,        I. I II...       "      MS TIN III K AIM  Iruni ~,"ir ~(~lie r .1 1 * Him IAN I ffl.,  trt.~. VI-.N.A 111      ::i. M.. . 111.</t>
  </si>
  <si>
    <t>                                           There will be services at the St. Paul Baptist church April 11 at 12 o'clock. The Rev. W. M. Seals will preach at that hour. You are invited to attend this service. The Beulah quartette from Edgewood will sing; the Silver Moon from St. Paul; the Mt. Moriah; the...</t>
  </si>
  <si>
    <t>                                           . Jiwt fi-  \  and \rt*u fora   Sunpia Gaonila       Hair Dtwwln*  PRODUCTS CO. 2241 tne.~naA*~.     . SBJ CMcag*. MU Don't irritate Gas Bloating If you want to really GET HID OF QAS and terrible , don't  to do It by Just  your         with harth. irritating  -~nd "    tablets." Most GAS it        In the stomach and upper * and Is due to old poisonous matter In the   that are loaded with ill-causing bacteria. If your constipation la of lono  enormous quantities of           bacteria accumulate. Then your  it . GAS often presses mart and lunns. making life . You can t eat or sleep. Your  aches. Your Sack aches. Your complexion is sallow and pimply. Your treat*1 tout. You nre a sick, . wretched, unhappy person, f YOUR SYSTEM IS POISONED. Thowsandl of sufferers have found In Adlcrika the quick,  way to rid their systems of harmful . Adlerika rids you of oas and clears foul poisons out of BOTH upper and lower bowels. Give your bowels a REAL . with Adlerika. Qst rid ot QAS. Adltrlka iUm not Brlpt- U not habit . At All             . TRIftL     SI I-CI.VI. .1,      Ik-    "       ". AJIfOFFER IL. .~-nt. 77. St.</t>
  </si>
  <si>
    <t>                                           H 0 T BATTLE S It U 1 Ul I I I Li La                 NEW YORK-  ny A. E. White for ANPi- With ihe political situation adjusted in Harlem's 21st District, and a colored leader displaying unusual ability as a director or one of the heaviest districts in the city, attention is directed to the wild scramble                 in the 19th district, where eager  are stretched forth iL' I an effort 10  the Vadership I of that district, meup'.r.r the dls- j (Continued on PaRe 6; Col. 3)                 Hot Battle i ^Continued from  0 l.ri  or  worth n million a half .. And . now. Micro Is no more      )      In Ihe. . not  v*      5 'he Lonis-Braddoe. -. which hns Ihe     *v   or . Tim ivl-(  "l.         of IVin rtf .l. Itnrr" 1. fe.rrv. li i*"Mlc. II? r.-one to      district after * ft.fort out of llv. leadership or Ills   rli*. the 2nrt. down in Icwcr Manlinllnii. And lie  heen !~n.V loo  with his art- Mrent* Vlnra nn  Urn          worn bv tl:e  Mnrlln Hc-nly. Martin i;ol. in Uiiicli wll-li lit?  lh:it bo in T:imm:.ny  shortly after l.wo '-f his :     " .~= j were  Uo:       wit.li - Jurtgc Crater, of tlv famous . net'  Martin Ewnld, the lawyer who war appointed Mngislrnte nnd -r  when  irri iii: i lp.rit.ios concerning liw appointment wer,, rc'/cr.'-.-J in nubile Invest;- j    .l.lon. Kill Iiealy  al?n spoil- sored tin; ill-fated Jimer. Sicplicn.~ as   moru uf U:~ j power In! formerly .  tore, lie is trying desperately to rally his broken forces hp;1 came t'. with u winr.-t. i Holding Hie i:oue.- nr. in Ihc 10th District is ITcd D. Dictcns, :i real estate , who hus nf his chief i'. and . n  -jn, Elijah Cnima. Crump lm-s played well for Dickens and is making an impression in thj. District. The story of Dickens Is one of murage and fortitude. When Ferdinand Morton. Civil Sen'- ice Commissioner slopped forth Ami boldly declared his intention ot  for leader of tlie ISrli,  was one of his supporters. Bill. Moiti.u withdrew from tlv; . sora- s:iy in .1 tlf.il  s:ivv r.nini- nf his " plac-d in j fn' positions. Ie:5 his follow- ers stranded. Then Dickens slop- petl into the . k fi by Morton. and with Crump- rallied Hie load- pile s forces and assumed tlio com- ni:ii'.cin^ . Now. he is the- most feared man 111 (he District. j Hut his opposition is growing  and left. Already four other colored politicans  declared their i'.- tlon of- running for leader in the District. Firsl there is Darwin Telesforc1. ;i  Slate Assistant Dislric. AUnrn.-y. Mr. Tclesforrt has set up a  and Is trying to pull fol- lowers in lo support, him this i;il! when the elections roll around. Second is .la van A. Steele. Cl'.v :.:.-.:-Jhfll. who has  airl yea mines for move  Mr Steely has sei up a "club" a:i.l is clamoring for support. Third H a Dr. Capehart. of whom little is known, except :     he too. has set up ;i club .ind is trying to show people his if the right way.</t>
  </si>
  <si>
    <t>                                           NEW YORK--(By for ANP)--With the political situation adjusted in Harlem' 21st District, and a colored leader displaying unusual ability as a director of one of the heaviest districts in the city, attention is directed to the wild scramble...</t>
  </si>
  <si>
    <t>                                           New Lincoln BUCK JONES i "DEADLINE" I j</t>
  </si>
  <si>
    <t>                                           The Miami ... Clowns ... their number-one hurler on Sunday afternoon in the person of Miami's own ... performed like an ace ... his stay on the mound, allowing the Red Caps only three hits and holding them to one run, while his...</t>
  </si>
  <si>
    <t>                                           Pan Tan Bleach Cream Is Hic-hly Recommended Tlinnfcnnil* of    *  FAN TAN  ClUS.Of             Ug . . ~-     nn.l 1.~~~-Ir ad In Iwp It .   . Orl     tin* - ~\ir r.\S TAN ni. CnK.\^t front ?r 1 t or  t  (   KA_N TAN CO.,     . Sl-NS,  8. Fnmklln SI., Chlcitfo, III.</t>
  </si>
  <si>
    <t>                                           j To The Top      T Tt is a job well done We doff our hats to the promoters who and its sponsors, we doff our hats in a have had the courage and  to ar- token of a job well done range an outstanding site for more pleas- J m This progressive Step should bo m u  moments. B given all the encouragement thai J When you find  fatigued and J Atlanta can muster running a slight temperature because of We heartily endorse it as a place your dancing, remember, a nice, cold bot- where we may visit and enjoy in of PEP-SI-COLA is right at your fin- JJ comparative decency and safety. .J ger tips for the asking. J ATLANTA DAILY WORLD PEPSi-COLA BOTTLING CO. m</t>
  </si>
  <si>
    <t>                                           Hubert, Logan Forum Talks During Week                 As :i result ol new WPA regulations, the clerical stuff of the Atl: Co'iuird Forum has been  increased, according to an announcement made by Dr. Hr:vl"r(~ W. Log:in, coordinator. In .. the present staff of one MucriiUiry, two typists, one senior                 imd two junior research . one junior artist      on* inv-. there have been     Mgtml three typists  a , Ii i* hoped that additional  will be made in the new future. The two subjects for the week or April 2U-S0 will be Tlie Church in a Democracy'' led by Dr. C. D. Hubert, and "Tliw Spanish Civil War.'' lal by Dr. Luttan. Dr. Hubiu-t's  will be hcl.l ftt Morris Brown College, Turner Tlicoloslcal Seminary. 10:40 A.M.. April JS. mid St. Paul A M E Cluircli. 3:00 P.M.. April 29. Dr. I Loiran will sj.Hiik at the Minlsti-:~- Union. Biff Bethel A M E -t.li. 11:30 A. M., April 27, and I i in- ~:imr eve- at the Butler 1 Su-.'i't. VAIC A, imc:' nt Yontte Street J'libue School a 1:45 P. M.. April (Cuntiiii'.edi on Page B; Col. 7)                 Hubert, Logan (Continued from Page 1) 20. 'Hie next topic will be "Thr Press In a Democracy," let! by C. A. Scotl or the Atlanta Dally World, In the week  May 3. Dr. I. staled that he believe* Mint the Interest already manifested In the other forums has proved the Intercsi of the colored citizens In public affairs. At- I                 Is  os a kind   :.l for tills purpose. Hu Is particularly , therefore. In the remaining weeks that the  citizens of Atlanta will continue 10 demonstrate their desire to be interested In lh?se topics. A  colored forum In Atlnntn will mean the establishment or oilier colored  if Uie  ct If. resumed next, .</t>
  </si>
  <si>
    <t>                                           As a result of new WPA regulations, the clerical staff of the Atlanta Colored Forum has been considerably increased, according to an announcement made by Dr. Rayford W. Logan, coordinator. In addition to the present staff of one secretary, two typists, one senior...</t>
  </si>
  <si>
    <t>                                           CHICAGO--Thus far, agitation fur sepia participation in big league baseball has virtually no impression on the white czars of the game. This, however is only one of two ways by which our stars will get in she heavy limey; she other is far slower, but even at that it may be accomplished before the big horse hide moguls abolish the color line.</t>
  </si>
  <si>
    <t>                                           ~^~WPf^  Bg[        ^BJnl HOW MODERN WOMEN LOSE FAT SAFELY Oiin               - Yoothfalneai With Clear SUa and    *    Byai That Spirld* With Oloriota Health Here's the recipe tint  fat and bring* into  all tbo natural         that  woman . Every  take one tail         (~1 of Knuchen Salu la a aU*t  water before breakfast- -eat down ea paltry and fatty - fs light M potatoe*. butter, cream and nigar- In 4  ~*l en the walea and note knr many  fat bare . Notice also that ym      (abed hi - your skis ta - too imi  b body- Kroadwa will (ire ym i  . Oet  Knueham - the eaat M * tu* it laau t . V gtea tMl      1  UnproTtDul In - Iterkwslr  wra*tle-  ttn Km Beatr  . But tw sure (or your  s aats that rsa aak IW    get KreaektB asita. NOTE- Many people find that the  Uet   wbO*  Xn* ihM^ k TO SAT USS.</t>
  </si>
  <si>
    <t>                                           B.T.W. ALUMNI TO HOLD MEET                 Thr Alumni of Washington high school will hold an Important meeting or the Cooperative Movement .-it ihe Model Home on Humor Street this afternoon nt 4 o clock. Prof. J. B. Bhyton will     the innin speaker. .All members and friends arc invited.</t>
  </si>
  <si>
    <t>                                           If^BODY ODORS55?! j HLL*  twl* odor ut uim'-o. Sufi* I ;      **w. Won'l Main i-Iotlics, '^Oe Sw,HIP Cream Deodorant^</t>
  </si>
  <si>
    <t>                                           Well, Sir, for the last few days., down here I've began to worry about my health here the other day,that shook me to my foundations after I took to thinking about it.(May be I should'nt have said thinking about it'... no doubt, it would have been more appropriate to have said notioning about it'). Anyway, here's what happened... I'll pass the dig on to you and maybe you'll get a kick out of it too.</t>
  </si>
  <si>
    <t>                                           CHARLOTTE, N. C. --(SNS)-- Saturday, April 17, was a hectic day of activity for the Negroes of this city because it was the final day for registration for Participation in the city primaries: and the unusual spectacle of three Negroes being announced candidates for...</t>
  </si>
  <si>
    <t>                                           Men Prefer Girls \Vh(. Have Clear Complexions It (      H Imfly -kin. , tn win men'* Itrftru.     hl.'iH li  lighter,  Hnr  l.-~u-ml "n  V TAX III. I'llKAM. Only Mh'ml - j ~;UIh nr h.v mull ( III.' I AN 1\N f^K.    *~~t. S3-NS, Sl^ S. FniUbllli. I , 111.</t>
  </si>
  <si>
    <t>                                           JOLLY SERENADERS will meet tonight, April 15 at the home of Mr. and Mrs. E. H. Stephens, 213 Lampkin street at 8:30 P. M. Be on time. Bible verses will begin with the letter G.</t>
  </si>
  <si>
    <t>                                           STUDIES AT OHIO                 E. OSCAR  OLK. Jr. -teacher In the public-  nl Memphis, Is studying for his Master's Degree at Ohln Stair University. Columbus. Ohio, this summer. Mr. Wonlfolk was nn  student at Tnlladrea University where he  his A. It. Decree In Ifl33. tic is Hie son or Krv. and Mrs. K. Osrar U'nolfolk. Sr.. or I. Kock. Ark. Ucv. WnoUulk Is a Inrmrr pastor of Centenary M. K. Church.</t>
  </si>
  <si>
    <t>                                           SCMtNt Sl*O*t 1 I John        QRM I; -And    - 1' i Jean Roger* ..TALK Qf THE I i IM TOWN RCVUt" I; "CONFLICT" HMUl'tlllVIH'</t>
  </si>
  <si>
    <t>                                           i Mn of f f TAP 11 mV TO THE. lUF II A 1 By The Organizations Who Helped Build It Into What It Has Become! gmg  S SMARTEST BALL ROOM</t>
  </si>
  <si>
    <t>                                           /~y "Sualcincf        *, SpecialJAti,  /r       . i  JLcuL JSaJasuj i for ECONOMY and SATISFACTION use Double Tested/ DoubleAdhnf W@* BAKING  POWDER i Same 45\ 25 ounces for 25* 1 Full Pack No Slack Filling</t>
  </si>
  <si>
    <t>                                           A Starry Crown. Have you ever stopped to think Of the hearts you ve helped To make glad. And tlie blessings you will Some day gel, for cheering One  that is sad? j Do you ever think it s noticed i When you ve Riven a hand To the poor, Or helped the cause of mission I And before God pray To be meek and low? I Of course it will all be j Counted in the great day Of renown. When God shall say "Well done, my child. You've won a . crown." Madge  Perry, j</t>
  </si>
  <si>
    <t>                                           21 GRADUATE AT SOCIAL SCHOOL                 Exercises Thursday Will Be Held In Sisters Chapel                 BRUNO SPEAKS                 Pliiiis lor tlio   commencement, exercises of Uie At- j Inulu Scool or StcIrI Work to be held tomorrow. 'Thursday) evening June 3 In Sisters Clmp-I on Spel- I it.hu College   been completed  announced by      " P. Wash melon Dlrcclor of                 llin School. I Dr. Frank J. Bruno. Director of Hip Drpnrlment of Social Work of Washington University. St. Louis. Missouri and a  president of        the National Conference of j Por.lal Work and Hip American As- ~'Ocinlion or Social Work the two   work bodies In (he country will deliver the commencement address. Dr. Bruno who Is nationally known f. nn eminent speaker as well as n social worker of note. lias been actively- encaged in various training and work phases of social work activities roi- many years. He is a member of practically all - j ini; social work associations and so- . His book THE THEORY OF SOCIAL WORK which Is now used as a text and ! book t).v various schools of social work, was published In 1930. He has also contributed articles on many phases of social welfare programs nnd so- i cial work activities to the SURVEY.. SOCIAL SCIENCE AB(Condnued on      5, Col.                     21 Graduates j (C. from fi.lt"- I) I I: "f ami thf ,!.'. M-IWA '"I' :i:''IAI, S( IKKr-l'S in Hrnnci.  h:~ ir;"'l li-'v- l:. v.,-11 viT.v-rl in  rial. .i-i -al ; pr-ln I. P'.h!i His i 1 :.r"(-i;il \v in k "inli inn-.     :lf.ri "i" -ii .  it i- i'\pi-ur:l that Ins *a-_;r. fli-ahu^ with pll Ul.-Ull1-  i pi1.! In  i't ill-1 ii    "I tut1 i'i'.:ii:mim mici"-""ii mil' :.;:inis i-l I lit- I'liiinlrv. will i.i:i only h  Inn ; .::    :iul ;iii(l in.-pir:iii'; Di- Kd'^ir II- .Ii:lin..on. i-h;:in r,l t lie F.^nnl nl Trii-.t v~. liu1 ll';i:~ Ul!i - 'llU1 IIU(--. '.Mi Mid li"ii  will  l.y Dr. Willis .1. Kmu r ri- nf :.:;inui:~n T'mc"  'uii;   Smmiiiry. mi l ;i!mi :i  nt tin1  l;i!ii:li i's i.l I lie ;Mhiin:i Whnnl "f Fivi;il W'-lk l'-~!i-~l r \V;i:.hiii;:i"n.  M nl 'Ii'1 ^ will inli-'itli iiT 111.- ~-.i-: i,i 'hi- fvi-;i :t^ w i-11 Ji--1   -(-^ in 1 1 dipl' in;!-(ii III'- ul:i.'hl;i! mi: I hiss MiimimI -s will I)'- r'-iuli-rfl  Mi.s:- Ciirric Kum ;md Mr. Ih'iiry i -.ins. ,- -Jndniis nl il:c .Mlillll-.i Si-lmi l "I Sm- \V(  -k. iin.i Mr. Fiiint-is Ilulm el Emnry Uniu  Twiiiuy-'.~ui . ~)    )lc:-  ;t  1J -n-will lie :iu ;)iii;i.s. II is i-.Hc- lo cbs:-rvc .  i' nl Iht-M'   iv  til AMiiiiIm Tlii' a.iii rnl - is I'xii'iKlcil .i I'crdinl  lo ntti iid iln Mi M--s which will ,  nt I', u  k ;iii,-~  only .ill l.'iur  a hall     ihis ;. it will be * loi- .1 in lu-' to  lair -, n^'  any di Illcultv.</t>
  </si>
  <si>
    <t>                                           plans for the seventeenth annual commencement, exercises of the Atlanta Scoot of Social Work to be held tomorrow. (Thursday) evening June 3 in Sisters Chapel on Spelman College campus have been completed and announced by Forrester D. Washington Director of...</t>
  </si>
  <si>
    <t>                                           Henry Ivey, years ago started in business without even a hears. But now he has a ... of ... See what ... bring to a ... young nat'l ... marches on.</t>
  </si>
  <si>
    <t>                                           PLANS COMPLETED FDR BIG  REGIONAL MEET STARTING THURSDAY                 Reverend B. R. Holmes' Statement To Press Charging That Many Colored Persons On Relief Refuse To Work, Irks Group                 Iii session for  purpose of rounding mil plans for Ihc second annual southern regional conference of the Nntloiml Association for the Aclvanc- of Colored People H'- Hie  Street YMCA Tuesday  at five o clock, tlie executive committee of t.rw                 NAACl'        2) heard reports from various committees Prof. E. Luther Brookes, treasurer of the regional organization and chairman of the local planning body, made the chief report. He i announced that indications pointed low.-mv ii large attendance lor the four-day event, this Thursday. Friday, Saturday and Sunday. April 22-^j inclusive. Thursday morning  most of l-he day. delegates will register at the Atlanta School ol Social Work. After first registration, there will he a meeting of the various executives. 'Hie first, general session will be licit! sit Wnrren Memorial M. E. church Thursday evening nt right o clock with E. W. TBRparl. O.D.S.. Birmingham. Alabama, prc^. Attorney s:. E. Perkins or Baton Rouge, Lnusianii. Ilcgional Sc., will  .".. Ur. Ta;Bart--, is -.. of the i regional bodv. The .second- general session will be hel(i Friday evening at the First Oongregational church at eight i o clock with J. L. LcFlore of Mobile. Alabama. :g the  cipal message. The filial session Sunday afti  at four o clock will be held i at Big Bethel AME . featuring Attorney C. H. Houston, special c'. counsel for the national NAACP organization, in the main 1 address. The public is invited to all these meetings. The executive committee session vns heightened in . however, when the body  o;.k  tually unanimous excep ion to a I ^tate.'nem made by Rev. B. R. Holmes in a Sunday speech at Greater Ml. Vcrnon Baptis; . which .  in the Aitlanta Daily WORLD and the Atlanta Constitution yesterday. Rev. Holmes was quoted in the press as I : "There are hundreds of unemployed colored men living in i Atlanta and Fulton County who will not accept jobs, according to reliable information released by I j civic organizations of the city." 1 The committee s offense was base(~ largely on the fact that It is in 1 possession of Information in direct contrast to thn statement by Reverend Holmes and also on the fact that they consider H a medium of propaganda for those opposing the j granting of lobs, relief . and equal employment opportunities for colored people In Atlanta. The L-ody voted to write a letter                 to Reverend Holmes seeking, first, to know if lie wsls pro]~erly quoted ;, secondly, to ascertain the  "civic organizations" from which he received information Hie  as      -r so ; in error. Before the termination of the session, t lie  named as official delegates In the conference were Korrcstor B. Wasliinglon. Misses Hauls V. Feger. Frankle Adams 'alternate). Ethelynne Holmes (, Docla Steele and Lama Ditffey (alternate): Mrs. Stella Brewer Brookes, and E. M. Martin. John C. Long, c. A. Scott, A. T. Waklen, S. L. Vaushn and Rev. John C. Wright. President Forrester B. Washington            and made genera! observations on his recent visits to Birmingham and New Orleans.</t>
  </si>
  <si>
    <t>                                           In session for the purpose of rounding oat plans for the second annual southern regional conference of the National Association for the Advancement of Colored People at the Butler Street YMCA Tuesday afternoon at five o'clock, the executive committee of the...</t>
  </si>
  <si>
    <t>                                           For several years we have seen the need of an exchange where out form and city women who make beautiful handiwork and can delicious preserves and Jellies could sell their products to satisfy their desire for making money, whether it be pin money or money with which...</t>
  </si>
  <si>
    <t>                                           "City Slick", New Serial Cartoon Strip By Ric Roberts, Starts Monday In WORLD; To Appear In Memphis, B ham.                 Beginning with the Is'ue of Monday, May 23. the SNS will offer ltd renders In Atlanta, Birmingham, and Memphis a new  strip  story titled "CITY SLICK." j                 Tile new feature, hi a product irom tne [pen or Tuq ,  or the SNS Editorial Staff and staff . Toe                  ha-i a story to tell with occasional laughs Interspersed to make II a reader-interest builder. The inline, "CITV SLICK., enough tu  readers an Idea of the type character that the artist has chosen. The story will     ] through many  anil daffy paces before the final zinc etching b CU3U L                 OLD WORLD renders will remember (he former SNS feature, "OL' HOT" which started In the spring of 1929 and ran until the month of November in 1933Tills strip made a  lilt with the strip loving: public (hiring: Its five-year run. The creator of "CtTy SLICK" is sure Uuit lie   story ami                 characters in llic new offering that wilt even eclipse the             of hi* Clicrlc, Muriel, Gurncy, mid "Ol." HOT." In tho new strip the characters arr to be more ludicrously drawn and there will be more  attached to Hid principals. Induce yourself tn tills  at the very start untl you will  tire of  ur the story.</t>
  </si>
  <si>
    <t>                                           Beginning with the issue of Monday, May 23. the SNS will offer its renders in Atlanta, Birmingham, and Memphis a new cartoon strip serial story titled "CITY SLICK."</t>
  </si>
  <si>
    <t>                                           Tomorrow afternoon on the Morehouse athletic field, the Adelphi Junior Club will have its first official softball drill of the year, having closed out an ... and championship basketball season several weeks are with an informal banquet at the home of its coach. ... of the gifted basketball squad have been made by Kelley's studio and the stage is all set for further Adelphi bids for athletic ... The ... practice tomorrow will be for both divisions of the club, the S to H year old boys...</t>
  </si>
  <si>
    <t>                                           A surprise birthday party was give on Wednesday night at the home of Mr. and Mrs. J. D. Hardman in honor of Miss Concheta Burns. Those included in this courtess were Misses Curlene E. John and Shirley Jean Griffin of Gillsville Mary Ann Cox. M. Butler, Messers...</t>
  </si>
  <si>
    <t>                                           In Memoriain                 In memory of our denr husband and  v.iio !cfl us live years  today. Gone but not forgotten, .Yiver  his memory fude. Sweetest thoughts shall  Ymgcr Around ; pravo where he is laid. Mrs. Hnrrict Lvnion, wife. Henry and Mary, sou and daughter.</t>
  </si>
  <si>
    <t>                                           Harlem Project Is Given To N. Y. C.                 NEW YORK. .I'.i.i-        With 'J.r.oo .     . (demonic.-., following "  River House:.. Mir J4.:'19.000 PWA project, whs "I'.frd  j to Ilin city by    . ! F-.'- men' Wednesday  the . limp ' a      .mil tlio                 "!!'        u o - in tlie operation ol an apartment hou.c The audience -lood in the gre.it . between lour of Hi? nine buildings which will -r .ri74 farv  Wllll n OHC-  ':M I'll-." :it $~l, 0112.    . Mayor LaGiiardie -l Ir.T.n handed him by TIioiihik Uiry. hc.-il of the PWA housing  M v ;i announced tit* t   7i ". ;ir''"i rd mil ol M.ilin  - vill lie    f Hie - "I c-r  " m row .v AH I the !: nrr  In i"  hy AllRllst IS Tin- mayor, as lir  - pHRc lease, . "This Is I'w j happiest,  of my Irle. hh1 tii deed Is a dream come Irne." Tlip ; wns    '      Ivv Walter Wlilte. N A A. C. P. -      . nfler the  or 1.D0O. i mainly colored, Ihroimli Hnrletn streets to the project. OUkt speak-                 .r.  ,   '.fj"- 'I Ml'";   H f 0'   ..v..~i.. u ir.ick--". r;.'..i.mi PWA   ll lll!f-li:il'"l    ' V "IJIUll -I j il.^f i i in ;,iiH II'" 'i^ white I 1-rci.r'  r-      'v U'.H :-!pp .1 faic n'.'.Wl' !:"-"l!'   !!!!!t!n-: MC'glU!". j .,1 l!.,~...  ..,n. .1- T!   i W/1 r. n (.~~v I!ip :vA v.)d i!h- '~rij'.-.''! i Is be pud t!   Icdtr.il jo'-er!!!-iv.-!:i 60 years. Alter i.'iir - ~:p?.alion.   ;i rli:    " mi fills mny h. i'(~~'f-lcr) '-l '* lr:i r will I'" MVii Hi- el V Iv. W.i lUll'.-'nn</t>
  </si>
  <si>
    <t>                                           NEW YORK, June (ANP)--With 2,500 Harlemites watching the ceremonies, following a parade Harlem River Houses, the $4,219,000 PWA project, was turned over to the city by the federal government Wednesday afternoon. It was the first time that a city and the...</t>
  </si>
  <si>
    <t>                                           Lang, long ago before the dawn of civilization most of the people on the earth lived in tribes on clans. Each of these tribes had its own name, or rather symbol. They called themselves after some animal or part of nature. For example, the clan of "Wolf" would wear...</t>
  </si>
  <si>
    <t>                                           A lady met me on the street and said, "I like your column and I would like it better it you 'kinder' pick the people you write about." She in a way said "You write about everybody, even number writers some times." She seemed so earnest in her talk I decided to do...</t>
  </si>
  <si>
    <t>                                           Nearly two generations of unselfish devotion to an ideal, of shaping dreams into really, and of leaching students how "both to make a living and to make a life," were marked by the celebration of the thirty-fifth anniversary of the founding of...</t>
  </si>
  <si>
    <t>                                           RECORD NUMBER AT A. U. NOW                 Willi 740 .studi ius enrolled tills  in Hie AUimlu University Summer School, all previous ut('.~ records  been far exceeded. When registration books were closed at the end of the first week. 483 persons hud enrolled for college credit and 2C3 were                 tercel for graduate work. This represents an Increase of 18 pur cent over last year, when 030 students . The summer school will continue for six weeks, or until July 23. The summer school student body was formally welcomed to the campus at the first assembly on Wcdresday morning by Acting President Florence M, Read of Atlanta University, who told of the variety of cultural advantages that the University offered, and spoke specifically of the excellent library facilities, nnd the program of the summer theatre which will open June 22 for n five weeks season. l As a new feature of the 1937 ses- slon, a series of weekly public forums was Inaugurated this week under the leadership of Ira Dc A. Reid, professor of sociology in Atlanta University, when Dr. Rayford W. Logan, Atlanta University professor of history, speaking on :he subject of "This Bewildered World," discussed tho unsettled (Continued on P*    8; Col, -I)                 I Record Number i (Continued from Page 1) .late of international relations in l.'glu of economic, social und  conditions. More than 75 students and faculty members  and participated In this . High  principals, trades teachers, and others interested in the problem of vocational training and  enrolled this week in .1 five days' vocational guidance institute, which was conducted each afternoon by Walter R. Chivers. supervisor of vocational guidance in the colored division. Georgia I NYA. On Friday morning, Mr. Chivers addressed the summer school students at the second assembly of the session. He said that conditions made it necessary for Negroes to acquire new skills und seek new and less crowded vocations. Negro women, he declared must be freed from a situation In which their professional activities are limited to school teaching.</t>
  </si>
  <si>
    <t>                                           With 746 students enrolled this week in the Atlanta University Summer school, all previous attendance records have been far exceeded. When registration books were closed at the end of the first week, 483 persons had enrolled for college credit and 263 were...</t>
  </si>
  <si>
    <t>                                           Ashby Street Coal Yard 2').-, Ashliv SI.. S. \V. I'hnne RA. .t 3 BAGS COAL $1.00 WE</t>
  </si>
  <si>
    <t>                                           y\ Supers QUALITY f Dry Cleaning 1 1 Men's Wool Suits Jffi/U Overcoats km6\(/ Plain Dressef JfflEffia Ladles' Coats $$M^\ Without Fur  Picked Up and ^*^V^ Delivered I] y4/ /Vo Extra        City-wide Delivery Service J Excelsior Quthman t May's WA. 2454 WA. 8661 HE. 5300 Piedmont Trio Troy-Peeriess WA. 7651 JA. 1600 HE. 2766 American Capital City Decatur MA. 1016 1 WA. 7121 DE. 3162</t>
  </si>
  <si>
    <t>                                           As its project in Civics, the ninth grade of Evening School of Davis T. Howard Elementary-Junior High school has just completed publication of mimeographed booklets containing biographies of some of the outstanding citizens in Atlanta. Starting with the late...</t>
  </si>
  <si>
    <t>                                           350,000 Suit Against Firm In D\ath Of Son Lost By Mrs. Carrie Little                 Mrs. Cnrrle Little. WuiliU'sikiy. )OSL her $.  6,000  suit  .sl. the Inlcvn- Agriculture Corpcnilioi) in thu c:c:illi ol hor son Uisl . when  S hi tin: First Civil" Division court.- or Pultoncciuity favored the .                 lor the pl:tii  l*. W. S. i Shelter mid'  M. Wensrow. had  mci:hl lo prove    :il. .Julius D. LilUc. (li- son of 1 1 it plain- I till', whs  injured in an aul:i- ' iH  In which :i * ::n?(: lo ;iii.          ;'(il' the Ai!il- ' Coi p^ w:is Involved. It. was  thul on tlH'-ni^ht. .of January H. 1MB. Mrs. Little's sou wus crashed into .on , main .At- j -Covingtnn  where the Lithonia ion(~ conies into the main   ly one-half mile thi-~ side ol I.. Tile machine at fault during: tin- crash, the plaintiff  i!, ~'~s  by T. Stcnhens. while' , ; vlo aled 1 1 at fie rules by passing                 (hit :i stop sinn at a  rale of.-.peed., .-mashing into Little's cur. allegedly traveling' within traffic regulations. Tlio while man died later  10 injuries incurred in the Husic.rul. it was brought om. M'jny witnesses were presented by both Hie ~)*": iho defendant. A maid In homo directly opposite tin1 :il!(!     (? ol' tiie wreck ir. lor ihe  Tnosihiy. The  r cil iho c.ef.a-ie(~ .son. bt  n-ars, I old of  -        ; - child s t':!i I'Sliuiali'il as Di'iwi'PIl $20 inc.- SM / Cue ni Ihe main KJi'leh'.ion.s ol Iho attorney for Llm Curpcral nn was ih:~t. ihe  was nol ;: used lor Ijusincss - ol the owner at '.he lime of Ihe dash and i-ven if at TauU did not inn lie Ihe Corporation liable. H was nol li-anie.l  I'urUier action  be taken ; Wodiiesday's conclusion of Ihe two-t.ay (rial.</t>
  </si>
  <si>
    <t>                                           Mrs. Carrie Little, Wednesday, lost her $50,000 damage suit tiled against the International Agriculture Corporation the death of her son last year when jurors in the First Civil Division court of Fulton county favored the defendant.</t>
  </si>
  <si>
    <t>                                           "TOPS'"' In U^d Car        241 SI  ST. Cor. Harris Si. "3 1 Chevrolet Master Clinch. Black, cnam wheels; upholstery like now. Mechanically perfect S380 '35 Plymoutli Coupe, black finish. 1 n' mih ''. Good tins S-150 '32 Clicvrolet li-Wlu-ol .Si'iliin .  . Sent . Mi'L'hanitfiiliy A-i $250 '36 Chevrolet JlasllT Coach. Original black finish, looks ami  oi itis lik*.1 a now car S5    "35 CJicvrolet Slil. Sedan. Original upholstery . K.Nci'llunt. t  - S.'{i)5 '3'\ Ford Kordiir. This car hus had imo nwm-r and is in Al   $2 I5 Many Other Selccliom DOWNTOWN Open Until 9 P. M. 211 Sprinyr SI. MA. 50112</t>
  </si>
  <si>
    <t>                                           The special Father's day program held at St. James A. M. E. Church at 3:30 P. M., Sunday. June 20th at which time the pastor. Rev. J. Roy Moore delivered an inspiring message to the men of the city. This was entirely a womanless program and one to be long remembered.</t>
  </si>
  <si>
    <t>                                           "DEMOCRACY Iff STAKE III SPAIN"                 Paul Robeaon Warns That Side Of His People Is Spain's                 BITTER FIGHT                 j MOSCOW. Ussr-(By Chalwood Hull for ANPl- That Uic Negro  Is confuted as to his role In the trouble for democracy now bring waged In Spain, was the  of Paul Kobcson.  asked for his opinion of the onslaught of  a gains t the Spanish                 pie s republic. "The majority of the Negro intellectuals are likely to  that this Is no  theirs and are likely to to l.o a nationalistic and chauvinistic point of view." said j Robeson. They may leel that, be1 Ing Negroes, IMs is noi our (lent. But alter all, they have Just seen I Mussolini and fascism in action In Abyssinia, and it should be perfectly clear to them (hat the same , fascism and Mussolini in  in this case with Hitler, are waging war against  racy and freedom In Spain. The relation or all black  pie and all friends of democracy In relation to fascism and Trntsskyj Ism should now be perfectly r.Ienr. 'There can be but Iwo sides to I the present Spanish situation and to world conditions In general: Trance. Hitler, Mussolini, and International  imd Trotskyism, or the forces of progress, liberty nnd democratic . All or the democratic nnd  forces are on lhP side of Ihc Spanish people." Before leaving London ror Soviet. (Continued on Pngc 6, Col. 8) I                 Democracy At Stake (Continued from Page 1) i Russia, Robeson contributed $250 to a fund to help the dependants of the many American Negroes who arc lighting In Spain In the only way that democracy Is possible ol achievement bitter struggle. "The Negro," scald Bobeson "should put forth more  toward sending Red Cross help, medical units, etc.. to the Spanish people. Alter all," lie added, "the struggle In Bpaln Is not a private  of the Spanish people. It Is a life  death struggle of democracy Itself As lovers and seekers of democracy the Negro can not adopt a passive attitude In this matter." Robeson leaves Moscow In a few days for the. Caucasus, often visited and beloved by Pushkin, where he expects to rest for several weeks before returning to London.</t>
  </si>
  <si>
    <t>                                           MOSCOW, Ussr--(By Chatwood Hall for ANP)--That We Negro intellectual is confused as to his role in the trouble for democracy now being waged in Spain, was the contention of Paul Robeson, when asked for his opinion of the onslaught, of fascism against the Spanish...</t>
  </si>
  <si>
    <t>                                           THE NON-PARELLA SOCIAL CLUB met at the home of Mrs. Julia Rogers, 58 Davis street, at five o'clock Sunday evening with the president presiding. Due to the absence of so many of the members last Sunday, the aviation...</t>
  </si>
  <si>
    <t>                                           NEW WO JURY IS INSTRUCTED                 StiiMnp thai a reduction In the  T "f murder Indictments  would save ihr courts Urn? iiii l .'.o Kid would : Hi'  ot '.he community. .Ju'lco John D. Humphries .Hiflcd that lower  Indlctivfiii- be r  In a ? I"                 Hi" M.-iy-Jun: :OM!!'.y  J'.'i 'r- Mo. "I lie J'. i-3'd '.hat many '-'It            ". 'ire re -J i.v uii iul huh'., which   -ii v v. v.-'ild               ii ^  Uuiu IndlrtmcuUclKirsmR   rt Ho  Ihr now  j iry ln u-    in  . ;incl  :f  morr Ihtin inan-~~];Mmtit^r is . IndlctnicntN (or  should be ri . Hnvlnu compiled  lo uphold hlm.xc-lf In his pica (or  ion In indictments lor the IiIbIi- j L-iL . Jlldtjc Muniprics Mild' i "In 1030 there tt cri' 1.050 Indict-  returned here us compared (Continued on Page 6: Csl. 2)                 New Grand Jury ((' fr mi ~'*cr I)  1.911 l.hr vnr . 'flip \ in  dm-s no' mean i  Lit !. bul. iiic:m:- thai grand . ro-:  Hie courts  not   cases, but buy* rn- ( cusps l'i      lu tlic courts."  or     * nfw  Jiirv Is c. C. C'liiiniberlatn. ^ t^lli-r Hip First Nsitimiiil nank. wlm lives a I. IMS Oak Slrrpl. .S. \V.. mid Lion Wofford. , or fill) Kenncsaw Avpuue. N. E., secretary. Pollowint; the . the jury met and returned four Indictmeiits tbr murder of recent dates ;  Uian one dozen other i bills lor Viirloiu offenses. I</t>
  </si>
  <si>
    <t>                                           Stating that a reduction in the number of murder indictments returned would save the courts time and expense and would improve the reputation of the community, Judge John D. Humphries recommended that fewer such indictments be returned in a charge in...</t>
  </si>
  <si>
    <t>                                           oik  II. ni.-lM;-M .\  Id  mill u*t* our pri-      Hilly Inn il.      . 01 IC  CJtIIU Kll      l.'-t        i Ifir . l(       II .      , i-  mill ki-  s. OTIC .TII IflVIC (nnm      tin- ~)      . J  nrrs -~~ mill   tul . IHH  IIKMIKIt Klxn     -k  liut  ,  lilin Ti-kI ;. I ACK lll.l'.ACM,   IIcIiIit. A.l.lr.~v: IlKV. . IIMtlUMAN, I 'I'M W. I'ritlll'irM Avr.. C'olumtiUN,  HEALS THOUSANDS Sores, Pvllii^rn. Syphilis, Bad Rloinl. Coiicirlicn, Hail Skin, ( Stomach, IrnliK'cstiuii. Ncrviiukiicss, Ii.ii n  Nuluru uml Kiilnisy Coiiipluiiil. Cuaiaiilcud TrenlniunL, ?1.8  I'oslpuiil. Scnil $1.00 with C.O.D.'s. C. A. Williams Mcd. Co.. McKamic, Ark.</t>
  </si>
  <si>
    <t>                                           Force Famous Entertainer Out Of London Hotel In Coronation Season                 Manager Says Presence Of U.S. Visitors Is Current Cause                 I By MNDOLril DliMMK FOR AM')                 LONDON- The wr!~ known prejudice of American citizens w:is used iis nn L. last week tor the refusal nf a Pwk- hold, one of London's most luxurious . to         .verV(. Jocclyn Binyham. known both ' and     "Fiisto.' the entertain-                 cr mid night  owner. For twu years Frisco hni f:       .cd the Jioiel regularly. He lias usually been ho.sl 1o large  Including .v 01 Hip nobility. Parliament and social lenders. But last Frrtic.v Ills  :ind entertaining were slopped. A barman politely hinted he was no longer 1  be served. Indlgnnnt. Frisco sought (lie . "W( have many Amcri'icaiis hen: l,.r l lie coronation." he     told. "Tlie color bar m America is extremely .strict. .Su . to avoid offending guests from the Stales who are actually staying In the hotel.  pc a iv regretfully compelled to put the bar up against Negroes. After the  v:e shall ol  be e1"" to kC''v': you i.." Frisco was conflicted soon afterward in a W'csi End flat where     ~'~i  a cocktail party. Included among the  were four titled persons, three HonOi                 :ii,    :;nd '. nl London'.", bcr.t known social leader-,. "I  i understand il." Miid the I . "I am a British sub-  and ii . My income i l.:X a.;nt would ani: Hi': public if it were known. 'In this particular  Uier1: i arc Indian rajahs, most ot them  a complete suite of Indian            . staying in the Ijcst        and commanding thL. inmost, respect. They arc black i am . ThuV have money and so hav,. I. i Where docs the dii  lie?" The  of the hi lel  bin .ly refn.-cd to discuss l tie matter, declaring. "I have 111^ tu say."</t>
  </si>
  <si>
    <t>                                           LONDON -- The well known prejudice of American citizens was used as an excuse last week for the refusal of a Park-lane hotel. one of London's most luxurious hostelries, to further Serve Jocelyn Bingham, known both here and abroad is "Frisco." the...</t>
  </si>
  <si>
    <t>                                           WHIPS BRUT/                 IDS,                 -ISNSj                 One or die most Kulnl murder? In the history or Memphis primus was perpetrated late \nr.l Bundn.v ) al Who Carncs Avviinc. a grocery 5 nr0 In Eust Memphlo,  John Cochran, 57,  4fi Hilton Street, was cut to death bv H. TJ. Ciltlcnden. 37. cripple. IIvImr                 nt 037 Bnltimore Avenue." According to W. E. .Fortune, white, a- witness, Crittcndcn was standing In the       when  walked In. Only lour words were exchanged between thc men. They were spoken by . He addressed Crlltcndcn. "Are you /still shaky7" Crlttenden replied by drawing a knife and attacking Cochran. He plunged Hie blade Into the victim s heart, and finished by cutting his throat Thc  witnesses were powerless to prevent Hie assault Cochran was  when police arrived. An Orange' Mound Undertakers ambulance liad take" stab victim to thc John ouston Hospital where he wns pronounced  on arrival. Crlttenden readily confessed the murder to police but did not  why he had committed It at first Inquiry. Hc later told  that Cochran had threatened him previously during thc day, and that he Uiought he meant to attack him when he walked Into thc CrltUnden Is being held for murder at Uic police station. store.</t>
  </si>
  <si>
    <t>                                           One of the most brutal murders In the history of Memphis crimes was perpetrated late last Sunday afternoon at, 2650 Carnes Avenue, a grocery store In East Memphis, when John Cochran 57, 846 Hilton Street, was cut to death by H. B. crittenden, 37, a Cripple, living...</t>
  </si>
  <si>
    <t>                                           Bill Duncan ... High and ... Washington High School student, was given a decision over Sherman ... winner of the Joliet Golden ... Tournament, according to special dispatches to the Memphis World Edwards, also a race fighter...</t>
  </si>
  <si>
    <t>                                           Many of the hidden mysteries of everyday life will be revealed at the annual scientific exhibition, which the Science and Mathematics club of Morehouse college will hold on Monday afternoon and evening in Science Hall on the college campus. The displays will be...</t>
  </si>
  <si>
    <t>                                           President Rhoads Denies Gun Waving Af Bishon College                 ',. Tex (ANT) Stories circulated by faculty members staling th;il Sheriff Wilson hud licen called Bishop College to  threatened Run play were described Monday by President Joseph J.  as "falsi1". The president denied he and two college guards used guns to drive student preachers from their evening meal at the college dining ball on .March II! or that the sheriff had been forced to step into the  declared (hat stories of such incidents taking place at Bishop were absurd and mil rue. Braddock Prefers Louis As Opponent OverSchmeling; "Sure Well Be In Ring"                 STONE LAKE. Wis.- (S N S) In  lor t lie forthcoming Ijoiit, wiih Jut' Louis this June li^. Hcnvywflght Champion James .1. Bi'adclocK was  as saying . he preferred Louis to SehmelIng ns an opponent. The question grew out of the controversy of conflicting  scheduled'  the two. S.iid Brnddock: . the man T  to I moot Is the one who will draw the biggest sate. aiM that'--. Louis. I'm .sure ive l  be    Hie rir.c In                 go. Jmif 'JJ. My manager, Joe Ciould.      10 do the training ;uk. lei him do tlio worrying over threatened court, action. That  I mo." '1 Brnddock was not, so sure which would be tlio easier opponent but said that there Is a right way to light either one. Gloatingly he boasted. -I have studied the styles of both, and I am convinced' I've g"' 'heir ." The champion Is lust at, work In  10 tlic tight.</t>
  </si>
  <si>
    <t>                                           my skin B%s j \    now ynn. too. can have the joy a .  skin free  freckles. -,.  large pores, .ieo.  ai       smooth on Naditola lllc.^ Cream- -no massaging, n* ubbinK. While yo" sleep it actually dir  dark pigment  Nadinoli it -. Th.il- wby it gets  .Iw-le ordinary bleaches (uil. I TEST r"' N-;ill  to*~y  ny i* it  r""nl" hy PostiaW.  :vv. l( n..t . money RISK ''"'i- . . Kcpi.'.M, Paris. Term. ?</t>
  </si>
  <si>
    <t>                                           r=A CLEAN KNOCKOUT=BIG JOE LOUIS VICTORY BALL TUESDAY, JUNE 22, 830 'til? I FIGHT RETURNS BY RADIO Five Bronze DANCING AND Plaques FUN GALORE Of Joe Louis MUSIC BY i"v pm N a 1 Montgomery (j I V L IN      his orchestra AWAY Featuring V. JJ J?-. Sweet Voice of FREE ERNIE PONDER flic Holders of who       : in Allanln with Lucky Tickcls. CLAUDE HOPKINS W 'll s Cool al (lie Top Hal.' The Ideal I'kice for Kxactine People TO Wet Wash- M lbs. for l!lc SEND Dry CleaninK. Plain Garments. !J for $1 THEIR Storapre-Furs-RuKS-Blankets, etc. Will Pickup and Dcliver-Minimum Bundle 50c Is to Jessie Colzie's West Fair St. Agency "COLD SHIELD SERVICE" Cor. West Fair and Mildred Sts.</t>
  </si>
  <si>
    <t>                                           1B2 Hunter SI- S. *V. Hiiilinc Bacon 12 t.c Comii. Lard 13'.4e Pork Sausage. 15c Morrcll's Tride 4 T 1 I Picnic Hams f I lofi I Full Cream ChccscJ Lamb I. l?t\t* J Lamb Chops ^W I Pork Steak IOO*~ Sliced Ham ~*vv j Sliced Batos IOC. I I No Kind )*ivt j Krookficlrt Butter We I'urc I.ard: i I *-Lb. Carton 55c g:l.b. Pali J1.15 I</t>
  </si>
  <si>
    <t>                                           The Fancy Twelve Club met at the home of the manager, Mrs. Katie Mae Gresham, 73 Daniel Street, S. E. May 24. All members mere present.</t>
  </si>
  <si>
    <t>                                           With Dr. C. N. Ellis presiding, the Atlanta Baptist Ministers' Union met Tuesday ... Greater Wheat Street Baptist Church, Rev. J. Raymond Henderson, pastor, while Rev. A. L. Thomas acted as secretary and Rev. S. E. Gore led the devotional services.</t>
  </si>
  <si>
    <t>                                           With a chorus of fifty children from the Oglethorpe school, an orchestra of thirty, players from the fifth and twelfth grates of the Atlanta University Laboratory school, and the University high school girls' glee club participants, the annual Atlanta University...</t>
  </si>
  <si>
    <t>                                           OPENED                 GAiWEY S. C (ANP)- Gall- j ncy s new -?~0.00O school building for Negroes was occupied Monday without formal . Eleven of the thirteen class rooms were practically filled, according to L. P. Carson, superintendent of schools. No disposition  be made for a I time of the old Granard street school property. Mr. A. W. Askins. I  of the trustees, said. A rented lodge hall, which was used for the primary grades, waft destroyed by fire at noon last Friday.                 Here's Route Coronation Parade Will Follow                 Six -Year- Old I Boy Injured I Seriously Willie l"red Terrell. .-~ix  I old. of 75-B McDonouel) Boule- vard. ;vf.s run over and hurl sc- i riously Wednesday   n 1 front of his home as lie clashed across the street with a bar or soap, police said. Jimmy Lambert, white, of Nor- i folk. Va.. was drivin; th(! - bile when it. struck the boy it ~-j" reported, j Terrell suffered abrasion* ol    -' i I forehead or.d an Injured left I j thigh. He was treated in the- I Gr.idy Hospital clinic. i S1 TO RUN IN I S1IA\V-ST.AUGI  I i T1SACK  i 1 . N. C- (A N   - The Shdw University trad; team  the St. Augustine's college in Iheij- annual truck meet in Raleigh. 1 Saturday. April 19. with Robert Saturday. April 19. with Rosier sprinter ;   main attraction. Sin(; in a recent Nfw Vort; . run thin! to Peacock uml Johnson in the GO- dash  Die Negroes hogged the   tool; first, second nut:- third places in the indoor special. l AN-     ..~NIC I COUNCIL MEETS Tills  at 1;30 u , llic AtlanU" ran-               - cil will convene Ui Seminar "B" j of    ; A. U. Library for business j of dire importance. Trasidcnt Ij. I JL,~;wb Chandler :~ppca.ts for ban11C :i!Wl!d5k!!C".',                 I This excellent fll;~ t r i;f l.:.;i'.!'-. i: ti:ii".        in." or Me :iv Ma.. I:: Km:: GunrL'r VI I l-.-l.'i Mil !.=~-~ IJi.i-;:. Ui^1      ;.c. ^U'uci.u Ui       ((4 *^    '}' vu*                 in** MhH  Whiifh'iiii. iht m**:       Trafalgar .-'.-  Pi' rn- On.* us by ^ny of Regent and  j.\       :tii-f^. V'iv.'X Oirniij:1-'     ; untl</t>
  </si>
  <si>
    <t>                                           InMemoriam                 In loving1 memory of our  husband iind 'father, Mr. Harold Reese Miller, who passed away one year ugo, April 6, 1036. One year tins passed since l.hat sad day Wlion olio we loved was called nway. God took him home: lil was His will; Within our 'Item-Is lie livelli still. Remembrance is n golden chain Dentil tries to brenk but oil in vain, t To . l.o lovo, iind  to part Is tlic ifi . sorrow of one s . Mrs. Marion Miller, wife Little Hwolyn Miller,        tcr. In Memoriain In memory of Mrs. Sophie Maloni! who  this life April 5, .I'.. Sleep .on and Utkc your rest. Wo loved you, but Jesus loved yon best. Mo one Iknows how much wo miss you No one knows the bitter pain We have suffered since we lost you. Life  never seemed tho same. There is not a day, Dear mother, That, we do not think of you. Yoyr Children: Mrs. ,Pcail Smith, Miss Sarah Smith: Messrs. Herbert Smith, mid Earnest Smith; and Mrs. Claudie Knight of Detroit, Mich.</t>
  </si>
  <si>
    <t>                                           DOCTORS RECOMMEN^^A    ^^*for 3 WAY RELIEF OF RHEUMATIC PAINS Yon know what agony you suffer when rheumatism hits you. It seems you can t stand the pain tearing at your Joints another minute. Ask your doctor  Yager's Liniment, how quickly It brine.1? relief In rheumatic pains, muscular . sprains nnd stiffness. Yager's works In amazingly fast time. It warms and soothes as you rub It in. It nets to send  blood to clear away old. stale blood. Say Rood-bye to torturing,  pains. Buy a 25 or 50 cent bottle of YnRcr's Liniment from your  today. In Use Over SO Yean Helpt Rub Your Aches and Palm Away</t>
  </si>
  <si>
    <t>                                           Spelman Has' Anniversary Event Today                 Spe!;mm College's two days' observance of Us fifty-sixth anniversary, which began Saturday with a student rally,  by the department of physical - tion. and the annual glee club and  concert, will be - t-1 this afternoon with the formal                 exorcises in Sisters Chapel at which Dr.  Dabncy. Dean Anclover Newton Theological School will give the annual Founders' j Uav address. These exercises which v. ill begin at three o clock will be open,.to_tho.-public- Tlie service this afternoon will I be preceded by the academic procession of the Spelman College faculty and seniors,  with the special guests of the occasion, from Rockefeller Hall to Sisters chapel, and will bo opened by tin fi gau prelude and the singing cf Cesar Pranck's anthem. Lord, i.'ost Holy by tlie Spelman Olee Club mid '~Tlie King of Love My (Conliimoil on Pajre 5. Cnl. 4)                 Spelman Has (Continued from Page 1) Shepherd Is" () by life Spclmnn College quartet. The j Scripture will be raid by Reverend 1 E. M. Hurley,  ct Ibc WarI roll Memorial         and Dr. Atburl Byron McCoy, director tf Sunday Schorl work in Prcsbylsrinr. Church, will offer the j-. The address will be preceded  the  li)(: cf the , "There is a Balm in Oilcad", and the hymn, 'Kiltli cf Our Fathers-1. Tlij speaker will tc presented by President Florence M. Read or Spatman College. Following the ^ i He congregation will sing tlie . "Ill Never Olvc My Jctiniei Over," and the Ncisro national ;:. The  will b*  Ijy Dr. E. R. Carte., pasi or of the FrirmMiip U;;pti:;t el -  tl;e stri ices will \k concluded by the ! mare.1: iccl by Hie participants i;- ti:e . followed in (. X^f. i.- ai:ii ~'iil"rs. I Interest, in today s .-s y:, -n.  in the address of Dr. DaUncy, who  lo Atlanta J'ro'_ one of America's greatest    .; ol -j- and mi  lh.il l.a.s  bi.cn in il:e  I Christian liberalism. Known as d'.v: c;' New Enyland's notable .r.s. Dr. D. served fur eleven years a.s pastor of ilie Sccoi:d Church in D-. a. powerful  oj_ Cnnc..fm i", V.w Uoslon  area. Celcbi'iil-lun of Hie -  cf the  beyan Sat.i. neon will) a brief rally ; by .. . . and six  i^ of the boar.-i  I trustees. In lids ; in .Howe Memorial . which fur more than fifty years has been (.enter cf the; college s relit-'ious hiki cultural life. Ilie students  the /i.  soi hjs Iliai have been lunt: sui.-ed with (he , ai:il made their R'porls of  to the annual Founders' D.iy fund, renewing a hymn dedicated to the rounders, the plaques in memory of the two women who laid the foundation for the  college. Miss Sophia U. Pack- j mil and Miss Harriet E. Giles, were decorated by a group of Spel- man granddaughters. Members of I he board briefly responded lifter  introduced to the students by j I'residcnl Read. The program was resumed Sal- urday  with a demon- j Mratlon on the center campus of the work of students in  education. Mimetic exercises in Milch the entire student body took place  fallowed by demonstra- j lions of dance technique by a Croup of , and by a exhi- j i;ition of corrective exercises in  form. The Spelman Collosc glee club      orchestra gave its annual . last night in Howe Memorial Hall. Tlie glee club is made up this year of 48 young- women, the largest singing ensemble in recent years, and 18 students played In the i .t. Under the direction of Willis Laurence James of the music faculty, the students eave a ;~ of wide musical range. Inflmling the singing in Latin of Esch's "Susccplt Israel". Englisli j versions of Schubert's Whither' and the Pilgrim Chorus from the opera Tnnnhnuscr 'Wagn;  . and three Negro folk songs, -Roll, Jordan, Roll*. '~Cerfr.'y Uiwd". and "In Dat Greut Gittin1 Up Mawin'", j c-ach cf  was arranged or I adapted by Hi". Jtmci. Tile or- oi'.ostra '.itd :he  with I IUK , JVulVi Lihur'i "V*uoc , O'ieg'i "Huilguiig- i                 ". and a group or G;~"psy airs. Soloists were Geraldine Ward, 'cellist, who played a Eacarollc (Alc*;ck) Franietto Williams, soprano, who sang "Spring Comes Dancing" Phillips), and Grncc Days and AInio Stone, pianists, who ! an arrangement for two pianos of a Bolero by Moszkowskt. The college quartet, composed of Pranzstti Willittins. Alice Wilson, H-.ith HutfUiii;-.  iic Helen .on.       5.coa^; in ds Win"1, u PWJiipi.</t>
  </si>
  <si>
    <t>                                           Spelman College's two days' observance of his fifty-sixth anniversary, which began Saturday with a student rally, demonstrations by the department of physical education, and the annual glee club and orchestra concert, will be concluded this afternoon with the formal...</t>
  </si>
  <si>
    <t>                                           OF course the top part of anything is important. After all, we usually view things from the top and if there's no appeal it's "out." And it doesn't always mean that what is inside or...</t>
  </si>
  <si>
    <t>                                           Kappa Guide Right Address At First Congregational                 This Jii'iniU);;. in ,\~~0 ini U iVi.   tin-  1; i-mmi-ijiv1 :,i cK-\iii ,i\-liH k .it \\v fn-i dm- j ^iVi:.;il  ll. tin-          A.l-~ pii-.i I'm h;'.'.~ ".ill indent brief iji- .1.- s'.lK-ib v.'t' tin1 1 i--li. m-i-oi- I" A. A. Beid. -r uf llic  K:.  )a   l;ifi. Tlu. )~'~)inim In' Uio K.    ;i? will bo .1 di 1 .1 uf        GU1DF.  Movtmcni. This I  obst  is ; c:. d on  the  by lUo    s uf t!iu . BOSTON. M;iss.--iC:i- Tfir i-.n-.it , ' i   Kindlon, J-.iiu.uia. B. W. I., who '. by plain*, tram and bus tu /  ] Ins i- iiU iir a: Oil' .):';m AssQclau-s (^ ami ' TluiiMlay nii.hi. n-a.s  a :. uva nm lor Ills ..</t>
  </si>
  <si>
    <t>                                           So Good Hair Grower ^^ggt^ A        #~ I'wns'l' JBSlBKUL Gr*    \anf ill1** ^^^ h*ir. t*            H^^^^HK kj TOir rio**t*r ABR^ so-(     hair j^^MUR STRAIOirrENF.R ^f    r Onnn Hariri'     ) MW              ( t-.~~)          *~       -- BO* Ma WHI.i." 5^Oooi- "111 ~"nv R. M.ll       l^.nill Ac-nl. W. 8       "-~ .     nr       :~ SO GOOD .W. CO. FAIR .~rr.. s. k.        . r^. *^W^ Did (he  L '^^i^l WHV Doirr ^^^T TRY IT? After more than three  .'of suffering from a nervous ail- ment. Miss Glivar used Dr. Milci Nervine which gave her such splendid results that she -* us an enthusiastic letter. If you suffer /roia "." If you lie awake ,  at sudden noises, tire easily, arc cranky, blue and fidgety, - nerves an probably out of order. \Juiet and relax them with tba  medicine that '"did the work" for this Colorado girL Whether your "Nerves" have troubled you for hours or iox years,' you ll find this, timetested remedy effective. At Drug Stores 25c and $1.00.</t>
  </si>
  <si>
    <t>                                           i    ? ep -won Ai- ^</t>
  </si>
  <si>
    <t>                                           LEADS REVIVAL                 I!KV. K. .F. ODIi.M -well known evangelistic  r wlm ( a spirited re- vival .ip.:ni,,- lhi!l  at 8  at Trinity A3U: .  v. II. c. Carswell. p.us(or. Tile   -iiit:iI  is (1 1~)(. revival ..</t>
  </si>
  <si>
    <t>                                           Cleaned and Stored SI 25 J, Men's Wool Suits Men's Overcoats Ladies' I II Plain Dresses  jw,,T53-~~ Plain Coats CAP11AI.CITY I ra*~~~*T" U Pay When Delivered  I decatur I    (~i    JZValJWK. 3162 II M/a.U*-h   * TRIO- I AMERICAN    .. woo II -Mai*, loie .~*^t*.8 ei Protect your winter clothing from moths, firs and theft. At the same limo get them out of your way. Garments cleaned by the Gold Shield process, and stored in Gold Shield air-conditioned vaults. Fully guaranteed from the time they leave your bands. Phone a Gold. Shield cleaner to call. Free Facial Or Free Wave!! To any customer who spends at least $1.00 on WEDNESDAY, JUNE 2nd, in our new Beauty Salon a free facial or free wave will be given The public is invited to inspect one of Atlanta's most modern beauty parlors GRAND OPENING Tuesday June 1 st. 9 P. M. Mod die Beauty Salon 237  AVE., N. E. OPERATORS: 1. GERTIS LEE 2. LUCILLE ANDREWS 3. TRULY MOORE</t>
  </si>
  <si>
    <t>                                           THE National Association for the Advancement of Colored People has made a fine gesture in asking that colored boxing fans refrain from "taking the town" next Tuesday night if Louis happens to defeat Jim Braddock at Comiskey Park in Chicago.</t>
  </si>
  <si>
    <t>                                           My uncle and I are having a nightly argument about the thirteen colonies. Will you name them for us? Thanks!</t>
  </si>
  <si>
    <t>                                           MT . CLOUDY, with occasional showers and Mluhtly  .</t>
  </si>
  <si>
    <t>                                           1 TOMORROW MAY 15  ANU EJANuC "Only Colored Circus In The World" SUNSET CASINO FEATURING TWO COMPLETE PERFORMANCES Dancing After Each Performance Music by HEAL MONTGOMERY and His Orchestra Saturday -2:30 P.M. and 8 P.M. FEATURING:  POWELL "THE ACROBATIC WIZARD ON THE WIRE" JOHN H. BELL "THE ACROBATIC SKATING MARVEL" AND 25 OTHER AMAZING, BREATH-TAKING ACTS! Tumbling Trapeze Pyramids Clown Acts Drilling And A Number of Fascinating Acts in Advanced Acrobatics GENERAL ADMISSION 25 cents RESERVED SEATS 35 cents CHILDREN Under 12 Years 15 and 20 cents NEVER BEFORE HAS AN ALL-COLOR ED CIRCUS APPEARED IN ATLANTA PLENTY OF THRILLS AND CHILLS BUT NO SPILLS MM^r^_^, nil- i</t>
  </si>
  <si>
    <t>                                           Texas State Entertainment Commit tee Maps Plans for National Confab                 Tin- Slate KiiU'rtaitimiMH Committee Tor die National Federation of Colorr.il Wnmrh'.s ('lull met u( (he V. M. C. A.  Sunday mom-i     . The  U  every possible  In makr thn                 I'Onvctition ;i siK-. Shown! left In .  , Mrs. W. E. Uluckl'rll. Mlistrii't president); Mrs. A. B. DpriH'til  Ituurdl: Or. Mary f. Waring. Inatioiuil pri-     -ul) Airs. C. II. (.. (sl;ilc                 president I Mrs. II. E. Williams. Mrs. I,. M. Turkcr; hack row. Mrs. I.. M. Johnson   sidi nll: Mrs A. X.' KnhiTt.. Mrs. M. 1~. WaUT\ Mr. Cnrnk (t-li.:in. IoimI                 advisory ; Mrs. C. A. , .Mrs. E. E. , Airs. A. K. S. .. ami Mrs. K. A. Ruusuml .m.  vnK  I                 .)- I'nrt Worlh Mind Plio-i lo. I</t>
  </si>
  <si>
    <t>                                           , LARGE JARS 5~*n0t0t ^/F /        Ju3l Htiirt  kml           KiTP*^M 'W tr1 Un-   '"TC"" U'~r""T with lilt, MONT^- jy tn-; uFt-~:n.  Writ' wU*l' ^"T  PRODUCTS CO.</t>
  </si>
  <si>
    <t>                                           Burial Later For Youth Killed In Auto Crash                 Funeral arrangement for 25year-uld Bolton Chrcli or 3'J^ Thompson alley, who viu   Monday In an : accident, hud noL been completed Wednesday night. The youth diet? almost Instantly  an  lie was driving crashed into n lire iind pole on Auburn u venue near Boulevard. His . Albert, Paul, nhu was  on the front  ut Hie time of the unexpected crash,  In u critical con(;1 last, night,  l- Gnuly hospital. Tic          ( n fractured skull, lacerated scalp am': tv.-o broken ankles. Witnesses said the car was traveling at the rate of about 70 i or BO miles an hour when it. ran into the tree mul pole ?fter tailing to take n curve. SEEK $60,000 CO.MMt'NlTV HOME FOR  S SOUTHS1DE .- (ANP) Sponsored by the  Concj'egiiUoniil church ot the Good Slicpix-rd    .v.. tr. M. Klu^, pastor mid by a community committee, headed i,y Atlornc-~- T. K. Gibson, chairman, plans an; afoot lo build s. mot ern  center in the  Vlslriel. ono or thr most )   In     city. 'ITic proposer! center will serve I ar. a  unit for tlic 5.000 boys and Rlrls of the district and augment the communi v work already   a.t Good Shepherd. Estimated cost cf the building, to adjoin       and provide "religiously-sponsored "service to Negro youth." Is- SGO.0O0. whic'.i Include a gym, swimming poof and many other departments.  of the Cougreuational Union (\) and a number of prominent colored citizens arc nidi.i,' the plan. OBSERVES "STUDENT DAY- AT - COLLEGE DAYTONA . Fla.- ) -Headed by Nelll Crosslin, president, of the student faculty and management, StuCent Day was observed Tuesday at Betiiune-Cookman college,  the.clas smen directing all departments of the tic I schnol and ? Instruction to th( various classes: The program wai rain-led  without n</t>
  </si>
  <si>
    <t>                                           The Duchess of Dixie Social club met at the home of Miss Dorothy Beath, 987 Martin street, April 14 Business was transacted briefly.</t>
  </si>
  <si>
    <t>                                           52 GRADUATE III  TODAY                 Commencement Day To Feature Speech By Rev. E.A. Love                 AT 10:30 A. M.                 Commencement exercises of Spelman CcIIcbc will bu held In Sisters Chapel at 10:30 o clock this ! when decrees of  or arts and bachelor of science will be conferred by President Florence M. Read upon a class or fifty-two women, tin.1 larne.sl class In tin.-                 life s history. The commencement . will be Riven by Reveremr Elmer A. Love, pastor or the First Baptist church. Mount Vernon, New York, ni il president of the New York Biptist State convention. Tim 1937  tiny program was held Tuesday afternoon In Howe Memorial Hall. At this lime the class history was read by BMilnh V. Johnson. Chattanooga. Tennessee, the class poem was recited by Jeanet.te C. Hubert of Atlanta, and the Ivy oration was delivered' by Frances E. Johnson, also of Atlanla. Later the visiting alumnae  a procession, witli the classes led by second and  generations of Spclnmn graduates. Other events of ih(i afternoon were the reception to graduates and former students on the lawn of Reynolds Cottage, and the meeting of the alumnae association In Howe Memorial Hall, which was  over by Ernestine Anthony, president. Ijist (.veiling a dinner in honor (Continued' on       2, Cul. 7)                 52 Graduate (Continued from Page 1) of president Florence M. Read was given In Morgan Hall under the auspices of the  of the college. The event formally marked the completion of Miss Reed's tenth year us president of the college.</t>
  </si>
  <si>
    <t>                                           Commencement exercises of Spelman College will be held in Sisters Chapel at 10:30 o'clock this morning when degrees of bachelor of arts and bachelor of science will be conferred by President Florence M. Read upon a class of fifty-two women, the largest class in the...</t>
  </si>
  <si>
    <t>                                           Georgia Homes in Georgia Towns In tin- tables below the first figure to the    I JOflJtfmJf? of each town s name is the average kilowatt hour ~*Ab*V* UIW(     con.- PER HOME for the year ending with May. 1937. The next column of figures shows r\ "1 1 T 1 1 hnw much MORE home electricity, by percent- Klilm  I QOnQTOniTI ages, the homes in each town used than was used JJ UllU. UCU1 U1Q 0 JLlOU.lJ.Gl  in the same period by tin* average home through-  mt America. % Abov* The electrical leadership that has put Georgia in the .unk Town X'vVr^u" a" very top flight of the 48 states is an honor that belongs (Town, w;ih more than 400     .ntial t0 a" of GcorS'a not to any one city, town or county ) nor to any hand-picked group of favored communi1 Tifion 2,205.2 196 t;cs 2 Anu- 2.164.3 191 3 Stated*  n 1.H36.2 147 The most recent returns show that Georgia homes 4 Gainesville 1,786.2 HO served by this Company are now 67 per cent ahead, on  5 Dublin 1.739.1 131 the average, of American homes in general in their 7 Daw "in l ol9 4 117 annual use of electricity. During the twelve months just X Ciiuon" U1.V4 io.l past, these Georgia  marked up a figure of 1,243 Eastman 1,456.5 93 kilowatt hours per home, against an average of only 10 Wayncsboro 1,445.0 9-1 743 for the entire United States. (Town, U..VA fron, M^JOO r.Mential Metric J^ Atlanta's         Qr Q^fc. BaxL-y 2,252.8 203 ord, or the record of north, south, east or west Geor' 2 Manchester 2,148.8 189 gia. It's the record of more than 149,000 homes in more ^~"k^e ;-~J--\ \lt than 490 Georgia communities of all sizes, and out on mS ?oh\ 177 the f,arms' in a11 Pnrts of thc   this Com6 Clark-tnn I'fiiO.f 17 i pany s lines run. s Sa'1'!...:::::: 5SK    Look at the Record! Vidalia 1,849.* 140 In t]ie taye at the left are figures that will sharpen 10 Cmhbert 1,836.9 147  ]ing of  remarkable record. These (Tau"" w!lh hom iZo Jr0,") arc Georgia's leading towns, measured by the use of 1 Warn Spring 2,439.0 228 electricity in their homes. Notice how widespread gec 2 Perry 2,332.4 213 graphically they are notice that the size of the town 4 nZT 2'~54 4 1S9 is not always an index to its electrical progressiveness. 5 Shellman 2J08.O 133 Last year, towns all over Georgia were competing C Catonton 1,988.1    " in the first Home Town Electrical Contest in history. 7  1,968.8 if.4 N0W)  months after the contest ended, its good % ChX. \mi 1" effects arc sti11 being felt- Many of the prize-winning io Darien US3.V6 1-16 towns are still setting the pace for Georgia and attract- (Town, with from 25 to loo  .UctrU ing national attention by their  records. These iu C1""~n"r'').,oo ^n towns, and all of Georgia, now KNOW that electrical I W" 360 progress means  ) better home  ^j 3 Lccsbu'rg"".'".Z" r.712.6 130 a better state- And with     knowledge, Georgians 4 Smithville 1,655.4 122 are really putting electricity to work, building a pattern 5 Lumpkin 1,591.2 114 of modern life at its very best. 6 Abbeville 1,568.2 111 7 Sale City 1,521.8 104 /-N T-J r* s Marshaiiviiic 1,499.6 lot Oeorgia r ovt ex Uompanv 9 Bartow 1,371.7 84 x- 7 10 Midville 1, 514.2 76 MORE LIGHT, MORU LEISURE, FOR GEORGIA HOMES your horn* town i$n*t en th* list above, drop by our office and find out just wh*r* it it and*. HflHHBanBM^HHHHHnaHaM^^^~^^^^^^^^^^^</t>
  </si>
  <si>
    <t>                                           YOlftt f#E5 Night and MoniinK to keep them Clean, Clear and Healthy Write far Free "Eye Care" or "Eye Beauty'' ' M-.in.r,. .hrn ll.v.'ir Oh,.A..</t>
  </si>
  <si>
    <t>                                           WHITE THUGS ROB WILEY St. MAM                 .: Knctpy wrt,. r^f^ ui        lir;       ;   r;;                 I. 0 /M-\~:;Tirfcr. ISO IVnky free!,  tcd thai he vas  a! !ho comer cf Spring and ManrMs :- hv I'vm white l!  !l Alr*:i \ Who v.'     !M the.     .inl ''itv Chili, r.iii.l     ;r. '.'.: ^.  'M on MBt'icI'^ U'lllMl thf lU il IMI'll   ;i.-knl fnr n ride. Ai'rorriinc to I lie \li-. I If          Jlllri' tin' two  .     )i-(l on Hit1  hoard of Uie c-.ir and OIK; poki.'   :i ~)! into  . : look $10 in c;isli  ills . TIh'.v both flc.l after securing tin- --. it whs said. Late I'riday . Dotcctivos McNmiKlitou unr] Jones  looking for the  criminals. Eclcif Clan.le Alford. of 518 iC  d un Pasr 4. Cot. 71                 White Thugs (Continued from Page 1) West Mitchell, was Held up by n man on Whitehall street,  Mitchell unit Onnicll. lie lol(! police, seven dollars In er..sli and ;i ring value.! m. $3.1 were taken. Someone -Realy entered the room of James Palmer or 193 Maple street. N. W., lute            .  took $1S in cash ami a  ! at $15. Upon -. tt was reveille.) Ural  was  by e.nini! Into the basement, of 191 Maple an(i later prying a  nil the wall to enter the  of the ^        193 address. Cliarlii? Ella Smith. 710 Ella Street, s. W.. lost a suit, . mid two pair of shoes Friday lo persons tillering his domicile lie reported. Theft of several  Trom the heme of Estella Stol;es at 162 Walnut Street. S. W., was  Friday. The victim  the actual theft took place on May 10.</t>
  </si>
  <si>
    <t>                                           Two robberies and several that is during Friday were recorded at police headquarters.</t>
  </si>
  <si>
    <t>                                           I W3  DONT TOLERATE  Hb^~HH We     easily  your K ^^HBj^^BSB      troubles by clean ^H Hfic cu* extermination. i^^Bi TjJ BWBf RATS, mice, -bu^a, FIcm. H5   ^^   termites, , bedbug*. IHSBb   re breeder* of DEATH *t%4  destruction. JS WaT65O Sp^B^ Free Inspection f^^^f SSSS 1''J'~' ^1^^ 315-317 Peachtree St., N. E.</t>
  </si>
  <si>
    <t>                                           f *ff* Matron* Oniv Colored Ilallv  3     *    "" _J^ SatafclUbad Aoyi !!=               Marrh   .      I      .Y and SUNDAY at     Anbom      X. . DAILY WOULD PUBLISHING T Tt!~     .: VAInaC   0- UN Mrulxr of     1' SEWSPAt'KIl  W. A.      , U, ^ C. A. 8. Ceuerihl        il A-  lT.              y- i-      1* Joi.*n.       1ktf Bdtlwr     !V- 1 I^t   :ti         tt76: Momn. Jl.SO; 1  "TTSiliiDiv O-Vl-V:- 1 V.*r l:uo; UOaU.  2.ut; I M-nll.. 11.  t        : 1 l'-~r t Monin. IM1; 1-V.: 1_^"r_1^tf    ' AJVtrllalnt Ki:            : W. 11. Jlll'K L'O. M        . St.. Chicago. 111., kuJ !S1 FourlB Aw., .No., li/rk. N. Y._ '   .r^I      . POM Oflue at Atlanla. Oi, (cen.i- M^ll   4       Act ot CCH1.T..SJ. Mar.li :S7? Th. -NTA I...  Iji i-n In-  .   .!~r.l n..-. ..   -non-...:tal-lM a*4 Bail'         , !        rtw.  ~"J  ( Ui tl.mc. It       . io Hi.  of Hi. .  n.l t,   "~~ ir.u.Bi ^ca.nn tni- .i.itre.t j #f r**    . .M ALlTToMMirs'irATHINS lu ."d    "  KS      .lc t. J*    1  KA1IV Wdltl.ll     ,rr llu.u Io l.,.ll.l.l,,;.U. Tlir. u lllll.li   .     ..~.ll. tor r.iun, of  (     , i.   .      ., -  ,      ^~          ro K*""'</t>
  </si>
  <si>
    <t>                                           Flight                 I Speed And. Thrills Abound !In "13 Hours By Air" At Lincoln                 Drama In thf sky is the theme I of "Thirteen Hours By Air." which I opens today at the Lincoln Tlicn- tre mul ' who enjoys his :k In . - do.*- will  Iho [Imp of Ills life tit the film.                 For "Thirteen Hours By Air1' starts oft' at n terrific pace, and I like the New York-to-San  plane on which most of its action takes place,  on at  speed up to the very finish. Director Mitchell Lcl-scn, furnished with a grand cast and an equally grand script, has made the most of every opportunity. HI I east includes Fred MacMurray, thai  young man who has risen spectacularly to stardom In a little over one year; pretty, blonde Joan Bennett:  ZaSu Pitts: and Ingratiating John Howard, to mention a few. His script is  Kimyon Nicholson, who wrote it i around  Roger's magazine I serial. i "Thirteen Hours By Air" is the story of romance and Intri'jue aboard a transcontinental passenger plane. If.v an oddly-assorted lot of passengers the ship is ca-ij rying- a girl who says she s a so':ia!ite: n nine-year-old heir to n fortune of millions; n "doctor" who reveals a .surprising lack of  al. medicine; and tw:~ 1 other -UiOklii!! male pus1 -s. MacMurrny. a pilot "di-" half-way across Hie continent to fly I hi1 plane the remainder Its . .soim I'Pls to worn -~Olviii'i tlu- piv.Wrm of  . of  involved in n je\n , of bi ini; involved in a jewel robbery; he almost gets  when he refuses the offer of one of his Til a 1 e passengers to set the piano down in n remote spot: he cets Into a "st fight with another . Meanwhile, the ! heir is makin? life  fur everyone III tlie cabin. How these tangled threads are I finally unwoven provides a climax 1 Miat il wouldn't be fi ir 10 reveal here. It can lie reported, however, that Us the  younK1 ster who  i.rings things to :i 1 climax.</t>
  </si>
  <si>
    <t>                                           Drama in the sky is the theme of "Thirteen Hours By Air," which opens today at the Lincoln Theatre and everyone who enjoys his drams in tense, punch-packed dose will have the time of his life at the film.</t>
  </si>
  <si>
    <t>                                           DOWNTOWN CHEVROLET CO. .ill SI KINC ST. AT HARRIS S I' 10 C I A I. S '.II I-'(IKI) Tmloi-. IILn-lt, cream .i .(can r M:i:i IOKI) V.H Oc Luxe ;m,     :li,    , 295 4 new tires *32 Clicvrolnt CuhcIi, black;  coven; 255   '.'t6 Chevrolet Mauler Cmipc new car perform- 550 ;~nce; h Itentity "3-1 Plymnulli Dc Lux*: Co.ich: neat cover*  350 nnd tires ^ooH *35 Chevrolet StMtwIttrtt ScctAii ck  , 395 twin ; perfect Ml OliUmnhile Cnnclt, Macit;  , non I ,   Hin-up 5 J 0J   '30 Chevrolet Coach. nicchi M c lly A.J: 125 good lire* MANY OTHER C.OOD CARS, $50 TO $195      Unlil 0 P. M. J. N. ALDRIDGE. MnniiRcr Snlcimcn H. I. BELL M .1. "MARCUS"  FRED McDANIEL H. H. CILL II. F.. I RF.SLF.Y MA in 50112</t>
  </si>
  <si>
    <t>                                           MF.MPiiRSiur .~wri.ir.- w. Oil mit  mail or brine to JUNIOR CmCi-R EDITOR HiO Ai'ln'rn Avenue. N.E. Atlanta. Ga. Name Age Address Grade  Boy or Olrl Town SUlte</t>
  </si>
  <si>
    <t>                                           The ... south in all of its beauty and glory will burst forth in one important gesture in the ... month of June, and all of Atlanta will become one hushed audience to thrill with the hundreds of gradeates.</t>
  </si>
  <si>
    <t>                                           Chest Colds j Rub on Musterole. Used by millions (or 25 years. j NOT jus I a, salve, bul u "counter-irritant." All druggists.Three strengths.</t>
  </si>
  <si>
    <t>                                           SEVEN-YEAR-OLD      SAVES TOT FROM DROWNING                 GREENVILLE. B. C-  By Saludla M. Young for     -            when 2--old Joseph Sullivan tell tn the B. F Young fish pond and. landing on his head was stunned, his playmate. Preston Bowens. 7, Instead of becoming panicky and calling for , jumped In purl pulM hh companion from the water, thori!by saving his life. No adults were near at the Mine of tho "accident, me only witness lo  Preslon-f heroic act being Joseph's brother aged 3.</t>
  </si>
  <si>
    <t>                                           I V.tl K fcl tm*J .Nlgbt and Morning to keep ', Clear and Healthy Wriu/or Free "Eye Cart" or "Eye Beauty" Book  4 k.  ,D.n.n.s,~E.0ki.      .</t>
  </si>
  <si>
    <t>                                           ALTHOUGH this correspondent does not share the growing belief that the Black Crackers are rather overrated, the does see the need of intensive brushing up on basebail fundamentals. The team played a good brand of ball throughout the series with Jacksonville and deserved a better late than it actually got.</t>
  </si>
  <si>
    <t>                                           Sclhiine's HARLEM "SMALL TOWN GIRL" wild Jauct Gityunr, Roltcrt Taylor</t>
  </si>
  <si>
    <t>                                           SOVIET FLYERS LINK TWO CONTINENTS                 Three Intrepid Soviet flyer* who   low-winged monoplane to graceful landing at Vancouver, Wash., after a non-itop flight over (lie Norll: Pole from Macrow, afe ). M tht(r received  of a  which  Ikie                 m;;. I He  Chid Pilot Vnlorl Clikaloff. Cu-PIInt f--rr.? Calilukoff mid NnviRator Alcr.- Uelial.oif,   d 797  short of . San Iranttro coal when i gas line Ink developed.                 International Illustrated A'nw Somulpliuto</t>
  </si>
  <si>
    <t>                                           SHERIFF STATES HE HILL SWEEP                  MACON. G:i.- iS N St- BecaiiM* 3f  i-rops .  d lot" want- ol labor. Sheiilf J;tiia\s It Hii'J'.s. Jr., ol bibb county declared that lie "i*  10 sweep Hit* I'uunly ami uirt st any pers^xi who  to acct pt t*      .." Tlii* .-'..Till stated -It's i- - point whfi f -i-s,  k ky.it tl upt-.s.  i" moi), and all -r          nt i : l:     * \.'M\nnt i;H It bi-i';- Liu* -r:. j. lo lit.1  tin.*  l' rolls."        . UutliT hits MipporU'it .-nlf mul has  Ihut tho.sr people un   will not work ure \;ib , and :iri' Mibji'd to 11 12- chain 4 si *. The  : si ami  tho Ftuloral  should stop tin* ; projects by Novembi-r 1  %\vv private bii.siue.ss a . Opiiuni; that, he  t know what would  M when   l i mo , ^L. "'Ni'tiroes arc quit tint; the  because they (       *:J uu Ha^jc G, Col, H)                 Sheriff States (Continued from Page 1) can move Into the cities and get on tile relief rol s  do nothing." Sheriff Hicks urged nil other sheriff? In Georgia to aid him In his drive to uld the farmers,</t>
  </si>
  <si>
    <t>                                           ^K^^^HK^p YOC7 ^~       TRY" ITf, *i After more than        differing from a nervous , Miss Glivar used Dr. Mile* Nervine which gave her auch   results that she wrote IM;au enthusiastic letter. you  from "Nery*a.m tf you lie  , (tart at        , ~*   , are cranky, bit** ami , Vour nerve* mr* probably out of order.  and  c them with Sm Mtne medicine ^at "did Ox " for this C  girL j WThether your ;"Nerve3"      troubled you for hours or Cot rears,' "you ll find this            remedy effectiv*. At Drug Start* 25c and $1.09. I.* H^^^^l ill ^^k^fl 1^. I HB</t>
  </si>
  <si>
    <t>                                           The men of Mitchell Street CME Church had a glorious day Sunday as they led in celebration of mortgage burning. The program began Sunday morning at the eleven o'clock hour with an inspirational sermon by Rev. A. L. Thomas, pastor of First Baptist church, of...</t>
  </si>
  <si>
    <t>                                           Miss Vashti Lewis of this city is spending several weeks in Greensboro, N. C., as the guest of her sister, Mrs. Zadie G. Norris.</t>
  </si>
  <si>
    <t>                                           "Big Smitty," popular sportsman and lover of champions a familiar and well liked figure in Atlanta, says the baseball players are a hearty calling lot and reaper steaks, steaks, steaks and more steaks to keep them going at top speed.</t>
  </si>
  <si>
    <t>                                           IN GATE CITY                 REV. S. RALPH WILSON. -formerly employed with the Atlanta Dally WORLD, who is no-v In the city as guest of Rev. J. Raymond Henderson,  of when I. Street Baptist Church, where he will preach tonight. Sii?*  K. Rev. Wllron will preach nl. the 11 o clock services of Ml- Zlon Baptist Church, Rev. J. T. Doisey. pastor. Since leaving Atlunln live years rko. Rev. Wilson hits muck his homo In Mnnsiield,   .. where he Is pastor of the St. John Bnptlst Church. Before leaving Atlanta, he was nn advertising salesman for the WORLD, mid al.so served as advertising  of the Memphis WORLD. SNS paper. The Mansfield minister Is en route to Raleigh. N. C. to attend the National S. 3. and  Congress.</t>
  </si>
  <si>
    <t>                                           Dr. Logan To Probe Status Of S. Africa                 With "Uncial Conditions in  i Jinh Africa"' as the subject ol Urn discussion, and Dr. Raylord VI. Loss"", professor of history in A'. University, as Ihe speaker, l-lic Morchouxc Open Forum will i:        ? ii.s activities '.m Monday !!, April III. The men ins In the Atlanta University JJhrnry   : room i:; open lo nil who are -, according to Moss Kcnclrick, :- of the . The forum on South Africa. which was '. scheduled for last, Monday . was postponed onr week Ixcausr of tile  hr-rn of Dr. Frank Dar:i!!, Bri'.i-h Icrturrr, writer, and ,  '.'d the "~""in .)n  . 'Should C'jlotncs JJc lli.-ili!          ?" The Morel iomm; J'orum ,serl:s tu be a  v. i.hc s'. of the edi.eye may exchange opinions on many .'..s, antl may  :vv  on subjects' of i}i:i;i;ral -. Utniim the year, a numb.'t of Mibjeel-, have been dUt:    (:. sueli as the pro- \  .nl anti-; legislation. Die Kiipi'i.'iiic Conn ^ plan,              . and llic ". ol   labor. Rayford W. Logan's' Address Awaited By Federation t This  at 5 o clock. Pro:' j  i;\ W. Loijan. head of the Dc- :~ of History at Atlanta Jnivorsily ana '. of the j Atlanta Federal Colored Forum, vil! ap[)ear as Bucsi speaker foi he At:ant;i Federation of Women's 3lul)s. His subject will be 'The United States Supreme Court." Mrs. Ida F. Henderson is presi-  of tlie Federation an-l. ac-  to her and :- H- R- Bui- i ler. the  today is n regular tef!t?ral forum . The public is extended a cer.hai .e.</t>
  </si>
  <si>
    <t>                                           Searle Deplores "Our Business Civilization                 A. U. System Speaker Is Convincing                 I.; Hip   In MihI. or Mm  cll.y of Tyrn              .s went  mid ! Lnmilckcrx worn Mic   f Um mirth. Dr.           Wyclcofr Bctirlr. Kcnfnn men;. Inry or Ihu (Innilnr Nnw York F*.Ioii r.r Clinrrlirs. In Ills                 sermon In the Krndiiiklliu: classes nr Alla-nta University. Mfireltoii.sn CnlliTi- mid Spelniiiu Cnlleuc. Siiiulny   mil. If) Ilif liii Ki!  Ui'/ Rrlevnus Mule of "our business civilization." which like Mini of Tyre. Ik bi'-'.'ifl nn mul. and coin,  expediency. The . lion of Tyre, which l.v today n . sl.i'.lr, Is ii  Mi modern Hvlllziiilon. mill oilers :i two-fold       - In , Dr. .Sturlc declined. SpwklMR . In Ihc . who In .'h' l,];'ck Kowns filled the  rows of SIsIci.s CIihiwI. Dr. Senrlc staled this (hull  culled upon them lo .scl new  in .'". mid lo  their own lives  He;   lo  In "your whole . your cncl Ky of hi it t I'.nd mind. I he  of your  not U) Krab lor yourselves, not lo support or  n busine.s.s .  to   values . to establish JuMlce, mercy anil l.. to  IihIIi In love           lo life." Spciiklnit si.s one: who Is lured liv religious problems of the    fif one of I lie cir;  cial e. nf the  world. Dr. i JSciirlc drew upon a ' of man-  of  In New York mid  cities In  e that pri!M:iil dny . Is  on --, .  ud lo show Una Ihi. civilisation Is  desperately sick.' A dally newspaper today, he stud, is like ii bedside report, and he -ri the .sickness of .'.' to ~~:% marked form "I murderous mi l Kiilclcliil -'" Our i:/.n.Mciii. lie declared, has "a warfare In all Its members." ami  I" Ih" slate of Hie . he dis lwd I ha', "race Is set. . rai:e.   . das;: is nl  with class.  Is ill . with youth, economic  rally ini ii In littler . basic  Konccplions     : factions, and  II all runs Urn  nl   lo strive for him- self lo .vain . even at llie  nf Ihnse  aje very near i.'i him." In answer In Ihe          . wh- was Tyre  and why Is our j (~Ivlllzallon. or imy IiiisIiipss - I zillion doomed, unless 11 shifts  I.k j base and very ra.. alters Its philosophy.  Us -. Biid re-orders ll.s standards of val- lie. Ur. Searle nave three - t.Vh- tuns. Mist, he Mild. business  hicks any Rfimliir  VWM.-C1-. Quiil inu ii business man In New York, he .il .(QonlinncH nn      S. Col. 7) j                 Searle Deplores K'"ii(imip(~ from Vakv I d;iv J. jvs ";i ruthless yam", wit hot it any rules or :tii referee, wli'-ri- the bank account is t hp iron* board In i he second ". ;i  civilization serves the. I rmi "f expediency  b\ exploit  the . stores up disaster. !ln  oi these      *. i In; riled the ;t! oi tin- Versmiles in  which w:is u  in .an hour ol wrath and which hit.-' wrought to tin1 victors  hn*. tin? '     -r war. Th'1  third indictment ;i r::~ inst a business 1 i:. Dr. Sentle . wn'* the tendency to '  i allies to mn ferial values, such a" is set-n in the riso of city .\ tlm  of .-.1. tin-  nt' wars,  v.\ l In* narrow inu*rpr/~ f)l llv Cnnstltntinn. wh'-rc the flue process "f laW  Iri'rinnntlv  I hr e.Mi'-r nt i H.~ piil.la"     :n p. In :  ~]i, -. I"  witli rare t \f*:-r \\l\n t\^r'. would Imlrl in ^rc;M 1       ;uif!  Dr Sear It- paid a dr.uua ie  in Jin' late pr.      wli'*n he said. "Kueh a man as your CMlt             I  i .John Hope, w-'  * tha-i all (hi- hn-iness mrii     thf aue.,. who lived \n I'.ct.  as In- liv.-d i.i rive. I!'1 lived Th'*y never lived Tn thf imal word ol  i the :.. pr Searl'* called upon i  in MirrriKirr t li*'     *l v^"; to ChrM. f ivc .i.''1ves tn r" tic.ion. not in piou-  Minn1 . Inn in a  (liv church and the  m^v ll(*  into a  of G^wt. which is the Diliillmcnl of the lilt  laws of lite. S'li-h i move  he.   * said. crusade in love tor  ;tnd bt(~'." The  MM'vici' wa preceded In an          -   ;i of the speakers, t In- '*r-~ 'U the faculties ol ihe Hidhaied in-'.i unions, and Ihe lu^dua m.: e!:i.-M- which enUM"d  chape! tn in,Triumpliiini March ti otn Ah1;i An oi f!;iu   Aim-'-!::-,            was  i.v the .-.m^iir: of 'The  the Loril                  Iniun-MorrlioUM! Spelmnn  nl eighty voices, directed by Professor          W'-. Reverend Mityiiard H. .lackson. pastor of tho New Mope .st. Clmrch. or Dalla*. Texas, road the Scripture. The sliming nf i lie hymn. Ood. Our Help ill Aera Past" was followed by prayer by Reverend William M. Klliott.. .jr.. p:i.aor of Druid Hills Hreshyieriaii church, and the . -Except the Lord Build Oie House'  Ciilclmsli bv the chorus. Hi- SfurU- whs introduced l.y Dr. Florence M. Read, president of Spelman College  Acting President ol AiliMitn University, who in ( tin- credo of Uic Into Prcsitli'nl.     '.  expressed In.s bi.'lii f in the  of Christ        . and In the .student  the world over, said tho speaker ol the dny  Dies,- r.vo  beliefs. Thi1 !  was   l.y the . Tiii Cioini! IWii to the River nf .." Dr. .(rimes M. Nahni.  nf the Amcrloftri         Thrnln-.' Seminary, of N:~'\ 'lennes^o.  Hi.- Iviii'di. linn, and tin1 procession l.li      Impel its Ihe  played ihe  from Tnimliauser1' \Vii::m-i-~. Hrurees of miu.trr of art.*) and in  fil .'. will awarded, in IK  s ~"d Ihe  address will lie  t/~ Hie cI;im ill in "'clock this : i Mondavi. The commencement speaker will Ix' Hr Charles Henry Uielwi.  Biiierllus ol  :il Ihe Onlverslty of r;.i Th" i;r.          will be  upon   rl:i.v; hi Urn history of Hi" Atlanta .sii ^i;it}M;itp  by Actiiii: pp-.- Fliircm-i' M. Rend. These t-Norcises III Sisters Chapel me open to  public. Olhi-r  ol Ihe day on Ihe  ot the  colleges  the annual  of the Mni'i'lioil.-c Collev.1' Alllllinl AS.10 ill S;iJe Hull Chapel at 11:30 I r. k. 'lie Morehoti.se ';i! dinner at Hie Presldirnfs ri-Mili'iiec ;it -Jiliu oi lock. Ihe Morc1 Ih.'- v - class day exercise* in .'-'.lie !l;ill  ill 4:011 "'clock, ami the Atlanta. University  i -iint Mi   at Hie Atlanta University dormitories at 7:00 o clock this .</t>
  </si>
  <si>
    <t>                                           Likening the present-day civilization to that of the ancient city of Tyre whose merchants were princes and whose ... were the honored of the earth. Dr. Robert Wyckoff Searle, general secretary of the Greater New York Federation of Churches, in his...</t>
  </si>
  <si>
    <t>                                           One of the most impressive public high school events staged in the Gale City in years was the gain David T. Howard Elementary Junior High School May Day Festival Friday afternoon at 1:30 o'clock at Ponce De Leon Park which was witnessed by 5,000...</t>
  </si>
  <si>
    <t>                                           SHOWERS. 1_,</t>
  </si>
  <si>
    <t>                                           ?f 1K2 Hunter St.. S. W. 'CrT 121/2C Lamb Chops m j r-~nih Legs      Picnic Hams ey #% Brookflfld Cheese   UC I Round ^'BnnnJSTEAK 20C Sliced Bacon, Of? I Vn Rind  9C 1 Brookrield OOButtpr W^C I 8-LH.     Pall #4 Ort Pure Lard ^~1/ n i [you  f 1 1 /jo sir     HAD MY       *    I COLD [*N0 T"5J^~55J "For Colds Solieylat* Alkaline Medication" That's what modern doctor* mkj. Thnt's  Alka-Saltzsr Is. Inmead of being  In two disagreeable dote*, Alka-        furnishes thh medication to on* pleasant drink. If you ever used * man  ffective then Alka-SelUtr (or Add Indigestion, Headache, Muieular, Rheumatic and Sciatic Pains,    will refund the money ]    paid for your first package. Tear druggist selb ADav8.</t>
  </si>
  <si>
    <t>                                           ty. I. N. Demy says: u 1 have found nothing in the past 10 years  con take the place of Dr. Miles Anti-Pain Pills. They are a sure relief for my headache.". Sufferers from Headache Neuralgia, Toothache, Backache, Sciatica, Rheumatism, Lumbago Neuritis, Muscular Pains, Periodic Pains, write that they have . Miles Anti-Pain Pills with better results than they had even ' for. Countless American  no more think of keeping house without Dr. MiterAnti-Patn Pills than with- out-dour or sugar. Keep a package in your medicine cabinet and aave yourself needless suffering. At Drug Stores- 25c and f 1.00 DA. Ml 1.BS' ANIMHINPIUcS</t>
  </si>
  <si>
    <t>                                           jj^ DO THIS      for your cold ^TONIGHT Klllj ~'our  /$//// Penta'  3t . Contains I  l'^1"'    Z27'!~   'c mci1" \*-    yr/\a\\un ilian  naS-~    tionally sold  salve. CLASSIFIED       R- Alfalfa     . $11.50; Grimm AlWf.. $12.90; While Sweel       , $7.50: Rod C!   , $15.00. All 90 lb. bmM. track concordia. Return  if col  itit(ied. Geo. Bowman, Concordia.       . QUILT PIECES Haiubuw Silks. Crepei, Satin'. Ts'Fetsi, Cordvroy, VeWeti, Woolenr, Blanket Pleeei, De.i^n Bookn* Burlap .Rug Patterni, Rc., Rugvraft MalerUk. Catalog Free. RAINBOW SILK COMPANY Decherd, 1'ens. KOR RENT Furnished , nil modern con" . Man or mmi and wife. 518 Auburn Avc, N. E. WMUtroOD      6 E$ RlSt JUST  TO AlKALUE Gas b fine in your stove or furnace, but ifi both painful and  raising in your stomach. Why don't you use Alka-Seltzar fox the relief of ACID INDIGESTION, Colds, Headache,  feura.1ria. Muscular,           , Solatfo Pains? AJka-Seitxer Is  to U.   aa4   In action not laxative, not habit , does not 4     9  heart. Ajk  . Madam Mingy THE WOMAN WHO KNOWS Tells past, present and future PERMANENTLY LOCATED Palmist  nd Life Reader Girei advico on all affairs of Life, Love, Marriage,  HVIHind Speculations of  HJjMliU kinds. Oon't fail HB^SMto see this gifted KjVMO     m'~l- Points tko            to all troubles, fM"~* ~'iowa you how to overcome enemies. Madam Mingy has helped thousand* and  can help you. TELLS LUCKY DAYS AND SPECIAL READING- 60c Take Federal Prison     to end ol Hue. Look, for Name S!go (Net In T?~t) Setisfaction            638 McDoaougn Road MadamMlngr Makes No Home Calls Office Hours. 9 AM to 9 PM</t>
  </si>
  <si>
    <t>                                           Mrs. P. J. Coggins, head of the Industrial Arts department at Booker T. Washington high school, was elected President of the Home Economics Teachers of the State of Georgia in the annual meeting in Albany Friday.</t>
  </si>
  <si>
    <t>                                           Men Prefer (Jirls Who Have Clear Comolexiorw II  ii Irnvly -.kin. Blrla. In  ln mi-ii'~ Itmru. To I.l.'m-li Nklti UrMit  t  il*-       on VAN TAN m,lW(llr ntF.AM. Only MV nl * nr by  front flu* r\N TAX CO.. .. SS-XS, 215 S. . Chicago, III,</t>
  </si>
  <si>
    <t>                                           AL MARKET I NO^HE--  EDGEWOOD 4 BUTLER I POTATOES I L38. 9c r:_. NOW RECEIVING LETTUCE Sic r 8 FR FSH GEORGIA I S75SSS Free l(lVi!/OM VjL/UivUlA ONIONS ...)  10e (Parking VEGETABLES I BBSar.? 5c Lot fresh Each Morning wUh thc_Ri8ing Sun_ EGGS' .""ITT^TmTc H MILK-FED  OPEN 7 A M. TO 6 P. M. DAILY; SAT. 7 A. M. TO 8 P. M. FRYERS LB. 3Sc CLOSE WEDNESDAY AT 1 P. M. j PEACHES ,n 10c THIS WEEK S SPECIALS AT A P STORES tmw ARMOUR S CANNED MEATS 4p^ ^^?W Armour's SiimUvuh if Hf^Jm SPREAD 3 6.02. Can. 25C   ^ /M Armour's A%,r/ ^T N*!M 3 Ho. Ho. 1 Cans 25c I1 1 BEEF 3 2.oz. Jars 25c Wesson OH or^^^les 21C lona Peaches "sr 15C Corn Flakes 2 13C     Fancy Peas v 15C Ivory Soap Flak#s 3 m. 2SC OH KO SOaP OR POWDER  ull JQC Marshmallows r c s 2 ^1 25C Cheese ^'sco- 20c state lb. 2Sc Tea our  un  G.- 13C nectar    . 9c Grapefruit oks Ss i0c Purity Margarine 1SC Tomato Juice 2 i9c Calumet baking powder 23c Toilet Soap u^^ 3 19C Ketchup g bbs sr nd rd 2 b^~ 1 9C Pineapple s^5 19c A P FOOD STORES "r;.\7: Ol: (,' S I.  CUSTOMERS"</t>
  </si>
  <si>
    <t>                                           MBC SPEAKER                 Morns Hmun t:    ':;c       ! Us  l)ii(:cal;-iiu-  "i Bij Bi-il.i'l A M K Church this silt'.Tiioon ;iT :i . -pi j(,.y. Frank MiKli.'.on will.   :i:.   - of historic St. Pan; A. M. E. Cliinrn. ct Louis. Missouri uli! tli  III-:  Rci Hpki who conn s trim nnc oi t In* .si mid most in[Iiii'imal  wi'.si.      has cli.     ;iiiM!i-cl  li xs    Aork'.-i ms i.vii .,,s ,lM .,~,~l; -r Ri'V. Iti'jil has .Tl .soini' nf t!ii'   i !  s Ijlm-   sine'' his  r j oi 1 1 WiiDiTiuic. .    . Somi' of thi-hi!  s !o (' ch:   -l a. M. K. c;. Lollisvilic. Kv SI. I'sml A. M. K. Church. Litvuiuioii. Kv. ;unl Alli::i C. in Coluinbia. Kv A hosi oi  of tlw A M K. Church in':  to a:: Tic m Atlanta this  tn  ms the closing I'xnrcisi'.v of ihi- colli Ui~. which will .-: .him thannual  iiii iiL ti.-;. rises al BlK B"lli'~l Wi-chii Ml ii'  at In o clock, nr.  W. Cox. -ni of Kniorv Wn: will ri rhi'-r ih*- t '1 ;i'!-'.                 . r. m. iti:</t>
  </si>
  <si>
    <t>                                           Every man has more ability than he thinks he has, more than he ever uses ordinarily. Few, if any men love to work. Work is performed, to a large extent, because money is paid for needed services and every one needs money to buy the necessities of life. Ender the impulse of...</t>
  </si>
  <si>
    <t>                                           Bishop D. H. Sons has been selected to deliver the commencement address of Payne University, set for Thursday, June 3. 10:30, at the Institution, announced president J. ... Calhoun.</t>
  </si>
  <si>
    <t>                                           TO SAVE RALPH BEIiTON, KILLER                 I Attorney diaries W. Anderson, while. Monday announced Ills intention or seeking ;f new trial lor Ralph BeiHon. convicted slayer, i by - of a bill of exceptions, which will l)e filed will) thp Sul)  ?ine Comi. of Goor,';i:i. Bcni-on lasi.  was tli.- a new trial. He ha.s       to die In the slr.te electric  for tho murder or Jolm Jinks' in the early part of January. Eoth men (Continued on Po^e 5. Col. 7)                 Attorney Seeks (Continued from Page* 1)       prisoners tit the Snmty Sorings chain   when     crimp was committed. The attorney Intimated  n  corpus may be available to Ben ton If  or           nr2 able to provide attorney fce3.</t>
  </si>
  <si>
    <t>                                           Most famous of all American mystery plays, "The Bat", which was written jointly by Mary Roberts Rinehart and Avery Hopwood, will be revived by the Atlanta University Summer Theatre as its opening bill of the 1937 season The play will be given three...</t>
  </si>
  <si>
    <t>                                           90 Year Old Man Dies At Helena                 HELENA. Cla.- (SNSt- Lcander Boyd. believed over HO years old. is dend. He was well known in this section :mcl :it one time was -j lor of a Snuili Georgia college.</t>
  </si>
  <si>
    <t>                                           REUi.ilt ADVISES ACTIVITY                 Sprakliie nn "Yn'illt ami !'r. OpporliiiiillPK*1 nl Ihr f  Allrn Clirlvtlnn Eiulmvor LrnE'i" of Ilio St. L\\kr AMK  I" Flnckdnln      Stmdny nl 3 :~n . Ihr Rrv. .John Hnrinnn.   minister of Arrlnii Mctlioriism. bronchi a nni"                 to thr   nf Rev. R L. StrphPMS'  "ChlldrPII MIT ;i hPI-'." Mil' ." Mai.rrt in his ? r^ MKMks "TllPy ;~.rp pM.  In POMn'llv n^ :i 1 1 . Vnntli InHn" line .. - Iron'irrs Tlif u-ork nl 'tin fiHn:1" UHlst hf* Mnlir h\*      I (Ortnn:ilf  tn li;~Vf  pi l-PMl-. ;   (l Iliw l.;(l  Itofh tn sn-f^ Yoti^ri lllll:;~ '.lop  Iliink.'1 C"::im. Hie -T , . "AchiinrdrK :: Ih.n it   " ll.'ifl -i  r.uct n Ipvit Uremilci move thn .se.  lists Iciiik since Icnmr-tl  lie u;:.- th:ii  .'ind lever." "It   purpose \i make  KO." Dr. H;  the youthful {.'. ; ilin: it we have thai ; 7.e;ii within  ls iind will tret some experience to so  it. w.: cnn move .' H was "cd   of the battles of  church have been won by U'; lenders. Enuir.ei . '.h.' speaker said: "Jcmin 'vas thirty when lie Issued the fiat from the mount; Martin Luiher  the world s            at twen ty; Cnlvin was twenty -seven when lie wrote the institutes 01 religion. John Wesley wus the world s  est  at -seven: Samson was a  man when hn pave the Philistines a Mnggerim; blow. Dnvid was a. beardless youth when he slew Goliath; Hannibal dealt a decisive  to Rome ani" became a world power ut thirty; ChnrlemaRne was muster of Germany and Prance ot twenty-seven: Nelson was pass captain at twer.(Continued on      6, Col. 5)                 Rev. John Harmon  from ('aKO I) iv, Ali'xandrr tile CilTilt w;ir. m commander . a klim nl . and a world  lit Iwoiity-nvo; nnd Napolcciu was a  i- t or ;tt Ihiity." Concliidiiic. tlm ACE        wus  "ki irp a  . and   and         for \0UfM'lt ii t:ood . You caj t nv\. Miiywlu'rc :h  iie s. One ul Mil1 l)cst ways lo keep busy is to ! in ^oud literature,  tin- Bible  lur  .''</t>
  </si>
  <si>
    <t>                                           Speaking on "Youth and its Opportunities" at the afternoon Allen Christian Endeavor League of the St. Luke AME church in Rockdale Park Sunday at 3.30 o'clock, the Rev. John Harmon, venerable gospel minister of African Methodism, brought a line...</t>
  </si>
  <si>
    <t>                                           A. U. Summer School Will Register Students Today                 Courses In College And Graduate Work On Schedule                 Wluit. is expected to he the largest, number ol  .-; in its history will Ijl- enrolled today al tile Atlanta University Summer Suhoril.   will be open in Glle:; Hull. Spelman Colleiie . from H:0i) to 12 :at) tins ;. :ui(l from 1:80 to S:00 o clock tills afternoon. Classes will  Tuesday ; lit 7:30 o clock. Tliiirsclay. June 17. is the hist day on which students may register for credit, al tins session. A wide rui)i;e ol courses both In college and t;r.- work will InoiVered :il the si'..  Is to continue for six weeks. Nearly  men and women will compos? this  s faculty. Chi. will lie conducted on the c.-s of AiIa)n i1 University. Morcliouse Colleue. and Spelnmn Ccillefe. and th;dormitories of the two colleges will be utilized in housing the large number of out-of-town students, who will be in residence. This year for the  consecutive year, the Atliuitu University Summer School is  conducted In  with the six other institutions of higher education in Atlanta, and with John P. Will'taker, registrar ol Morehouse College and Atlanta University, serving us its director. YOl'TH I'l.l-ADS Ol'Il.TY.  i   on r\i i) it i  i:it CHAItCF. OIl/. 'IVllll.- IAN1J) Lust 'I'liestlay. 1'; Ins  ut Ktiilty. James Mui'kle.  Al1:   . I.ee Mui'kle, was s- to serve live years in Stnle . for the -r "1 John Rolton. also i-. on May    . 1031. The  liii;    ) before JudKe Charles Lusk In Criminal court.</t>
  </si>
  <si>
    <t>                                           Mrs. Julia McClure Claimed Bv Death                 Mrs. Julia McCliin., of 230 Chapel Street, died Thursday morning nt 10 o clock.      was    ; I mother of Miss Erlciu; McClnre. tenth grade student at Booker T. Washington high school.</t>
  </si>
  <si>
    <t>                                           Kills Man Because He Made Too Much Noise                 MACOM, tin.- (A1IP)- Claln Inp thai William .Ionian.  Nc. Bio who lived on the ulley i.,i Ihi!   ol Ilk ; .van. . was "; too  noise," T. W. Crowe, M.       word war veteran, .shot and Instantly .l Jordan I-Vltlny . Crowe, who wns arrested by police, - the murder and raid his victim had been nagging at. and ; him. He  Jordan's alleged noise was making Mrs. Crowe nervous. The veteran got Ills shoi 6   and' fired nt (lie other from clone range as Jordan stood In front ol his little home. Although the slayer sul.j the j victim "made a motion toward his  pocket," police found  un- j orme.l. It was Iciirnixl Irlctlon had existed between Crowe find Jordan for sonic lime. FIGHHIlTn V DLD S, G.CHURCH COLUMBIA. S. C- (ANPp- A drive to save historic Bethel A. M E. Church, which has occupied tin i same .spot in the .s-3  for 71 years .. 1860.     1 launched last week by the pastor and . The present edifice W!~s ion- I  In 1021 at n Cost of $105.- I 000 Tli,. debt, lnu; been reduced to Mu.000 but unless n "substantial sum" is raised l.y Mny 10 to Pay the mortgage holders. It was an- I 1  foreclosure  will ensue. Bold while and colored have licen called on In uu  t.j raise . Bethel,  l)y 1 ho Ilev. S- II. Lewis. Is the church homo ol Allen University and is considered one of Uic lending L'luli'Ches     the South. ", is A Fulton County Superior Court jury Joui'jj Iktty Broughton guilty of " the death Fannle Smith Thursday morning following a  . ) sentence war, fixed A lS-iO years In prison. The llj--old DccHlur Street .il! hod been originally charged with murder, but         counsel entered a pICH of      I the  death and the chari;'.1 was iTi.  Fannle Smith was      t.he ; of April 'Jl al. lift 1-2 Dccalur Street and wns pronounced "dead on arrival" al Grady         ;ii shortly following the Inclrirnl. Accordlnp to ( records. Ihn Biouphton   the crime upon arrest. Durlnc . the arrested woman and I witnesses testified Mint Belly walkI cd up to Fannic, who was  behind' a piano nnd said, "You iion t  I'll  you?" I The knife was I hen sent into the woman s breast, they said. No definite cause was ever established j us to a  c In Uic killing.  FORVipNG NEW YOP.K CITY- (ANP)- It didn't tuke the jury long to convict Leon Rtchnrd Smith, colored vice king, who specialized in the enslavement of white women. Appearing before the Federal Jury. Smith was found guilty and when called before Judgs Thomas, he was sentenced on Friday to seven and a half years on charges ol white shivery and fined $2,000. His red head wife, u white woman, who acted as general transportation manager of Smith's ring, was given a five year sentence and placed on probation. Smith will spend the term In the Federal Penitentiary at Lewisburg, West Virginia and If he fails to pay his fine an additional term will have to be served to work out the huge sum.</t>
  </si>
  <si>
    <t>                                           SCENE OF 2 RECITALS THIS WEEK END                 By GAMEWELL VALENTINE                 Spclman Co: is offering to the music-loving public two recitals during the week-end, which :ire expected to  capacity audiences.                 The firs! will be song recital by Nnomah Williams Maisc. soprano, n member of the college s music department. Mrs. Malse will be assisted by Hie Morehouse college glee club, under the  of Kempcr Harreld. director of music for Spelman and Morehouse colleges. Willis Laurence James, heading the Spelman music department will assist on the program by playing the violin obligate to the well known Bach Gounod's "Ave Maria," included in Mrs. Malse's repertoire for this evening. Ruth Wheeler, accomplished pianist and- accompanist. will be at the phi no. On Mils coming Sunday afternoon, May 'J3, 1 o  In SIsIcrr; Chapel, the Harrclct String Quartet, will . IU second annual recital. This ensemble, Ihn oi ly one of Its kind in the Koiith connected with a music department nl a. college, made il-s debut las', year. and 'mi '.tI a lan;r following from its beginning. The members a it Kninner Uarrcld. first, violin; i Willis Laurence James, second violin; Rlcliard Diiront. cello and Gersldim- Ward, . Mrs. Maise1.-, recital  will be given in Howe Memorial j Hall. Spelman's campus. She. is a graduate of Spelman college, and 1 besides her musical studies with Kemper Harreld. has spent one year and a summer at the Juilllar-I "chool of Music. New Yorl:. N. Y.. ar- well as private study  n we!' known metropolitan voice '. Mr;. Mai35 will  selections from Cluck. Furcll. Brahms, Strau."..-. Tschstkow-ky. Wolf. Spro.":.., and lo frr knop n . ;!l".n group of Nci'in folk 'songs arranged by Hall Johnson and Willt? Lanrent'O .Tame.".. The music ItivlnR public Is i: Invited to attend toni^lit':; . and Sunoay'.1;. both of which urn  ;.';Mon charges.</t>
  </si>
  <si>
    <t>                                           Spelman College is Offering to the music-loving public two recitals during the week-end, which are expected to draw capacity audiences.</t>
  </si>
  <si>
    <t>                                           I '^.fhe tJ^'  colored Dally W?          r" jg Telephone.: WAlnirt J15S- 1J60 Hember of SCOTT NEWSPAPER  W. A. Soott. DU       'eri C. A. SCOTT. Genarnl Muw    A. .         M*      Luclu* 1'.      . 2     1ar VAttor =L  ratis: mitT'-l Tar J9?6i MontJiB J4.7B: 3 Month. JJ.IO; 1 Month SATURDAY ONLV:- 1 lor SS.OO: c Month. K.00: 1 Vontb. ILK GinnU: 1 Voor H.SO; Monlh. till; : I    IS.kO N. AdvcrtUinE Kepreoenlltlvo: IV. B. ZIPF CO. Ml 0.           St.       . III.. 3SI yourth AnL.   *~ TotV. J". JT^ ' In     Fost Oftlco nt Atlanta. Clu..  c -da^. mall and**     Act of ConBTCBs, March 3. 1*~9 1      AT1- I^  \.t tn Independent nc- .~.l-     --non^       * ^ oon.p.     . printing new.  And  those  )t    Jt^v.t to the       .l of tt.   nd          the )      *   f         . I Aildrra .MUNICATlONS to BOd    ,e .'KS lm)~b!e M L^a-O-TA DAILY WOKI.Il  limn to              . Tile ll OBI.O ell.. l^ .v for return of  *. !. etr_        .tAmp.  re  rou</t>
  </si>
  <si>
    <t>                                           " " Confldcnlipl Daily Korrt.tM Tur Any thi.i'  WMlt ~*.-     (-.lit- rill) li.iiu". i.-lili.-'i-.   Ji rur min hit ,si;. GUARANTEED You Can Bank On It Tliiit your !.\v w\U rnm.. i-i,;l,l lack lo )'itn If our  11 ertS. TB.MS". to main, n HIT  yen. Wrliu.   HIT.     .\Y     ! i:ni-luH.i ?T, ur yr.u rn.iy l- ii^Mtnui 11 IT.O.O. 11. QU  SVSTKlis".     ^i          ^^^W Depl. S-a 1p fv) II      Illli Slrert V-iu*-/ Ni-ir ViirU.     V"rU ^B^ Stop Worrying I    You      a Now BtaiM WriU Me. Today. InformUlOD rra*. M.WILLIAMS, "~?VH Journal Square Station Jtn*y City, N. J.</t>
  </si>
  <si>
    <t>                                           I  GLEE CLUE MEETS 1 TONIGHT ' U. T. \V. IWcr Club "III  Us   ul Die  home on Hunter  ( al 7 o .</t>
  </si>
  <si>
    <t>                                           Today, people are talking about love and the church, while twenty-five years ago the major conversation among leaders was the school and intelligence. Recently. a Vanderbilt University professor stated that students should be trained to love the...</t>
  </si>
  <si>
    <t>                                           The Alpha, Phi Alpha fraternity will be principals in a gala barbecue and "Square Dance" fashioned on Old Time lines Wednesday, August, 4, the entire day on the spacious Griffin. Georgia farm of Dr. John Wesley Allen, prominent local physician.</t>
  </si>
  <si>
    <t>                                           GOLFMORE, Grand Beach, Mich.--(SNS)--James J. Braddock's rapid ascension to the heavyweight championship of the world, after a series of bad breaks seemingly had ended his ring career only a year before, was more than the workings of a kindly fate. All along the comeback trail that will reach the climax of a possible million dollar gate for his fight with Joe Louis at Comiskey Park, Chicago, June 22, could be seen the clever guiding of Jim's astute manager, Joe Gould.</t>
  </si>
  <si>
    <t>                                           will hold a meeting Tuesday night at 8 P. M. at the home of Arthur Williamson, 103 Electric avenue, N. W. All members are asked to be present. Important business will be discussed.</t>
  </si>
  <si>
    <t>                                           YOUTHS ON TRIAL IN ASSAULT CASE                 Thr .-.~'(.~nil trial in I'tn thy:. !ct alleged  u:~'.;itil(. held the interest Judge Dan;, superior criminal court Vrt- afternoon a:.- four l.~ov;.  a Civd n la'-'Linr. an A!    .''cr .AVcnui fill on a'! f prn I'.'i  Piedmont Avenue Uk nigh! Thursday. April 1 Artunieu1.:- and ;; v. Ill continue (hi:,  '.i'! Mall. C '-~; TMkr and Harry "mill'. HKllr.'cd 'jn April I'.ncl ;i I'j'ir'li . not Indlr'ccl b' !Iip Imir. were caused ol :    ? an  "lici M Ollj" I J  .. The Ma1"  irr"-niti-~l itt":-t. i*;. v.ll.nr.'.ws Wi-'.'-. Inn Hir         :il Ivsllinuny tv;r. Iliiil ol the  Kim --il l.lic ' ncl GIRL SPELLS 399 WORDS OUT OF 400 IN BEE CLEVELAND. Chio- I A N PpSpcllirif her way Into thu linal." of the Press Spclllne Cunlcsl in which 154.000 school children participated. Mnrjoric McGhcc. ten  old  of Attorney und Mrs. Norman L. McGhcc.  from ihc mini contest, second to the tirst place winner. Marjorle missed only one u ovd out of the 400 given anj was  thun any contestant In her division. Marjorlc represented the  elementary division of the fourth district In the finals, being the only colored contestant In thu       from fifteen districts. Alabama Joins Line Of Wet States . Aiu (S N 8) Alabeing became a wet state Wednesday with the sale of legal liquor (or the first time In 22 years.</t>
  </si>
  <si>
    <t>                                           Dedicatory exercises for Western high school's beautiful and mammoth new gymnasium -auditorium were staged here Friday night, along with the annual commencement program when Dr. Charles Satchel Morris. II, of Tennessee State college...</t>
  </si>
  <si>
    <t>                                           jM  SR3PPv Dr. Miles J      ^t soys ^^%itL?~~i^B TPV 71*9 After more tHan three months of suffering from a nervous ailment, Miss Glivar used Dr. Miles Nervine which gave her such splendid results that she wrote j^s aa enthusiastic letter. .v //you  "Ncrves^\ ..if you lie awoke ,  at sudden noises, Ure easily, are cranky, blue and ^fidgety, your nerves art f, probably out of order. K V  Juiet and relax them with tha *uue medicine that "did the ." for this Colorado girL i 'Whether your "Nerves" have troubled you for hours or for yean. you ll find this  remedy effective. 'At Drug Stores 25c and $1.00.</t>
  </si>
  <si>
    <t>                                           IK'sp Mi                 Ethiopia V % London '~Miniifer Pirade* ...^U"                 ASSAULT .WOMEN                 LONDON- Di\ A. W. C. Martin, Elliiopinn Minister 10 I-O'lcicn, In - signed article in Npw TIiiim  Etliiojiin News, -  of RtliloC.'nn . says:  As I  bc!ii -or) almost Ix^yond , 1 can no longer  from                 once more to l.l:r cor..'.   I'oelinii-s cf the world In (.  of the whole civilized peoples. Since Hie beginning of the Iinlinn aggression in Ethiopia, cruelty after  hns   lod oi\ the  victim. I  J\ist  recount these wrongs to refresh Hie memory of those who arc too much  in their own affairs to * ti-i-m. I ."Fiml CmhjII.v" "1. Tlic first cruelty wns  d when tlie  and v. aggression was  on n (. confiding and innocent fellow Stnt3 member of (he League of Nations. ~'2. 'Flic aggressor realizing that, although the Ethiopians were very  equipped as compiled with him. they were antagonists loo brave and lough to be" defeated .v In _:i  fl^ht. he resorted lo a" rir oh Ib'll i-d aiid -at method of warfare, viz.,, (ContlniiPil on I'aiCf 'I; Col. S)                 Savagery Of (Continued from P-trc 1)  wilh poisonous . I do not know what the rules or fair      in Fascist Italy inny be. but j they certainly do not  to bo tlie mine as tlio.se one learns to follow in British public schools,  to which, let alone using unfair  nd diabolical methods oi fighting. A bigger and stronger boy would never attempt to assault a younger and  . Oli! ir we would only remember j our school day lessons on morality and conduct, and would live up to j them, how much better the world i would be for it! 3. As if throwing poisonous I sas on ill-equipped soldiers were j not ci Uei enough, another  I was practised purposely by the aeroplanes going behind and mound the fighting lines and bombarding defenseless old men. . and children, and even the unfortunate animals with poisonous gas. At the same time leaflets were thrown all over the country, telling the civilians that if they did not persuade their soldiers to stop fighting they (the civilians) would be exterminated. Is tins not a brutal act beyond nil ordinary description and  "I. At. the sumo time another malignant, act of cruelty was committed In piu  bombarding the Red Cross units-. which nod bi cn sent out to Ethiopia by son\~  countries, with the humane desire lo render medical help to the  sick and wounded. This cruelty was, of course, perpetrated with a view lo : away the Red Crass units so that the poor sick ;md wounded would be deprived or ;ill medical aid. Kombcd Churches "To deprive llic people from attending  aaid praying In  churches many of  have also been bombed and destroyed. Just imagine the virulence of such lK'; and .'i acts! i 5. As II llic -ni'.' UTiicltirs vnv not . anj other has been committed by  citing most of the prisoners of i war.  the  chiefs ant! loaders, who had continued to light bravely ami loyally against terrible odds in the defense of their Fmpcror and country. "Are '~:' soldiers and their i K\val leaders to be treated as  In the future, and i:; the .tary  and etiquette to be a time-worn  e of  past? i  Wiicic Is In; 'Mother of ClviI I'ziition* :: to lead UK after the  i and chivalrous treatment :.wc. Uw ',' had given I to the Italian prisoners of war    aggression in 1896? j "Discusting: Moral Cruelty" "B. Again us soon as the         of Ethiopia was occupied,                 must. d.  "ending moral cruelty was Indulscc1 in In Uic shape of sav;'gc assault tn ami  of unfortunate aii"l i helpless Ethiopian women anil girls,  in  ef.ses , I in violent death. ]t. Is too  a topic to enlarge on. so let ; 1  ho have lem:i!c relations Just i think tor u . and Judge Uic  of this cruelty. "7. Lastly. let mo draw Mie atention of the immune mid fairminded Inhnbltnnu of the world lo trie most, .nl  imi i--ii"Hy r.hal- is bring  in Ill-used Ethiopia, simply  sonic desperate and grossly treated man men Jioii  lo bomb Ilir  of the  cruel aggressor, instead of taking Hie  to Tim I and  those responsible, thousands of Imioccni men und women, nml even children  been massacred wholesale ii! 'reprisal' for UiLs political crime. "Twentieth Century Justice"This Is a special example of the  century Justice. "I may mention l-hut never In the history of Ethiopia has a mpn attacked his political adversary with a bomb,  the  of Jilarshol Oraziunl must have been committed with the help acd advice' ef some foreigner. "Here is one of the first steps In civilizing the 'barbarous' Ethiopians!.." A</t>
  </si>
  <si>
    <t>                                           LONDON--()--Dr. A. W. C. martin, Ethiopian Minister to London, in another signed article in New Times and Ethiopia News, semi-official publication of Ethiopian affairs, says: "As I have been afflicted almost beyond endurance, I can no longer forbear from...</t>
  </si>
  <si>
    <t>                                           Riot At Girl's Reform School Causes Quiz Of Keeper; Mrs. Roosevelt Gives Comment                 WASHINGTON.- A.N.P. i Vi}iM may be termed a "mild riot" occurred at the National TralninR School for Girls on Conduit road. It is believed that the free for all which took place was the direct result of an argument over ihe Braddock-Louij fight. The                 ble assumed such gigantic  lions, according to several who were attracted by the loud noise. that a riot call was sent in and a score of policemen came on the scene. It was said that one  was quite roughly handled. Twenty-tour girls engaged in the  using their fist*,  pots, dishes, and anything within                 their reach. Several were  iind rr arrest. Akhcs Thomas. 17. .vh-i is  to have started thp not by mentioning the hi ivy-  championship fight.  with drunkenness, i.'hers' .vith  conduct. The superintendent. Dr. Car rive; Wciiver Smith, wits   to I Dolici! court by Judge John P. MeMahon to explain what he  laxity. The judge would not sentence Aenen Thomas until  the hc-. The Thomhs girl v.~. placed on probation for one year i It is understood -she will not be (Continued on Pale 5; Col,                 Riot At Girl's (Continusd from Page 1) returned to the school. At h?r weekly press conference. Mrs. Franklin D. RoosWvclt, when asked to comment on the "riot", stated  she docs not think it "extraordinary" for a minor riot to Crow out of on argument over the Brnddock-Louis fight. Mrs. Roosevelt is of the opinion that you cannot  children to show more control than grown-ups. Sho  that older persons very often  greatly excited on such occasions, i</t>
  </si>
  <si>
    <t>                                           WASHINGTON.--(A.N.P.)--What may be termed a "mild riot' occurred at the National Training School for Girls on Conduit road. It is believed that the free for all which took place was the direct result of an argument over the Braddock-Louis fight. The...</t>
  </si>
  <si>
    <t>                                           Solid Rock Ends Revival Session                 Tin' Hl-v. A. L. Iluniptircy.   of Hie Solid Hook H:\~t1 tsl . lias concluded a highly successful revival  t thu Little Zloti Baptist . Rev. BD. J;inu S .. AcL'orUiiiK I" rt . several          .s wtM o  lo the church H . ll whs revealed that tlie *~ community w:is   over llie services of this ; young Baptistdivine. who bids fair to become (Shu of Georgia's lending preachers. Friday night. 'Hev. Itumplirey  d nil :.blp sermon at the Reed Street Daptisl church, where the Hev. C. N. Ellis is the pasta; to a representative audience.</t>
  </si>
  <si>
    <t>                                           Beginning June 23 and continuing through June 27, the 66th session of the Tried Stone Interurban S. S. and BYPU Convention, will be held with the Greater Mt. Calvary Baptist church, Rev. B. J. Johnson, minister.</t>
  </si>
  <si>
    <t>                                           HOT WATER IN A HURRY                 kitchen sink la the most convenient ""       for active) I Uoya when llic- dinner call comes, und an Instunt  of hot1 water la a  In the  removal of playtime grime. 'The: young Imslty   Is removing dirt probably acquired from^  Into Hccund       , und 1.1  liot  ut the turn of the  supplied by the-   water bouter shown at the left Many modern Uoiuum nru Iliiding tbe  styling' of the Hoi point water beater busily adaptable to all-electric  . as . The water heater Is  at the left</t>
  </si>
  <si>
    <t>                                           NEW YORK--(ANP)--Apparently unmoved by the decision of Judge Guy L. Fake who on Friday denied the Garden's injunction to prohibit James J. Braddock from meeting for Louis, June 22. Colonel John Reed Kitpatrick of the Madison Square Garden corporation packed his bags and left for a fishing vacation in Florida and said the loss of a round didn't indicate defeat.</t>
  </si>
  <si>
    <t>                                           National Business League Meets Here August 18-20                 Preliminary plans !or the entertainment delegates and (riends to the National Negro Business Leu;ue meeting which convenes In Atlanta August 18, 10, and 20 hav I just been announced by B. Blayton. President the Atlanta TJrero chamber of Commerce.                 Till? organization will serve as    ?! for the national gathering   n: national  and  of thp League thai, the       . Tor the Atlnntn  will                 be ct!l!c'T."~ H.  .!v;i jik! r .. !n I mam- vc i^rt th.in any business Is'i'j'; pi.e;!-.-'!!i rh!-U has ever  I"'!! L!V3!1S".' I       Business (ji.,- ...i. -I H., In ju-.'  J3 E^HOW N C!1.* '' ran mef;t ~-h:~!!r!!~ in !   "x!-:1!!!!: rv JJiOiMic vrd?!~Vlul business '.s Negro hoys aM Rirls must, pursue In Iiiisiiii'Ss sil Ooh s"  ( "'ill In*  iii'~tari*cl  tt         and  mir " Cfitablisb* (C.~        nn Pbro 4, Col. 6)                 National Business (Continued from Pagr 1) '. These and many other related Iliemrs will  the attention ot business executives mid educators in a s: which will be out; of j i ho big features or the Atlanta meeting. The results or findings will be brought to the convention floor for open discussion only alter these subjects have benn adequately discussed und some sound  practical solution is  by the men and women who will participate in the . In this way, much or the unnecessary and useless talk which has characterized loo ninny national conventions will be eliminated. Two public programs have       planned on which nationally-known speakers will appear. A lively social  has also been been tentatively arranged which will Include a stag on one evening, an informal get-together at the Oolf club on another evening, and a formal reception and dance Friday. August 20 at the TOP HAT.</t>
  </si>
  <si>
    <t>                                           Preliminary plans for the entertainment of delegates and friends to the National Negro Business League meeting which convenes in Atlanta August 18, 19, and 20 have Just been announced by J. B. Blayton, President of the Atlanta Negro Chamber of Commerce.</t>
  </si>
  <si>
    <t>                                           These are the words of an old experienced ambassador for Christ to a young man who was soon to take his place. This experienced ambassador was Saul of Tarsus who became Paul the Apostle Paul, being well educated, was interested in the cause that he was...</t>
  </si>
  <si>
    <t>                                           The bard clay court of the Atlanta Ladies Tennis Club with its unusually smooth surface and neatly marked backlines; surrounded by spectators, and illuminated by floodlights formed a picturesque setting for the Sixth Annual Southern Open Tennis Tournament as more than a score of feminine net stars went into action for the coveted crown now worn by Miss Laura Denery of Atlanta.</t>
  </si>
  <si>
    <t>                                           Partly       .</t>
  </si>
  <si>
    <t>                                           \  5vK!r\ FRYERS, HENS, OYSTERS, \      \ EGGS, Economically Priced H2S^ER^         MARKET 206 Auburn Ave. WA. 4413</t>
  </si>
  <si>
    <t>                                           Untimely fielding errors by Emmett Hill. Monk Hill, and Tracy Smith and had base-running by Monk Hill and Henry Warner cost the Adelphi Junior Club a ball game Thursday evening on the B. T. Washington High School athletic field as a large crowd witnessed J. P. Allen play heads-up hall to move into a three-way tie for second place with the Fourth Ward Aces and Adelphi in the Twilight Softball League.</t>
  </si>
  <si>
    <t>                                           Another page in the history of public school education will be turned this week when the four evening schools B. T. Washington, Crogman, E. P. Johnson and D. T. Howard, headed by Professor C. L. Gideous, Mrs. B. Hubert. Mrs. C. C. Wimbish and...</t>
  </si>
  <si>
    <t>                                           "BLACK RIDER" BROWN, beretofore elective and durable tight handed Black Cracker hurler, was landed, his unconditional release by the Crax management following the Jacksonville Red Cap series. Brown has never been able thus far to regain his 1935 and 1936 effectiveness.</t>
  </si>
  <si>
    <t>                                           JOSHUA JON PIS                 I. P.                 Dell             29  ing "I fool Ilks  Jioijii'/PM the Judgo : "In ^mB # ftW BOK,," '~i$~3$SBm</t>
  </si>
  <si>
    <t>                                           WINSTON-SALEM, N. C.--(SNS)--A slender young left-handed pitcher, "Wee Willie" Wilkins almist put the celebrated Black Crackers on the spot here this afternoon before 3,964 paid admissions. Indeed, for 10 innings he was their master and they got but three hits off his left-handed slants and but one walk. A triple and a single by "Babe" Davis and Donald Reeves' scratch hit to second were...</t>
  </si>
  <si>
    <t>                                           The Show of a 1,000 Thrills  S LINCOLN</t>
  </si>
  <si>
    <t>                                           Year's Sentence, $50 1 Fine Given I'or Larceny                 j Trlril on  i'l .Implo lm-- :~ In lower pillion   court. Mase . ivus  n C!- -  J tarry Ccipi-lund. n $S0  An     Oscnr Watts a $L"S fine and l--.li Mispcndcri . Lottery   In convictions for Willie Hunter, who  n $5n fl.tr- and Willie Hurp who must, serve six months to follow nil  .six months Cor possession of ItuoxIcntliiB liquor. Two other   ended In n 475 fine and six-month sentence. C. H. Cnto und J. R. Cook. Jr., white, were fined S JOO and $100. . on charges of receiving stolen good,  Loin Hams     found " ",,</t>
  </si>
  <si>
    <t>                                           I BRADDOCK, KNOCKED OUT, TAKES THE COUNT                 .leu: Louis was crowned heavyweight champion of the world in Chicago, when, in I he Sth round of his gruelling battle with .limits J. , he knocked Jimmy out willi a terrific right to the jaw. Braddsck floored the "Bomber" in the vicious first round of the battle, but the new champion s right-hand, and the lightning jab of his left was much for the game Irishman. Referee Tommy Thomas is .shown minting him out. (INS).</t>
  </si>
  <si>
    <t>                                           9^~pi^     3^9iB Circus Flour ^^^^^^^^^i^sb^f^ \^hitc Lily Flour g QUALITY  5HDP5 12-Lb. Bag 24-Lb. Bag 69C $1.29 Sterling Plain or  -Ly. m New Large, Improved  21 If Idle Knife 2Ih qc Bread       ^M large PC I8-Oz. Loaf shortening 55c Silver Steak Knife Land Lakes Cheese 20c w Oae Cf!sco Wrapper and 2sc NllCOa Margarine 22c and Get Silver Steak Knife Jeike's Good Luck 2ic Crisco Shortening Land Lakes Butter "40c ,.n, a^a ~-i k /~oc New Brookfield Butter LB 37c c.i    1' c.  Clover-bloom Butter Patties 36c T Southern Belle Butter "33c NJ,, and Refreshing Grade "A" Wied. Size Eggs 23c N Lltl ltl0US  Ket1  Hershey's Chocolate Syrup 'can 10c            All-Wite Shoe Polish0-" 10c colonial       MK JAMS AND ^ "~~'-25C I W^ 1 Witty Salad Dressing 27c Southern Manor Tea LU 15c Silver Label Coffee "19c ^^ PostToasties 3 25c m%Mm\*%# Derby's Asst. Spreads 11N 10c Dr. Phillips' Grapefruit 2^ 25c *3 No 1 1 ^~C Standard Tomatoes 2  15c ^J Cans JL \f Chipso or Oxydof     IK0 10c American Pickles *s*~*'~:u jar j,0c 20-Oz. ~% 4\~ Hage H?-~ Ginger Ale aJS 10c Cans J, U. S. No. 1 Georgia Large New Red Bliss Potatoes 5 13C Snap Beans Yellow Squash     6C     5C Fresh English Peas 2 15c Wash. Winesap Apples "z. 15c Iceberg Lettuce 10c Golden Ripe Bananas 3 15c Cuban Pineapples ^T 10c Seedless Grapefruit 3 "~r 15c Large California Lemons 19C</t>
  </si>
  <si>
    <t>                                           CHICAGO.--You may have noticed that the white press is devoting more space to stories about Champion James J. Braddock than to articles on Challenger Joe Louis. Scribes are raving about the title-holder's amazing legs, his fine physical condition, his speed in...</t>
  </si>
  <si>
    <t>                                           "Heaven Bound" Now In Rehearsal For Presentation                 Tile  religion.-, play. "Heaven Bound" Is now in  for the inn-sL auspicious  elaborate r. ever lo lie staged i" ii a history. According lo Mrs. Nellie Davis, its own director.                 Atlanta's federal  project will stage nnd present Heaven Enimd" at       Atlanta .        10. 11 and 12 as one of the plays In the series to be shown there Tlie approaching "Heaven round" will have the larg-.st cast ever assembled before In the play. which numbers  138 people. (Continued on Page 4; Col. 1)                 Heaven Bound (Continued from-PaRe 1) Binge settings will be most elaborate and gorgeous, to depict ti  Bible heaven as related In thu . stated Mrs. Davis. The ploy will also be re-costumed by Julian Harris, project . No money is   lo present "Hrnvcn Bound" In the manner that its possibilities offer. Mrs. Dnvls will direct the . nr.d also piny the role of the Wnywurd girl.      chorus composed of more  100 voices, promises to , enthrall ond lo  Uic entire  more  ever . H. W. Pnrlow Is -ss            will also ) 111? "Devil",  iwn he lias                 popularized in "Heaven Bound." the skilled assistance of onr of Hollywood's dramatic specialist;. '.7lio has      brought here to direct "Dr. Fnustus". is assisting In ft  this production in  j tor u "Broadway" .</t>
  </si>
  <si>
    <t>                                           The famous religious play. "Heaven Bound" is now in rehearsal for the most auspicious and elaborate presentation ever to be staged in its history, according to Mrs. Nellie Davis, its own director.</t>
  </si>
  <si>
    <t>                                           HI TUESDAY VICTIMS                 Nine hundred and twenty-five dollars Iti fines and two sentences were given eleven persons w)   mood  on liquor possession ami si-s in Fulton lower  flirts Tuesday. A $200 fine topped  list, while u $25 penalty took, low  . Five persons faced the Judge on lottery charges and were given $.70 in fines. An assault and battery   Toney Massey resulted In n $100 penalty against him. Joo Hccton wiis sentenced to twelve months in confinement (or stab(Continued on      4, Col. 7)                 $925 In Fines (Continued from Pace I) . Three twelve-month terms were given each of Dock Davis, Fred Julius nnd H. Johnson who were t- on simple larceny charges. A six-month term was given Will Levels on a similar charge.</t>
  </si>
  <si>
    <t>                                           LOUIS-FARR FIGHT DATE CHANGED TO MONDAY                 THINK DELHI WILL SILL CROWD                 Foxy JacobsClaims Weather Too Bad For Battle                 NEW YORK (8N8)- White Promoter Mike Jacobs gave as hla alibi the  and continued uin for the postponement of the Louls-Farr heavyweight title match, Ualed for Thursday night, many  commentators say that other reasons, equally responsible.                 : the foxy Jacobs to delay the  until Monday. A four-day  would possibly do the vx office no harm, ni admitted oy Mike Jacobs. The ( of horse racing. iow in Saratoga, will return to ths  My alter the close of the meet on Saturday. This will boost ticket salts lor the Fnrr-Louls bout,  have been none loo large to I lie satisfaction, of Jacobs. Is the opinion of the fight, writers, and is another good reason for ; the fight. If omens can be rend In Incidents, the postponement could foretell defeat for Champion Joe Louis, when those who are superstitious will remember that Louis' scheduled fight with Schmeltng a year ~.go ended in the Bomber's smashing downfall tit the hands of the CScrman. j During the Interim, nevertheless. i remoter Jacobs Is busy in the pos. I r.ibility of  the winner of llic Fair- Louis fight, with Max ScNmcllnit. but no title bout will be given the German until next June. J-.\cobs insists. He still hopes to  the long-awaited fight between Schmcllng Rnd Louis at that time, though talk has been revived ul a fight sometime In October. Moreover, an October  match. besides weather lists, would encounter opposition ,' the World series and college football activity. I Mike Jacobs has offered SchmelIng a fight, in October with the far-Louis winner. It Schmellng accepts 12 1-2 per cent of the net receipts. But Sdimellngs mani ager. Joe Jacobs, said: "Schmellng Is ready lo light In October but I not lor 12 1-2 per cent." Schmell!?p has been holding out lor a 30 I per cent "cut" tor a return boue j with Louis, regardless ol when it \;% staged. I Farr weighed 207 pounds and I Louis 11)8 upon the scales Just be1 i oit the bout, was postponed. The rules require that they must be I (Continued on Page 6, Col. 8)                 Think Delay (Continued From Page I) weighed mid examined all over  nc!xl Monriiiy. Joe  to  ! camp at Poinploii L.ii kcs. N. Furr is still Kt hLs Lour Bmiicli, N. .T.. . BolhfiRlilcrs will  In  workouts hi order to keep lit tor their scheduled bout. Monday.</t>
  </si>
  <si>
    <t>                                           NEW YORK -- (SNS)--While Promoter Mike Jacobs gave as his alibi the weather and continued join for the postponement of the Louls-Farr heavyweight title match, dated for Thursday night, many sports commentators say that other reasons, equally responsible...</t>
  </si>
  <si>
    <t>                                           t-~           ^P TOR I AMlT U J M M%- i</t>
  </si>
  <si>
    <t>                                           According to the terms of her father's will, Denise Keith, a young San Francisco socialite, must visit his hunting lodge, River House, on the Stikine River, in Tarnigan, Canada, before disposing of it. Larry Keith, ar outfitter for big game hunters, loved the place and had...</t>
  </si>
  <si>
    <t>                                           Now what Auburn Avenue young man was it who had not been to church in such a long time that when he attended a revival and and beard the preacher say, "Let's get on our knees in prayer," he hollered, "Seven."</t>
  </si>
  <si>
    <t>                                           Noted Builder Thomas Cornelius Windham Is Funeralized Monday                 Bt EMORY JACKSON                 BIRMINGHAM.                 -~SNS)-                 Hundreds of people Jammed spacious Sixteenth street Baptist Church Monday morning eleven o clock to pay their lau  to one of Birmingham's greatest builders. Thomas Cor*                 Wlndham who died at Mi home Friday morning.                 Contractor, churchman, financier, real estat; dealer. Mr. Wind- bam was dubbed by his former i pastor. Or. C. U Fisher, as a man Ood blessed because "he was a I good  of Oxi's posses- I ." In the funeral oration, Dr. P. Thompson, pastor of Sixteenth Street Baptist church, said that hi was "a man too big to act IliUe." Trlbut?s were  to the 'builder' by members of his church 'Sixkmnth Street Baptist Church (Continued on      4; Col. 1)                 Noted Builder (C'uiitluurd I rot" I'acr 1' which     bull"    K A Mi , tru      C T Mabrv. di:icon J. E. Kelly. 01 m     . In a Jargon di-   : Elk . Mill. p.i'.. you cant   \c tun  s mow Mr Foster, .'  Blinunclui: Trust and Savtns Uituls.  him ii.~ a 'Iliinc x:     ' of          )fr rrt:~        )~  ii the ." Ci \V. A. Jo'.nuon ot      *~T Iml'tul". *ntd li l-rpt     - roll it      for thai (. Hr A M Townviwi and Rev. J R. M..*       pok''. Tlic         - Mrs. M L M       who      n-.irt the td- A  nf I'ornls  ns  d      -       !ii. Hi- *drn me-tnl      t r. 1  front of Hie pulpit     )   1Ui flow.is Sun1\-ors nn lit* :  on. L S Wliuilmtn:      1)it   . Mrs,     :ii McKimiCI. ot                 Ylilf U1.1     T C ..lt!~~. :l . U 1 WniTam:  Usir N'r. It W Jolmsjn. Mon- j ror. La -.-iii *   at tin- Orj.-f I HI I Crm.-t^rj- Man K Strong j              a.i in  of IT I  ..MIllll.-</t>
  </si>
  <si>
    <t>                                           Hundreds of people jammed spacious Sixteenth Street Baptist Church Monday morning at eleven o'clock to pay their last respects to one of Birmingham's greatest builders. Thomas... Cornelius Windham who died at his home Friday morning.</t>
  </si>
  <si>
    <t>                                           "CITY SLICK" "I Loves You; Truly- Dear' Byf Ric Roberts</t>
  </si>
  <si>
    <t>                                           Denny got up and dressed, and went downstairs.</t>
  </si>
  <si>
    <t>                                           Carlllo 1 "Niw Vcrkara I Mary Oarllilt I WUtlu" t[ I UynnaOvtrmaji I Li/da a I I -IN- I Bind I i "HOTet: T^ HAYWini" I J J TI rt'/~]  i'i I</t>
  </si>
  <si>
    <t>                                           Mr. Joe Phillips, age 65, died June 2. He was apparently in good health when retiring and was suddenly stricken anti died two hours later. He is survived by a wife and eleven children, six grand children. Rev. R. B. Jenkins, assisted by Rev. W. H. Simmons.</t>
  </si>
  <si>
    <t>                                           IF everyone felt the way I do about peachen there just wouldn't be enough to go around. My favorite way of eating them used to be to go right out and pick...</t>
  </si>
  <si>
    <t>                                           Talk June 8 Vote Issues This Evening                 A vries of Important discussions of OKI Aro Pensions and Prohibition F/?ni?nl will   ai Allen Temple AME Churrlt.  ilin Atlanta Civic nnd Political Leaque holds a Hireling to  Rt 8:30 sharp. Cthcr similar meetings will bo held tomorrow 'Tuesday) night at Mount Qlky Baptist Church, and Thursday night. May Zl, at. Flipper Temple AME Church. According to John Wesley Dobbs,  of the League, the discussions will be analytical and timely an^ will concern the issues to come tip In the June 8 . All the people must vote intelligently on the Issues  especially the colored man must qualify nnd make himself felt. The most  meeting of the League to which this aeries will lc:nl is the one to be held j Thursday . June 3. B o clock, at Big Bethel AME Church. At this lime. Rev. Maynard H. i Jackson, former endowment - tary of Morchouse college, who is president of the Dallas ColoredVoters" Association, an organization  around 10.000 registered voters which, only a few weeks ago. proved the balance of -r in the Texas city s .il flection will .        I OLE MOSCOW 'Special) Russian aviators are   in ; expeditions across the Ncrih Pnli; In tlv: United States. This move has significant  en ihc  nf cuir.erce and war    'O(Mi lh'- two , nnd the      u- power.</t>
  </si>
  <si>
    <t>                                           THOUSANDS KILLED AS JAPAN AND CHINA WAR                 FIRE IKS lino i RUINS                 Full Satisfaction' Is Demanded By British                 SHANGHAI- (SNS) Thousands nf persons died Friday In the light, by Hie ClUnrrsc lo hold their  ;:.sl. ihc Invndlng Japanese. New ."filters nf thren divisions of the I:ncsi. army In China were rushed 's.'t.  to stem a Japanese charge.                 ;n NiuiklMB. the united states .vy was Informed Saturday '.hat the American Methodist Lart:e.s' Missions Home at Nunchang hitl been destroyed by Japanese  bombs on the night of Aug'irl 25. during an air rnld on a Cl'lirse  In the' town! The town or Lotien. twelve miles  of shanghai was a smoki' Ins;  of  due. to the bombs, shells and mnc  gun fire. Rice fields wre turned Into battle fields "hen waves of Japanese Infantrymen met machine gun fire. In London, authoritative quarters sa'.d that 'he British government had pres-nted its demand for '~full satisfaction" for the '.iR of its ambassador to' China. Meanwhile. Sir Hughe Montgomay KnatchbilU-HiiKesscn. Britlau'H .i.-, lay critically wounded. His  is raid to he broken by tho bullet, of h' Japanese . j  Appropriation action" was said to I be In store for' the Japanese gov- Tninenl. Sir Anthony Eden, For- l-iqn Srcretary. is said to hava   the demands to Shlgeru YoFhldii. the Jiipancsc . Tlie three-point  w. for: I Drastic punishment of the ii  involved In the attack. 1!. Giiaranlecs from Tokyo that "'ens would be taken at once to pri  any possibility of recurrence of such an incident. 3. Pull compensation for the victim. In the event that     Japanese  does not give "full ". diplomatic  will bir severe). The  of :he ambassador ;s  as a direct rebuff of His Majesty King George '1. his lice lord. On the war front, accounts varied ns to the army in the better  on. CIriicse claimed 3.000 Japi.nef c killed or wounded in the 3!~  at Lotion, but this was denied by the Japs. Latest estimates were that 120.000 (Continued On Paifc'8, Col. 4)                 Fire Leaves i (Continued from Page .'apsr.f.~; troops hammered at ,. .'ro:i!~  r.d (hat 125 .WO       * re- ;urr.rd ci^  Kescut work 1      i MVO.CiV C S r. f Mniii-</t>
  </si>
  <si>
    <t>                                           SHANGHAI--(SNS)--Thousands of persons died Friday in the light by the Chinese to hold their land against the invading Japanese, Now fighters of three divisions of the finest army in China were rushed last night to stem a Japanese charge.</t>
  </si>
  <si>
    <t>                                           J.D. C. I Would like to know if you think that I have a successful veal before inc.</t>
  </si>
  <si>
    <t>                                           The sports of Paradise Valley and Detroit at large, are swamping the ticket office of the Grand Trunk Railroad, in their mad effort to get some of these advance seats that are being put on the sport market by the said railroad a such ridiculously low rates. Some...</t>
  </si>
  <si>
    <t>                                           Today's Truth Oftimcs we fait,  we fear. H. Cronnrm</t>
  </si>
  <si>
    <t>                                           To this age belong a few people who might be well called 'seekers' Their environment does not suit them yet there is nothing they can do about it. Measured in the light of modern progress, we are prone to say that Fate has cowards of theta. There they stand...</t>
  </si>
  <si>
    <t>                                           OUT! Enjoyment Awaits You -TOP HIT what more could you ask. .swanky, atmosphere, pulsating, glowing swing dance rhythm by those T. SHELTON ami His AMBASSADORS ;i matchless floor, soft lights, .-mil when you re tired  to the bar lor cool beverages, a breath 'it' air. ..And the TOI' HAT is cool. Cover /-Ctv 0 e Cliari;*; T1 L J Minute :~5c V f After   ^mk l wc vc mJQ Sunday ST^p Night</t>
  </si>
  <si>
    <t>                                           OLEAR. j_</t>
  </si>
  <si>
    <t>                                           YOUNG WOMAN, ON PICNIC, KILLED IN CAR MISHAP                 AUTO CRASH IS FATAL TO ONE                 Three Others Barely Escape Death When Post Is Struck                 PICNICKING                 Hi  iM. KATCMFt-/                 A young  wn.s killed,  j..sui*tii.ly. amJ  other ? narrowly escaped death curly Tliutsr:~y afternoon wh n n han-QW-."t  in which  wcr.^ ild:i".; crashed a   on Gordon Ho.id. F.W. near West Vlnw cemetery                 The  people hud  M it : p: given ot Wuslm.' '\irk and were  to Lln^oM Country Club lor   ilv.ii:ie  ilic accident . liver of Uic -Jd machine =fl^. RidinK on     back scat of t!i3 m. with Hiiollicr vmr.au . Mlis Bc.:!. McC:u'.v.'  15 y-nrs old. or Wimcm .  shortly after she v as .- d to Uic Orady iia^i'.-iil clinic Slid never  conr;f:l(~  /..nc.-is, doctors Mild. Ilic hospital   tnat ::li- suffered n fractured skull, broken let'. ;. concussion of the , end sho-jk Shu was  Imrlrd Ji'ini the ;  II jnn;rn';d the  nsl.                 Reported I" STlHtlS condition *~ir Miss Clam Slnn'il.    years cl i. ol 3011 Roekv.-fll Micct  tcr .. I'i years old. ul DM Ira SUCH. Miss / received u fiu  Icli Icr and Internal Injuries,  . s nose was broken  his Irn tve ball cul. It was ii'.     for Jackson to  un /.iii Tiicncy . .lames Rhodes. 17  old. ol ;~.:0 1-1 1 1 u r stri-ct. driver of Ilic borro11/. "-I ..  u dislocated . Inp and  lop lip.  li nl Hi- Ihr.c -d persons v...  lrd io words of the        ;~l Frmn Ins hospital bed. PJiodrs  hi 'inl .   :k:/'ii  Ihplr      .'~er.'. : Thursday -i iii :imii n dr ir,      '. I^, i:i' v pi.'k'*'! up Hie Iwo girls on V7 st* 'Tnutmucd on      2; Col. 6)                 Auto Crash Is (Continued from Pago I) Hunter street near Ashby street and started to Lincoln Counlry Club. Rhodes . They had turned off West Hunter into Cordon Road,  to the club, when 'I saw nn approaching automobile taking up too much of tr.e road." Rhodes declared. I blew for him to get over, nnd keep from striking the . I s'- the curb. I guess that s when I hit the post, or tree or something." Rhodes continued. Tlip driver of the car said he  remember much more  the accident except that he was put in the back of an ambulance r.nd carried to Grady hospital. Both of the girls were sitting on I he back s?at of (he automobile and nt and Jackson were on the front sent, stated young Rhodes. The Accident-car was demolished.                 Talkinp from behind heavy bandage Hint covered his top lip. Rhodes ~:aid he and Jackson are employed by Andrew North, colored of 1120 Suns street. ~-ho operates an ice I: lick and "stand." Rhodes insisted lhat Mr. North  him to drive the car Thur*r ny afternoon He said he was traveling at  35 or 40 miles prr hour when the crash took place. The two girls had attended the picnic before entering the car. the ir, pointed out.</t>
  </si>
  <si>
    <t>                                           A young woman was killed, almost instantly, and three other persons narrowly escaped death early Thursday afternoon when a borrowed automobile in which they were ... crashed a post on Gordon Road, SW, near West View cemetery.</t>
  </si>
  <si>
    <t>                                           XKE .^\yo^^i^.^^ ..~^</t>
  </si>
  <si>
    <t>                                           Free Course t'i^^^^K^F /Iconalstlne of ^fl^H^^^B.-'  j^^^^^^               ^^^^   '^~8H! Formula IB^^HB.*'? -Til Includlnr Rfe^B. ^'-'~'Jm By mai1' Wrllo Today CUBAN COSMETIC CO. Dcpt S315-X CinCAGO. ILL.</t>
  </si>
  <si>
    <t>                                           Purely Vegetable Laxative that costs only about 1 cent a dose ^^~p^^  is an enemy of ^BB^\^^ pleasure. It dulls your ^x ^^M ment of the best entertainment Mm\ ~'  ;A^B and the best friends. To ^W;'^^H neglect constipation Is to Invite ~^B^%"A"i5K'."~~\Lc^H serious trouble. For your health s   v^W^Uw sake' take B'ack-Draught at the ^^b\Njpki%J^M flrst sign of constipation. You'll ^^Bri^VJi^jid^ soon feel better. Here Is a laxative that is purely vegetable, ^^1^^^ prompt, and reliable. Try it! BLACK DRAUGHT</t>
  </si>
  <si>
    <t>                                           GUEST WILL INTERVIEW CARVER                 Austin Curtis, Jr.' Will Also Make Chicago Trip                 NBC BROADCAST:                 I TUSKEfiKK l.N ST.. Ala.- SNS Ui*. Cli- Carver, \  III years of distinguished soi victus cn-Alivu chemist was ueli brul- t il this  at Tuski'^cc Instilutt1, i with his assistant, Austin W. Curtis. Jr.. left for Chicago, III., j July 17, for a broadcasting en-                 at    ! N. li. C. studios j during the week of July 'JO. I Dr. Carver's broadcast will take i the form of an Interview with i Edgar Guest, America's  loved poet of friends and home. The interview \~*ill be preceded by a biographical sketch of Dr. Carver and will be presented by a well-known narrator. Following Ills usual .n I Dr. Carver would not  pt i  remuneration for his r.'uli i appearance, but the company sponsoring the broadcast will 1 1 1 y tin* gratuity to tin; Carver Creative Research Lal'.ol -i.-s Fund. When .-l 'in 'Inamount uf the gratuity, Austin j \V. Curtis. Jr.. Dr. Oliver's {  and atl'.hur of Plans and Objectives of t  t ai ver Creative Ucsua'vh I. ," would nnt con.mit himself, but did not look displeased 1 as he finally .said "You may be sure we would not make a trip all the way to I Chicago in the middle of the summer unless it was going to mean something big for the CarJ vi?r Creative Keseareh ." Dr. Carver and Mr. Curtis will return immediately to Tuskegeu where .Mr. Curtis is concerned with the progress of the Carvel j Greenhouse, now under construe j . Die Carver ( will house Dr. Carver's priceless c. of Amaryllis  the master scientist has been brood in^ for over years. The ; will also afford temporary 1'u^ for Mi. Curtis' research I work in plant pathology.</t>
  </si>
  <si>
    <t>                                           TUSKEGEE INST., Ala.--SNS--Dr. George W. Carver, whose 40 years of distinguished service as creative chemist was celebrated this year at Tuskegee Institute, with his assistant, Austin W. Curtis. Jr., left for Chicago, Ill., July 17, for a broadcasting...</t>
  </si>
  <si>
    <t>                                           iW\. 50 YEARS ^^ A SERVANT THE PIONEER DRUG STORE For over fifty years the name Amos and Drag Store have been synonymous to colored Atlantans. The last fourteen of these years have been spent at our present location. The Amos ideal of having the goods, giving the service, and reasonable margin of profit have begot for us thousands of satisfied customers and friends. We have it on reliable authority that the ideals of the the great National Negro Business League, now in session here, approve such administration. If so, it could please this organization no less than to assure this body that attempts to even improve lie in the future. AMOS DRUG ifl^S Hunter at Ashby Phone RA-6144!IflEEZ2Cl</t>
  </si>
  <si>
    <t>                                           BRIGHT with action ANd romance and sacrifice, colorful with its picturesque setting in a turbulent gold camp of the fifties on the slopes of the California Sierras, RKO Radio's, "The Outcasts of Poker Flat" offers it wealth of interest to film-goers. Preston...</t>
  </si>
  <si>
    <t>                                           DIVINE SAID TO NET BIG INCOME                 YORK- A N ~'i Fsilhrr Wvlni-  Ills .s - fur llic  of Ills  sind  a ncl profit of $500  from them while she was , M,~(i Fallhfiil Mary. RKtningpd former   to the Ilnrlum Mcssiiih. In  court                 Wednesday us ;i witness fur Mrs. Vcrlnrij, Blown,  cx-. who is ; lor the   f Jl.liM slu-  shr  over him. Prom mill  Insi. April, when slur spill,  l--r l)l\lnc. Rili.! Miiry declared she            S^. weekly in Hinds which shr  rl over     him in n candy Ixix. She   til nnc Mine she Imd four K('(!ri!t.;irl(!.s  Vlclnry Dnvi', f.- Love. Hlrssetl Keul Jinrt Winch Low. The -1 Ik Hike" wn.s usually on Siit. mid she  the money lo Ihe cull, loader Hit- Inllnwhiu Monday  lie Iciirned she was ;  "I Ihe h  mid l.. caused Ilic bleak  Ihrin lhR  :. "If I hi   : him ,,11 Ihe  lir IIidiikIiI. was due-, he would roll his eyes al. me  I ' II. id him." Faillifnl Mary . Although      cull,  was not . ninny of his disciples were  they Indicalifl  of Hie Irsllinony hy ; Iliclr    I heir  with tin Ir hands. The Until split came  Divine ! $D.!W5 from white Clcvc(Continucd tin PnBo 4. Col. I)                 Divine Said (Continued from page 1) land follower, the woman said,                 adding Hid ~=uli leader accepted the whole amount ;~ the follower was afraid 10 touch" $4.00 she said she wanted tu return to the donor. "Ii was then I lost confidence In him." she declared. Justice McCook. who  the U'Stimony without jury, reserved decision.</t>
  </si>
  <si>
    <t>                                           NEW YORK--(ANP) Father Divine maintains his various "heavens" for the earnings of his followers and made a net profit of $500 weekly from them while she was collector, said Faithful Mary, estranged former chief aide to the Harlem Messiah, in supreme court...</t>
  </si>
  <si>
    <t>                                           In a double header on the Booker T. Washington High Srk in athletic field Thursday afternoon, Georgia Power and I. P. Allen Chalked up respective victories over the "Y" Aces and Special De-Every before fully 500 excited Twilight Soft ball League fans. The Power company, with Dyche Smith the Morris Brown "All-American" athletic on the mound turned back the "Y" in a sensational pitchers luel 3-2Wille Stephens Are of the "Y" hurling corps, thousand Smith and turned in a creditable exhibition, even in...</t>
  </si>
  <si>
    <t>                                           Cheers resounded between the walls of the auditorium of the Masonic Temple Wednesday morning during the second day of the annual grand session of the Alabama Ancient Free and Accepted Masons ... John Westley Dobbs. of Atlanta. Grand Master of the...</t>
  </si>
  <si>
    <t>                                           Tuskegee Institute HIGH SCHOOL and COLLEGE (BOTH ACCREDITED) -With curricula designed to prepare students to  the vocational und social needs of successful living. -Courses leading to the Degree of Bachelor of Science are offered in the following schools of instruction: Agriculture Business Home Economics Education Physical Education Music Morhanical Industries Complete courses leading to Certificates and Diplomas In NURSE TRAINING. SPECIAL TRADE . and COMMERCIAL DIETETICS (For Chefs, Cooks, and Waiters) Standard High School Course with Many Trades for Boys and Girls Summer School-June 12-August 21, 1937 F. D. Patterson, President For information address A. L. TURNER, Registrar Tiudcegrp , Alabama</t>
  </si>
  <si>
    <t>                                           World News Carriers Meet Today As (he second week (if the Atlanta Daily World  contest nears an end. several contestants who were in Miird and fourth place at the end of the first week are coming up in the first place ranks. Another pep meeting: will be held at the Y. M. C. A. this evening at (i o clock. A special program has been planned. A picture will be made of the . Refreshments will be served after the meeting. Every carrier is asked to be on time.</t>
  </si>
  <si>
    <t>                                           Dyers Silent To Report That His Wife Deserted Him                 Neither denial nor confirmation us to tht reported  oj her horn*; by Mrs. Jame:~ Dyers Marietta, ca..          , was Jonh. coining from her ^nd Friday. r*he Insurance .^ -ly told a   that   : had "nothing U) ;;ay'' ana "no iti/jcU                 to make." Trie Dyers, who   In  July 10 shC/Otinu 01 Dr. A. E. Harper, popular Allanl;      Marietta ,  an *  was  ! the _ and s.Mrs.-.      ;^,-, . u have bi-eri on Uic tele* ct breaking u;j tines the Jieadlineu . iii-lative;, and (ri'--"   /jed the WORLD that Mrs. Dj-ers ^Continued on       4, Col. 7)                 Dyer's Silent (Continued from Page 1) had constantly expressed fear for her life and had lost some 15 pounds in "sleepless nights." Reason as to Mrs. Dyers1 apparent abandonment of home could not be  by relatives at last questioning.                 ! burglarized i R*v    .'  :, Or^M. ot STiS 1-2 '.VOP.LD Pntfay t.V: rar:'.a':lc!r1g ol j ha ho.T:.t w Lurglsrs a-'-'J j Licth^g. four s-'1-. orit  \tt(~z\. -a. M. a pa:.- c/J eye?!3.!ivr"- 2S  :     1   . Y'Jfi, Ye\~i. ViMi. Rev.        t*MBJ*tJ:\ 'Ja:                 Louis Has Day Of Rest                 :; LAK25. J- JM!5' .-Joe Wills V/o:5 i"t .-j^vy*^*-"'                 V.~ CJi :ss. p.*. or: ..'.t     .</t>
  </si>
  <si>
    <t>                                           ! What'll I Serve For Dinner? I HOUSEWIVES CAN EASILY SOLVE BIG TIMS PROBLEM By Doing il.clr Grocery FREE I sl oPP nB tlle MUNICIPAL MARKET. D A P kf I l\iV Loaclt and Load, of Hot          Speeialt  are Bring Aiicmbled DAily. Come, M.Ue LOT" Your Selection. MUNICIPAL MARKET I-. AVENUE ami BUTLER ST.   .cii 'Til G I'. M. Duily Saturday. "Til P. M. CLOSE WEDNESDAYS Al' I P. M.</t>
  </si>
  <si>
    <t>                                           Women In The News                 MISS NONA MAE , I of Haton Hoiirc. La.,  of Southern I'ui vrn.il v.  won I  honors rc. at  school of          *         Ihr. "V" (ji New Orleans.</t>
  </si>
  <si>
    <t>                                           Misses Mildred and Earlene Allen were the guests of Mrs. Mary Petty, on Rosa Lane street, Thursday.</t>
  </si>
  <si>
    <t>                                           Horace Henry Frazier, of 379 Felton Drive, well known Atlantan died at his home late Saturday night, following a week ... illness.</t>
  </si>
  <si>
    <t>                                           riM TYLER -By Lyman Young                 I ELIX,T HE CAT By Sullivan                 IT S A GREAT LIFE IF YOU DON'T WEAKEN -By Jack Rabbis                 DOROTHY DARNIT ^7\  ^   *^..... j -By Chas. McManui                 NIPPER fc  JBy Bray                 JACK SWIFT -By Dwigg</t>
  </si>
  <si>
    <t>                                           That evening both Captain Bourne and Captain Page came to call at River House. Denny, sitting with them in the living room, felt a sense of relief, because there was no need to watch and listen tonight; no need to measure one man against the other with the idea of selecting...</t>
  </si>
  <si>
    <t>                                           Fried spring chicken! Isn't your appetite whetted at the mere thought of a platter heaped high with juicily-tender pieces of fried spring chicken, all its goodness guarded by a crispy, golden-brown exterior? And could anything make the man of the family happier than...</t>
  </si>
  <si>
    <t>                                           AMERICAN BEACH, Fla.--(SNS)--For years the colored people of Disie have read accounts of the wonders that belong to Florida. For an equal length of time they have regarded smart advertisements that invited white people to Florida where they may cape, the beaches and roaring staff. For years and years there has been no playground for tired colored business men or holiday benefactors who might adore a moment of bracing ocean air or a dip in the briny deep.</t>
  </si>
  <si>
    <t>                                           Intended Flim-Flam; Victim Gets Con Man In Jail                 BIRMINGHAM- (ANP)- A worn, an who -cd lo be Clliti-Ilaininccl out ol her life s savings caused Uienrresh^TWetlijeKitty- of Jnjnra Anderson. Anderson and a woman ulin  approached Mrs. Mary E. Rood, elderly , with tlie i.tic they had juu  n  .iiiB $3,000 in LiBcrly Ijonds and sion in cash. They offered to share their findings with N5rs. Reed if she withdrew a $2,600 rush deposit she had so as to 'make change in the transaction. The puree s contents were to bo divided three ways. But insl ad of going to the bank Mrs. Rued went, to                and sent, directives to find me couple. Anderson whs ,  because       was not. completed, he can onlT be  wli. vagrancy.</t>
  </si>
  <si>
    <t>                                           On Thursday night July 8 Miss LaJean Dubuts, while driving her ... Buck car, was stopped by police officers and accused of ... driving. Miss Dubuts protested to the officer that she was neither excreding the speed limit nor driving ... Her...</t>
  </si>
  <si>
    <t>                                           MEET YOUJt FRIEN i)S AT *T*H E X SILVERMAN S BUFFET I W)KR NIC\V MANAGEMENT V Wi M p c I i I.....- ..,.^11 v Ji L, I  Short Onler Lunches. ;i; *9C0* I Sandwiches, (.'old Drinks, Candy. *3*- Ci:;;i s. Cijriirctlcs. All Kinds of $ Pint Beer and Wines I SILVERMAN S BUFFET IIS DEC ATUR ST., Corner Young ;   Open 'Til Midnight Curb Service I</t>
  </si>
  <si>
    <t>                                           Another Arithmetic Contest will begin this week for all members under the following rules:</t>
  </si>
  <si>
    <t>                                           A. Pullin Guilty Of .Slabbing Charge I                 .4!!vr! rii!!lp. v.jj !cui::! S'j!!;;1 i!! r.np fio" ,-oii\t nl Hic .--. "I Eni'-.i r?!i,-rj..-,,. H!.; ii br.'fk-'.-lni; w!?~ j.--iry</t>
  </si>
  <si>
    <t>                                           The following letter was received in the office of the Southern Field Director of the National Urban League from the Director of the Bureau of Health Education and Publicity of the Jefferson County Board of Health, Birmingham, Alabama:</t>
  </si>
  <si>
    <t>                                           CHICACO--(ANP)--The National Baptist Convention. Inc., which meets at Los Angeles Sept. 8-13, is looking forward to one of the most important and largest conventions that organization has ever held. President L. K. Williams has been surprised at the number of...</t>
  </si>
  <si>
    <t>                                           Forrester B. Washington Back From NAACP National Meet; Tells Of CIO Efforts                 Forrester B. Washington, president of the Atlanta Branch of Die , returned here Satuiciuy night from Detroit, Michigan, where he was n delegate to the national convention of tho Association.                 When asSed by n  reporter what Interesting news happened nl Detroit's NAACP, meet. Mr. Wushlngton   the s;-d light and clashes that took place between the Association's delegates nnd branches concerning the C. I. and Its light on the Ford  In Dt'troli wfie very . During the sessions, several delegations attempted to have the general body to endorse the C. I. program. it was staled. Tills proposal received vigorous Protests from the Detroit branch                 of tht Association. sin ted Washington. Because Ford hus i paid a high wage scale color- eel workers the same as whites, j  the C. I. O."s unsuccessful attempt, so far. to  the Ford man:n; to  or to -  Ihe right of collective bar- Gaining with C. I. agents, IA? Detroit NAACP members nre not at all In sympathy with the C. I. and Rive these conditions as reasons for not supporting the C. I. Mr. Washington  that  the entire colored populace ol Detroit depended upon the money paid to colored workers who are employed In large numbers In the Ford plants. Prom the professional men, ministers, and etc.. their Income depended largely upon workers who are employed :n Ford . and this Is why they do not want to Jeopardize  jobs through strikes and  unforeseen complications because or the C. I. While Mr. Washington made (Continued on ra^e 4, Col. 4                  Forrester Washington (Continued from P.'ifft? 1 ii cli*ar that 1*.~- was Wrv much I in la\or oi iln- C 1 und :   . mi Ln h.s LDili'ti us ihr LulDrt'ri worker, hr did not i t;i\nv the Asm'im..  on I  its i ^ini** - C. I.  H l:ail (ion**   like i;omt: '. a ]))ant i that i!ul not hire colored ; opt imii: i mi/lo. in M.ch ( lor  L-cl " ers. He ;-.iid wi'  wail Ici.i; enough to    '  or inn Hi-.* C. I. will Ufi-p its word m  to    * Ni-. At the Dei  . Pnrre.ster B. WaM'ineion vas chosen :i memb*r of    *   which will flee; the new members of :  * national board ol dln-c-toi-N rti the NAACP.</t>
  </si>
  <si>
    <t>                                           Forrester B. Washington, president of the Atlanta Branch of the NAACF, returned here Saturday night from Detroit, Michigan, where he was a delegate to the national contention of tho Association.</t>
  </si>
  <si>
    <t>                                           Will Investigate Alleged Discriminator y :'% Practices By Georgia State Employment Servicek                 USES ORDERED TO REViQUl  OF THOSE REJECTED EXAMINATION                 President, Vice President Of NAACP And Urban League Secretary Protest To D. C; Want Another Opportunity                 FEAR PREJUDICED SELECTIONS                 As ;i result of i\\~~. efforts of Forrester B. Washington,  of i he ALI;nil;i Kronen, NAACP, and Reginald A. Johnson, executive Hit-rotary, Atlanta Urban League, Instructions Iihvi: henn issued from the United Stales Em*  , WashinKluii. D. C, to the Georgia Stale  Service, to review qualifications of applicant* who . rejected from Ihe United State* Employment Service  lut-aii**: of  work experience.'.                 AUrso number -of colored       { ~*               authorities    W Pfrience. Arrangements are no* Ix-lnc made by tlie United 8   1 employment Serrtee for a  of Die qualification* of  workers whose applications ward rejected, and a  examination Is to be arranged for those win  with      announced . Lieutenant Lawrence A. Oxlcy.   of the United Stales Bnployment Senrioa, WaslilnKlon. C. in a lone Una-   with Mr. Wanhlaiton. tinted that .h* would be In Atlanta shortly to conduct an Investigation of the situation. I                      applied (or Ujg united State* Dnptoyment Service examinations and Who have liad    year or more of social work experience and were rejected, are advised to contact Mr. Washington at the Atlanta School Social Work. MT Henry Street a W.. or Miss Masnolia Lattawr at the Atlanta Urban League. 80 Auburn Avenue, and give Into*. mullon concerning their  and experience, so that  ihU         bo made available to-,tbe United  Employment Stirice. The  telegram has      !'.-m by Mr. Forrester D. Washingion to Mr. Frank Peraon*. bead el ihi- V S. Employment Service. Waxlilnfiton. D. C; Mr. Edgar B. (Cnliati^tf    .     {                 GSES Ordered (Continued from Pugs 1) Young,  Mrsi  nnd Lieut. L. A. Oxloy In charge ol colored workers with the U. S. Employnicnt Service: July 30. IV31 Mr. Ericnr II. Vounir. I). S. Employment Service Washington, D. C. (Examination  held hi At tanta today and tomorrow for col ored workers for U. S. Employment Service stop Have proof thai f  have hern denied             nf taking      examination on baal* they do not I've proper , whereas persons with much Inferior qualifications  keen admitted stop For . col Irgc graduates with two years nl  wont training and several years  unit :  work IncliidlnK industrial relations ~.xri rience have   down,  persons  no  work and no social work Iraininir. ol  work experience limited In a few months nf  ense work  been  .slop Looks like an attempt to  best qualifier! NrKHH-s who am most likely to pass from Inking tlic examination .stop 1 feel that the  nf tlic   election ni:cl  tlon of lire candidates tor this examination justify an  mid an  in the near  for those applicants  rejected. and I am hereby request inc the  . Forrester It Wasliincton.  Atlanta School nf Social Work President Atlanla Kranch of N.A.A.C.r. i Copies: j Mr. Frank I'er.suns I lent U A. Oxley i Tlic following      sent I with  tlic rejection  by Rev. M I. KlnK. vice president of Hie . Kxamiiiatlinis  held  j Friday and Saturday for colored workers for U. S. employment service. Certain colored persons have been refused opportunity to  this examination on claim that they arc not properly qualified.                 whereas oilier colored persons will) much inferior qualifications have  admitted. This seemed lo   ! nn attempt to keep able Negroes who could pass from taking the examination. Our branch feels thai Hie circumstances of the selection and rejection of the candidates for this examination Justify an examination in the near future for those applicants rejected. And the Atlanta branch of National  of Colored People Is  the same. Rev. M. L. Kinc vice president Atlanta National Advancement ol Colored People.</t>
  </si>
  <si>
    <t>                                           As a result of the efforts of Forrester B. Washington, president of the Atlanta Branch, NAACP, and Reginald A. Johnson, executive secretary. Atlanta Urban League, instructions have been issued from the United States Employment office, Washington. D. C., to the Georgia State Employment Service, to review qualifications of applicants who were rejected from the United States Employment Service examinations because of social work experience.</t>
  </si>
  <si>
    <t>                                           Local golfers have about two weeks left to get in form for the brilliant array of shot makers expected to Lee-off in the Sixth Annual Southern Open and Amateur Golf Tournament to be held over the New Lincoln Golf and Country Club course, July 3rd, 4th, and 5th.</t>
  </si>
  <si>
    <t>                                           JOSHUA JON IT*                 ny I. P. 'Reynold*                 They taj Brother      I* SlJ.^ lit    way but that ho,,' ^        very  .^31</t>
  </si>
  <si>
    <t>                                           JACKSONVILLE, June 16--The ambitious Atlanta Black Crackers have taken this town by storm. Never in the four year relationship existing between the Atlantans and the Red Caps has such a condition as this appeared. Today the visitors had mauled both Red Cap aces... "Ty" Johnson and "Preacher" Henry, in extra inning battles, 5-4, and 2-1, respectively.</t>
  </si>
  <si>
    <t>                                           I find it too difficult to refrain from paying a brief tribute to the late Attorney William H. Foote, whose recent passing removed from his large circle of admiring friends one of the ablest men in his profession, and one of the brightest minds trained and developed in the city of Memphis. I first knew him as a carrier here during which time he did some work in the Stenographic Department of our institution. Later the Cossie Library placed a branch at our school, and Mr. Foote took an active part in the...</t>
  </si>
  <si>
    <t>                                           AME Ministers To Assist NAACP In Making Study Of Recent Killing                 Tin' Mliii.'Ji-i:. Ljiikiii i,~ Uii- A. M i. Mi.ii. ti .1, i... (lay mu.ji.lj,^ ci..-u lu iw.     liii.V"-.; Iiji -. ul Co.mi-.i J'-cip(r in ; an luV'-Ml^aL.on 01 Uit ii;  ul Jl'.-  uj :-,':nini .^1:0   l ll.l: , l/y Olym: Mvlioi.1, V.UItt;, o[i^f.   * Ail a b;u'(.~.lu: :i!. l(~:.. li-u i;n Haar al.ri.-i.-l. A !.~JU:jal .-'; v;a:. i:~i:   :(l lo  tlic N/IA.CI'   , Uii.-i i.-a.-ii.-. 'l Jlc  v.('.- ~:(~)ll,H:i: (jl LlH: Unloji will  work v/illi Uiu N/iACI' In Itli  lo  col JH.-cl ~)O.ICL-    :~ ;il)~       :tJ ill .v:.-, tjl Uii:  lu  i::d    ", il". Iivit. Ur. It. I-;, .    ':.-. ut Hi.- Union.  ji-i-Mili-tl l-rol. .1. It. C'juii ol  n?. ;n Collir^ir, li-J tin: i.   :         I rum llic bnl/ji-.cL, ~'III': ^IICi.- ol Uii- I IO iIi.-I. Haimji-1.1' til^hop W. A. i-,iin v;:i;i ::ful_  '. 111:-. uU(13*::.h, /t-U all -ra lo alu-n.i Uu: IJ,    : 'I'rl-  uim-Is lu</t>
  </si>
  <si>
    <t>                                           So Good Hair Grower       A Quinine  SJgB^Hft .              4l ML ^ IT your doctor tor FsSt^S        IHNnim*,          ^k SO-GOOD HAIS w Mmam STRAJOHTENEa   5       ":** ) ft** MlnUKlitunrr (Incite l*    ) 50e  Iihn  SlriiUhH-ner BM Skin IVIillnirr Oo^ OH      Ive    * Mull . lO.UUIt Ajcrutll WuntM Sfijil Mnni-y order.        Vottnwt SO GOOD CHEMICAL CO. 1  L'Alll ST., 8. K. AllimU, 0~. /.  v X ^y HaJclruj "~wcU/u             6, it/her Ttiake,  /    jBo/ 1 k 7....             I 4 ECONOMY and SATISFACTION^ Double Tested/ DoubleAdionf IT/^ BAKING IkV POWDER. Same MceToday9s4S) j 25 ounces for 254 Full Pack No Slack Filling</t>
  </si>
  <si>
    <t>                                           Juanita Gibbs, lyric soprano, who was graduated from Knoxville College last June left the city last night in a drawing-room bound for New York City where she will sing on Major Bowes Amateur Hour Thursday night. August 19. While she is away. Miss Gibbs will also...</t>
  </si>
  <si>
    <t>                                           Just one week from  FITZGERALD "will sing you a swing song and make you dance" with Chick Webb's Orchestra (America's Greatest Swingsters) at Sunset Casino WED., JULY 21 8 PM. TIL LATE Admission 65c</t>
  </si>
  <si>
    <t>                                           AMES WIND UP GREAT CONFAB                 Simon C. Clements Wins First Prize As Soloist I                 CHOIRS VIE                 By REV. C. .A.' )                 SAVANNAH, Qa._ (SNS)- The Georgia State" Trl-Oonventlon of the AME churches came to a triumphant close Friday night to the Municipal Auditorium. The - choir and solo con-, tests featured the dosing.                 Atlanta participants In the solo contest won the three gold medals. Simon C. Clements was awarded the first prize. after singing "Open the Gates of the Temple." Second prize went to.. P. B. Hamilton, of   *. Paul AWE church. He rendered the number "City Called Heaven." Miss Franoet Peters sang -Holy City" to (Ontlnafd on Pare 5, Col. 2)                 AME's Wind Up (Continued from P*ge I) win the U.ird gold medal. Miss Lillian Watkins of Tuvnor Monumental church In Atlanta, received honorable  In the solo contest. In the Junior Choir division, the Et. Paul . of Atlanta, the Rev, B. Hannnn. pastor, won first prize. Second banner went to' the Junior choir of Trinity, Atlanta, the Rev. H. c. Cnrswcll, pastor. Ml. Zlon of Waycross took third place In the junior choir division. Tn the senior choir division. St. PHUIlp's Monumental of Savannah. mother AME church of the state, was JudRcd first prize winner. The church Is restored by the Rev. D. W. Stephens. It was the church s  consecutive victory In this division. The victory automatically graduated St. Philllp-s Monumental from the senior cl oir. division, putting it in the champion division In class with First Church of Athens. Bis Bethel. Atlanta and Slcward a Opel, Macon. An Interesting contest is expected next year when these three  champions vie for honors. Two oilier Savannah churches won second and third prizes in the senior choir division. They were Choir No. 3 of St. James, second prize. and the St. Phillip's chinch choir, third banner. The convention hud an unusually large , Including many notaries: Bishop H. Simnis, of Uic First and Ninth Episcopal Districts; Dr. George A. Singleton, editor of the Christian Recorder, Philadelphia, Pa.; Dr. S. S. Morris, secretary of Allen Christian Endeavor League, Nashville, Tenn.; Dr. Charles Fountain, brother of Bishop Fountain; Dr. A. J. Allen. regional secretary of American Bible Society, Cleveland. Ohio: Dr. D. H. Stanton. divisional secretary or the American Bible Society; Mrs. Lucy Hughes, connections I president of the W. H. and F. Missionary Society of Cameron, Texas: Mrs. Jnnlc Brooks, pioneer missionary of the Stale of Florida: Mrs. Minnie Singleton of the Macon Telegraph. The reports of presiding elders revealed  and statistical success. The Tri-Convenllon created a ministerial scholarship in Turner's Theological Seminary to be known as the Dr. M. A. Fountain scholarship. The state missionary organization launched a campaign to  the conference president raising the largest amount over $100, as queen of the state. All of the pastors promised to rally to the leadership of Bishop Fountain.</t>
  </si>
  <si>
    <t>                                           SAVANNAH, Ga.--(SNS)--The Georgia State Tri-Convention of the AME churches came to a triumphant close Friday night in the Municipal Auditorium. The state-wide choir and solo contests featured the closing.</t>
  </si>
  <si>
    <t>                                           m is it BlOCCCff THRONE                 Ethiopia Would Remain Under Italy's Rule                 LONDON- (Special)- In a special release based on his  it the Ethiopian war front and information from diplomatic sources H. R/ Knickerbocker. International News Service Staff Correspondent, Wednesday revealed that Premier Mussolini Wants                 Halle Selassie back In Ethiopia ana has asked him to reoccupy the ancient throne under Italian rule. :Thc -European correspondent revealed' that Selassie would consent to take the proposal seriously if the League .of Nations declared Ethiopia an Italian mandate. Twice thUr year the Tomer .-"Conquering .Uan: of_AJudah7^has. tent back refusal* to Borne  were extended by emissaries from Rome. Selassie, It Is said, refused ific offer at first because he bcI eved lie could whip the Italians and the second time because he  the Liague members would check the Italian advance. His trust In Great Britain, as head of the League, has wavered of late, especially due to  agreements between that country and Italy.- Last January, according to recent revelations. Britain signed un agreement with the Italians in Rome whereby the Italians in Abyssinia would be permitted to import food through British Somalllaud in return for permission irom the Italians for natives or 1- Somallland to graze cattle at certain seasons of the year in Abyssinia. Then. too. there is the fact that the ex-Negus' fortune has dwindled greatly due to his court upkeep and Hie Bfltlsh  rule against his claims on the Bank of .Ethiopia. The natives of Ethiopia continue to harass the Italian rulers and to Intensify the situation under the new government. They have teen forced into saluting the Italian flag and ^_the Fascist salute, but. have never forgotten their ruler and ways. It Is felt that with the return of Salessle, much can ."c done to better conditions. The Negus1 condition would also be improved.</t>
  </si>
  <si>
    <t>                                           LONDN--(Specia1)--In a special release based on his experiences at the Ethiopian war front and information from diplomatic sources, H. R. Knickerbocker, International News service Staff Correspondent, Wednesday revealed that Premier Mussolini Wants...</t>
  </si>
  <si>
    <t>                                           Release Seven Of Persons Arrested In Connection With Derricott Death                 Seven of      nine persons  IhIc Wednesday on suspicion of murder by Detectives Widerbrand and Johnson In connection with the  curly Monday  of Julius Derrlcott. 2'2  old. of on Old Whcnt Street address. were released Thursday  Five of those released were women. One of the men Is a cripple Held for further questioning were Charlie Harris and Ernestine Carnival, both of Old Wheat Streel                 es.      detectives  they hart nnt been ai.lc to cot imy clues to tlw murder.  because none ol the  witnesses have been       1.         In the  en Auburn Avenue  Bell bik! Fort Str^els. Uic victim ^tumbled sov.  steps before falling to     sidewalk completely exhausted. He wai-  to Crndy  In it private automobile, but died several minutes later.</t>
  </si>
  <si>
    <t>                                           Partly CLOUDY.</t>
  </si>
  <si>
    <t>                                           Mrs. Sallie Watson To Be Fimeralized Sunday, July 18                 Mr*. Sallh. Watscm  iI Jl f I  T H loll*;  III till' I'Csiili-nco of her son. Khli Walsnii.  street. SE. Till' deceased was the wife uf ' lali. William Oliver Watson of Jefferson, (!a. Siiu was Imrn in Dullsville. V:i.. in t lie late ^mvI liLii s. ant! the  of  I'liililrcn.  of them . Tlicv      and Ehli Watson, Mrs. Rmlyo Cilass,         Wodds nnd Daisy Wntson. Survivinir Ki'iindchililrvn lire Miss Smlye W'ntKon. Georire. Jr.. D. Fostor  William Watson. Miss DnrnIhv Ann  Evelyn Wumls: .las- . Jr.. Elili Woods. Mrs. OutnvjH .  five irreal-. The  sei vices will he held Sunday, Julv 18. at .'I o clock, Rev. D. T. Biibcnck officiating. Interment in South View - . G. Henry Howard, funeral director, is in charge.</t>
  </si>
  <si>
    <t>                                           Mrs. J. T. Greenice has returned from Savannah where she visited relatives, and friends. She reports an enjoyable trip.</t>
  </si>
  <si>
    <t>                                           P QUICK DELIVERY BEER WINE AMOS' COLLEGIATE RA. 6144 ASHBY at HUNTER</t>
  </si>
  <si>
    <t>                                           get Money Lovg I * to  you get new  bk    No  hope Stop .  Writ* mi      . Informatloo KBEJtl M. WILLIAMS, Journal Square SU. Jcrtey City. N. I. Dupt. S TETTER STUBBORN ITCH fW)*t*vl Iti'liltlK InittiinCr       '^Kfl Djj. PALMER S x'-^'jjB at mil i;i;ims ribut.inc lo Llic  of Hie   of  -  Grr/Cy hospital. Convicted Snliuclay In Recorrter'i,  was the Rev. j. p. Philmore. 'lin whs  out as  of the Dunn funeral home Ic was charged with "  on city property."</t>
  </si>
  <si>
    <t>                                           HELLO EVERYBODY Requests you to bid Bon Voyage to Atlanta's Own THE WHITMAN SISTERS 20 People- FLOOR SHOW and DANCE-20 People BRINGING ATLANTA Thursday and Friday Nights July 15th and 16th Two Shows Nightly 11:15 and 1:15 A.M. Featuring POPS and LOUIE, Broadway Favorites and a bevy of Copper Colored Beauties Direct from Harlem Boys bring your girls and meet the pretty girls from Harlem. ADMISSION 40 CENTS PER PERSON I Make your table reservations early Call JA. 8587</t>
  </si>
  <si>
    <t>                                           PITTSBURGH, Pa. --(C)--The Pittsburgh Courier, in a first page editorial in his city edition last week,. Percival L. Prattis, editor, said: Word has reached as of the preliminary organization under the inspiration of Mrs. Daisy E. Lampkin of the...</t>
  </si>
  <si>
    <t>                                           PARTLY. CLOUDY,</t>
  </si>
  <si>
    <t>                                           STATE OF MIND By FRED MARTIN i Tlui'Uirli I he . -pi ril nml '  buzz. I Yi'iir  is in ;i -li  buzz As iro ^li this -razi tl , Time, in its  i:'. I Sii'ins like a .~i(;n:il in a rnco. I To - I'vt'iits of ihv  . Jwsi its you i;i't nth- tiling in your mind. H spi cfls into L'tt- I. us Kiizini; . WomlvriiiK how it cun bu. I '"IVatli" on its ;, I Accomptiiiiuil by "Rhythm", I "Spi'i'tl Cruzi1", Is pu ; us off mil' by txu*, Wliili' nui-  ale  in a I daze.</t>
  </si>
  <si>
    <t>                                           "BEAUTY BEGINS WITH THE HAIR" SPECIAL OFFER $l.(m Kcir Tpltir. 1)1111- =r; 7-; T 1 I Ilillr.  tuul :^^     '.j/  II0.\T. ~;            '^       ^Bks tfi  Intlr (nmi ^flj^^MaB^^HA      month. Con-  Blfl^^^^^H I SKN1  NO CASH j 1.IM  till- nd. I'liy I'. J.1.1"' j         when put- nrri^f-.        U'unlrit Sitlur?- Cninntis^lon - (..VIlOIIATOItlKS I SI.", K. I'orntl. . S.NJ*. Krlrolt. Mlih.</t>
  </si>
  <si>
    <t>                                           The Builders Bible Onto will have as 20th Anniversary on Sunday afternoon at 3:30. A musleal program will be teadered at this time. All members are asked to be present and bring a friend.</t>
  </si>
  <si>
    <t>                                           WITH the ether waves getting fuller and fuller of news flushes broadcasted from the scene of exciting events. It was only a question of the before some ... film producer would hit upon the id a of making a picture around a news broadcasters life.</t>
  </si>
  <si>
    <t>                                           GARAGE EMPLOYE ROBBED OF $73                 . of 510 Magnolia Strccl. N. W.. reported to police Hint Iwo  men robbed him of $73.75  Sunday night. Johnson, who is nightwatchman nt a garage, at Marietta and Spring streets, said that lie served the men gas and was about lo get change for a twenty-dollar bill when one grabbed him and a stick or change, and the other forced him to set Into their machine and drive off lit tl^e point of a gun. The  allegedly drove them all over the West Side under threats and to the front of a local hotel where they made him *tny in the machine un;il they left, lit informed policemen later.                 ARSON, BURGLARY SUSPECT GIVEN  Four colored persons were convicted for various charges In Fulton County superior court Monday as at laches began the last week of the two weeks summer trial of Jail cases. Tried on charges of arson and burglary, James Dennis, alias Lester, alias Dunn, was sentenced Ho four years In prison on each . the sentences to run concurrently. Dennis was accused of burglarizing a house at 611 Parson Street. S. W.. occupied by Julia Mae Ricks, and later selling fire to it. The much-heralded Samuel j Golden burglary case again echoed before a superior court jury when Laura Pcrryman was given a 12month term for receiving stolen goods from the long-termer. The Pcrryman woman is already serving a term for receiving other goods from Golden. Two 2 to 5 year terms for  were meted Howard Peck and Ade!l Johnson before Judge Davis. The two were Indicted along  three others In breaking into n Sotrthern Railway Company car on June 15. The crime was allegedly committed May 25. Value of goods removed totalled $1,030. the Stat: claimed.</t>
  </si>
  <si>
    <t>                                           Joe 'Drinking' Wisdom                 I OMI TON LAKES. N. .1.- ) Jack Blackburn, foxy strategist of thp Louis c;intp.     in a whispered tactical discussion with Champion Joe "Brown Komltcr" l. during a recess in training at' "" Lakes, where Lnuis is (lining up fnr his Impending battle  Tommy fan of Kncland In del ense of his title. The  h scheduled for Aupust Hi at New Vtfrk.</t>
  </si>
  <si>
    <t>                                           Ans: He is playing ,you for a "sucker." Don't continue to run around with him for he doesn't care any more about you than he does any other girl. If his wife does happen to see you with him you are going to have more trouble on your hands than you...</t>
  </si>
  <si>
    <t>                                           Advisory Chairman                 MR. C. CROOK -chairman of the Men's Advisory Cummlttce for the National con- fab. has done a fine piece of work: in helping tile ladles to map out plans for the entertainment of the visiting dub women. Mr. Croo1 has complete charge of the Texas;  which Is scheduled for July 30 at Greenway Park, Ft. Worth, TtxM.</t>
  </si>
  <si>
    <t>                                           H9 I H I H9 I ^H Freshly Dressed  dryers  QUALITY FOOD 5HDP5 Lj Lb- ^p Western Corn-Fed Beef Chuck Roast 25C Sliced Bacon 31C Beef Pot Roast 23C Pineapple pears s 2 15C Octagon Soap 5 llc Octagon Powders 5 11  Staley's -Starch 2 ss 19  Waldorf Tissue 3 llc Baby Foods 2 15C Palmolive Soap 4 25C Hi-Lan Tea   - 19  ^Lliar^H Den'"" 5-Lb. OTC MO-Lb. C^^ WllgCII Granulated Bag Ai Bag  1  Shortening s 13 c ^53*    '~       4 Meadow gm ^7C Lii"''o'L("1m A1 c Cheese Land Lakes 20  Post Toasties T Lux Soap Flakes 10c Oxydol 2sl9c sr25c</t>
  </si>
  <si>
    <t>                                           You  \no Sltl ro TAkf) UAU6M If You *1  i/xJ  HAD MY AlKrV$      I C OLD c?B Th2^      "For Colds Solleylot* Alkaline Medication" I That's what modern doctor* t*7. That's      Altu-Seltzar U.  of being administered hi two  doses,     -         this medication in ooa pleasant drink. If you ever used anything man ef-  then Alka-Seltzer for AeUI. Indigestion, Headache, Huaculsr., Rheumatic and ScUtlc Palm,    will refund the money     paid lm' your  package. Tour  wlb           .</t>
  </si>
  <si>
    <t>                                           Commendable Record As Police Officer                 ,                 (HNS)                 CAPTAIN WILLIAM FRANK GLISSON head of the Memphis Homicide Bureau. During his sixteen year* m head of this department, Captain Glision has investigated 1Z4-1 murders without using his Run or ; a prisoner. To the    . ored populace of Memphis, this record is commendable, for 85 per. cent of Ihr homicide cases were among race people. He curries a (run but has never fired it in his capacity as an officer. Hij hobby growing flowers of which he is one of the best authorities in Memphis. The above picture was taken shortly after the captain lost, ,n death, bis partner, the late Sergeant Lcmmcr. and .hows him with a tad and pensive expression.</t>
  </si>
  <si>
    <t>                                           FIVE INDICTED IN GRID JURY FDR MURDER                 Fiillmi County  Jurors Fri- j Jny Look Llinc out Lo return "true" h lls of Indictment against [Ive prr- sens accused of four murders I'" ;hc recent splurge of . one person was indicted lor a '.Ml o'.. one for . two for assay II with Intniil 10 ;. i                 "~nd several others for  and robbery. In nil, fifteen i: \v: t considered Those Indicted for murder In- j eluded: Henry Gates, for the July SI County baseball bat murder of Adolphus Grace; Tom Henry Reid. for the July 25 pistol murder of Harold Chester; C. B. Ralncy. alin.i Barlow, for  murder on July 20. of Lamar Mills; and Lullier Pat- terson and Louise Galther. for the i Juiy 31 murder of Grover Gail lie.-. The grand jury round /it I evidence against. David Jackson for the criminal attack of a you.ig v. on July 23. to return a "true" bill. Accused of killing lie atrice McCrary on Gordon' R.v.a  he allegedly fatally -.j iler with an auto. James RhoJes wus ordered held on  manslaughter felony charges. Indictments charging assault j with intent to murder were  i ed against Caesar Young in the cutting and stabbing of Chai'.ie roster on July 24. and Charlie. Gates in (he cutting and ; of A. C. Todd on July 31. Others indicted were: James j Ferry, alias Pcrror. _lias BubUer I Johnson, alias Will Hood. ,ino I Rfbert Smith for burglary: Eugene j Evans, burglary; Sylvester Bak -r I  Tec Tom. and Hurry Wins'..;;, i Jr.. ; Albert Leslie, larceny of auto: and Lee BIackwi.ll. otr.E'ary.</t>
  </si>
  <si>
    <t>                                           Fulton County grand jurors Friday took time out to return "true" bills of indictment against five persons accused of four murders in the recent splurge of killings. One person was indicted for a criminal attack, one for manslaughter, two for assault with intent to murder...</t>
  </si>
  <si>
    <t>                                           SOCIETY + IN THE SOCIAL REALM CLUBS</t>
  </si>
  <si>
    <t>                                           ES i"7*jtt BB $15.00 BUYS A MARBLE GRANITE "MONUMENT CALL N. D. JONES Ra. 8798 US A.liby Strtol, N. W. ROBERTS MARBLE CO. Dliplay Room WA. 6163 108 Pones ila Loom</t>
  </si>
  <si>
    <t>                                           Schaine's Lincoln "RIO GRANDE RANGE" With BOB ALLEN Schaine's Harlem "RANGER COURAGE" Wilh BOB ALLEN</t>
  </si>
  <si>
    <t>                                           ORIGINAL MOONLIGHT AND SHADOW members met Thursday at the home of Miss Willie Mae Taylor. The club is inviting all clubs of the city to join them in a silver tea Sunday from 6 to 8 at the home of Miss Taylor, 576 Greensferry avenue. The...</t>
  </si>
  <si>
    <t>                                           ^AIflA.  (, '""""V iM.bh. Ait.  mm      H. P, *TlJKTA PAII.T .              WAIttnl II.W- HIM "W. iKn. II. FMii^.ri C. A. . c;      M.~.~~ C. A. H" OTT.              "r i l. t.. Jnn'n,           PMIIor ^IVtfUMT ?.Nl"'-l T.~r i:in, Slt-n.li. 17": Mo- 1., ll.~     .T V..r M.  . I'..'- t": I tr., l.j^ NMtaMl A.  :~      r.-p.-'l...  . W. II. 7.II-T l-O  M a.            M.. ~-lt,    . III. .ifl 5 l KT.it. -i -rk. H. T. *~~v"'^;'.'T.fv'~^'."~ ".%~.~"~:.".~:':;"' jsi?  ; ",'^r ~.;r..~rri 5ZrM In     ItllCTMl of     t..    .     :"~    .~~' .a ln-rt     ll.t-r.rt j^~pfM ai.i.         \ii"" "-~L* ~'     m..m- ia JITLiANTA OAl'l.* HOl'.l.li *. ti'."    ". T!~~ tt'.HIIi rit*                                 fl        .. manu., 11  ~^t j</t>
  </si>
  <si>
    <t>                                           The Atlanta University Summer Theatre this week will produce as its third play of the season Eugene O'Neill's powerful tragedy of Negro character, "The Emperor Jones." In the role of Brutus Jones, the Pullman porter who became an emperor, John M Ross will...</t>
  </si>
  <si>
    <t>                                           WHITE PETROLEUM  BnilfB large jars   Soft Bleeding Gums? Illicit. ~)         Ittillrf Yet             I. Orallfr, n IlrnlUt'i I'renirliitlon,   Icmihrns ,  Iralh.      . M.mlh         *  if union   hi-Torf. Nnlhlnr rU*  It, I* yrt *. If  ou      blood or ,    fiom     . If you      Irrnrh nM.dlh.   ) u, buil  or  mouth IrmiMn. or If  Ifnvr.   blood-rnl color. M-ntl $1 for         .. it .m ~,Hp  or   .  (  ., (.   . ~-       .n. get Money love I * to   Mt m imw lUft to Iff* No  m  bop*. Stop *     Wrlum. tod.r. Infornutloa not I M. WILLIAMS, Journal Squar* Sta. Itruy City. N. I. DcpL s</t>
  </si>
  <si>
    <t>                                           Lynching Goes To Africa As 2,000 White Europeans Kill Native Amidst Riot                 Cr.FF. TOW.1/. South Africa.- A.';p; -Lyi;ch lav/ carne all the  ay from the Southern r- of '.he United States           to i-.'jr    .  on British Mil 7/hcn  J i/jO European.", murdered a Nei{ra it the Vereenljflng post KClllcrneni luring a protest meeting  a                 : riot  In which three I  llcc;nen, two of Ihtrm whit*, were I . J. The whites, who are  out lu/ In South ATrlca, tuul brn :;.U: to - g speech.  r. when  one  pled  native on the  of    ? r.pi.tUi?, chased him down the  of Vereenlglng with  Ocia. ".-. and , and best him to .                 The mob       Gen. J. C. Bmuta,  of ju* .had rel*    430 native* arrested after Sundsy'K . wut alK) tx.-cauM he  to  their . The !  b resolution  that a  of '.ed  rid* to Pnlviia ;~.id bring SmuU here. Another resolution  that the / sanction     of tear f,K8 am) airplane* to     ( the native Mtttement             , rn-ce the  of the           the rioting occurred, arid -f the . The mob acclaimed a          to rub tbe ~.~Cleinent and Btorx the entire ruu, Ive .</t>
  </si>
  <si>
    <t>                                           CAPE TOWN, South Africa. -- (ANP) -- Lynch law carne all the way from the Southern section of the United Sates Wednesday to war its head on British soil when 2,000 Europeans murdered a Negro at the Vereeniging post settlement during a protest meeting against a...</t>
  </si>
  <si>
    <t>                                           ati amta   n  ^  . miM" MI-LAM IH . WUnLLJ H EDITION I C "Thg NatTon^QriLly Co lor           Newspaper" J l^^1 fi VOLUME 10, NUMBEft 17.'{ ZZZ^ ATLANTA. IC()Rf FTa Tf^A I'T) It DA Y,'AUGrih"i'  V'T'mCin^viT OlioNT jri';</t>
  </si>
  <si>
    <t>                                           Ls"^ MPrissiirtiUff Rvrfuced! 500 Lovely Sn in mcr SILK DRESSES If you ere one of the lucky ones H^Hfli^L^H who have waited for the "right ^^Hifli^Lfla^^ price" here it is. Stunning ^IL^L^L^I^~7!  :^ Summer styles in a grand ^^^^^^H    ^ faction of smart fabrics and V_ ^^^^^^fl \CJ . Don't mils these re- ^^L^L^L^I  values- for Friday ^L^L^L^Lfl end Saturday  ^V^^^^^^H Mali* your   - _^*"'S^"    C\ ^^l^^l lection early. ti^~~~LC M^^^H Sites 12 to 52. WwUtE; ^^^H Plenty of large '*  ^^^H sites. Remem- ^^97 ^HH er first come ~%# _^~"~!^L^)^L^B__ first  WKEEKti Ladies' Summer i SUITS and COATS I Just 34 of these left- and the best buys of the season. Value, Q *J QO 110.00- to clear away quickly V J%ivO 1 .-7-your  ONLY ^0 i t\^^ft^*~'s*i^i^*~^/5 OPES SATURDAY NiGBT TILL 9:00 O CLOCK</t>
  </si>
  <si>
    <t>                                           = DANCE ===_-. II if = TROUBADORS TOP HAT-THURSDAY NITE = S JLflllZl- 9:30 TO 1:30 ENTERTAINMENT FEE 35c</t>
  </si>
  <si>
    <t>                                           The great Seventy-Second Anniversary Celebration of Big Bethel AME church will get into full swing this morning with the annonuncement of sponsors for the magnificent pageant, "The Parade of States" which will be held the third Monday night in August...</t>
  </si>
  <si>
    <t>                                           THE SUN FLOWER SOCIAL CLUB held its regular meeting Thursday night at the home of Mrs. Ella Mae Chambliss on Ira street with the president presiding. A Weiner roast wits planned for an early date. After the business the hostess...</t>
  </si>
  <si>
    <t>                                           Specials at 241 SPRING ST. Cnriipr Harris St. Ml  On Lux toe j Sport          JO FORD QC I Tudor 33 29 FOriD 7C I Snort Coupe I  27 CHEVROLET CcillD-. 1C I Extrii Clean v I  27 CHEVROLET -in Sedan J" PAICE Stclfln. r.      QC new ft-Dly  JJ  J1  CA Sed.in S" ~?0 PLYMOUTH 41* Sed.in SO !~l CHEVROLET (JA Sed.n aU Thi"   lire In Rood running . .10 Oilier Cars From Sins tn $595. Open Until P. M. DOWNTOWN CHEVROLET CO. 241 Spring St. MA. 5002</t>
  </si>
  <si>
    <t>                                           Hi ATLANTA. OftY WORLD Hji MMiimJJAiJiMj .'L- J!Hhe" Nations Onl_y_          Daily Newspaper" "} \uSjm^        VOLUME 10, NU_M_BEiR"2ljr 4^ jf + T"^"""" ATLANTArGTTwjjj^^^y^SRPTEMREir^mY"' T'"""T^ 1^</t>
  </si>
  <si>
    <t>                                           i  WEED TOl^ AM- -; 11</t>
  </si>
  <si>
    <t>                                           RIDING THE SWIRLING WAVES of adventure arid romance Academy Award Winner Victor Mcluglen as a Chief Bos'un's Mate in the U. S. Coast Guard end Preston Foster us his rival score a bull's eye in stellar entertainment in MCC Radio's stirring drama...</t>
  </si>
  <si>
    <t>                                           DR. JiJ 6QIS III                  1)1 w. E. D. DuBols. profound . in Atlanta University, who liu.% recently returned!  nti extended trip around i lit' . will  ,it the fourth;  open forum of the Mlunia University Summer School tills I'vcnlng on "Social Problems oi Japan and China." This* ii:~'i  which will be held in tbs Athmtu University Library ex*  room at 7:30 o clock Is        iti any  who uro     HTK.. In I In- course of his right ' , Dr. DuBolo spent i In i-r , In Chh]a and Japnn, .'ml IihcI  opportunities to -i. i Mr pr. mid social tn^'-nt ol these countries. In Ills i. ilk Mils evening, h* uill (Iim-ii:." a number of the rli irl  in the Par East (Cnnlinuxtl on      6; Col. 7)                 Dr. Du Bois (Continued Irom Vrnge 1) which  the prople of the Dulled States. Following dip lulle, Ihoro will bo time reserved for questions,   for ( .slon. The  of Wcrin?sdny  open  which  been                 arranged nnd arc conducted by Ira Do A. Reid of the Atlanta University department sociology     proved to be one of tho   nnd    of the summer .</t>
  </si>
  <si>
    <t>                                           WILLYS AND COVERED WAGON DISTRIBUTORS *3A Ford Coupe: new  . A HONEY $295 '31 Ford Sedan; original fin* iih; new motor 27i can be 17* 58 Ford Tudor; trunk; above the average 425 '.11 Chevrolet Coach; new Duco; seat covers 17!~ '36 Dodge Sedan; new Direo;  cover*: extra 305 \lt Oldsmobile De Luxe Spirt Coupe: clean 175 *3.t Plymouth Coach; PD.; steal      *t 24* '30 Chevrolet Coach; new Duco; tent  MS '37 Chrysler Imperial Sedan; new-car Guarantee W5 '3ft Oldsmobile Touring Sudan; original finish -19 S I w^ I Am daily icHino c^ri ta     moit discriminating         nd . Lots of  thinking and the resource*   1 9 wcll- Mrvicc department make it  ti  you to much motor   * value. 1037 dollar s worth for your 1937 dollar. Cash for Your Car WE BUY 1 OK 100 36 Dodoe Sedan nothing wrong with this baby $423    Plymouth Do Luxe Sedan: original : one owner 445 '36 Ponti.ic 6 Conch; trunk; in wonderful shape "J '31 Hudion Coach; trunk; orig* inal brown  49; '34 Chevrolet Master De tune Sport Coupe; rumble seat ?i)1 3  Willys De Luxe Sedan: clean Jti car. be at 31 3A Willys Pickup Truck: looks 31 Austin Coirpei c*    and runs perfect JSTord Tudor: new Duco: aaat covert 3? '34 Plymouth Cotch Oe Luxe: original  29.*33 Wlllyi Sedan: Just rebuilt: original  10 '37 Willys Da Luxe $ed*n; demonstrator OlSCOtirMANY. MANY MORE TERMS TRADES EVANS MOTORS 219 Snrinp 234 Peaclitr:Ptionr. MA. 47R6-47A7 OPEN</t>
  </si>
  <si>
    <t>                                           BAPTISTS 1 N LETTER TO GRAVES                 Pass Resolutons To Render Justice And j Free Eight Boys                 HURTS ALABAMA                 .                 -                 Tin- l',        Ministers' Cmiftri'iii:1.'. ; In Ur. E. W. TumMrl, pri  i'. "1 tin-  brunch irf I lie NAAC1'.  .slv thLs wi ik lo won; lo secure the - of   to Hie petition addie. to Covernor Dibb Graves                 ill Montgomery and sponsored by Hit Scotlskojo Defense Committee n.; Hie Governor of the Stati: of Alabama and  Stales At-  General to 'initiate   forward ilie proper legal moves to sol free    end ("very defendant 111 Die Scottsboro Case.1 Last Saturday. Dr. Taggart re- culvert from Roy Wllklns of the i "Defense Committee" n telegram asking the local N AACP to raise twenty-five dollars Immediately and send it to the New York  lor aid in the Scoltsbuni trials. Dr. Taijivirl .said Unit, this brani-li nil.-ii-d S38.(P.r). TinSixuenlli Sln-ii Uaptist Church Menilx.'1-. gave $20 of the  j . last Sunday. The U'le^rain was as : j Dr. E. w. Tuu'jarl 70^' Masonic Temple Bililcllny Uirmingliain. Alabama "13e.~~~L'rnte  situation in the .SriHisboro Case with trials  to  July 12. Nvwl two thousand dollars at once, ol which one-half must, bo on (Continuud on Page 4; Col. 4) j                 Baptists In (Continued from    ;~- 1) 1 i! mi or I). Inn' Monday morii- im1. Kadi or-'ani/ation iiu-mUi i"  1 111.' .-Vottsl'Oin 1~~. use Coainrilfi-  n!  I'vals lor instant . and \\v li;i\'" 1- i our !~r;-. r ar. you lll.sh '- iur .11 !f:iNt ',J:"i b\  mall tu this  but         tu the i-Yottsboro LX*      ' C  V Plv;lsf do not ( :inti ilo :iot .si1 to do MMiwuuiv.: :i:        it* al cnu -y. Sii;iii-(~i Hoy Wilkms. Th.- :f.-.         : oi til--   'Ut:ou .i!~ .is :  I3II3FI (-.HAVES A!1 MONTGOMERY. ALABAMA:  thr mm' SfOtt.~           hav" ui i tl l:.-d in 1 Alabama tnr tl:r !    sl\ yt ai  and i  'Mr -VKii'llc,' a^.".! 1 1 it- li lor.   :i ;!i..- (.~h:;r-~1 oi 1 1 .t ~-Vc im* Ivi-n  i- O In .ItH'iUf .Iiillli'  Hoi!    ii f AlaKama as ::iri:iy 111 favor nt ilu1 (h lt-tiri. nits*1 ati l r.ot   a nt to  coin . and WHEREAS -ral ot the    "illy  in Mil1 linn- of their -t and .t. * spoilt thi' yi ars of Iht'ir i ('riK and        ; m; bi  thr t)M.-on bars,  15L-I IT   we. thr  lli d. dn p  'he Honoiwblr Bibb Graves, -nv. nt the .Stale AI;'bam;i and the Honorable A A. Ciii'imrtiiii'l. AttoriU'v Genriiil of     Stale oi Ali'banui.  initiate and \ fo:\v;iid the         W'^al ino\   tf se' iree Mieii and everv            m this Sro'tshoro cn-e v itl- I'lrtliT dam.n^e to tlu1  -!nd :o"ri ninie of 'lie Srr,: nl 1 ib;-iu i niKi  r.  fate iii ri lives of the defendants. I'll of whom Hand proved int oi-.tit of Hip  1 ni:.-~nisi lli m. i Sponsored bv    * Smttsboro         f* (j ot the  inc oii-ini/1 Anu'rioin Civil Lib'"*l'i*s I'iinmi. Brntlvrhnod of Slrepms Car . Chiirih League for InrtiiMnnl Doinoeiafv, Fellowship for , Intertiation;il j  or   .fense. l^' for in- ( nemi c-r.uv Mc'.hcd:.-.: Federation lor Poclal Sonic  the Nationnl Association for I th' Advan- of Colored Pro- plo. Rev. Allan Knidit Clinlmers. rl'.Tniii'.n. and Col Win. Jay Si'lik-. Ircasiiroi1. lu E;ist 19lli i Sluet. Mew York City. I</t>
  </si>
  <si>
    <t>                                           The Baptist Ministers' Conference, according to Dr. E. W. Taggart, president of the local branch of the NAACP, voted unanimously this week to work to secure the signature of their memberships to the petition addressed to Governor Bibb Graves...</t>
  </si>
  <si>
    <t>                                           *--. N"'l.~*  '~.     ' '"^~^   " Oallv "^m.nr" ^% ""L^5r  t*MtelM4 AM. 1W*J B*-      H*     W.  111 ATLANTA      -T WORI.IJ P1JI1I. Ott            : WAInnt IIW-IW1  mw  .il  "W. Ju II          C. A.      . n-i.*".!      r"""" C.' A.PO0TT. O^.r.1       I,        I. Jnnm.  MNir                 : ^i-.T i    , Ull. 1 Unnth. 14.71; MonlM 11.10: 1     )~ ^S?d.T 1T..V 1^J Z'1T"~2 r'"                   R^i.  "       : W.  IPF CO. t, M1 I^.        L.        . III..  nrl Iti  Am. N-w Tork. K. 1. l^lii il ^i IV Offlo*  t       . On..  M;nn'1-          Arl  f          . Uarr.li t. 1171 .^%t          DAn.T WOIMjD In     ln(  1          ~..~     -  rll .              (llr  nd    Ihlnlca II b*~  f9         *~t II*            d           *              lnt*  ^ tl ft***"*-          AM.  U mwi      OlrECKB          *      .T .Il       -~-         IpillrliliifiU. IT. WORLD                             *ril ^*.            .  A^. Ml**     4-</t>
  </si>
  <si>
    <t>                                           Congregational In Drive For $2500                 ''~~ii- lull (iii;    'l:il - lm tS.MllJ Ii'jv; ~,N ;,l. II, i. l;r'-K:ill/ I. I. v/ill ~/,l. m.ij.-r In i),,.,, ':,;,UU.\ :~t.'I /.'/Ik,-,:. :,i,-.7/i-i U," 'Ml' ',1 .~i,l,~~ V/.-J.y U.,1,1,:;, V/l-'lI. 1, 7 ','.\i/M% nl, li.i- i;    :u !m j,,-[, ,,,,.-l.l/,i; j ~:::i)yr, ~,    ..  li-ji- -\~.v:.m :k10;,    !W1,~ n,,sil li.r.    .i.~.,,i-. v.\:-'-n I', 1 1 r,r l.   '.:j; 1,--I -,r - v;',rki-ra I. M,!~r.     In   ,~r.   l!'.r' v/hl-;: l.),i: ,:l,i,r.~, t,ttn   :~! AM ..:.:.l.-,lri;; .v,,J v,-,rk.-rr. if.- J K J     /~-~:l//r Ki,!,!,.-, 1/, ;,M--'T,'. 1.1,1-. l'/     -ii;i. Man, Son Held On Murder Charge AUiA.'iy, o:i ;i ;j) -V/ f-.j, J'/v.-. ~;r ut,n  s  j(1 (   ,r l:.-i;~r;v/ v;.-n- :.ijfi:/J I,, V/tr.t AlI'.Htulhy.   nut arr I(i-Iiik )h:Ii) Iii %~      '-'/ Jail ~,tl Vari:t..-,  .l/,i/  lull'/ I.,.'- !:~lal /i/ij/ til       -\\. 11. /.ii,lrr/s.           ,y y.ttr.ft  7/     J:ar)/yw. .Jr..     *r vni tit U.v Itail'rw. ;)r, u l^    e/ l/i '//jin'-'-'lU/n tl,~: HmriJt-t' hi  MiiUiv, l/~ tin,     :UI/M "-/  Uiat  w. j H'.a        v/J,iur mmi, hul :     "l   '~l     VU ~~//(  ; UO!~ j :~'Mli'( )/i ty f Olr/r/iVr, WM/I i C J'. Uf; Vl/.ll/u',-! Utl'sA,</t>
  </si>
  <si>
    <t>                                           The YWCA will conduct a seminar October 8 and 9 on the campus of Gammon Theological Seminary, Mrs. John C. Wright, chairman of the educational committee announces the following program, which begins Friday, 7:30 P. M.</t>
  </si>
  <si>
    <t>                                           met at the home of Miss Jessie Rucker. Business was discussed briefly and we are asking all members in the Midnight Social club to be present the second Sunday in July at the home of Miss Jessie Perkins on Kennedy street we are still planning to give our picnic...</t>
  </si>
  <si>
    <t>                                           For Use Holiday And Always UNION MADE  JULY 4th VOi; CAN (JO I . I-' AND SMOOTIlliK ON GOOD GULF  ril-l,  TANK AT Ashby Street Coal Yard AND ; STATION ~~...'~~A. 295 A^Lby St., S. W. T. W- Skollon, Prop. RA.  S03L.,ni ii.^.,: .1 U JUlJIli</t>
  </si>
  <si>
    <t>                                           1 ''^^aW hm JUtk      JB0 ID  D w i^IN  0k^^ f *lj^^ ^avc Vou  wished for the (iv ~$ beauty of a r*ew skin? Well, you ^~E0r   'i-M maV s*x)   be aWt to know the joy of this A ?!!$%~~- ill I1T1"! dream coming. true! For Dr. FRED ;0''- ^  ^. vi^^SB PulnK-'r's Skin Wliitcncr formula acts to j IL^ 'v.J-'r'' -^^"^^f5      "dp nature  old,                 , H^^^~r-^^^~ /M'JlP(4iVI wornout .skin  new, fresher, lighter, Wllffffff^ ^BQCEnEH lovelier skin. Yoir just spread Dr. FRED ^ ^HnMMEuffiM Palmer's Skin Wlritoner o\cr your skin at ^UgMfll^^^H            ^H  it before youi^oi to bed. While you sleep ^T^^^^^^H^^V ^^^^L^^J it and nature  to  you a skin that ^^^^^^Mj^^^B ^^^^^^^HB will command the  envy of women and the ^V'^W'4'IPV'^^I    1 B MB  of    :n. Skin beauty is up to HJ -M A I 1 U Bb" J I I I k KB     ! Will you       . FRED Palmer's Skin ^W I T I ^B ^BBnBBBBnH Whitener OintrAent on our guarantee re- IbMHIHIBB^^I J 1 I I L J J su ts         /it you or you may return ^^^^^^^J^^^^^^l I J t 1 I I HJ Iks 1 ''   CInr"V pne euge for your money back! I I I I If J M ^^MMM^Jit3_jJ ^'0U cant sc -you stand wonderful ^^^^^^^~LT^J^B H^^HHHBk^ chances of u /; new skin beauty. So     ^HHH^     VftgEttQgffigfXffgtfB ask your dn tg^st for Dr. FRED Palmer's BaraWWTajBffB ^^^^^Jj^^^^ Skin Whitc/KT Ointment by name today. ~^              !fM ^^m?      !BRi^a 0nc K^ner^KiSisize, 25c. '^~~~^~~~~~~~^~~^~~~~~~^BJ   ]              ^J CD PC CAUkJfM r Srtlti  c   **   *  k# rtr. fred ^K^^n^     ^n^~^^^H                     Frit t  XX   T" '-L'-D^- Kf'rflH'PiiTfff'nfiHHl JMlBlBallDB'fR^;   Dr. FRED PALMER'sllilBHiiBl ~' :^T*SKIN PtW6HT SOAP SKIN DELI6HT JTffffirfffrrtlMMl ?''"n"-- face   ^H ^~~~~~~BBnnHHJ FRIiDnubncr^SliirlVhucncr' Tim                       BSTWlWllfilT^TH^WTB   "ln5nl-ll"'n-~M.J.kii.Kvlr ,hc  i.;n ,onc io look lighter                  Hn^HflHHH " P         ,       I anJ lovelier. Sltvi on for K^W^ BulWITrTmrjaTSniirH ^^S^^             .    in /i*V^-^ ^HilP^^MvVMMH                      :*u?'~%^^v 25c at dn^. I 'iht    ' /f(Z\ ^v. KOliliMljElSJIjIjL^K^H B.Tli4wiff1ti^^\'/ '-:sca.i ^aL^^^</t>
  </si>
  <si>
    <t>                                           Safe And Sane Fourth Of July Urged As City Prepares For Another Gala Independence Day In Atlanta; 346 Died On July 4, 1936 j                 The nation will celebrate Inde- I  Day today, while tlie I watchword Is "Make It safe ami sane". This precaution was matt- I  In the face ot the holiday last year when a double 24-hour period was observed and rome 346 people died of - fire- j                 works, traffic incidents, drowning i and  others. I Noteworthy   s tele-  will be the attempt by cities throughout the Innd 10 keep j fireworks from the "of those I                 who do not know how to use them and to supervise displays and        - demonstrations. Mnny cities have : the sale of fireworks In  entirety on the national holiday. Others. Including our own city of Atlainu,   d their use. Some provision of oui' kind or  has been made In nearly  large center  fatalities have been recorded In firework*: . Muny  I have public displays nt municipal                 parks. Atlanta will show off at the Ponce dc Leon i.r.iK. Incidentally. Allnn'.a Is celebrating the cen  of Its . today. Celebration of i.'ic '7        will ~,s extended  Monday S9 . workers may  did benefit of "an off . Most stores will be closed, us will Ihe state ,  city hall und the county courthouse. As has  been Announced, the local ' will observe a   Monday. 1</t>
  </si>
  <si>
    <t>                                           The nation will celebrate Independence Day today, while the watchword is "Make it safe and sane". This precaution was magnified in the face of the holiday last year when a double 24-hour period was observed and some 346 people died of causes such as...</t>
  </si>
  <si>
    <t>                                           CHECKING AND  ACCOUNT SERVICE First National Bank ATLANTA CAPITAL, SURPLUS PROFITS $9,000,000 Member Federal Depo.it Inturance Corp. I</t>
  </si>
  <si>
    <t>                                           Baihy Theatres BOB STEELE in "CAVALRY" Jungle Jim No. 1 and 2 Comedies ROYAL^ 2 FEATURE PICTURES "HER HUSBAND LIES" and "WAY OUT WEST" Also Comedy ASHBY- 2 FEATURE PICTURES "OUTCAST"- and 'LAST TRAIN from MADRID" with Dorothy Lamour, Star of "Jungle Princess" LENOX2 FEATURE PICTURES I BUCK JONES j in "EMPTY SADDLES" j annd "GOLD RACKET" Plus Comedy and i Jungle Jim j Schaine's HARLEM "FEDERAL AGENT" Featuring the Mighty Work* of Uncle Sam's G-Mcn Schaine's LINCOLN BOB STEELE '1RECKLESS -RANGE" also "BORDER FLIGHT" With An All Star Cast SCkttNt I *4Wb9tf.., 1 CtMttr Marrlt I "Park Avmlll I SiS?      I Vodvll R.VU.~ ^la I 1 I4i*i  I "Flloht Fram             Olory" ItT'^lil'/DIVill</t>
  </si>
  <si>
    <t>                                           Mother borne to Safety                 Note the agonized look on the face of the Chinese refugee girl, pictured carrying the pole of an improvised litter in which is her mother, too infirm to be crowded into u truck, loo aged to walk. Even the landing party of Japanese at Yangtsepoo were touched by her plight, and refused to search her.                 Unternational illustrated ,Ncw%J</t>
  </si>
  <si>
    <t>                                           A capacity crowd is expected at the Rockland Palace next Saturday night to view the all-star card of seven action-filled bouts staged by Promoter Al Douglas for the benefit of the live Scottsboro boys who remain jailed. Each dynamite laden fist that night will swing a...</t>
  </si>
  <si>
    <t>                                           NORMAL, Ala.--With less than two weeks left before the opening game of the season, the pilot of the A. and M. Bulldogs looks with a gloomy eye upon we coming season.</t>
  </si>
  <si>
    <t>                                           MASONS WILL CONVENE IN Hid                 Meeting Scheduled To Be Held At Home, School JUNE 1446                 AMEIilCUS. Ga.- (SN.Si- Prep-  arc ju-,1  completed lor die coming c.l Hie Prince Hull Mnsonx of Georgia. June 14-16. Tile Prlnco Hall Masonic Honvi nml school located h"e. rs  for the   of Hie Masons. K. C. Chllders. superintendent ol Hie Home, reports a  school jo.ir and sp.Vndid cooperation or. .the farm. E. J. Hill anil V: I',  ;:i, local trustees,  charge of Hie local arrangements. Monday, Ju.ia 14, 10 A M., the Knights Tempia.Granti Conimandery will cc:"'cr.-. Righi Eminent Grui'd Comm'imlcr, E. N. Green. Atlanta. Ga.. prL":;chn; M'.. Jui.c i'l. 2 V M. ilir Koy:il Arch Aiasons will hold their  Ci:un:l C-nvo:. Dr. i'.I. II. Cobb. Grand High Priest. Thomrsvlllc. Ga.. presiding. Tno Most Worshiiiliii Prince Hall Granti Lodge. A. ami A. M.. oi Georgia. John Wesley Dobbs. Atlanta. G\x.. Craiul Muster, will hold fts 07th annual Qrand Communication Tuesday and Wediiesday, June 15 and Hi Tile citizens of Aincricu:; arc  ( to take can- ol '.he representatives irom tlie subordinate Masonic lodges who  I'.tti iid this session Superintendent K. c. Chllclers Is preparing to entertain the Masons v.-lth a big barbecue Wednesday n!'. j 22,149 Fulton Votesj Cast In Tuesday Referendum Accordlnn to  returns from the  of the chief clerk of Uie Fulton ordinary. I22.149 Fulton  voted in the TiiMdny      .-. Approximately 50.000 persons were registered und  to vote, it was .ited. Drank Overdose Of1 Kerosene; Treated Henry G. Graham. Just 19 months old. was in tin- Children's ward at Grady hospital Thursday, j simply because lie drank too much kerosene. The experience Rave him u very bad stomach ache, doctors said.</t>
  </si>
  <si>
    <t>                                           Ministers Of City In Meeting Today                 The regular meeting of the Interdenominational Ministerial Alliance will be held Vxlay. 12 o clock, at the Central M. E. Church on West Mitchell Street. Re"/. J. A. Eaxter, pastor. Featured on the program will be President Willis J. King, Gammon Theological Seminary, who will  the ministers echoes from the Oxford and Edinburgh Conferences. All members are urged to be present and on lime. THUGS FRIGHTENED A burglar In the act of removing a screen from a window at the home of M. J. Wartrnan, at 372 F*lion Drive. N.E.. Monday morning. j.as scared away when the owner snouted police records showed.</t>
  </si>
  <si>
    <t>                                           THE MORNING GLORY SOCIAL CLUB met last at the home of Mrs. Otella Terrell. Business was discussed briefly. A delicious repast was served. All club and friends are welcome to attend the Morning Glory club's big barbecue and picnic on...</t>
  </si>
  <si>
    <t>                                           QUICK DELIVERY BEER WINE AMOS' COLLEGIATE RA. G1.ji ASHBY at</t>
  </si>
  <si>
    <t>                                           A SUMMER SPECIAL ICE CREAM 15c PINT Quick Delivery ALL  AMOS DRUG STORE RA. 6141 Ashby at Hunter Tuskegee institute HIGH SCHOOL and COLLEGE (BOTH ACCREDITED) -~With curricula designed to prepare students to meet the vocational and social needs of successful living. -Courses leading to the Degree of Bachelor of Science are offered in I lie following schools of instruction: Agriculture Business Home Economics Education Physical Education Music Mechanical Industries Complete courses loading to Certificate* and Diplomas in NURSE TRAINING, SPECIAL TRADE . and COMMERCIAL DIETETICS (For Chefs, Cooks, and Waiters) Standard High School Course with Many Trades for Boys and Girls Summer School-June 12-August 21, 1937 F. D. Patterson, President For Information address A. L. TURNER, Registrar Tuskejree Institute, Alabama</t>
  </si>
  <si>
    <t>                                           ,%~^.:~~:";":~:-:":~:~:-:-:-:  :~:~:~:~:~:-:-:-   ":-x-:-      "X-:-:-:-:-Xi LOANS j FOR COLORED PEOPLE I ~{ 8 PERCENT INTEREST No Red Tape No Waiting '$ IMMEDIATE SERVICE I Lincoln Loan Association 5 719 GRANT BUILDING Corner Walton and Broad Streets t WAInut 2046 'j</t>
  </si>
  <si>
    <t>                                           FOR DELICIOUS SNACKS KRAFT sC^y CHEESE SPREADS j Just " out H- vari-  uf Kraft Cliftvc Spr-M-J- i   ;iml ct. y j   .-~            ;(ro ;ill .1 'i  S[irc;   ^ :ir.r j:r;uid lur J .-*, ;     -ii/~T^  , tin*. Ntttuv (lie Mit.irl ;j nvw   loi^u on ilu- i?W4ink) bwi^ ^~j9avb Krai t SjirvaJ^ comic in.</t>
  </si>
  <si>
    <t>                                           Mrs. C. Waymond Reeves Loses Father Who Dies At Age Of 92 In St. Louis, Mo.                 ST. LOUIS. MO.- - S. M. Anderson, 92. retired business man of  city and former grocer and barber, will be buried here . He pursed Friday following a briel '-Sii  a.   in  he received n fractured  about, ten days i\uo.                 Mr. Anderson was the father of Mrs. C. Waymond Reeves of A'bnla. Ga.. and Dr. H. E. -son.  iii dentist of this cr. Mr.-;. Reeves left Alhinlu FiliKy 'mi  city. Tlie deceased was born In Allu.ii, Mississippi. Al un esn-ly      : l.r vent Into Hie burlier -ss In which lii; whs  until HUM  hiu   lu 1 1 Ordered b.v his ,i]iv.-,  u K-: Mississippi, ho went i::io  suut:ii-rn pine section where 1 ir ln.ri.tii returned after two yein b. He tin n organized ;i grocery store ui collect i.'e b  In LjiiKloll und the first colored  home in the city, por many years lie was wus '.clma.st(.'r or Mississippi Masoas. Xii IU1K, old   on, he                 moved nuv to be with his son who hud returned from Prance and llic World War. Here, he Invested m the buying and reselling of hog*, which proved highly profitable. Finally, he retired In 1932. Besides his son and daughter, Mr. Anderson leaves a widow and 1'Omi of relatives and friends to mourn</t>
  </si>
  <si>
    <t>                                           ST. LOUIS, Mo.--(SNS)--S. M. Anderson, 92, retired business man of this city and former grocer and barber, will be buried here today. He passed Friday following a brief illness following a street accident in which he received a fractured pelvis about ten days ago.</t>
  </si>
  <si>
    <t>                                           A fighting approach to the solution of Negro recreational problems in many cities of the country is being made by ythe Works Progress Administration in its educational and recreational program.</t>
  </si>
  <si>
    <t>                                           COMMISSIONED BY GOV. LECHE                 *3 !)r .1. A.  of (.eland Collide  hii with  -rK has I   d  (  W. l.oi lio In ri  the I stall'  l l,-hui.i at Ihr .inth anniversary  of  founding of Mound . 1</t>
  </si>
  <si>
    <t>                                           Wednesday, July 21, will be red letter day for Atlanta's younger set as well as for the grownups. On that day, Netrel Wright is staging a big all-day picnic at The New Lincoln Country Club for all of his friends.</t>
  </si>
  <si>
    <t>                                           i: TWKmii^ ~=n TOB A JL-* '</t>
  </si>
  <si>
    <t>                                           I I 9     Ril 118 Repeated by your  v ~/TTS'^T^^^^TT^^^*T^. packages I y]^ A LrrY^^SH D P5JLS- L. Rogers Pan Rolls 2 9C      Southern Manor No. 3 Si/x- Baker's Special Low Price Tender Sweet GSSal Peas Cocoa FLOUR fCc 9Q i2.Lb.Ba* Sic No-2Can JL9   Boxefd5ii^ i fa "I Sou. Manor Tiny Peas 'Flour *%%    ;iT Colonial Peas ^b- 85C Ur8  Tender *~J J J C Label N ^$1.02 """ NC-1JC ^rton 30c Weston's English Style $1.19          Grade "A" Eggs 1M Pound Pkf. J5C   "" *^^C Peanut Butter  ss- ib27c Crisco shortening 'c,?21cs57c Ivory Soap s?-5c ar llc Sugar r 27C 28C x 55C     Soap and Oxydol a: 1 "5c 1 Regular Pkg. Oxydol 5c with 2 Giant     wm**9 Hancv Vcllovv W- *% + -N. B.C. 5c Variety Sl?lons 3 10 Crackers Rutabagas 3C 3 13C</t>
  </si>
  <si>
    <t>                                           Schaine's Lincoln "THE FRAME, UP" with PAUL KELLY JACQUELINE WELLS Schaine's Harlem "I PROMISE TO PAY" with CHESTER MORRIS</t>
  </si>
  <si>
    <t>                                           Heads Big Cast At Capitol                 Leo Carrillo,  nc ol the screen s most popular slurs*, is cu- with 39 other big featured players in "HOTEL HAYWIRE" which opens at the Capiliil .</t>
  </si>
  <si>
    <t>                                           Louis Challenger                 Tommy l-'arr This excellent new photo or Tommy Farr, British heavyweight champion who meets Joe I^. United Stales , in .\   York in Aupist, was  an lilt Britisher went  in Paris</t>
  </si>
  <si>
    <t>                                           i Births 150UN TO: John nnd Mario Westmoreland. College Park. Ga.. girl. Mary j Emmir. i Ernest nnd Olar Konner. Atlanla. Or., boy. Wm. Thomns. Henry and Ida Daniel. Atlanta. C.a., Btrl. Blanche.</t>
  </si>
  <si>
    <t>                                           Bible                 j ByW.II.,                 Deportment  a major purl In the dally conduct of u Christian and determine tho amount of Influence wielded upon unbelievers. Tlio infirm mini ut tho gate (Acts 3:4, D. U,)     commanded by PuUr und John to "Loot On Us"; Blnce II wm  .hu  u ( of  In order to  tlm beneficiary of tho  not. But  Pctor und John  been loom , tha look would have given tho  no confidence In whitt thuy were about to do und thv Ht-     In .</t>
  </si>
  <si>
    <t>                                           SOLD BY DEALERS  1 1 1 1 f l)  Hill ITU "Moru Tkin 260 Million Packages of Black and I White Beauty Preparations Have Alroady Boon Sold" j\</t>
  </si>
  <si>
    <t>                                           Two days before the Alabama Supreme Court confirmed the latest conviction of Haywood Patterson in the seven-year-old Scottsboro tragedy, "The Montgomery Advertiser" published a remarkable editorial. "Throw Away This Body of Death!" The editorial began with a review of the paper's own attitude toward the case, in which from the beginning it had ardently taken the side of the state and its prosecutors. It was "revolted", like most other Alabanians "by the Communistic vermin that swarmed...</t>
  </si>
  <si>
    <t>                                           I Bailey Theatres   .l.~ Thai Oh    -A-Ali Man O.w.ld- Mickey Mviiie and Dick Tracy I ROYAL- CAPTAINS ~:(;Kors will, SPENCER  ASHBY-  II* :mtl I." Tli'- liii;(.'frt  of       -ar with HEN BERNIE  WINCHELL LENOX^ SYLVIA SIDNEY in "You Only Live Oner" Plm  HOOI* and TAK/.AN</t>
  </si>
  <si>
    <t>                                           'Meanest Man" In City Is Accused                 Miss Uessic Jones, 2'.i years old, of tiie rear of 11)8 Kdjjewood avenue, .\K, Tuesday told police of the 'meanest man" in Atlunta. Scix- and panting when I approached by radio patrolmen, i tin- somewhat bewildered woman -tl I. Duke, alias "LeKoy Hood,'1 of a l  - ^s, with n.i.^    .t- uf and "" her  his  around ;::::u  'i  nii.^. i Miss ,/ said slic         a   orii..n i.f tin- nii;lit will, the man ut her sister s houte, in tho  of a St. Churli'.s , and  hv was motorini; her to her  wln-ii .she n-a.s      ,,.   and forced from tin- automobile    a vacant field near Greenwood i street.</t>
  </si>
  <si>
    <t>                                           QUICK DELIVERY BEER WINE AMOS' COLLEGIATE RA. 6M4 ASH BY at HUNTER</t>
  </si>
  <si>
    <t>                                           In a democracy, the problem of educating all of the children in order that each might be able to function intelligently, and to improve the existing social order is not an easy task. When we realize that there are more than twenty-eight million children enrolled in...</t>
  </si>
  <si>
    <t>                                           Billy Hooper, the original Billy Hooper, stopped by to let the department know that he is behind a boxing promotion in Atlanta in what is really a laudable cause.</t>
  </si>
  <si>
    <t>                                           THE City-wide Golf Tournament which will be negotiated over the Lincoln Gob and Country Club Course on Sunday, August S, will be Filled with interest.</t>
  </si>
  <si>
    <t>                                           ft J BURNS /fPK MOROLINEii 'NOV/y/ PEfKOLCI/M JCUr ^   ^</t>
  </si>
  <si>
    <t>                                           Dr. Benjamin F. McCleave, well known dentist-physician of Memphis and his two children, B. F. McCleave. Jr.. and Miss Catherine McCleave, were injured when then can a l934 V-S Ford, turned over., into a 30-foot embankment neat Brinkley. Arkansas Sunday night...</t>
  </si>
  <si>
    <t>                                           EYE APPEAL Captivates Men! Marva captivated Joe Louis by giving constant attention to her re-vamping. Our "Marva Roll" rN is just what a T worn"N -~+    ^ needs to )CC complete U V. VJ U U her  tions. / -r SPECIALS: .'Monday to Wednesday Shumpoo, I'rcss and Wave S1.00 Thursday to Saturday: Hollywood Facials with Every Shampoo, Press and Wave. OPERATORS: Bobbyc Freeman. Evnm, Jpwell Watkini, TnlluUh Oliver, Thclm. Raiford. Buehlcr Cooke, } Gernldinc Morris. SUMMER MUSIC CLASSES For Children Now Open Piano Hiitory Harmony Appreciation THE CHILDREN S STUDIO OF PIANO PLAYING AND ALLIED MUSICAL ARTS 23? Auburn Avenue. N. E. Harrr.i-.i Bldcj.. P-~-n 402 I INSTRUCTORS I Gamowcfl Vakntino Ruth Toomer j Inlcrvlcwi: 9 A. M. to 12 Noon. Daily. I</t>
  </si>
  <si>
    <t>                                           Noted M.E. Minister, An Ex -African Missionary, Preaches Here Today                 Or William Alston. MeUiodlsi Kpiscopal minister who tor live  wa5 a missionary in Africa, I  Saturday to conduct - I ires today at Central nnd Artel howen ME churches.                 With him Ls his wife, the form- er Miss Sarah Cox of Memphis. Tennessee. They will leave Wednes- dav morning lor Hogansvills to attend a district conf:      which I meets . Traveling in Interest of the i Southwestern Christian Advocate. Methodist Episcopal church - i . the Alstons  been on 'ho road since July l. They are here rrom the Caiollnas where several district conferences were attended. After  HogHinsvllle. they will visit conference)) and churches in FtorldR and Ala- . Mrs. Alston said Saturday night they plan returning to Now Orleans, their horn; by August ID. They will be in Utrmlnttlimn next Sunday. Or. Alston, one of the  preachers and   In the Methodist conference, has  win; Of the leading church-                 es in tlic South. Large congregations are expected to hear him this morning at Ariel Bowen and tonight ut Central. He and his wife, arc the guests of Rev. tind Mrs. J. A. Baxter, ''of 507 Mitchell, SW. The Rev, Bfixtcr is        or Central ME . The Abt.ons  re  or Mr.- r.nd Mrs. Robert Rntcllffe ' city. Both arc former Memplilnpt.</t>
  </si>
  <si>
    <t>                                           Dr. William G Alston, Methodist Episcopal minister who for five years was a missionary in Africa, arrived Saturday to conduct services today at Central and Ariel Howen ME churches.</t>
  </si>
  <si>
    <t>                                           I ATLANTA pY, WORLD IMI1  MMMMMaMttMnai I "The Nation's Only Colored Daily Newspaper" I r4ili Ualiil JjaaAAi VOLUME 10, NUMBER 212 + + + ATLANTA, GA-, THURSDAY, SEPTKMHKRTaT 1937" -==-== + + + pRICE F]VE CENT9</t>
  </si>
  <si>
    <t>                                           ~=~*"~.,:~ I I 1 f t By Lyman Ypung                 FELIX, THE CAT By Sullivan                 DOROTHY DARNIT By Chas. McManu^                 IT S A GREAT LIFE IF YOU DON'T WEAKEN By Jack Rabbit                 NIPPER ByBra                 JACK SWIFT ByDwigg</t>
  </si>
  <si>
    <t>                                           BURGLARS 1 SERIES OF "JOBS"                 Break Into American I Bible Society On Wednesday  I Believed In have been .seeking money, burglars broke into the colored brunch of the America :i Bible society ut 58 Gamnion     . nue. S. E., It was reported Wirdncstliiy. The Ihlcve.s fulled to obtain anything after anting  ;t screen and breaking a glass window I A pair of eye glasses, valU j i at J2R, were reported stolen fro:n the home of Mrs. Edim        )irt. nf 17U Sampson street. The  :. u coir ;,ian -. i :~nc 15 her home a.id :d lo sell her some jc^Ciiy. Eminetl Rowland, 'l C'.mkc fleet, d- E.. told    :i.x lli.it h!:, house entered       mi sence and two .s. n-.o n::'.~ land a  . I A  K suit mid lisa were reK/ taken from the: home 01 Mrs. CiuTit Davis. ;~j ~-i:a- avenue, N W. Entering , a bathroom window, thieves escaped from Hie       of Mrs. Grace Glass, of S34 Proctor street.. N. W.. wilh a briel . . shoes and hut Police were lnv:    ; all ol these UiefUs Wednesday OB. TllESS IN     INST.. Ala.- SXs t -Dr. T. K. l.. MpccinlisL in I Ih- 1.111I Kyphildliiny  swil mi iiit Mcstini;  of j TufkcRi-e li  and  1 in the;       the ClinI          - of Ihi- .J0I111 Andruw Munmrial Hospital 011 thu i subject or "Thi! Spread and (.'011trol nf Syphilis" hen- this week. 1 llr. Lawless is a  "f           of Ihi! Ntirlliwi- IJnivi- MlmMci'.I ScIimiiI. Chirac", Illinois, lie         -.l ai       ".ri-f "11  way In .liii avn. I rum \'~.ff I           Wllflf llO 'Ililil Ill'-li jl. -r in lln-           Srliiml :il i '1' Univi'isily. j Pri'violis tn his , 10 \i.iv i f)ili an.s llr.      -;s li iivi  1 1  .-s of li iiin.-. in i terminate          'if Him t 'ni\ is-i y 'if Texas. Pri'siilcnl 1 1. P;     .3uu \:,t  happy in  l.i.. LiUVll'SS as JTIlMSl of l)~f lll:Ll.l'-.lii I.M'iausM of his  timi !n     "(  and :ils i Iv I'ausr of Ihr spli  rmv" lln: In1 has ri  i-cl in I'oniurliiiii with tin- annual .Inlin A. Ar.-iv '" at Tuski'i;i'i! I ti-~t i I si;i:ks kki.: A li -aiii received ;il Mil' AiIiiiila          laic W-dnc.Mlny  sought. Infonnallnn ion-  the whereabouts of Miss Janle Bell Mitchell, who Is believed 1  here. The telegram was wired from Munllncton. West. Va.. and   Miss Mitchell's brother. Oscar Mitchell, hud died. Police have other Information for the woman, r</t>
  </si>
  <si>
    <t>                                           IN addition to the several public and high schools, we have several colleges in this city launching upon their year's work. Atlanta is fast becoming the Athens of the southeast and nearly every state in the Union is represented in the long rolls of our student list.</t>
  </si>
  <si>
    <t>                                           FIRST FILM TO EXPOSE VILE RACKET HERE                 Tim mosi. .v!   '~ l;y criminal minds!.... Inn , lo.in shark mobsters! who sf(    /.c millions from Hin innocent public  yr;ir! Exposed to ihe American people tor Uic first  In Coliunhla's  drama. Promise To Fii.v," f( :tl urine Clv;r;ii?r Morris. Helen MacU and  Ciirrillo. .;  and tomorrow  t Dip Lincoln Tlioatrc. A , dynamic drama unr- .sl;irt.)li)(; secrets thai will make  mastor minds  this  crime syndicate cringe with fear when they learn 'hat their closely guarded scheme of organization Is kiU/Wn. -and revealed! Exciting entertainment when tile young clerk dare.-; to testify  the  racket ; at the risk or his life! included in the             supporting a\hi are Thomns MUchcll. Patsy O'Connor. John Oallatidut and TKiroton Hall. Directed by D. Ross Lcderman from the  screen play by Mary C. McCall. Jr. and Lionel ITw.scr.</t>
  </si>
  <si>
    <t>                                           .V VIOLETTE ANDERSON,  ,  1M.                 -(ANP) Attorney Vlolctli: N. Anderson, Nrat. member of her nice to bo admitted to tlie Illinois Bar,- the  president of Zeta Phi Beta Sorority and  secretary of tlie Pan Hellenic Council, was removed to ProvlUant hospital last Tailed ay, seriously 111. Her condition at week-end, however, was reported us Improved. [World Visitors) Robert Durr," 3. P. WllUwnioJC C. W. Askew, ana Rufui Johnton, nil or Birmingham, Ala, Paul Cora, Nashville, Term</t>
  </si>
  <si>
    <t>                                           PALATABLE MEALS AT THE YEAH MAN Resular Dinner. 15c-20c 25c; Regular Chicken Dinner. 35c Short Order Chicken 25c Delicious Sandwiched YEAH MAN CAFE Gertrude Jonei, Prop. 256 Auburn    . Ja. 8814 T.T.T. BEAUTY AND BARBER SHOP Our New Barber and Manager, WANER KING, Will hire three Barbers Two booth, for Rent. $3.50 a week Fir.t Week Free to All. Cor. Hilliard and Auburn JA. 9262</t>
  </si>
  <si>
    <t>                                           I HAVE GOOD NEWS FOR YOU  ol what your trouble may be, you can look the world In the face; 6     all problems: Get what you Want, and Fear no Man or Circumstances Tour Rapplnus and Success demand that you print your name dearly and end n to ft*5.0        REV.. P. COLBERT, Detn.it, Michigan</t>
  </si>
  <si>
    <t>                                           CHECKING AND  ACCOUNT SERVICE First National Bank ATLANTA CAPITAL, SURPLUS PROFITS  9,000,000 Member Federal Depoilt Inturance Corp.</t>
  </si>
  <si>
    <t>                                           "Meet me at the Soda T^ 9} THE PAUSE THAT REFRESHES</t>
  </si>
  <si>
    <t>                                           Quillian Says Grant Chape! Still Prefers Ira Bryant Literature To Shelby's                 By XV. A. QUIM.IAN                 EAST POINT- -I  Just read In the WctliKuluy WORLD on til? front  where the A. M. E. Ministers' Union  i- to Rev- A. A. Hliilitowcr for victory over W. A. QuIIlian.                 I think that the public should know Hint Hightowor was not only against W. A. Qullllan. but also W. H. Oliiss and - per cent of the members of Grant Chapel A. M E. church. Tlic question arose over Ira T. Bi-yant literature which has been used by the Grant Chapel Sunday School for forty-six years and. according to        in meetings of the Sunday School board, the Sunday School, and the official board, as well as In the church Conference, they still desire to use Bryant literature. Further, we have broken no law of the discipline j when wo use It. us the discipline beys: "It shall be the duty of the Sunday School board to adopt j such publications as the Sunday School Union may be authorised to                 i Mie In llm name ol thr A. M. K church. :incl  pastor is  lu srr I li.il       is t. carried out." Every African MethodiM who is  pure with I lie times knows thai thorp i.s only one Sunday School Union- the one located In Nnshvillo. Tenniuucc  the  court ol Tennessee 3iys  Irn t. Brynnt Is secretary and treasurer of thul one. It  that niter Rev Hightower saw In the  meet- i-.ps and the Church Conference thot the  was against the Scl- by literature, the matter was to come before I he Third Quarterly Conference Friday. May 14, (or final settlement. After I walked into the j church for meeting. I was - i cd nn Injunction by the deputy sheriff which stated that I was Fiispendcd from the execution or my duties as superintendent of the I Sundav School, secretary of the church, and steward, and every other  I held. No charges were (Continued on pa(e col. 3)                 Quillian Says Continued from Pagr H Mated     - pointed !lic discipline or ihc church. And J'ft the Ministers' Union rejoices alter I have .served thr  !Pi - yc:trs as an officer and am supposed to be "k eked out" hy a pastor who !w.s been there if.cn - :i p:is!n- who tarries tils church in tin- while folks. Into ine court. In be tried by thr world, .".nd yet the A. M. K. ministers ." I Connthiaiis.  six. verses ;-li. say: "Dare any or  t  mutter  another un In  ; the  and nut  I'm Saints? "Bii yr not know that l-hc saints    world? Aiui if  shall be judged by ye. lire ve unworthy to judge the smallest  "But brother lines to law with brother and that  the unbelievers Now. therefore, there Is utterly ii fault among ye. because ye to to Inw one with another. Why rio ye not rather  wrong? Why do yc rather surfer yourselves lo be defrauded You who attended Grant Chapel Sunday before May 14 go to It now and ice what it and the church have come to. Something ought to be done r.bout the situation of our church In this state, Whither arc we drifting? We nre not through. Wutch our actions.</t>
  </si>
  <si>
    <t>                                           EAST POINT--(SNS)--I have just read in the Wednesday WORLD on the front page where the A. M. E. Ministers' Union made congratulations to Rev. A. A. Hightower for victory over W. A. Quillian.</t>
  </si>
  <si>
    <t>                                           The Bible is not the product of num. It is the authoritative Word of God given by Him to men for their institution in righteousness. There is no other true and perfect guide. Men wholly devoted to God wrote the Bible at the dictation of Jehovah. Moses wrote the first...</t>
  </si>
  <si>
    <t>                                           RED  IS EDUCATIONAL                 The Nntlonnl "American Hod Cross convention which  its  jn at Mount Moriah Baptist chinch. August 1!5 lo 27. was marked with irony interesting features or  to the general good of all -usd and was encouraged by the Mayor, city Health Drpartment. State Health Department ena Chler of Police Department as h vital s ep In  the heal h standing of colored people. (Continued on Paje 6, Col. 3)                 Red Cross (Continued from Par* 1) The nio;t  features of th= work were flip lecturer- of Dr. i Georgia Dwolle. ncv. Thomas. Dr. E T B^rk^^l-. n-. H P. Cochliin. Dr. R. M. Rcidick. Di. John Burncy. Dr. R. M. ThoinHS and Hon. Ferry Howard.</t>
  </si>
  <si>
    <t>                                           At five-thirty this afternoon President and Mrs, M. S. Davage will entertain the Clark and Gammon faculties with an informal buffet supper. This affair will be held at the well appointed president's home. which will be made more attractive with garden...</t>
  </si>
  <si>
    <t>                                           SLIMMING STYLE MAKES "GOOD MORNING" FROCK ^TH^ I^wTI ra pSs EM' J  ill/ CLAUSE TILDEN j Pattern MO A smart example of 1)10 distinc- r. on a s'.;  frock :.l  have is Pattern 440! Panel i .ront and back and simple V-neck- i !nie will literally melt the pounds I ! Consider the comfort focs? sleeves that, form a  yoke, with just the right, number of  In the bodice to '.: it interesting. The side tie -ashes will give yon that  desired" . while full-cut pockets are  as can be! So easy to make i is  440 lhat you will surely " to s' itch up several . i \ny washable fabric, such as cot- i 'ton  or percale would be j ideal. Detailed Sewing Guide acI companies this pattern. I I i i Pattern 440 is cut In misses' and i women s sizes Ifi. la. 20. 34. 36. 38 I 40. 42. 44. and 46. Size 36 requires 13 5-K yards 36-inch fabric i Send FIFTEEN CENTS (15c) In I loins or slumps (preferably coins) i "r this pattern. WRITE CLEARj l.V SIZE. NAME. ADDRESS AND '.E . Sinrt orders to Atlanta Daily j World, 1' Dc-, 21(1 Auburn Avc. N. E.. Atlanta. Oa.</t>
  </si>
  <si>
    <t>                                           \y^\ ColcL.ice-cold Yg5       the familiar</t>
  </si>
  <si>
    <t>                                           A SUMMER SPECIAL ICE CREAM 15c PINT Quick Delivery ALL FLAVORS AMOS DRUG STORE RA. GH4 Aslihy at Hunter</t>
  </si>
  <si>
    <t>                                           Loans FOR COLORED PEOPLE 8 Percent Interest Immediate Service LINCOLN LOz\N ASSOCIATION TIP GRANT BLDG. Cor. Walton and Broad St. WA. 2046 FOR DELICIOUS SNACKS KRAFT ^~~r CHEESE SPREADS Jual bring out  yarl.  of Kraft CttftM Spread* ml cracker* and         )r  are all read^l Thne Spreads  ra grond for Mndwicuot,  and , lob. Notice tlw  mart rir* circle-Jot ' on tltn Swinkyrwlg jf Kraft Spread* come In.</t>
  </si>
  <si>
    <t>                                           "Surprises a la mode" just seem to drift upon our fair city from all angles, We try to look alert and expectant but somehow we're surprised anyway.</t>
  </si>
  <si>
    <t>                                           In the last decade the rise of the American Negro In track and field athletics has constituted the major sports development of the era.</t>
  </si>
  <si>
    <t>                                           Phono: nun. Phonf YVA. 1III2 HE. 63TS-R DR. I. 0.  Dunlisl ll.'IJi AtiilKima Street, S.W. ATLANTA, CA.</t>
  </si>
  <si>
    <t>                                           Among the enjoyable affairs given to some of the members of the Texas delegation to the National Negro Business League and their friends, was the dinner party at which Mrs. W. H. Bonds was hostess. Friday afternoon at the home of Mr. and Mrs. Elliott Brown, 380...</t>
  </si>
  <si>
    <t>                                           Fni^" -t skin        anil ^-L_- __^r: /s*rr  ^HM nur Mi bo* Dr.  Pulmrr'a Stln Urllcm ^1. bc"1  "-         m^^zz^^^^rj</t>
  </si>
  <si>
    <t>                                           i Business Ph. Residence Ph., WA. 1612 HE. 5375-R Dr. I. G. Lockett DENTIST 1 13!4 Alabama St.; S. W.        .;Ga;</t>
  </si>
  <si>
    <t>                                           Dentist's Sudden Death Result Of "Weak Heart"                 By LUCIUS b. JONES                 .With tlic appearance in Atlanta early Monday of Dr. Carl C. Williams of Birmingham. Ala., a ". and the .scheduler) arrival here late last  or early this morning of Mrs. Pearl Williams of Franklin. Tcnn., mother of Dr.. Williams and brother of the departed dentist, immediate funeral arrangement proceedings loom for Dr. G. A. Chatmaiv well-known local professional man who was found dead in his dental office in Room S25 of the Herndon Building Sunday morning at the reported hour of 10:05                 o clock.. A coroner s inquest  held over the  of  Iik dentist Mnndav  at 2:15 oclock in an assembly room of tlic Haiinaljionks  Home. .374 Auburn , N. IL., willi Cororner i aul Dciiuhuo officiating. After a  round of tes- and   consideration of data, the coroner s jury ruled  the death of the dental surgeon was due to natural causes crowing out of an acute internal condition. It was pointed out  he had a "weak heart".                 Shortly after Die dentist s death had become known, rumors tn the I effect that lie h;id taken his own life were rife, but close investigation revealed nothing about the body in the way of marks of violence or signs of intoxicants or poison, it was reported. Mrs. St- Mills of 341 Highland avenue. N. E.. in whore home the dentist resided, said that Dr. Chat, man was a constant, sufferer  heart attacks. She revealed tha' he had been much agonized through this source for the past few days prior to news of his death. There being no known eye witnesses, it has yet to be established just what was the exact, time nt the dentist s death. His body, prostrate upon the floor in such a manner ns to suggest that it hart fallen       a chair in which he had been stated, was reportedly dis covered by Raymond Gulliat 1035-A Quarry street, Herndon Building janitor, who is said to have been distributing Sunday papers on his regular round of tht building at the time. Dr. Chatmnn. a native of Frank. lin. Tenn.. and honor graduate of Virginia Union University                 mond, Va.) and Howard University Medical College 'WasJiiiiRton. D. C.) practiced dentistry in At-i lanta around Iwelve years. Ho held membership hero in Liberty Baptist church. He was an active and respected member of the Knp- pa Alpha Psi fraternity, his Inni secret order affiliation. ;ind. was never married. The dentist was thought to be "in his forties" by i close friends. The Jcnnrtcrf professional  nan was widely known and !   i liked in Atlanta, being especially j active in club circles where he was an advisory member of both thr White P.ose and the Silent Sixteen Social Clubs. He was ''clean. cut" in his manner with men and moved about  all classes of] people with (he same genial dispo- 1 . He was a  man. William   . Ivliies or 371 Angier avenue. N. E., a devoted friend of Dr. Chatman. ivill  his relatives in drawing up final plans fot the funeral. Haugahronks Funen! Home will be in charge of proceedings, the dentist once  resided at die Haugabrooks residence.</t>
  </si>
  <si>
    <t>                                           With the appearance in Atlanta early Monday of Dr. Carl C. Williams of Birmingham, Ala., a nephew, and the scheduled arrival here late last night or early this morning of Mrs. Pearl William of Franklin, Tenn., mother of Dr. Williams and brother of the departed dentist, immediate funeral arrangement proceedings loom for Dr. G. A. Chatman, well-known local professional man who was found dead in his dental office in Room 325 of the Herndon Building Sunday morning at the reported hour of 10:05...</t>
  </si>
  <si>
    <t>                                           THAT ever-popular Irish film star, Pat O'Brien; has the title role in "The Great' O'Malley," a melodrama of life in New Yorks' colorful East Side which opens at the Capitol Theatre today.</t>
  </si>
  <si>
    <t>                                           Harlem In Strong Protest Against Gouging Landlords                 NEW YORK CITY _(ANP)- Last week s continued protest at  residents against the  of rents for colored tenants and the picket line thrown around tlie Harlem River Houses by the militant Consolidated Tenant's League wore highlighted by the                 ported readiness of the landlord to compromise the rent scale. The Immigrant Savings      , many of whose depositors are foreign-born residents, some unable.to speak English, Is the reputed owner of Harlem River Houses, now seeking to boost the rentals there from $13 to $20 a month. According to League president (Continued on Page 6; CoL 8)                 Harlem In Strong (Continued from Page 1) Philips, the hank has set the following scale: $55 for three rooms; $65 for four rooms; $75 to $85. Tor five rooms. v In contrast to these prices,  what the white tenants, now moving out to make way for Hie colored, paid; $37 for three rooms; $45 for four  and $60 for  rooms. There are 574 apartments In tho big project. Colored van owners and moving contractors 'are also demanding they be given the moving Jobs of colored tenants going Into the apartments and have presented their case so strongly It has boon  to the attention of Mayor LaGiiardia.. In a letter sent last week to Roy. Gerald Hamilton, president of the Harlem Mover'.1; Association, tho Mayor explained why colored movers were not given opportunity to bid on the moving jobs. Tiic mr.vor upheld L. W. Post, chairman of the local Housing Authority, told Rev. Hamilton that post was trying to worl: out a plan whereby some of the colored association s vans could he used.</t>
  </si>
  <si>
    <t>                                           NEW YORK CITY --(ANP)-- Last week's continued protest of Harlem residents against the upping of rents for colored tenants and the picket line thrown around the Harlem River Houses by the militant Consolidated Tenant's League were highlighted by the...</t>
  </si>
  <si>
    <t>                                           I NEVER will forget it. It was on a bright October ... in 1933 that Clark and South Carolina were tensed in a death struggle. The score was nothing to nothing with seconds left to play. Bill Porter started off tackle, stopped, stepped back a step and tired a pass to Cain who was "hiding out".</t>
  </si>
  <si>
    <t>                                           Magdalene Terrell and Elbert Armstrong were seen in a romantic dancing mood at the party given by Miss Pearlie Mae Craft the night of Joe Louis' fight, What Will the outcome be?</t>
  </si>
  <si>
    <t>                                           More About Dayton, Ohio                 By Mrs. W. A. Scott, I                 DAYTON. Ohio                 :s.NS)-                 The Dayton Journal gave - ingly of its columns daily to the publicity of the National Convention of Christian Churches (Colored i recently held there.                 Squire R. Danic-s and wife and John Daniels of Washington. D. C.. Miss Pauline Daniels and M:- and Mrs. E. A. Daniels of Chii-kasha.' Okla.. were visitors in Dayton, 0. during liu.- National meeting of. Christian Churches. Just alter starling in cross one j of the busy streets of Dayton, the red liu,ht caught us and .   did a 1  i-op". He told the- driver in ;i..ck and  a St I.nuis license on the car. h'' Limit' uj) to us and said. 'Now I am ; in sw my  null in St I. in .1 few drt.vs and I\ won t dn you thai way." Ifr con-i tinned In i;ilk about his aunt and St. Lnuis until Mm ki-   us on. i .Miss Margaret Lee.  i Cjrl St..! mi the East Side was our very i pleasant hostess ;  stay in j Dayton. Day ton has a colored -f  on the .school board. Sunday  a friend took us on a tour of the city. Many in-  places wore seen. Two  Baplisi churches. Paul Laurence Dunbar Hifjh School a beautiful structure of cream colored brick on Summit Street, many beautiful colored homes, thv McCafl (magazine) Company's  plain, the National Cash Itegister's immense factory, the city WorkHouse were among the  places seen. Dayton has many creditable colored business places Soldiers'  National Military i Soldiers') Home is a lovely place to see v.il!) its many Viiriccatcd flowers, rich shrubbery. sparkling .x glassy lakes, inviting trees velvety lawn and spacious buildings. Bui what do all these attractions mean to a man without health and hope to enjoy them'.' The beautiful setting means little to the sad and dejected occupants  and colored) of the, benches beside the sparkling lakes; and fountains and  flower beds. The  T. B. buildings house many a hopeless soul. It whs recreation hour and loud speaker on the shore ot tile  was  the  throng of visitors and patients. We also noted the                  white stones "row on row",  the. resting P\~cu of our country s heroes. Oimdar'.s Home Paul Laurence Ounbar 1872-10IW "Because I h;nv loved so deeply Bccjuisi; I have loved m; long     in His grunt  (Continued on Page 6, Col. 8)                 More About Dayton* I (Continuod Irom     , 1) Gave me the1' gilt of song.'1 Erected bjr Boy Scouta YMCA Troop, No. '30 June 27, 1921. The above words are;'found on a tablet set in the lower, left hand corner of .the two-story brick building on Summit Street .In Dayton that Paul Laurence  called home not far from the lovely high school on the same street that bears the young poet s name. The house wns closed (but has a caretaker) and Beems to con- p tain six or Beven rooms on a. lot about 50x100. The yard Is well kept, ornamented with shrubbery and trees some of the concrete on the porch floor and walks shows recent repair. A grape arbor lends from 'the kitchen door tc the vine covered coal house and barn where the Dunbar  is stored Though in the front room, upstairs, is Dunbar's library intact, where he did most cf his work_ he passed in the. front room do wri stairs. This property has been purchased by the City of Dayton, n* a memorial to the splendid achievement of Dunbar. Linden Community Center On the corner of Peas and Norwood streets stands a beautiful modern building known as Linden Center, erected at a cost of. $110,000 six years ago. It is owned. by the City and used by  and while, entirely under the mr.nage- ment of Robert H. Malloiy, colored. The unusual cleanliness of this public building is  to the custodian, Earl F,?llins. v There are special rooms for all the various activities. There is it splendidly equipped venereal clinic in the basement where 85 to 100 patients are served- daily, about two-thirds being white. The colored teams compete with while and excel very often. There are two playgrounds, well equipped and a tile-covered swimming pool. If you ever visit Dayton be sure to visit LinCen Center and the Dunbar Home.</t>
  </si>
  <si>
    <t>                                           The Dayton Journal gave unstintingly of its columns daily to the publicity of the National Convention of Christian Churches (Colored) recently held there.</t>
  </si>
  <si>
    <t>                                           A full quarter hour musical spectacle featuring the Top-Hatters Orchestra with Mary Shaw Jackson and Jesse Hawkins as vocalists, will be heard over WATL Friday afternoon, July 29, from 5:45 to 6 p. m. The Top-Hatters will offer their unusual swing music, and the featured vocalists with the hand will do hit numbers from recent productions. This program promises radio listeners a new idea in new swing music done in the manner of the inimitable Top-Hatters. The Top-Hatters, have titled the program...</t>
  </si>
  <si>
    <t>                                           More than two thousand students of Booker T. Washington High School signified their intention of attending the first football game of the season between the Blue and White Buntings and the Golden Tigers of the Tuskegee Institute High School in a school-wide poll...</t>
  </si>
  <si>
    <t>                                           T. FRED THOMAS USED CARS 2~(i Ivy St. JA. 2557 2558 -Ured Car Specials Every Day" lil.'il Chevrolet, touch- j 1933 Ford Tudor Fair S 1 25.00 Clean S2C5.00 lil.i! Chevrolet Sedan- 1 Ford TudorKadi, i SI 50.00! Very Kood $3(i5.00 lil.ll Ford Tudor- I il.'tli Chevrolet CoachClean S2-15.00 i Clean $-125.00 x..;-;.:-xK-:-MK-~'X-xK-:-K-XK-x-~:"X"K-  :-XK"K":-~^M-yA LOANS FOR COLORED PEOPLE 8 PERCENT  I No Red Tape No Waiting j; IMMEDIATE SERVICE J Lincoln Loan Association 71!) GRANT  :;1 Corner Wulton and Broad StreetB WAInut 204G -r</t>
  </si>
  <si>
    <t>                                           AOORA, Gold Coast, Africa-- (ANP)--Stating that "Polish domination in West Africa is, not wanted," the widely read African Morning Post, a nation daily, recently repcated its warning to Liberis to arm itself and thus to prepared to fight what may soon...</t>
  </si>
  <si>
    <t>                                           x</t>
  </si>
  <si>
    <t>                                           NEW YORK CITY (SNS)--There was a strong promise of Dr. Reginald E Weir, tennis champion of the America Tennis Association in 1931, and 1933, returning to competition for the title at the Twenty-First National Tennis Champion brilliant ... of the New York State Tennis Tournament ... here the last week. He turned lack Warren Wenver of Morgan College, Baltimore, Maryland, in four ... for the title...</t>
  </si>
  <si>
    <t>                                           DEATH CLAIMS BISHOP WILLIAM H. HEARD                 FINAL miES FOR AME  WILL BE HELD THURSDAY                 Prelate Dies Soon After Unfortunate Discrimination In Scotland                 By G. JAMES FLEMING                 PHILADELPHIA, Pa..- (AM')- Oeiilh  Its hands on Bishop William II. Heard, of tlic A. M. E Church, here at 4:33 n. m.. .y Just three weeks after the 87-yc.ir. divine hod walked  down tlie  oJ ihi; "Queen Mary," "on a return                 trip from Scotland. Slave. legislator, diplomat and  churchman. Bishop Hcarfl was in more than usual good health until Thursday or last week. Friday lie was taken to the Haluio  Hospital, and he Increasing ly turned for the worst, until. Just as Sunday was about to down, no  hLv last In the city where lie had lived a. good part, of tils life. He lived at 438 N. 53rd Street. Because or his foiling health and are. thn Council of Bishops of the A. M. E Church, had relieved him ot his active duties a few months UK" but up to last Sunday, he had mended church services ns his wont every Sunday that he wai well enough. Built .Memorial    Klclurd Allen He had been a bishop since I0U8, :. In West Africa, and In the first and third districts of hto church. Before thai he had           the historic Mother Bethel church. Sixth and Lombard Sts., which Is ii memorial to the found, er of African Methodism and which contains the body of Rlcrfard Alli.ii. The president Mother Bethel edifice was built by Bishop Heard wtd here his funeral services wlU be held Thursday noon of this week. September 10, with the Rt. Ilevcrend James S. Flipper, senior bishop of the church, presiding, assisted by the Rev. Dr. II. P. Jones, postor of the church, and with al! the AME bishops In America present. The body will lie in state at tho church Wednesday until 10 p. ni Walter C. Beckett, a grandson of Bishop .1. S. Campbell, Is the undertaker In charge. A member of national and In.,   organizations. Bishop Heard whs born on .limn 25. 1850 iii Kberton, Georgia. Ho attended Atlanta. University, whero he received the bachelor of ar'.s degree, and was ordained to the ministry In 1870. When heard Srom  William If. Heard was a member of U'n South . legislature  Rt'constructlon; then from 1BB5-D!~. he was U. S. minister to Liberia, .-lna appointed by President Orov. it Cleveland. From 1008.12 he wan bishop of West Africa, and from 1912-'J0. bishop over the Mlsals-~ [Continued on Page 6, Col. Vl                 DEATH WINS                 Tin: l;i-     William If. Heard. K7.  f -.i, I'a,. I  died Sunday. 1' si-r\-- i iv.nt will In- lic-lil in         :i.v . will; Senior ,\M,i; Bisliiip James S.  I'residing.                 Final Rites (Continued from I'ase tl Ippl mid Louisiana district. In !~20. hu was first  to  Irsl District which covers; Delia-re, Pcnnsylvojila. New Jersey leu- York and New England anc arts of Canada. Crossed Atlantic 29 Times Bishop Heard had crossed the Mlanlic twenty-nine limes, 'w.o ' much on church subjects ncluding a story or his life, am.1 vp.s u. forceful speaker and wel  by all churchmen. He vns for ten year* u member of the   of the .Vorlcl Fnllh and order Confer, mce, and attended this year s  hist month In Edinburgh. It was while In Eillngburgh thai tc was refused hotel  on account of his color, a situation which lo^ Sir John Simon. B. chancellor of     exchequer, to oner his personal re. Brcts to the bishop and which drew much condemnation from Scottish papers. At Edinburgh he was the oldest  n the conference and was  ;.;e father of this Important body of lending churchmen. Bishop Heard was one of 'lie lending figures in the African Method ...c Episcopal Church. He was honored with  decrees from Wilberforce and Allen Universities and Campbell College and beside-.; his art degree, he held the bachelor of divinity degree from the Miller Memorial Theolojlcnl Seminary. Philadelphia. With power to assign presiding ciders and ministers to the churches or I he very important First Episcopal District. Bisnoi) Heard wn.v also the center of several church controversies    dissatisfied preachers mode Issues of his appointment- but in the largest . he was heW  esteem by the multitude of people throughout the country who knew him At the bedside when ll\"  Op  .way was his* nitr?. Wiss Velcria. Caldwell. who m late yens has been his constant ci.: Mrs. Adelaide Hart" Flensing. R. N.. Mipcniilend?n'. Die Convalescent Hospital for Colored Women, and Miss HaiaM Hnmpton.  of : families: McNcal Robinson, companion or the  for -six year.  Miss Ashley Bridgeport.      '  in tht :is H.-i-schold.</t>
  </si>
  <si>
    <t>                                           PHILADELPHIA, Pa.,--(ANP)-- Death laid its hands on Bishop William H. Heard, of the A. M. E Church, here at 4:33 a. m., Sunday just three weeks after the 87-year-old divine had walked sprightly down the. gangplank of the "Queen Mary," on a return...</t>
  </si>
  <si>
    <t>                                           DIED AS 150 TONS OF DlltT CAVE IN                 M . Miss.- (A. N    /. Barksdnlu, 2*J. was killed and George F. Eubanks, 24. was Injured Fridnv when  15 tons ol din trom a roadside                 ban u where they were  dirt  in. They were operating a truck being used in the service of the Mate highway department. None of their fellow-workers was injured.</t>
  </si>
  <si>
    <t>                                           A nation needs more territory to take care of its growing population. They go to war with each other. The stronger one wins and more territory is annexed. Civilization looks on that as right and legal. Now suppose an individual has a large growing family and...</t>
  </si>
  <si>
    <t>                                           JOSHUA' JONK8                 Bar l e. Bimoaw^                 Brother Bell wa*. running fo^           Just ; thn Vttinifflf  Brother 3 U -'       brick and yelled, "fa  '!       Betting       to'~Uit?^:^.gj^^M</t>
  </si>
  <si>
    <t>                                           Paine College Has Faculty Assemblage                 AUGUSTA, Ga.- (SNS)- The first faculty meeting of the 57th session of Paine College, met Friday, September 3, with President E. C. Peters and all faculty members present.                 Alteration and installation of new equipment in the natural science and home economics laboratories have been completed and students who are to work in these fields will have access to the most modern equipment available. Only one new teacher has been added to the faculty for this' term, Eric Byron Chandler, a graduate of Bates College, Lewiston, Maine, who holds the degree of M. S,, from Howard University, and the degree of M. E. from Boston University. He has had several years of experience in teaching in South Carolina and Texas. A 'Children's Library will be opened at Paine College, beginning with the fall semester, for                 the use of Augusta public school children. This work will be under the direction of a trained librarian in children s literature. The regular extension work will be offered for teachers in order to enable them to prepare to meet' the new state requirements, which will go into effect in 1938. This includes four years of accredited high school work. The administrative staff and faculty members for the year are: E. C. Peters, president; L. iR. Harper, dean of men and profes_sor of mathematics and physics; Ruth L. Bartholomew, librarian; Clara V. Spurlock, dietetics and home economics; W. C. Ervin, bookkeeper and purchasing agent; William L. Graham, registrar; Mrs. L. I. Gabriel, secretary to president: Mary C. Gartrell, ' matron; Evelyn Berry, Bible and physical education fox young women; Mark Fax, music: Mrs. Marguerite Steffan, French and German: Fred Lynn Steely, sociology and economics; Dr. E. P. Peters, health education: Dr. J. S. Outler, biology W. J. Lyds, education and psychology; Grit (Continued on Page 8, Col. 7)                 Paine College (Continued from Page 1) Byron Chandler, chemistry 3. W. Brown, principal of hig-h school and Professor of history; Annii' Mau Brown, High School French: James H. Chiles,  School English: J. A. Gabriel, Hisrh School Mathematics and Science. Puinc College offers excellent advantages to young people in all its divisions of instruction at very moderate cost. Full information regarding same may be had by addressing the President or Registrar of the College.</t>
  </si>
  <si>
    <t>                                           AUGUSTA, Ga.--(SNS)--The first faculty meeting of the 57th session of Paine College, met Friday, September 3, with President E. C. Peters and all faculty members present.</t>
  </si>
  <si>
    <t>                                           TIM .TYLER ^y Lyman^Youngr                 FELIX, THE CAT BV Sullivan                 DOROTHY DARNIT By Chas. McManus                 IT S A GREAT LIFE IF YOU DON'T WEAKEN By Jack Rabbit                 NIPPER By Bra                 JACK SWIFT u ;'j:\~'mm.-. I--"-. ByDiigg</t>
  </si>
  <si>
    <t>                                           Circus Flour sib 45* No. 37 Flour 48c Gold Label 54c Country Style Pork Cuts Pork Hams Lb 22C Back Bone 22  Side Meat 20c Shoulder       Lt 20c Pork Chops lb 25  Sausage ,^:,T=dr 25C Corn on Cob D^r S! 17C a Morton's Salt ^Ur 8C Selox \Z! 5C lpT 14c La Choy Vegetables c. 25C La Choy Chop Suey c" 27C La Choy Noodles 5  19C Comet Rice .   25C Mustard *T** 6  " 8C Gauze Tissue 6 25C Handi-Rolls 2 15C Sweet Milk 7C 14C SpinaCh Sou Manor 2 27C Colonial Milk 2 7C Colonial Milk Lc^ 7C Tomato Soup standard 1OC Apple Jelly           1G2,~S' 1OC Apricots A" cP^rolt hcV 11  Bartlett Pears g^t0:, N^n2i 19C Tomato Juice 3 2~;~' 25C Dill Pickles ~-*2 25C Glace Cherries 45c Glace Citron 33  Glace Lemon Peel 33C Glace Grange Peel Lb 33c Glace Pineapple slices Lb 35c Little Cook Currants 121/2C Corned Beef Derby      17C Land 0' Lakes Cheese 25C All Sweet Margarine V^ 1SC Shortening Jewel 12C Shortening j^ c" 45C Corn Meal 15C xl\f 29  Orange Crush 5C Hershey Cocoa 10  15C Octagon Powders 4 .~S? 19C i Hershey Chocolate 13C Kellogg's Krumbles 2 25C Grapefruit Juice  2 1OC Gold Label Coffee 19c Blue Rose Rice 4r^- 15C</t>
  </si>
  <si>
    <t>                                           The reason I've chosen the above-given title for this week's splurge can best be understood, after you've read the spluge and then caught the gist of the jingle that appears above the name of 'swimph'.</t>
  </si>
  <si>
    <t>                                           CHAST1 GOES INTO OFFICE US G 0 M M 1                  Pulton comity s newly elected commissioner. Troy G. Chosen, was formally inducted into office Wednesday at a special meeting of the board. The new commissioner will hold his present seat on the board until January 1. 1939. but will be subject to re-election  spring        ' next year.</t>
  </si>
  <si>
    <t>                                           Morris Brown   ^ Allen 2:00 P. M. Admission 75c PONCE dc LEON PARK</t>
  </si>
  <si>
    <t>                                           OHIO POST                 MISS ELIZABETH S.  member of this year s graduating class of the Atlanta         of Social Work, [ills been appointee] Girl's Reserve Secretary of the  hi Dayton, Ol'io, to begin work September 1. Because of the excellent record Miss Kyans had mad" hi Group Work at the Atlanta School of Social Work she was awarded a  fey lice National YWCA to the YWCA school at Oberlln College this past summer. Before entering the Atlanta School of Social Work, Miss Ryans received her bachelor's degree at Fisk University. She is a native oi Augusta, Georgia and a member of the AKA Sorority; and was  recommended by Forrester B. Washington, Director or Me Atlanta School of Social Work.</t>
  </si>
  <si>
    <t>                                           After more than threo month* of suffering from a nervous ailment. Miss Glivar used Dr. Mile* Nervine which gave her such splendid results that she  vs an enthusiastic better. J/ yoo suffer from "Wcrwac" i If you. lie  , *tart at  , tin easily, are cranky,  cad fidgety, yener      probably out of order.   and relax them with     nunc medicine that "did tha work" for this Colorado girl. Whether your "Nerves" havo troubled you for hours or far years,' you ll find *    timo. tested remedy effective. M Drug Stores 25c and flM.</t>
  </si>
  <si>
    <t>                                           City School Head Guest Speaker                 F-at.j.- Dc. W. A. SuUnn. Su- ;          (l*nt of At'smUi PuWi. School'., a*      principal         -r xith th* presentation.-.  A   :    ; J. M. Chl]~.f. Bible Class will h'M it; Jourtfi anniversary pro- Kram this            t four o clock at      Radcufft               7- i :~rUia Church,  Fort ano Hou.-.vjn Stretta.      Clark UiUvenlty  rj) AlJctn           xU! p.-~             mu-  e for ^     Jotut *TSi James Harper. RaJph Mayr.  n-j Klii :.:   ^i smith. Prof. c. L. Harper, principal or ?/                School wlU introduce tht        . The J. II. Chile* Bible      L' ore of the mom ; and urUcu* of Its  In the    . Ita .-M^r  of Krs.    15 Baker, : ir.-x. If, L.        . not ; Mr*. V. E Sutton. ?: Ma 8     Davu I  secretary; lint, pinkie L. Rett. ;    i Mr. S. g AbraxM.   *eher.  Vlsitots David a Karknets, Huatx7Uk. Ala^ A. CccCcn Thompicn. c. R. PauUc. H. J. Stephen*. 8. Moots, and A. D. Mas. LumUntm,   c*      : BertDa. W. Starrorth. Busel Cotton. Mr. i and Mr*. J. P.      . LKOe Ecek. i</t>
  </si>
  <si>
    <t>                                           LOS ANGELES, Cal.--(SNS)--Thousands of people are here attending the 57th annual session of the National Baptist Convention, the world's largest Negro organization.</t>
  </si>
  <si>
    <t>                                           Johnson Evening School began the observance of National Education Week Monday night. November 3. Miss Mattie Hood gave to the students a very interesting and stimulating address that related itself to the attitude of leaders in American life toward the education...</t>
  </si>
  <si>
    <t>                                           To Sunset Casino TOMORROW I comes an attraction that is TREMENDOUS! MARVELOUS! REMARKABLE! j SENSATIONAL! I  and fflS HARLEM ORCHESTRA The Time is Tight and the Night is Right A Hallowe'en Party t 9 P. M. 'Til Late Admission 55c Enroll Now In The Poro School Of Beauty Culture Become Efficient Operators and Capable Teachers. Special Brush-Up Courses Offered to Dealers. Write or Call for Further Information. PORO OF ATLANTA 250 AimilRX AVE- N. E. JA. 9174</t>
  </si>
  <si>
    <t>                                           Ideas of beauty change with the times: the girls step right up and qualify. Read a Victorian novel, it won can endure it and you will be told that the heroine was frail and delicate, scarcely able to lift a hand and had the "vapors". Men were the bosses those days and maybe...</t>
  </si>
  <si>
    <t>                                           Injured Woman Who Died In Parked Car Identified                 N ASHVILLE.                 SNSi.                 Identified as Lurillo Williams, the I woman who was allegedly shot hi I the  M near Theodore at 2 a .m. today, died  10 a. m in ;i parked automobile on Church street. It was reported the victim wns i treated  ;..fier Hie  at City Hcispiml, but was released The .sheriff's department wns nol I notified of the shooting until group of her  appeared in inferior court and asked that a warrant be  out against uti unidentified man, who they say shot her.</t>
  </si>
  <si>
    <t>                                           Women used to think that all they had to do to have a grand chest was to throw back their shoulders. Maybe that plan worked when the feminine body was incased in a steel riveted corset, but it won't do today. Throw back your shoulder and out pious the...</t>
  </si>
  <si>
    <t>                                           Industrial League Night went over in a zinz-zing; fashion last Friday night with more than 6,000 customers paying to see four peppery teams Compete under the man-made sunshine. This turnout topped the paid attendance of the year to any Negro baseball game and broke the record for cash-counter benefit sandlot baseball.</t>
  </si>
  <si>
    <t>                                           CHICAGO--Two hundred thousand Negroes packed into a South Side area of Chicano designed to house less than one hundred thousand, presents a housing situation imparalleled in any community in the United States. Fast growing populations throughout the east...</t>
  </si>
  <si>
    <t>                                           Well, it seems that quite a commotion has been stirred up by my writing on a Judge in England who freed a man for spanking his wife with the remarks that all wives need it spanking sometimes and it should be a husband's privilege to smith his wife.</t>
  </si>
  <si>
    <t>                                           RALPH PERRY SHOT ON AUBURN                 An altercation allegedly arising ~.vhen an estranged h'.Lsband appear. L-a on the stairway at the Top Hal  club. ISO Auburn Ave.. N. E.. last night, ended in serious wounds for a man reported in company with his 'wife and aft innocent' bystander.' The seriously injured man was Ralph P iTy, 01 374 Irvn.. street. well known figure about Auburn \venue. According to Grady Hospi.al reports, wT.ere M wai  . alter 10 o clock. Perry suf"ered two gunshot wounds of the . one n'. the chest and one  f the left arm. i Mrs. Ruby Bell, of 867 Drummond street, was  ror a sup   of the right  of the fore. load  above the eyi.-. Alter a short chase by specta- ors and police. Ralph Render. . police booked as n( 3S4 Vlartin Street, was captured and  on a charge of shooting ^r. pending the condition of 'erry. According to spectators. Mrs. 3el! was checking h*-r coat at the i  check room when struck by i  nc of the missies from the  un lender, who n said to have been .tpu.-a: ii trom his w:ic lor some lme. A .~5-       * automatic  ;ai'.l to have been "Sect.</t>
  </si>
  <si>
    <t>                                           EH.bll.hed    . I. 1IM:     . n.llr     -~~ IS. IMS FobU.l.*d DAILY U..I StXIlAY 510 -JllbPrn         . i Br ATLANTA DAILY WOULD  I-.-- Ttlcplionf.: WAlnnt I4M- UW 1 Member ot SCOTT -Al'Ull Sl-NniCATB yr. A. gStt. II. Foun-ler: C. A. SCOTT,         Mwm^ CL A .         Manntftr l.       I. Jono., .VUlixIm Bdllor T" SOUSCRIl^nOy : - I 1.KT ll!t Mo.,    K-i: 3 Monlhi II.6J; 1 Mitnlli "ii TOnDAV --I   .  300: ~'-~tl.. M..Mh. i y,~r t ISO; 0 Moulin ~!.7S; Kori'lim: 1 Uir  S.H xk iion.l' Ailv7  *    Kopr.Mnlnllv.: W.   . Zll-'r CO. Ot S. D.~ Ml.. Clilwtc "I-. "u"h    -   "*- Tf  i.t.r.il In      ^~  6rf^r a( .Ml.   . .moi,.~.cI.m in-ll Ill* Act yf          . Alurcli 3. 18.9 A hi J.VlVi.n IT I t i K        .llr      .uiM. Hi,... IIiIim. II 1- Of           .i.  AA.\r+mM *Tl                 * to and Ntnk*        #~ 1* ATI   UOItl.M nHi.rr (t lu Itiillililiml.. Tlir .I)                 tor . ~.f  . -Hpt.. Bales* *     ~*at.</t>
  </si>
  <si>
    <t>                                           CLEVELAND, O.--(SNS)--Swinging clubs with the deftness of, a Gene Sarazen and displaying marvelous stamina over a difficult last day grind of thirty-six holes, John Brooks Dendy of Asheville, N. C., former student of Morehouse College, in Atlanta, Georgia, and defending national title-holder, blasted his way to the professional crown of the National Golf Tournament for the Second straight year here Thursday afternoon before a huge gallery of colored...</t>
  </si>
  <si>
    <t>                                           "Meet me at the Soda THE  T/tA TitEFMlESHES</t>
  </si>
  <si>
    <t>                                           Was entertained at the home of Mrs. Battle Stephens, 508 Terry street. The class was glad to have Mrs. Jessie Watts, Mr. Luther Roberts and Mr. Clarence Marion as visitors. Business was briefly transacted. Then refreshments were served. The next...</t>
  </si>
  <si>
    <t>                                           Hunter Terrace West Hunter car 'ine Month i      -~, HUNTER HU.I.S. Inc.</t>
  </si>
  <si>
    <t>                                           Fate Of Patterson Hangs in Balance Until Monday                 WASHINGTON- '     \nm ca.v; of IIiiyw'Kjfj              onr ot    : :; "          '~'* boys. w:c. reported to     ; been  by ih,: Supr' rn'.' Court ; in    *ir AXKmbly SJtturd;~y. The t!ccj jon a:; to w\  :V.-.':r the ca.'.'r merit:; open court, review befor- tin:  tribunal f:   *:   :cJ to b r  l /n Motif lay. when th** ur.nal . .s are . It I*,  by .-. '~b*.     :. that t i f  i f #n I*ji M/:r:/~n ra.v? may provi l** u ty*'*J% lor dial* ; any   ;irr.lr;Jp: hy ./ur.Mf;Hi:c;o Elitck, v/lic, at. our lime w;i\                 a mi:!:   :r of the IC'i Klux KIrii. Black's right to participation in      'icn  Mas been  jd Lii.M. Monday the coun  u, ^rc with a lower court  'hat the Sccurltloi Comini.v.ion         :^  m;:m. :uiO r^ by  Florida c ini wmt.v.. .JuJitlcs BUtclc. then    ;      Bl;w:k. a.i  of tilo S'*n;i!':  COtnmltlcc. ut!       i I'Ki.im1.  by ; !imi;\ ^'ilon from     .nt::.  . A chaU Irau'r mi -. point In .  t ~/mi'-   .                 Dr. W.G.Alston To j Be At Central For Another Week Dr \'t. G AIM'.n. [,r '-nl M K minister 'if NVv/ Orl-N.tr:. t^~Inr. t.  - ~.''t. of '.-A-'.-v/'-'-k r*-viv:it l'.'l:,y ;,l rj':ntr:il W. K  A StirrtriR ;[K-:    . !  - Ir, .U-r h:i h yn    -;ivh:r-.: l-i l-i'.:' -y;itl in:; (^frh nj;;ht A' ~.r,r tim r hr p;is''.r'-'j ;t r.!~-!..l.'^Jl:.!. ~:\t::t\        . AlKt'.i, I;. f.,r:r.':i r:.i .M'.. ; b**t-ri in '!i;h;;'-  h'*i(* f'-r '.iv</t>
  </si>
  <si>
    <t>                                           COLORED JURY CONVICTS MAN                 RIDGE. Ark. (SNS)- T. H. Wilson was convicted Wednesday (or deserting his wife by a Jury composed entirely of members of his own race, and received a fine of ISO and costs Imposed by Justice J. P. Israel, white. The all- Jury, which manifested no  for Wilson, Is :sald to be the first, in Arkansas  reconstruction Oiys, end al.o  to be the first all-colored Jury In the_history ot the s ute.</t>
  </si>
  <si>
    <t>                                           I DO SOMETHING ABOUT THOSE ~,^rgi*j?^^^^^ So world-famous, so successful is this combination treatment that what it has done for thousands of others it may do for you. Be sure you demand Black and White Ointment and 'Skin Soap for those bumps,  irritations and other skin trouble. You can depend on Black and White to help you. The 50c size of Black and White Ointment contains more than twice as much as the 25c size. Large bar Black and White Skin Soap, 25c. The trial sizes of       and White Ointment and Skin Soap are sold for 10c at all five and ten cent stores. t li your skin is sensitive, try gentle-acting Black and White Skin Whitencr to clear and lighten tender skin. Sold at all dealers for 2Sc. SOLD BY DEALERS EVERYWHERE^ mm^^mm^^^^^^^^^B^^^ special free offer IPVWPill^PpiilfHIB For liberal free II I I 1 U Mm J I I M package of Black II I I l 1 H  1 I I I I I 9  Dd White Beaching IB I 1 m 1 t ^^31 i m I I m *W Cream write Dept.                      X-630, Black and ^KKllM'JB White Company,  ^~   ^~~~m^      Memphis,Tennessee. I "MORE THAN 260 MILLION PACKAGES OF BLACK AND WHITE BEAUTY PREPARATIONS. HAVE ALREADY BEEN SOLD"</t>
  </si>
  <si>
    <t>                                           I  mow  1' .     M^tJ LARGE JARS 5t        ^F</t>
  </si>
  <si>
    <t>                                           CLEVELAND--(By for ANP)--When one recounts the progress Negroes have made in the civic and progressive life of Cleveland let him not think he has ... himself down to the office of County Engineer...</t>
  </si>
  <si>
    <t>                                           Woman Held To Grand Jury On Charges Of Attempting To Drown Her Adopted Son                 -                 A Birmingham mother was ordered held to the Grand Jury last Wednesday on an assault to murder in connection with a reported attempt to drown her adopted son. by Judge H. B. AbcmaUiy.                 Mrs. Mary HoJl of 617 South 21st Street, was placed under bond of $300 for the attempted bathtub murder of her adopted three-yearold son, Charlie Davis, in Mrs. Hall's home. The Incident occurred Oct. 21st. and brought to light the unusual , when neighbors answered screams A neighbor. Mrs. J*ancis Berry, living in adjoining quarters, heard confusion through the walls of the house and upon Investigation found the tot submerged, In the tub filled with water. Mrs. Berry stated thac the "mother" said she was                 giving the boy n. "bath" and placed i him back in tile  ub af.er he had j been taken from it. The neighbors' screams brought C. I. Croon. I white filling station operator, and u colored . to the house. They forced open the lw. door and look the child from the tub. Investigating officers H. L. Thompson and V. \V. Gore .stated at the             ' hearing thm the child was carried to HiUman Hospital   was pumped from his lungs. Th^ child wax present at the hearing Wednesday. Cecil Deuson. deputy prosecutor, introduced evidence to show  several insurance policies had been  out on the child s life. Mrs. Hall was named as beneficiary in three policies.     had not made bond late yesterday.</t>
  </si>
  <si>
    <t>                                           A Birmingham mother was ordered held to the Grand Jury last Wednesday on an assault to murder in connection with a reported attempt, to drown her adopted son by Judge H. B. Abernathy.</t>
  </si>
  <si>
    <t>                                           SUM-LINE. FROCK SMART IX WASHABLE COTTON r^jr l^."'-.!-.'^\-    7g''-r: i I I I I            277 Need :i flattering, new "at home" frock to brighten up your mornings and afternoons? Then stitch up Pattern 277, and rejoice in slim, becoming lines and a model th.it"~ easy as A B C to make! You"ll  the" comfort of brief, slashed sleeves. a yoke--panel that adds inches in your height, and a youthful pointed collar! Then, if you ve a fondness for feminine frills" trim the handy pockets and pointed yoke with a crisp ruffling. The frock itself is delightful in any number nf vividly colored, washable cottons. Why not percale or gay seer, sucked v Detailed Sewing Guids accompanies this pattern. Pattern 277 is cut in women'? sizes 34. 36. 38. 40. 42. 44. 46 and 48. Size 36 requires 4'i yards 36 inch fabric and 7-S vard ruffling. Scntt FIFTEEN' CENTS  15   in cuins nr stamps . coins) for this pattern. WRITE  SIZE. NAME. ADDRESS AND  XUMBEl:. Si';~ct i- t.. Atlanta Daily World Pattern Department. 210 Auburt: Avenue. Atlanta. Ga.</t>
  </si>
  <si>
    <t>                                           TIM, TYLER By Lyman Young                 FELIX, THE CAT                 IT S A GREAT LIFE IF YOU DON'T WEAKEN                 DOROTHY DARNIT                 NIPPER                       JACK SWIFT By Brai</t>
  </si>
  <si>
    <t>                                           Many a woman has suddenly realized that she sees a strange, unfamiliar face in the mirror. Something has happened, almost over night. There's something funny about, the eyes. The glint is gone. The texture of her skin is not the same, color more...</t>
  </si>
  <si>
    <t>                                           [~OSTER S W. C. j I LINIMENT Why Suffer from Muscular j Aches and Pain*; GET QUICK KELIEr'. For  le at your! your druggist 25c! Yes, i Js Serious Sut It Can't Poison You!  Say Doctors Modern doctor, now tl-mt ike oW Me* ot          blood from  ie BUSK. Tbey  Ui.1   op         oa     in Um          .          0  U      *   . . . upset . dull. dnd-~ut (,         .  *. ted     mod low of . Doa't  boon or                . Yon nut GET tUAT PRES8UKE OFF THE NERVES TO CET BELIEF.          .iDtc*     .    . Whea  mui           tht *                         . AVmoat at one* you fed Btarv*!ou*V , blm , aad lit*   . That ia wbr ta many doctor* are now  on natb bat QUICK ACTION. That la why YOD  Itmil on Adteika. Thb   (Taeaant  SEVEN . Itacta on      a. writ aa too entire  tract. It Itaere.  GA8                -  bowel  in I I half       . Novioltatao- quick "2   %~~ IteSTfg Beaded by m*oy  ^ *^s. Ml  tor 34     . 1 ^^C^^^r WARNING! I iPl CISTS .- Sg Kigali law     ~(-   /~. SS3 4      DEMAND th. 3  *~J</t>
  </si>
  <si>
    <t>                                           RelieveTheMiserqof RHEUMATIC PAIN Prescription C-2223 was originated by a reputable physician, who found that certain types of rheumatic ailments were caused by poisonous -waste matter and toxic acids in the system. Prescription C-2223 helps drain off these poisons. Ask your druggist for Prescription C-2223. Both the 60c and Si. 00 bottles arc sold on money-back guarantee. \oo% FREE LUCK BA61 50c Algerian M.jo Luck Bag *ni  Hair Or*u!ng. Powder. Olnftncnt Fret. Send 10c to co^*r mailing cost.  BROWN CHEMICAL CO.</t>
  </si>
  <si>
    <t>                                           Atlanta will be honored with a personal appearance, here tonight of the internationally famous Duke Ellington, who along with charming Ivie Anderson, the california, songbird: and his famous orchestra, will play a dance engagement Sunset Casino. Starting at 8 o'clock.</t>
  </si>
  <si>
    <t>                                           On Thursday night the Home Economics Department of East Depot Street School under the supervision of Mrs. L. B. Walton, presented the annual style show that brought to a close the events of the day. During the entire day articles made by the pupils were...</t>
  </si>
  <si>
    <t>                                           Municipal Market Edfrwoott         nt Butler St. Bed Spreads! Bed Spreads! Bed Spreads! OvmtK-wiik .-.  i:\nn tho ;:, \^ng  linos that bi  llw Hichways of ^!    ;i:i Di^         .~  Co!  .s for Your Si-ln-. n. ALL DAY MONDAY. SEPT. f.th IN OBSERVANCE OK 1.AU0K DAY. Closed 1 :00 p.m. Wednesday</t>
  </si>
  <si>
    <t>                                           Before 150 fathers, sons, mothers, and daughters, Mr. Henry E. Bryant, farm director at the Fort Valley Normal and Industrial School spoke as "guest Speaker" at the annual affair. He used as a subject: "The Effect of Rural Education upon the Future of the Rural...</t>
  </si>
  <si>
    <t>                                           THREE GREAT STARS FOR ASHBY                 Tlircc great slurs in a drama you will never forgot. It's the  story of a - sniper who became a peace-time "sharp, shooter" after -THEY GAVE HIM A GUN" which opens today at Bailey's Ashby Theatre. Co-starred are Francliot Tone, Spencer Tracy and Gladys George.</t>
  </si>
  <si>
    <t>                                           This morning at eight-thirty the undefeated Washington High School Bulldogs and Head Coach L. C. Baker will depart for the mountainous region of Ten-Ten-Tennesse where they will take on the mighty Howard High School Tigers of Chattanooga. Coach taker and his...</t>
  </si>
  <si>
    <t>                                           I Am A Sharecropper I am a "ppor out on the ". Where the rabble picks tlv cotton atnl flic        the chance: Was soM he tore the court house for the       And it twk the  to blow off the lid. So the land we ' ai  one cropping. And we didn't  enough for a crow to go shopping! We V. at the market thinly we should have sold. And we made  smart broker? lousy with gold.     was Irft us of Sherman's explosion.     cleaned up      and barrel by General Erosion:     we re still down here -~         scratching in the san*. Lord have                 Vr sharecropping man.</t>
  </si>
  <si>
    <t>                                           University OfChicago and WhiteRealty Owners Are Rapped In Mass Meet                 CHICAGO- )- A "boycott the avowedly liberal University o i Chicago was threatened Wednesday j       at a mass meeting of colored citizens in Du Suble high school for the purpose of launching a           vicious and * i * conditions in the section.,                 White property owners' associations! bordering on the district which pr.*. vent Negro expansion through restrictive residential agreements! were lambasted by spokesmen, led by Alderman William L. Dawson of the .Second Ward. Two days later. Dr. Robert M. Hulchins. president of the university, issued a statement purporting to It'll of his own and the *t ion s opposition to segregation but  southside leaders feel, mere.1 ly point out the school s duplicity in the matter. The university, located near the eastern limits of tho: "black belt." is charged with finan.                 :ing white organizations now  Negro expansion bo. *ond the present overcrowded dis.rict. In defending Chieaso U.'s stand. Dr. Hutchins said. "We feel the lo. ral community should bo ^d to develop its own policies of improvement, and the university should cooperate in every legitimate way. To this end. the university, in recent years lias supported a  of community efforts to improve  conditions and make th1* nrea a more desirable place of resi. :lence. It takes satisfaction in ; these tilings as a Hood . but it docs not attempt to dictate local policies as a condition of its support." Prior to Die mass meeting Wed :. a Citizens' committee, work:nj; with the N AACP and the Peo. (Continued: on Page 2: Col. 4)                 University Of (Continued from Page 1) j i pies' Press, a liberal white weekly i newspaper, covered the Southsid-Ji with a special edition on  aspects of the housing situation. Itj pointed out the danger of racial i friction that the situation had en-~ gendered, dwelt at length on th.?; part played by the University of I Chicago and its cohorts in blocking; the building of the Southside Gar.~ dens Housing project, the federal j project that hat resulted in - tion of a large portion of the South. side end the further accentuation' of a serious situation by throwing:1 over 2.000 persons out on an already overcrowded community. I Various aspects of the entire prob- j j lem and possible solutions wen:!1 presented by speakers. Horace H.]1 Cayton. who has for a number of; years been connected with various research departments of the Uni-i"  of Chicago, presented *u'-j, vey of the situation, showing 1 a desire for expansion because of in- adequate housing resulted L\       Chicago race riot .in 1919. He sketch- J ed the role played by the Univcr- sity of Chicago in throttling growth i of the Negro community by helping i erect and maintain artificial bar-~ riers hi the form of  agreements. Government officials were de-~ scribed by speakers as lying down on the housing projects for Chiea-j go because of the pressure brought by white residential and Improve.] ment associations. Secretary Harold I Ickcs had been invited to the meet- j ing as had Director Strauss ot the,' Federal Housing Bureau and PWA, Administrator Cra7. None these: top officials fame, but Dewey P., Jones, formerly of Chicago, now as_~ sistant to Robert C. Weaver. Adviser on Negro Affairs, was sent as alt { unofficial observer. Mr. Jones did not speak. d:d  advise what the present stales or the housing project is. and left the meeting after the first two address, es. Robert R. Taylor. Jr. Chicago housing expert, who is intimate";;' acquainted with the South   . Gardens project and was expected to give an expose of the present sit- uation. contented himself with de.  that housing should be made a political Issue. Later speakers lambasted the government officials, declaring that they were pussyfooting on the issue and proposed! bearding them in their dens at Washington. The Chilran city of Santiago Is j taxing radio sets to obtain a fund for  improvements.</t>
  </si>
  <si>
    <t>                                           CHICAGO--(ANP)--A boycott of the avowedly liberal University of Chicago was threatened Wednesday night at a mass meeting of colored citizens in Du Sable high school for the purpose of launching a drive against vicious and inadequate housing conditions in the section.</t>
  </si>
  <si>
    <t>                                           Schaine's Lincoln JACK HOLT in "OUTLAWS OF THE ORIENT" Schaine's Harlem "DANGEROUS AVENGER"  DON TERRY I</t>
  </si>
  <si>
    <t>                                           FRANKFORT, Ky.--(SNS)--Having emerged victorious in all their games thus far, and having the honor of boasting an uncrossed goal line, the Kentucky "Thorobreds" are preparing to carry their warfare into foreign soils during the next two weeks. Coach Kean will take a squad of 26 players and three coaches on their first long trip on Thursday morning. The "Thorobreds" will not return to their home until October 31. On this trip South, two games will be played against two of Kentucky's most serious...</t>
  </si>
  <si>
    <t>                                           Beware Coughs from common colds I That Hang On No matter how many medicines you have tried for your cough, chest cold, or bronchial irritation, you can set  now with Crcomulsion. j Serious trouble may be brewing and i you cannot afford to take a chance with any remedy less potent than Crcomulsion. which goes right to i the scat of the trouble and aids na- tare to soothe and heal the inflamed mucous membranes and to loosen and expel the germ-laden phlegm. Even if other remedies have failed, dont be discouraged, try Crcomulsion. Your druggist is authorized to refund your money if you arc not thoroughly satisfied with the benefits obtained from the very first bottle. Crcnmiilsion Is one word- not two, and it has no  in it. Ask for it plainly, sec that the name on the bottle is Crromnlslon.  you ll get the genuine product and the relief you want. (Adv.)</t>
  </si>
  <si>
    <t>                                           BarnDance At Su inset j Casino Monday Niiite; j *Bta Apple" Show j                 II- A barn   (lie "Biy Appli!" is in Ihc offin;: for Atinn- ta is. I .This Monday night. October 11. from : 111! lain. Ihc- Ambassador;. !.      swinn cult al tlic Siuisct Casino i.~  '' stylo. The            pri  a good time lor all  who wish to take part In Ihu ~:nl:i cvc:ii. j The biB         which lias boon I                 taking tin1 ' by  will Dc tlic  Icnturc. Every person I ~.i!~o h i not had ttn-:  to so., ti'.c dance Is: invited to be I .t Mopclay     :ht when "Bis Apple  will be      time." The ~,;jon5or5 say "An ap P'e a Jay will j keep the doctor ." They  you lo get your slice. Thc gen-  admission  be- 25 cents per person</t>
  </si>
  <si>
    <t>                                           I LOANS FOR COLORED PEOPLE 8 PERCENT INTEREST 5 NoRedTape NoWaiting I IMMEDIATE SERVICE } Lincoln Loan Association I 719 GRANT BUILDING Comer Walton and Broad Streets WAInnt 2046 2</t>
  </si>
  <si>
    <t>                                           JffW.fi    3   W^^^^/^^MSp^d^S^^^^M^^SSK^SS</t>
  </si>
  <si>
    <t>                                           Willie Mitchell Myers, 25-years old youth, was arrested in Nashville Wednesday night in connection with the murder of Ben Montgomery, white, 19-year-old filling station attendant, on Monday night Sept. 20, according to reports from the Sheriff's office.</t>
  </si>
  <si>
    <t>                                           Hospitable Sunday night suppers when "open house" is the rule is a gracious way to acknowledge those many small social obligations that arise in our complicated modern lives. And entertaining can be so informal that the "man of the family" has a perfectly legitimate...</t>
  </si>
  <si>
    <t>                                           NEW YORK--(A N P)--Branding Lt. Colonel Brehon Somerville, elder of the WPA in New York City, as ... rabidly anti-Negro petitions are being circulated throughout Harlem by the Teacher's Union, which after being signed will be presented to...</t>
  </si>
  <si>
    <t>                                           ATTEND NATIONAL YOUTH CONGRESS IN CHICAGO                 Reading from   *fl to : John I*. I)a\'is. na. tiona) secretary of the National Nej;ro Congress, Arthur Huff Fausett, regional vice-president and host to the second National Necro Congress. Dr. W. Harry Barnes, chairman of the mayor s celebration                 millee: Mayor S.   :     Wilnm. Mrs. Addie Dickerson. Mcrotury or the  on.-         (   -          Himmil. tee. Herbert Miller, member of thr  iind executive          - of the YWCA. W:ilker P. Jack.                 i son. member of the committee. .</t>
  </si>
  <si>
    <t>                                           WHEN Joe Louis, the hero of 15,000,000 American citizens of color, steps into the ring to face-Max Schmeling at Philadelphia, Chicago, or Detroit next June, 500,000,000 human beings will be hoping that the German knocks him stiffer than a hard-bailed egg.</t>
  </si>
  <si>
    <t>                                           Pleaslnij % Soeiu Pahon *0L Those whose incomes are pj limited can well afford our services. It is our S^ unfaltering policy to 3l serve all patrons well, a the beauty of the service    not being contingent Jg upon price. IBtT  TMC M[~M1 W or all ItilVEYBROSi,</t>
  </si>
  <si>
    <t>                                           JACKSONVILLE, Fla.--(SNS)-- Dr. Wilmoth H. Baker, Tallahassee chairman of the State Negro Committee on Tuberculosis, affiliated With the Florida Tuberculosis and Health Association, will be one of the speakers at the dedication and opening of the State Tuberculosis...</t>
  </si>
  <si>
    <t>                                           TUBBY JOHNSON informs that there were half a dozen good football players on the Fisk Campus last summer. They couldn't take it though when those beautiful, sophisticated Fisk co-eds started arriving along with male juniors and seniors who packed seven and eight "drapes" along with raccoon coats. . . not having "drapes" of their own, the gridders departed Fisk a few days after school started.</t>
  </si>
  <si>
    <t>                                           PEW DROP INN Iavitas You to VuU lu Parlor,. Booth* ami Newly Remodeled Balcony Courteous Service at All Time* BEER- WINE- SANDWICHES- COLD DRINKS LADY ATTENDANTS 11 ASHBY ST.. N. W. Enroll Now fa The Poro School OfBeantyeultnre Become Efficient Operators and- Capable Teachers. Special- Brush-Up Courses Offered to Dealers. Write or Call for Further Informalion. PORO OF ATLANTA 250 AUBURN. AVEv    E. v JA. 9174</t>
  </si>
  <si>
    <t>                                           WASHINGTON, -- (ANP) -- When congress convenes November 15 in special session at the call of President Roosevelt, plenty of fireworks are expected and not the least of these will be caused by the Justice Black controversy and the federal...</t>
  </si>
  <si>
    <t>                                           Today I will conclude a series of articles based on observations made while making an extensive tour of the western states during the occasion a the great, National Baptist Convention, Inc.. World's largest Negro organization which held its annual session at Los Angeles...</t>
  </si>
  <si>
    <t>                                           I LOVE MY PRETTY WIFE By.REV. . J. JACKSjON. l Faalnr McDantri Suret BapiHt Chin-eh I Live von very    -arly. I I li'.v pn:tty wile: Indeed 1 li.v you nearly As much I low life. !!ut art-  never harried liv any ,~           That        :  Is ; your.? Mv  teir. she answered gladly Your words are very kind. Ami. though i love you madly. I'VE liad  thoughts in mind. Ami I am nor. forgetting \our own career, sweetheart; i- wedlock not upsetting Devotion to your job? i said, with deep  It's doing 'that, .of course; I've planned     cross the ocean And get a French divorce. Oont think unkindly of me For planning as I've planned. !'.ni- -love me. .Ivlinqr. Jove me. And .try to understand. I've booked -nv passage, sweetly And  of Iv she- replied:  do these things so neatly Uixin ihe ~^ther side. I II miss vour i.md protection. 'i        inc. too. I know: We .-tn'; lake affection Too M.-noi:sJv-. .</t>
  </si>
  <si>
    <t>                                           Don't Forget, Children; Bring Canned Goods To Royal, Ashby Shows This Morninji</t>
  </si>
  <si>
    <t>                                           ALL FRONTS OF WAR ACTIVE                 "Dare-To-Die" Raids Cost 24 Planes And Near 100 Men                 CONFAB OCT. 30                 SHANGHAI (SNSl Intense fighting is going on on all fronts between Chinese and Japanese forces, which may be a decisive battle for Shanghai, according to reports.                 Repeated Chinese air raids  Thursday night and early Friday kept the Japanese anil-craft guns in action and subjected the city to danger from shell fragments and shrapnel. Though 40.000 Chinese were  driving; from three side? against a wedge, which the Japanese had driven into the Chinese front Tuesday. 10.000 Japanese troops were said to be in danger ol being cut off from their base Jin heavy fighting at Wcntsaopanp creek. 12 miles northwest of Shanghai. Twenty-four Japanese planes at a cost or 100 men resulted from a "dare-to-dle"  air raid by Uip Chinese, dispatches, . Fifteen Japanese heavy bombing planes attacked the extreme north, era portions nf Nanking without inflicting  Important military damage. In the meantime. It was announced In Tokyo Oat thc Japanese Kovcrnmont had received an invitation to thr Brussels conference October 30 of signatories or thc nine-power treaty. Italy which has sided with Jnpan, also Invited to the Brussels, conference, has accepted, reports say.</t>
  </si>
  <si>
    <t>                                           SHANGHAI -- (SNS) --Intense fighting is going on on all fronts between Chinese and Japanese forces, which may be a decisive battle for Shanghai, according to reports.</t>
  </si>
  <si>
    <t>                                           "The Eagle Stirs Her Nest" To Be Preached By Rev. H. Gore At Big Bethel Tonight                 'The Eagle stirs Her Nest" is the subject upon which Rev. Herman Oore will preach tonight at BIB Bethel AME church In continuation of Ihc two-week Joint revival which began last Monday night Ho wUl return from SL Louis today, where he went last Friday In compliance                 a previous obligation to his I church there. The record .breaking crowds are expected to continue throughout the week as this magnetic young evangelist stirs Atlanta to its foundations. Sunday witnessed what two young ministers can do in the way of carrying on  work during the all-day service at Big Bethel. At the morning service Rev. B. L. Davis, pastor of liberty Baptist church, co-sponsor with Big Bethel In the revival, preached a great sermon on the subject: "High Powered KellRlon." He waxed eloquent as he described the power of religion ns demonstrated through the ages, and how absolutely necessary it is today. Maintaining that the age of miracles hat not passed he gave examples of what Is being done today through prayer. Two converts were received at that service. At $:30 .the  of Liberty and the Allen Christian Endeavor of r.lc lU  hold a joint session nl tho church. At thp evening service                 Rev. D. T. Babcoclc pastor or Big Bethel, delivered a powerful mes;saGc on "The Reality of Hell." He frankly and dramatically proved his contention that there is a hell Just, as surely as there Is a Heaven. Time after time he stirred his .i to a pitch of enthusiasm as he related facts and examples In modern as well as Biblical events to show the consequences of the wrath of Ood In punishment of evil. Seven new members werc taken In the night service. The day brought the largest Sunday crowds that, have attended Dig Bcth:l In recent years, and v.ith the return of Rev. Gore to the pulpit , the revival promises to break the power of evil In the Gate City.</t>
  </si>
  <si>
    <t>                                           "The Eagle Stirs Her Nest" is the subject upon which Rev. Herman Gore will preach tonight at Big Bethel AME church in continuation of the two-week joint revival which began last Monday night. Ho will return from St. Louis today, where he went last Friday in compliance...</t>
  </si>
  <si>
    <t>                                           No beauty prizes will ever come the way of the girl whose voice offends the eardrums of her hearers, She may be pleasing to the eye but she's distressing to have around. One shrilling, shrieking guest at a party can send everybody home early. Why...</t>
  </si>
  <si>
    <t>                                           Lump, Ton $7.50 Egg, Ton $7.25' 3Bags$j.06':V, Call RAymond 9 30 3 Ashby St. Coal Yard 295 ASHBY ST., S. W.</t>
  </si>
  <si>
    <t>                                           The pastor preached a wonderful sermon on last Sunday morning. His message was both helpful and full of instructions. The Church improvement rally last Sunday was great success. There are to be three of these rallys in succession for the improvement of the...</t>
  </si>
  <si>
    <t>                                           1 /i^^k So-Good Hair Grower fvl^^^^L Orawa Ums. mtt.  hair frw. 1 to t  Bf^^B Bcamu  Bslx  Ml Itctaiac       . -,-^B^^^^M SO-   '^^HK SindctitfM mmr brad  r kanh mcb      .^H^^^^^^^ SM r al^n.  r KM Ciaili aa4        U  aft -Kk^O^aVi^aT  i' Cnl Balr Cmrar    '^^~^~~^~^"^~m.  Bmlr  Mr  Me mSm   ?-$2   SO4M00 CHEMICAL CO, 75 Fair St, S. E, Atluta. Ca.</t>
  </si>
  <si>
    <t>                                           CLARK, MOREHOUSE and Alabama, three traditionally strong basketball incubators, have figured in every one the now popular and crown determining Tuskegee Basketball Tournaments. Tuskegee has figured in one and LeMoyne in one.</t>
  </si>
  <si>
    <t>                                           Tuskegee Morris Brown Lineup                 Tuskcjee Morris Brown Sisco, lc. Blackmon, lc. Griffin, H. Powell, It. (C) Brown. If. Busse'y, , c Williams, c Vails, rg. "Little" Brown Cnrry, rt. Poole, rt. Holiday, re. Roqker, re. Redmond, q. gam Jones, q. Ellebce, Ih. Braxton, lh. Sams, rb. Cooper, rh. Duncan, fb. Harmon, fb. Hills First Baptist In Athens Plans Stellar Program ATHENS.- Ga.-(SNS)- Plans are being completed here tor one of the  affairs ever staged at the historical Hills First Baptist church. Rev. Taschcreau Arnold. Atlanta, acting pastor, it win take place on the fourth Sunday in October. The day will be known as Athens' Day at the church and there will be held during the day three services. The entire city has been Invtted to be the guests of the oldest  church In Athens. Vtot. Aaron Brown principal of     Athens High and Industrial School, win preside at. the special services at 3:30 In tte afternoon. He Is one of Athens' ; educators.</t>
  </si>
  <si>
    <t>                                           ATLANTA IS LAUDED BY TYPIST                 Cortez Peters High In His Praise Of Local Progress                 EARNS $10,000                 By LUCIUS JONES                 Prefacing a great speed-typing  with u tribute lo Ailujita     In colored business here Wednesday morning in the  ul the Nurlli Curollnu Mutual LAtv Insurance Co., oti Hie UilrU (lour of Uif OJcl Fellows Building, Curluz W. I'elvrs ol                 Washington. U. c. world'.s seci -  typist. Umpired u capacity  or  professional workers and reviewed Hi.-; -lo- buttle In- liu.s  for  years to gain it  anil  fur Ills .      ;il skill. Mr. Peters, wlio Is  years old, began  ui tin- ugi' ui twelve wlif], lie first entered Inch school. At lii:* tender ugf "I twi , lie staled thui lie was  In 111* ability on tlie lyin-. Ills presi iii  ol between inu und 142 words ptr , "-r heal"  him the ruting ui Uic          second - In hut own heart, he  that he s absolutely the best. This June in Chicago when the next international championship is staged, he  he is determined lo overcome all possible obstacles und u.Uubllsli himself in I la- eyes of the  civilized world a- the No. 1 :.~~~. In  di , Mr. Peters "warmed up"  . on his , then, under : ; by his assistant. Norman Jackson,  or WusliingiDii, U C. lie  1TO words. A whiti1 Inter, he  UO words in u single minute while reciting u favorite poem. Lalir. lie    i n column of figures four .        while  ul thv -nal rate of 130 words a minute. lie brought   I rum (Continued on Page C. Col.                 Atlanta Is (Coulmuftl from P.~Kr 1) I *~        -s present when he gave 1 Iils - ol how Utll 1B0.si Robmsuii /   ;  his - NS  rhythm, would perform :it a typewriter after ; u first-class cour.se in speed-; Tlir amazing  powers ol the  pwd Ucuiun ut i'e also   he an1 swered questions asked by persons  ire.~t.lH coherently while  off words ut un  rule of speed. Following questions from the group. Mr. Peters revealed that his present income from the business and commercial schools he operates and from his bonuses in national contests is upwards of $10,000 yearly. He emphasized, however, that he has never had money-making 'but  im his goal in life. Mr. Peters explained that he had no special insurance protection on his hands alone, but that like the other professional speed-typists carried heavy accident  .na- For the benefit ol Mrs. P Williams,  and president 01 Williams Businc.-.-. College, who has accompanied him on his Itineraries  ihe . tie dramatized the mj-' in which a national com- i  trillion is conducted. He had on actual display the "trick" copy which he stated cost him hi? charice 10 tx recognized as tlie No 1 professional typist of me work!. .Scrutiny of tlie  reveal- rd ; repetition of the .same words and phrases. He stated that. In changing his seventeenth sheet of copy paper, he had "picked up" it one of the many repeated expressions m the Toronta contest. I unintentionally  a whole                 pa.~sag.\ U.'. ih,- fact that lie was penalized 3U0 v.oriN. when the  was extracted flu ill his volume of  43.7U0 words tor the hour s . he  ranked second in t!:e competition. The climb of Mr. Piters to world recognition in the fii-UI of typing and shorthand recalls, in many , the personal struggles of Paul Williams of Los Angeles. Cal and Washington. D. C. a nation, ully known architect of our group.  to the pinnacle of his profession despite the barriers 01 ruce prejudice, exploitation and discrimination. Mr. Peters, who 1*   by national headquarters of th? Royal Typewriter Company m New York City as special     }ke highly of the  and Ihr b  way in  u has treated him. He staled that 1'e     pleased to =.ee colored Atlanta with t her own building and loan associa- lion, a progressive bank, and a daily newspaper Throughout his  personal  and I in tlie course ol his impressive i demonstration, he received sincere and  applause. I</t>
  </si>
  <si>
    <t>                                           Prefacing a great speed-typing demonstration with a tribute to Atlanta and her remarkable progress in colored business here Wednesday morning in the office of the North Carolina Mutual Life Insurance Co., on the third floor of the Odd Fellows Building, Cortez W. Peters of...</t>
  </si>
  <si>
    <t>                                           Wann weather 'for' today was predicted for Atlanta, by the  weatherman. Thursday. -Sides will be mostly, cloudy and there is a possibility of showers." he announced. A" tow temper, ature of 36 degrees was predicted for today. Cause responsible for the upsetting weather here, was   . Texas disturbance, the weather- bureau announced.</t>
  </si>
  <si>
    <t>                                           I DON REDMAN  fl (America's Most Versatile Musician)  fl and his famous II Radio and Recordinff Orchestra  l are featured at I Sunset Casino Next Thursday Night, October 14  j 9 P.M. TILL LATE Ifl Advance Tickets ,55c k'^~ Tickets at Door 65c 11 M,^</t>
  </si>
  <si>
    <t>                                           RICHMOND, Va.--(S N S)--The Virginia Union University basketball team. following the precedent set for the past two years, will open the season with an independent club, when they face the Benezet Five of Philadelphia, Pa., Friday night December 17, at...</t>
  </si>
  <si>
    <t>                                           Mr. Joseph Nealy, 65- Passes Away                 KT.  JI, Tex.-                 (SNS)                 Mr. Joseph Nculy. US. u  resident of this city, died nt, t)io Piuklnnd Hospllnl In Dallas. Duccnibcr 14. Ho Is survived by his wife. Mrs. Matllo V. Neiily. imcl three brothers. Robert L. Noilly, Fort Worth; Tobc Neiily. Dullnsi nnd Frank Nenly. Wciucrl. Texiis. mid one sister, Norsls Nculy. Fort Worth.</t>
  </si>
  <si>
    <t>                                           If mouth-watering descriptions were only as easy as Sldllet Biscuits we would have no difficulty telling you how superbly delicious, how flaky and tender "griddled" biscuits are. And when I think of the Scotch Peach Sauce that goes over them, again no scintillating words...</t>
  </si>
  <si>
    <t>                                           CRUTCH LEADS TO  I OF  CONVICT                 LITTLE RCCK, Ark.- (ANP) Because Santa Ford who Is minus one leg. uses a crutch to get about, he Is back In the state prison farm at Cummins. He was captured six miles away Monday, one day after his .Guaids kept an eye open for a fool and crutch track and Portl wns .d l(y u  to a  woods,</t>
  </si>
  <si>
    <t>                                           Q.--Dear Sandy, when I first started "radioing" we used to get our stations by tuning on meters, but several years ago we started using kilocycles. Please tell me why this charge.</t>
  </si>
  <si>
    <t>                                           FARR WANTS JOE LOUIS AGAIN                 Welshman Boasts He Will Beat Baer And Braddock                 FAVORS LOUIS                 sew                 'SNS.                 Tommy F-jtt. .  .       :i] Bnr:~li champion who lasted 15 round* with "Brown Bonibrr"                Aueusi.  to / for the world s  title nr-x: September xs    lut:  u: tin"  UVW' num.                 Rirr. who " thai he would j  Joe Loui*. has comi- buck lo Sew YorJc with a similar     . bul Dlans a build-up, : with j natch with Jimmy Braddock.    ^ ending with tlie winner of      I Louis-Schmelirtr bout scheduled Cor next year. Says he: I "I'll lick Braddock aud then I'll i whip Max Buer. Then who s to j stop me from fighting the Louis- Max Schmeling winner?" -And it ll be  be added "I think hem knock ScHmelfiif colder than a turkey. Joe is bound to nave learned plenty in that las: light and dont forget Max will be two yea/s older in June than he was when he fought Louis before, he stated. Mike Jacobs cot Rut's agreement tc meet Baer if Parr whips Braddock. I -I am sure      I ran lick both of  FSirr  Appearing to reflect that one can never be too sure, lie continued: "Bui you Jiaiv (-ol to iu.iv a healthy respect for any man wlio can send Louis to Ihe dtn-fc as Sraddock did in ." i Parr    -  210 . six more  when he scab tl for Louis. He wUl       next week at a camp not yet selected Vp until now.      Jias bfn  boxing lessons in Bigkind and Wales.</t>
  </si>
  <si>
    <t>                                           Tommy Farr, sensational British champion who lasted 15 rounds with "Brown Bomber" Joe Louis last August. expects to fight for the world's heavyweight title next September as revealed through the bragging tongue of the foxy Welshman.</t>
  </si>
  <si>
    <t>                                           Infant Struck Down By Bike Wednesday                 Knocked      a . fiveyear-old Walter Mae Robinson, of 1006 Michigan . wxs treated Wednesday at Crady hospital foi an injured left aim. Two Children Are Treated At Clinic Two children were given emergency treatment Wednesday at Crady hospital for Injuries received whil,. skating. The victims were: Willie Eads. 13. 853 Proc'or street, laceration of  McGce. 12. 1* East street, left arm and right wrist bruised.                 New Orleans To Have Fine Bathing Beach For Colored Group                 NEW ORLEANS CANP)- At last Tuesday's meeting of ths Levee Board, plans were outlined  nd adopted for  of the bathing beach development for Negroes on Lake Fonchartnin. about a mile from Little Woods. The site comprises an area about 400 by 2000 feet. The- present Negro beach, near the Industrial Canal, Is to be turned into a  area. U was explained. Opponents of the plan to  the beach project at Little Woods, included State Rep. Kenpedy. ft  Bdfflpn of. Uje NJnth                 Ward and Ernest Heater. The? contended property values in tho Little woods area would be     paired and racial friction might result, it the beach is opened. Their objections were not given concurrence by Board President Leon jl. Tnjague. who declared: "No matter -what -we do. somebody via object. There are HOMO to 160.000 Negroes in New Orleans who have a. right to a part or the lake front. *    point (little Woods) has been recommended Stiff, i  ;"</t>
  </si>
  <si>
    <t>                                           .1937^ r:</t>
  </si>
  <si>
    <t>                                           FOR DELICIOUS SNACKS KRAFT ^2    CHEESE SPREADSJuat      *ammal3n*i.~;        f JuiftOm Sfmi^C  .tai.^-'-~i.  am all ; 1 Mndwiefaim.           m*g      ^ lock J'toliDvibwHHC^</t>
  </si>
  <si>
    <t>                                           Crimson Tide Set for Bears in Rose Bowl Game                 Alabama.^ Hist team                 On   stalwarts depend Alabama's hope* for             Uw mighty Cslifornui .      when they merf in    - Rosr Bowl at Pasadena on N'w Yearns Day. Photo shows. !~ft to right, front line.                 Pemm Shr^maJor. Jim     . Lou Bnxlick. Jack Matchtofl. I-~  .y Monsky. Jim Tipton. Tut       . back ie-loi Owirgr Zivjch. CharirK Holm.        Cnchran. Jo- KiiKrow.                 i</t>
  </si>
  <si>
    <t>                                           IB3 i i III</t>
  </si>
  <si>
    <t>                                           LOANS 1 j FOR COLORED PEOPLE f 8 I   $ No Red Tape No Waiting i. m Mr: i) (atk : I Lincoln Loan Association 719   ; Cormr WalLon ami Broad Strcetn A VVAIntil 20-IC 2 r Millions prefer this "flavor that is different" J^fe^y 9 It's n  ** Ix-iui-irn --^^^{4Ma^M ,-.o aii.l iil(~.         ,.~~ \   ' '^~~5   UiilmJ . wild a H[~- 11^^^^^ [                .wn!       - Wliij) llf}j'^^*''*'mr l llll-' H Kjt.illy .liff.r.f.t  ull  Ihp^        'mU iln:      ;H- ..,      0 ~~/e* ^^TTfl dei;~:;.,tM.'         :       ^-MH.ri! U^C^UiiMAilJldh ft '^-^T^^^^H r^^Jr  V/HIP  WORE- V/^tfc^MBtmf,' FAB MORE -OF THE        IMGBf  ^^^rr-- ^7 y5</t>
  </si>
  <si>
    <t>                                           Nathaniel Montgomery. Fort Worth, Texas. Manager, 1937 Tuskegee Institute Golden Tiger football team. Montgomery, who is a graduate of the ... M. Terred High school at ... Worth, ... Tuskegee institute in 1934, as a freshman. He has been...</t>
  </si>
  <si>
    <t>                                           CLODDY, Tranncr TrTi\~</t>
  </si>
  <si>
    <t>                                           Checking and  account service i First National Bank ATLANTA CAPITAL. SURPLUS PROFITS J9.000.OOO Mcinhrr Frdrral     -ut Insurano Corp. ft</t>
  </si>
  <si>
    <t>                                           Food it always the excellence of quality. Our price, are   ow never more. Our service    always prompt and courteous. Let us prove to you our claim.</t>
  </si>
  <si>
    <t>                                           In an interview with Mr. Drew S. Days recently, a World reporter was informed that his vacation ended last night. December 24th. The genial and diminutive friend of all Top Hat guests will be back at his stand immediately apon his return from Florida.</t>
  </si>
  <si>
    <t>                                           3^5^ Best Wishes For g f  -^      Christmas f AND A f J: Prosperous New Year I HOPKINS BOOK-FURNITURE STORE 141 AUBURN AVENUE</t>
  </si>
  <si>
    <t>                                           FOOTBALL CLARK W# FLORIDA ^SpK) SATURDAY 9^p% Oct. 16th, 2 P.M. A M\ Ponce de Leon Vv\^   '^^m Park A ADMISSION 75c ^HiL ADVANCE 55c STUDENT TICKETS **W On Sale at: CLARK, MOREHOUSE and MORRIS BROWN COLLEGE</t>
  </si>
  <si>
    <t>                                           Three Small Children Travel From Florida To Gotham, Seek Mother In Vain                 NEW YORK (ANP) A I wait of ma:i.v hours hold no tor- rors for Tommy Strickland, 4 years old, and Ills two , Winnie Mae, B. and Carrie, 0, when they arrived at the Pennsylvania station at fi:58 u. m, Wednesday to find their mother. Mrs. Essie                 Strickland, was not- there to greet them, 1 The  children, wlio traveled alone from Jacksonville, Florida, aboard the Havana Special. looked anxiously up and down tho platform for  . who      here Ittit June to find u Job and I then set for (hem after netting em- I                 us a . Tommy, whose bare feet flinched as they touched tiie cold concrete, took command  shielded sisters from a lurching baggage truck as *e peered Into Die /aces of tlic 'crowd. They were not there long before x representative of the TravelersMd society found them for they ,vere wearing tags from the Jacksonville branch of the  saying  were en route to Mrs. Essie Strickland. 1212 Butler , Far Rocktway, Queens. Unperturbed, they ate breakfast (Continued on pace 3; col, 5)                 Three Small (Continued from Page 1) and luncheon .is quests nf the so- ciety whole officials hunted ihc mother. They finally located her ut a new address, as she had moved [iom the old two months before Mrs. Strickland said she was not at i the train because she thought the train came in at 0 p. m. instead of around [i :i. m.</t>
  </si>
  <si>
    <t>                                           NEW YORK -- (ANP) -- A wait of many hours held ho terrors for Tommy Strickland, 4 years old, and his two sisters, Winnie Mae, 2, and Carrie, 0. when they arrived at the Pennsylvania station at 6.58 a. m. Wednesday to find their mother, Mrs. Essie...</t>
  </si>
  <si>
    <t>                                           By Lyman Young,                 ;THECAf By *                 DOROTHY DARNIT By CKas. McManur                 IT S A GREAT LIFE IF YOU DON'T WEAKEN BV Jack                       NIPPER -By Bra*</t>
  </si>
  <si>
    <t>                                           E9*r 9 Tffi*iric Jk Gnsite SfomnHBls, Copiac. EToytUac to   - Kfy The CoMtary Lot CAU. N. D. JONES R*. 879S 145 AtO, Sfat, N. W. ROBERTS  Ca Duphr Room "WA. 6163 10* Pasc*  fe Im Atom</t>
  </si>
  <si>
    <t>                                           Illinois Mayor Demands Courteous Treatment Of Race Labor Delegates                 CHICAGO- " J;imes A. Greene. p*~st;tl cl'.*rk, \vh.~ represented the Post Ofrico Union. Local No. I. ;is it  to th^      *nl con- vention of the IlUniiw Fuderaticn of L:ibor ;it L.-!~.-. III., v.us  in  this week of the  ' the NcKro *t*fs by                 ion officials Iho convention commit. '.cos and by Mayor H. M. Orr ut La Snll.;. UiSalle. nationally known because Big Ben clocks are manufactured there, has lone been notorious as the most rabid Jim Crow town in Illinois, the citizens  themselves on the fact that    Xecro has ever lived there and that all obey  Vie "read-and-run"  plastered all over the city. Several years aco Dave Washinston.  representative of TuskCRiw . stopped overnight in LaSalle. ?re of the Jim Crow ban. and next  he was summoned before the secretary of the chamber of commerce and told to leave the city on the next train out.. in any direction. Whon it became known that several  would attend the Stale Federation nt Lj.bor convention                 IS   "l"Cat"S. .1 LaSallr       Til" Illinois Valley Uib-ir .Wv.s ~-.irri-"i this explanation: -'AllhoiiRh !.;i Sail'.' hits an unwritten law b.imti^ co'.'.red persons. It has boon drop. ;~cd toy Tii'? week of tht* convention. ;md both the Mayor and the com.  haw taken steps to insure the comport nf  particular        ;itos." But Mayor Orr. in his address rjf welcome .it the convention s r. . was more specific in his demand that the colored  be  treated. He prefaced hui speech ;is follows: "Befor*.* I       my address of welcome, there is something which I wish to net off my chest. There lias been a lot of propaganda  the ill-treatment of KcRroes by citi-1 *ens of L;. Any N'carocs  into the city of LaSalle to attend the Illinois Slate Federation of Labor convention, arc Koine to receive the same kind of treatment,  the same accommodations ind the same courteous consideration that white men are   '"S to receive. I have instructed the police department ti arrest and fine heavily  who is discourteous to any Nezro during his slay in this town."</t>
  </si>
  <si>
    <t>                                           CHICAGO--(ANP)--James A. Greene, postal clerk, who represented the Post Office Union, Local No. 1, as a delegate to the recent convention of the Illinois Federation of Labor at LaSalle, Ill., was high in praise this week of the treatment accorded the Negro delegates by...</t>
  </si>
  <si>
    <t>                                           DALLAS, Texas--(SNS)-- Parade of downtown Dallas to the grounds of the Pan American Exposition will mark the opening of the two-day holiday period for Southwestern Negroes the morning of October 18.</t>
  </si>
  <si>
    <t>                                           Reward For Arrest Of Perpertrators                 C. L. Phillips, of the comer of Iuwshc and Parsons street, late Wednesday night informed the WORLD that he is offering a $10 reward for the arrest and conviction of two  who  to steal a yearling from his woodyard during the night and fatally stabbed it when such noise wils made by a doer, that the owners were attracted. They left it dying on the premises. Phillips  (jive no description of the persons in the alleged larceny attempt.                 Guerilla War\ Continues In Ethiop Area i Reports Say Numerous Bands Are Striking Italian Colonizers' LONDON.     .  Reports reached here last wrick that .s  or well-armed ami -; Ethiopian natives. Uikliig .- of the   which begun l:isl. Aimus'l, are  Ihi'lr .n, mi ' L'olniilnl forces with tilling I'i'.. 'Hie report  told of la Iluliiui planes sent to u Id tin- soldier.-. at East African  which  been caught olf because 1.1 impassable \K. 'I'll,, planes ciii- :iii! ;iii(l  -aim  d and iii:-       )('(l th(~  in? i tiv- lives, ; lo Uir report. PI.'  ikS Inivlnu been  by till.1 l-JUilopluns were Uillbcla. Bllbsiln Goryls. Dcbro Si"~. lX bni Uiclinn and  hi Hie Jcrcr. ZiKiuala an(~ Di'lmcocllo :;. The 13 Riillroad was also  mid .service . Uomi!  :ire suid to Ihivp  that W Italians arc kill cd each month by  rebellious natives. They deny, however. Ilia' there has  any . uiu  j since Hie  capture of Addlt Ababu. Expect Signature Of Governor On 2 Bills Soon, Out of the -nearly, score of bill',  by lln.1 assembly bcl oro Hie recess hour which have been font to Governor Rivers lor hi/. signature, the two ol most  were the new     : bill and liu1 bus.  and auto ta^c bill. 'flie Governor  d  the intangible bill and the Ian bill, and Ls expected to .sign them ( . Likewise, llic       .bills are expected lo .  s approval Adoption ol tile two measures climaxed the final 1 J37 day 01 the special session -li also was featured by the payment of the full December salaries of the common school teachers of the . A warrant for $744,000 was signed yesterday by the Governor, and the school department put the checks in the mails before night fall. Just before the assembly went home. Governor Rivets appeared in both the senate  house of representatives to wish the member.**, a happy holiday  and in return received resolutions wishing lor him and his family a joy ful Christmas perion.</t>
  </si>
  <si>
    <t>                                           Her adaptability, Julie thought with a slight stab of conscience would probably get her into trouble some day. Perhaps someone else ... She thought of Dick Jessup. Because she had been so adaptable that she had been able to see herself contented as the wife of a small...</t>
  </si>
  <si>
    <t>                                           Christmas Seals aro hero again! They protect your home from Tuberculosis</t>
  </si>
  <si>
    <t>http://search.proquest.com/docview/490542646/</t>
  </si>
  <si>
    <t>                                           Mr. Levi Harris, a popular member of the younger set, departed this life Monday, Oct. 4, at his home on High St.</t>
  </si>
  <si>
    <t>                                           Phone Ra. 9413 I More Freezing Weather Ahead I Be Prepared BUY COAL NOW FROM Price-Henry Coal Co. Dealers in High Grade Red Ash Kentuckv Coal. 1 1 00 SIMPSON* ST.. S. W. 3 I-arge Bass SI.- AVe Deliver from 1     to a Carload</t>
  </si>
  <si>
    <t>                                           .                  Br       (                      If    ' troth ;:~t}Ha\iu!%~</t>
  </si>
  <si>
    <t>                                           Movie Theaters Face Dilemma                 Movie theaters throughout T.'    ?d States arc fared wth_a dilemma. Havin= accustomed patrons to a double feature policy- and often  in hank night for pood measure, they find themselves confronted with a. shortage of . As a result, they arc forced to  quantity for quality and Hollywood is hard-pressed to turn out its quota of 600 features n year and make them Jcccp up to standard Samuel Coldwyn is one of the major producers who has Jonp  the situation and his protest is now supported by many  who arc tired of sitting through mediocre bills which are endurance tests but liar.Uy good entertainment. Consequently, many predict a return lo the single feature program and more care and artistic effort on the part of Hollywood.</t>
  </si>
  <si>
    <t>                                           Coming through with the "drops down" in the Last minute and a Half of play. Lucius Jones brilliantly, passing black And white Adelpha babes turned what looked like certain defeat into a sweet victory Saturday afternoon in the Morehouse gymnastum when with J.D....</t>
  </si>
  <si>
    <t>                                           I am twenty-one years old and so is my husband. We were born the same date, month and year. Sometimes we get along very well, then again, we do not speak. We never go out much together because he works at night and goes to school in the day. Sometimes...</t>
  </si>
  <si>
    <t>                                           WILL- Morris Brown's FLEET-FOOTED BACKS AND PILLARS OF STEEL STOP TUSKEGEE? We'll See Tomorrow! Tomorrow 2 P. M. Ponce de Leon Park Tuikefee't Band will be there!</t>
  </si>
  <si>
    <t>                                           The recent conference of Negro Editors called in the Agriculture Department of which I shall here more he ... the ... releases, is the immediate occasion of this account of my of gardening from my mother who as her bads as I can remember operated a kitchen garden in which she enveloped ever member of vegetables whiles ... in that region.</t>
  </si>
  <si>
    <t>                                           attention: Christians ONLY E-m $15.00 Pvily.       . WILLARD WASHINGTON, Z010 Ellin^ Street, B^, Md.</t>
  </si>
  <si>
    <t>                                           Schaine's Lincoln  O'BRIEN "Wind Jammer" Schaine's Harlem Constance BENNETT Cry CRANT in "TOPPER" For Chest Colds Distirssinj; ecu! in chest or throat, never  to neglect, j^       up when soothing, warming Mus- j  is applied. Better than a mustard plaster, I Mustcrole      action because it s i NOT just 2. salve. It's, a "counterirritant"- stimulating, penetrating, and helpful in drawing out local congestion and pain. Used by millions for 30 years. Recommended by many doctors and nurses. All druggists'. In three strengths: Regular .Strength, Children's (mild), and Extra Strong. Approved by Good Housekeeping.</t>
  </si>
  <si>
    <t>                                           Schaine's Lincoln Stan LAUREL Oliver HARDY in "Way Out West"               I E M t I Pkrllla Breofcj I OF I t-...ir a-      - a y Bailey Theatres Ji^ JOHN WAYNE in I "I COVER THE WAR" 2 Comedies      Clutching Hud ROYAL- -THIN ICE" With SONJA HENIE TYRONE POWER 2 Other Pictures and News " with ALL COLORED CAST 2 Other Pictures and News ] TRIGGER CAREY Also GREEN PASTURES</t>
  </si>
  <si>
    <t>                                           CHEST DIE WORKERS III SESSION                 Group Convenes At Butler "Y" This Evening                 MAJOR REPORTS                 Indications point to the most heated and most enthusiastic report meeting or lhe campaign to date this evening; at eight o clock when the respective workers of the current Community Chest Drive Gather at the Butler Street YMCA in support of their respective ships                 and for the purpose of qualifying { for pre-announced bonus money. Both vessels. Ui: SS Lady Fsgor.  for Miss Rattle V. Feger. and the SS Queen Pitts, tilled for Mrs. Claia M. Pats, have readied the middle of the Atlantic Ocean in their maritime voyage to Paris, France and a goal of $5,000 for the Colored Division. All "sailors." that is. every worker and volunteer, are urged to be present at to- I night s meeting1. Hiss Fcger and Mrs. Pitts have been running almost a "dead heat" with their respective ships comn-anded by Dtan J. p.   of Atlanta- University- and General Manager C. A. Scott of the Allan. U Daily WORLD. T. M Alexander, chairman of the Colored Drive, and the various members of the  committee have oil been but doing individual hustling. Miss Magnolia Latlmcr. secretary or the division, has been and still is swamped with work. All churches, civic nnd social or- . as well as Individuals i having reports to make are urged to be present tonight and have been given a, Monday deadline. Additional material and supplies are available ut Urban League headquarters in the Otfd Fellows building or at the Alexander and Company office. Ministers arc pro-  upon to make a renewed ap. peal to their members Sunday tor aid in the drive. The contributions i may be made at either of the two I'cadquartcn. previously  in this paragraph. The general public is. or ro irse.  an open invitation to attend all report meetings of the j Community Chest workers. 1</t>
  </si>
  <si>
    <t>                                           Indications point to the most heated and most enthusiastic report meeting of the campaign to date this evening at eight o'clock when the respective workers of the current Community Chest Drive gather at the Butler Street YMCA in support of their respective ships...</t>
  </si>
  <si>
    <t>                                           ["CHECKING AND SAVINGS ACCOUNT SERVICE First National Bank ATLANTA I CAPITAL, SURPLUS PROFITS $9,000,000 Member Federal DepQiit Imurance Corp.</t>
  </si>
  <si>
    <t>                                           Look around you and see what fine fall gardens others have and be inspired by their good work to do even better than they. One thousands four hundred eighty-five club families in eleven cotunties reported five fall-winter gardens, Same gardens have as many...</t>
  </si>
  <si>
    <t>                                           SLEUTH JACK OAK! E IS A CONCEITED                  I ANN SOTHERN IN! CO-STAR ROLE                 Pumous Hollywood spots which ..rp known to millions magazine leaders throughout the world serve as backgrounds for much of the fiction In "Super-Sleuth." comedydrama co-starring Jack Oaklc and Aim .                 Glimpses of noted film stars'  views of Hollywood Bouleviud. shots of famous night  and amusement concessions at  beach, us well as authentic 'buck .stage' scenes of movie companies making motion I pictures, provide the colorful atmosphere in the Edward Small production Described as u humorous  storv 'Super-Sleuth" presents I 'Tack Onkie ;is n ! screen j ci?tcc: who attempts to solve a "cal life murder mystery with the js-ame tactics he uses in his famous !i)m characterizations. j How he blunders Into the           alter flirting with death on v- occasions, brings the film to ja hilarious and thrilling climax. Ann Sothern is cast as a studio publicity woman who finds herself -'. in love with the boastful j.-' bloodhound despite herself. v.hile other  players inj ..'ludo Ecluardo Clannelll as a mad  of . Ed^ar Kennedy a.s a hard-boiled police ~::~plain. .Joan Woodbup-y and AUm Bruce as -ins Bradley Page i^s a - leading man who is . Paul Guilfoylc as a film I 'Jucetor and Willie Best as the f ' colored .servant to Oakic. On the .stase the Capitol offers  biq acts ol vaudeville during  lhr presentation of the  show ::tie  Revue." Many of the acts  just completed engage* I ui"nts on Broadway and contain I i" very clement of variety that goes I i"io Ihe making of a stage show I "at is very decidedly different</t>
  </si>
  <si>
    <t>                                           Famous Hollywood spots which are known to millions of magazine icaders throughout the world serve is backgrounds for much of the action in "Super-Sleuth." comedy- drama co-starring Jack Oakle and Ann Sothern.</t>
  </si>
  <si>
    <t>                                           Fire Does Damage Flre early Friday morning did slight damage to the roof of a i house at 185 Port street, NE. The  is occupied by Hllliard j McMullin. 35.</t>
  </si>
  <si>
    <t>                                           The petition of Bertha King Thomas, Turner ... King Nina King Calhoun and Cornelius King Jr., president of Fulton County, Georgia, respectfully shows:</t>
  </si>
  <si>
    <t>                                           Police Searching For Automobiles                 Police and detectives Saturday  were seeking two automobiles reported stolen recently,  Richardson of 180 1-2 JatTson street, said his car was stolen from the corner of Fair and Melbur:' streets. An automobile owned  Green of 1040-A F*tr street. SW. "was removed from in front of Chapel and Greensferry. police said. Police A i d Sought; For Capture Of 3 Suspects Atlanta Police Department Saturday  was asked by Fitzgerald police officials to look out for two colored men and a colored woman who robbed a colored man in Fitzcerald of $100 early Saturday afternoon. The trio was traveling in an automobile bearing Ohio license and was believed headed for At- I lanta, it was reported.</t>
  </si>
  <si>
    <t>                                           ALABAMA States November team continued its comeback campaign at Ponce de Leon park before 1,500 fans who exposed themselves to pneumonia in 25 degree weather Saturday. The score was 10 to 0 with Morehouse on the short end of the board.</t>
  </si>
  <si>
    <t>                                           I. D. Parks, official scribe for the Midwestern Athletic Conference, released his 1937 All-American football selections the past week and, on a whole, it is the opinion of this corner that he did a decidedly improved job over last year when his picks revealed an almost complete unawareness of "Men and events" in the Southeastern Intercollegiate Athletic Conference However, let it be amiably said to Brother Parks that he still has room for some improvement.</t>
  </si>
  <si>
    <t>                                           No Colored Alderman For Harlem This Year                 NEW YORK- (By Al White :or i ANPi- For the Hist time in many years.  will be no colored  in the council  I to govern the Wg city ol New York, I when that body meets in January succeeding the old Board of Alderjmen.                 That bod}* usually bad two col- I ored representatives on ic one from the 19Ui District and one from the i 21st District. But. -with the new set-up, representation according to population. 75X00 persons being entitled to one representative. Harlem is "out In the cold." Too many *fi ruined the chances for the election of at least cne representative. There were four Conrad A. Johnson, FUsionlst; Rev. John H. Johnson, independent: Julius MacClaln. regular Tammany Democrat; and Charles LyncQ. also        "V .                 i MacClaVin was the  colored I candidate eliminated In Manhatj tan. although he had secured over 20.000 votes. Re-. Johnson  (Continued on Pace 2; CoL 6)                 No Colored (Continue J from   (r 1) the' second best showing. Cuiirud A. Johnson, the third with Lynch counted out early in the running. What rt feet this will havc on the voters of the community is questionable. Although colored Aldermen on tnc Board did little to make their presence - as rar ax progressive and protective legislation in Harlem was concerned- ut least their presence on the beard was a safeguard to an cx;enl. A long line of prominent   havc represented Harlem in this famous body. including. Fred B. Moore. George W. Harrtx; John A. SmlUi; Conrnd Johnson: Henri Shields; Charles Lynch; arc  those *ho . tasted Uir glories or  which brought 55.000 annually, plus such  ics as go with office. 'nils group served in the Aldcrmanic chamber since 1920 and during their periods of service, were regarded ax the "  '"-'cai heads of  districts." I FrequinUy.        positions led to I others more important in  politics. This was particularly true of those who represented the Republican party. But their power waned some right  agp  a gigantic democratic wave swept them into office. I Just what the result of the Proportlonal Representation election portends as tor as colored New York is concerned can bc seen only after iac City Council is in .</t>
  </si>
  <si>
    <t>                                           NEW YORK--(By Al White for ANP)--For the first time in many years there will be no colored representative in the council elected to govern the big city of New York. When that body meets in January succeeding the old Board of Aldermen.</t>
  </si>
  <si>
    <t>                                           TIGER CAPTAIN                 SAMS Captain ur  1!)37 Tu. Institute Golden tiger football team who played tti.        **~ Bairn- uf his treat career u^ the Hornets uf Alabama State Teachers Col!ej;e at Cmmlon Bowl in Montgomery. Thanksgiving Day. Sams is a good receiver, a great blocker and an excellent tackle. lit is one of the most elusive and versatile backs in the South.</t>
  </si>
  <si>
    <t>                                           Former Mayor Ragsdale Is Dead!                 I. N. Rassdale. former mayor of Atlanta, passed late Saturday af.  at his home on Momincside drive. The former city executive had been ill only a brief period, pneumonia had developed Mnce the extraction of two  several days ago. Mr. Ragsdalc was mayor of Atlanta from 1926 until 1930. between the two administrations of former Mayor James L. Key. A prominent businessman, he owned a large amount of real estate throughout the city.</t>
  </si>
  <si>
    <t>                                           ROPER--The many friends and relatives of Miss Johnnie Mae Roper of 450 Mitchell St., S. W., are invited to attend her funeral today (Sunday) at 2 P. M. from our chapel. Lincoln Cemetery Hanley's Ashby St. Funeral Home.</t>
  </si>
  <si>
    <t>                                           The Rev. H. M. Smith has been called by the Mt. Sinai membership, which was indeed a great surprise to him to know that the members here wanted him for the pastorate. The call to the young minister was formally made on Wednesday night at the regular...</t>
  </si>
  <si>
    <t>                                           SOCIETY IN THE SOCIAL REALM CLUBSajl</t>
  </si>
  <si>
    <t>                                           FIRE DAMAGES PHILANDER SMITH DORMITORY LITTLE ROCK. Arl;.- (ASV One room, iis furnishings ami a section of the hall at \\\~b!t h;.ii. girl s dormitory l"~n* fn**ii and sophomores at i  i'-r Smith cull'.-^t*. wvi*'.' dama^iHl last wouk by lire. Firemen said Mublyzc, which  tlam^irc-s estimated at SI 50, started in Hntilture      spread .</t>
  </si>
  <si>
    <t>                                           Big M. E. Meet In St. Louis Dec. 28-31                 j Leading the way to a united i American Methodism is the first National Methodist Stude:it Con- Terence which will be h Id in St. i Lcuis. Mo., at the Centenary Jlcth- J odist Episcopal Church. South. December 28-31. i                 This involves cooperation of j the        main branches cr .Meth- I  the Methodist Episcopal I Church, the  Episcopal Church, south. a:id the Methodist Protestant Church. This delegated .ee of on" j thousand Methodis. col ege and university students and adult coun- t  marks tlie "~ing of a n w era in religious thi^ .g students- No glib resolutions j will be passed; no questions involving long ramifications and complicated results tvi i be . The college students propose tost ad a return to fu-damental .         the very depths i of  thinking and feeding I and searching out tha reasons for 1 Ctristian action. Ways and means                 c: :r.akin;  more e:':ect:v 0:1 :he America;! college campus ..Hi also be considered i Tli.- conference is  called by } a college-student committee under j Hie auspices of :he Beards of Ed- I . of thc Hire: Methodisms. From all indications St. Louis will be an his-.oric event in the student li:';-' of the Church, as it marks the j initiation of a student movement i wor d- in its scope. The purpose of the conferee will be accomplished through swen commissions, with a notable group cf men assembled to lead them, as lol ows: The chief platform speakers represent outstanding pr achers of the three Methodisms. Dr. E. F. Tittle, pastor of the First M. E. Church of Ev-anston, HI., will speak en "The Nature and Reality of God." Dr. W. A. Smart of Emory University win have as his subject "Unit d Christian Action in a (Continued on Page 6; CoL 7)                 Big M.E. Meet (Continued from Page 1) Changing World." Bishop James C. Baker will use 'The Meaning ot Jrus for Students Today" as bis topic. Dean Howard Thurmon or j Howard University will  j til,, conference on "Sources or po\v:r for C!          .Actioii." Bishop Puul B. Kern or Ui^. Mi- Episcopal Church, SorUi. will  'The Church ft CliunguiR World." The Rev. T. T.           comt-s sn his '.TKicul turn- 10 talk on "Tlie World Mission of the Christian Religion." Dr. Harold C'. Case will ghf the closing  Of Ui^  on "UiIjik Togellier." The Rt-v. Harold          of Watorvill.-. Me., will have  of the worship sen-Ices for the cor,- i ference;  President Nelson K I Horn of Baker University is to load the forum discussions.</t>
  </si>
  <si>
    <t>                                           Leading the way to a united American Methodism is the first National Methodist Student conference which will be held in St. Louis, Mo., at the Centenary Methodist Episcopal Church, South. December 28-31.</t>
  </si>
  <si>
    <t>                                           rrs A GREAT LIFE IF YOU DON'T WEAKEN R J dcR*H*Jt</t>
  </si>
  <si>
    <t>                                           The Constant Workers put over a very successful and enjoyable musical program last Sunday evening at the Hanky Ashby Street Funeral Home. The program saw Mr. O. K. Lee acting as Master of Ceremonies, with Mr. Abram W Chapman, organist, assisted by....</t>
  </si>
  <si>
    <t>                                           Funeral Notices                 JOHNSON- Relatives and friends or Mis. Ella D. Johnson of 105 Kenyon Street. S.E, are Invited to attend lier funeral today at 1 p. in. from Zlon Tabernacle on. Hok'up Street, interment, Parker Cemetery. Hanley Co. BROWN- Mr. Mosr Brown          rt .  :~1 Inter. Hunley Co. REYNOLDS- The  of Mr. Fred Reynolds ure in our parlors :    Co.  Fuur-nil Mrrvlcrs for Mrs. Bloomer Curiiox will   "  u]xm completion of ar- . Hanley Co. RCGEli?S- Sufronia Rulers passed .Vovcmbcr 2*1 at hvr residence. 5 Ki-. Funeral later Hiugabroi)  .</t>
  </si>
  <si>
    <t>                                           FIVE BURNED TO DEATH AFTER COLLISION IN N. Cl                 TRUCK. AUTO CU.F0H PYRE FOB QUp     TaAk Explodes, Burningr Vehicles Consumed In Flames minister" wife! among dead . X. C. (SNS) A collision of an automobile and a large truck near  Tuesday, resulted in the death of five people, all of whom were burned to death. The truck driver. John Madison.. 20. i.l Blackstone. Va.. escaped with slight injuries. The dead were listed as: Kov. \V. M. Kcllv ami his wife of W'instoii-Salem: Bill McKinney,  of Winston-Saleiii: fane 1 T"at;.  f            . and a :  Read. uI.n,     Greensboro. Three other occupants of the automobiles were reported in a criti- col condition. The five people v.-ho lost their lives were occupants of the automobile. The collision smashed the truck s  tank, and the fuci j became Ignited.... ..consuming both J vehicles. I Civil Service Examinations j Announced The United States Civil Service; Commission has announced open j competitive examinations as fol- tows: I Naval architect. $3,800 a year. T'. i S. Maritime Commission. Assistant marketing specialist i meat grader*. S2.600 a year. Bu- reau of Agricultural Economics. Physiologist (poultry), and sen- ior. associate, and assistant phy- i  (poultry). $2,600 to S4.600 a year. Bureau of Animal Indus- j try- Principal consultant in child wcl- i fare services. $5,600 a year, and principal consultant in medical so- cial work for children. S5.600 year. Children's Bureau. Depart- j ment of Labor. Full information may be obtain- j     from the Manager. 5th Civil I Service District., at the new post j  in this city. Morris Brown Carol Service j This Evening j i Tile sixth annual Candle Light Xrass Carol services of Morris Brown college will be presented to the public this evening. 7:30 o clock in the college chapel under the di- j  of Earl A. Starling- of the i music department. j Music will rendered by the a  choir, a motet, brass choir and Toeal solos. Between musical selections four tableaux will be presented under direction of V. C. Clinch, professor of the college. The tableaux are: The Ar.; i .. The           . The Nativity i and The Adoration. Solos by Carmeta Branch who will sing "Ol Bethleem" by Done- i (Continued on Page 6.' Col- 6)                 Morris Brown (Cnlinued iron* Pare It r-u:t: and "Mary Had n Baby" i Johnson-Starling i will be sung by Sarah Bickers, accompanied by tile . Also Elnin Jackson and Mrs. E. W. Hathcock will be heard in solos. Familiar Christmas hymns wii; be  by ihe choir and brass choir including "Silent Nlglu" . "Adjslc ."" Li'.tle Towij of Bethlehem" ). -It Cainc Upon Uie Midnight Clear" (Willisi. and "Joy to the.- World" i Hnndel). i Mendelssohn's "Hsrk the Herald Angels Sin^:" will be used          processional. The music loving public is cor- ( invited to attend these senices'</t>
  </si>
  <si>
    <t>                                           I FOR A MORE SYMPATHETIC SERVICE DURING YOUR HOURS of BEREAVEMENT CALL SELLERS BROS. FUNERAL HOME S5l HUNTER ST.. S-W. 923 McDANlEL ST_ S.W. j RAymond 2144 WAlnut 2591 i N E W N A N CARROLLTON j 31 EAST BROAD ST. 8 JOHNSON ST. I Phones:     673, Nijit 56SJ Pfaooe SS3 I AMBULANCE SERVICE</t>
  </si>
  <si>
    <t>                                           Th^'^- nf  XlnS       . T irn r Kins, ^   *ln* Oftlnotiu 4(n.1 ~\~rn*1   . Klnc Jr..          of  bounty. OorRla.            ' "i^ a*-     for **. th^Ir ;m.l    -~1Msors to t* Iticor1" -(i.-i-i*- hotly          u*~~r ti i in "i-l j.tvl-  f CrtrnHiu* Klnic j.'.'d  x.n. in.orf-.1. for ib*  of     *   * y*ar*. Tti*- l.r!m4     #*  f  W corporation  be In CUy of        . Slat* 9"'l ~*ounty afor^nald. 3    * ohj-vt ~'i (" h p.'.  10 Itself and  Th"        *"   tn be1 car* r'.-'i ..ti *'~:ill    t . Hotline, r^- -tii.l l-       ~".*!it ~'~" with the r t.. own   ':t? ~-stu.    awl*          ..rr.j-rtv ku:uW-~ to :~  * pur('  *~- of th^ *-..t;~~r.i'i;~~n w*- to 'lo o^-r       -  " /.Icn-'t" tl'-       'm*~at und      "U: r-..j .^          ..to ^\o.-t;*.. nM-s   -.-^   and otb*r ^vl.l.n. -.f in.!el.if"ln"*~ ^nA own Stock an-: bon^.H  f ~.th**r  If tbO*   B'...*;,~n*~    ~^*i*ir^ th*  .to,     ,mi u- lin-a,    pi-^-i *~c        !vi iij"-** :~       ~*il. .to ii! iv^     .v hy-lAW* ii^d   *     * i ih-* -av.-^    Itn         ,a'    ill  th^r          1-. (.^..-.-1 f^.r th** --i*.        r*        *.n   f i11* l-~i!~tn*    . Tli*-  rti.'. ai Xt  f wild corpora;i..n ; l**r Kiv* ThOUMADdr. S-. ;a.i jr-.O'iMOt ^OolUxj*. with- '~r in'^'^      nms    -p\vi-'niv'*F*i\~* n-..nd und No-KK) Dol'jrs :i  volo  f      i..' u".i:\   -a in-.o .-h.-ir-n of Cm*- U*n.1.-^.1 .51.*  .Wii Dollar-* *tch. Ton. P*r r-Jit    "  Wipltat to v*-h! tax   -t"*ally b-~~tt paid I"I'-ViU.^-.T.-*  i-j..ro tU- right to.      tb* sal-M- I- !*;'-'1 palC i" 'i,...n-:.-*-r ;..Tty :^    at a fair    -      *dr "aid corporation ;...*.v*r mi.!  .rlty to  f-~r 'of Vr'  ."-r * by a     ;-y " it* ~*.-:ie            "tX.'s;ki- i*nd for Oi*- ^r  t.~  up *       . llo.uK *   -~ an-: ..- b*   ^~~ **y a lwc * ;=       voi- ~'*lT^:   ^r4: at tin:*. s Th-y '^J"     Incorporation -cut r*n^~: wh*n P70" v tiv law      th:*: it lvt\f oil 0C3 ..~*.-r r ~:.:s Mid         *ii and immu;ir.. im-.'I'r.'. tu    * corpora.-.r y.-r tt\'^x*f*~ U(  :fr :        1 ^PO'lS.n. l*"*   pray to    :lf..r.-^.i.:.  all th* pmr^rK. prl\-l}.-c.-* .-ir.-l i:ii3'.n3i*-*         6. ~* .xZ: rr.tfS" "" to a11 th" 1*w"  r j.~a'.^ a^r^tine lik" corr**  . t "A*. Jt'-I-MEi1- Ally, for p**ra i\:--: in *. thi* th* 2c:h      r 'v.'i si-\aio^. cUr'^ j *.V.-;-    Of J-"*Ult("Ol J. 'A". ^;ramoo^. C*r'* of th^ S^nr ~-o-^rr of F*~l!on County. Gcorzla. .V. h-r**~y c-nifT iba*.          **tnc 1 i" a vn- a^~* ~*r*ct copy of til*1     !:-.-= -or c^ 1= th* =       oZ .:.,^;;.bi K;nc aB^ Soc.           *~l. a K   i*       !i of- T.l* is thU of.Vjct-"* r:y o^icUI             4 *.h- ~-j. ~'~i . tilt*          j. w.    3:ons,       S.2-5*?:qt Oo-jrt.  Cossty. C*.</t>
  </si>
  <si>
    <t>                                           On last Thursday evening at the home of Mr. and Mrs. A. J. Scott, the faculty of the City Public school entertained the bride-elect. Miss Louise K. Clark and fiance Mr. James P. Wilson. Miss Clark was becomingly gowned in a dark blue velvet lace with acytened...</t>
  </si>
  <si>
    <t>                                           GRID RESULTS Florida 31 Knoxville 0 Tuskegee 14: S. C. State 0 Alabama 10: Morehouse 0    . Slate 37; M. Brown 0 j Arkansas 15; Xavier 0 A. and T. 6; Bluefield 6 Union 34; J. C. Smith 13</t>
  </si>
  <si>
    <t>                                           FRESHMAN CLASS, BETHUNE-COOKMAN COLLEGE, DAYTONA BEACH, FLA.                 Enrollment of 102 freshmen Is (lie largest in the school s history. Total enrollment of 200  in all college department* 1* llu- Jarsest liberal arts Junior college group In all Nefro schools In Florida. Six  are represented.                 Dr. Miry Mcl.iod is president. Dr. Abrani I.. Simpson Is acting president during lirr absence on leave a-. Dim'tor of Negro AJralrs, Naliuiial Voulli Administration.</t>
  </si>
  <si>
    <t>                                           Probe Climax Looms With Indictments                 j "Air tight" .Jits Nsoinsl  lottery  bid .i" in Atlanta loom today when Special I Prosecutor f E. /.s present:; J 'he bills lo the t;r;ii:cl jury on its  lo work tills KcrU. i Tlir  is  a I  :'.    'nks ol probing. The "but,'" Imsfncss lias  dropped to . while anony-  telephone     Jurors. (Continued on Page 3, Col. 3)                 Probe Climax (Continued from      1) Two lawyers. William R. Bentley and Guy Taylor, must show cause tomorrow why t)~~y should not be  In contempt of court for failure to reveal names of those emptying them in lottery cases. They are prepared to present a defense of constitutional   8lits.</t>
  </si>
  <si>
    <t>                                           BE FOILS BURGLARY                 The timely action of Liielln Goldle. HO. nurse at a Wcsslovcr Drive home Siilurday night, resulted in the Colllnj; of a burglary  antl ni rest of the thug.                 Tile man, who wus booked at Fulton Tower as Johnnie Bedford, 35. of u Bucuutiun Street       :s, wits first discovered hiding  llif basement furnace by the nurse  ill home with two young  children while their p; were away. She was upstairs tending Uillie Pisch, 7, who never  during the , atul -'-old Jouii Pisch. children of Mr. and Mr.v. J. C. 1'isch. . The nurse called police  : them to hurry to the !~7U Westover Drive. She next tried to get the parents but was pie vented from ; so when the receiver was removed from tile downstairs phone. She said ;.he then locked tin; door. Just us the intruder cume upstairs ami knocked on the door for entrance, Ihruulenln,; ul the same time. Soon police arrived on the front j porch ami the sound sent him fleeing downstairs to the basement. It. took seven))  jo (Continui'il on i uk i* Ceil. 7)                 Nurse Foils (ConliniK-'d From Page 1) get up courage enough to go to the front door and admit the county . Luella . Aiding In the capture of Benford were Cal Catcs. C. Webb. A. A. Stovnll tind A. J. Jackson. They revealed that the basement .had teen ransacked, but that the house had not been touched.</t>
  </si>
  <si>
    <t>                                           The timely action of Luella Goidle, 30, nurse at a Westover Drive home Saturday night, resulted in the foiling of a burglary attempt and arrest of the thug.</t>
  </si>
  <si>
    <t>                                           A Display Of Vegetables Picked From NYA Gardens                 MEMPHIS, Tenn.- (SNS)- A display of *- tables picked from Dou*  , NYA ~~*     . ready for canning.</t>
  </si>
  <si>
    <t>                                           The Greater Mt. Zion Baptist U.C.G. is sponsoring a drive to help the less fortunate for Christas. Won't you please help? Money Food. Clothing and Fuel will be appreciated.</t>
  </si>
  <si>
    <t>                                           READ THIS new and different SERIAL NOVEL!         - Speeding Adventure in the Airl GIVE HER  WINGS BY MA1UE  i Firsc Julie Allccdyce picked elderly Dr. Jessup- noc be- I cause she loved him, but because he represented the prestige and security she craved. But that u-as before z barnstorming daredevil whispered: ."There's a great future in flying for a beautiful girL"" And that was when Julie decided to thrust aside dream I j for reality- for she was as during as she was beautiful. I Follow each absorbing chapter of "Give Her Wings." .Ydu will soar into the rarified stratosphere of heady romance and you will thrill with beautiful Julie as she finally, comes to a  three-point landing on the I fields' of. love. j Begins FRIDAY in ATLANTA DAILY WORLD I</t>
  </si>
  <si>
    <t>                                           BIMRINGHAM, Ala.--(SNS) -- Stealing becomes an art in times of depressions. A hungry man has no moral conscious. Things at one time got so bad in ... that the Spartans decided to ... their children to steal. Since many of them were going to steal to...</t>
  </si>
  <si>
    <t>                                           DAM.T and  mC SI* Aabon Atnm, N. AJIr .A        IVOItU) PUULJtfHIXO TclrpbOMv: WAInat U5~- 1460 WiTur c* SCOTT   AWU  SYNDICATE V. , H, Foasdert C A, SCOTT, C^ Mtfmr K?^*1^ t Jk_ . Oratnl    *     *^% SUBSCRIPTION KaTA: 3            ONX.T:- 2 Tmt 13.00: C UuotHa S2.0S: 1 Mootlu Il.~ C^axd*: 1 Y*tf X*-5~; Month* J5.7S; J*      ; 1 T*~f ~.tt v ~*4QowU AdvartLrtnr           .    : W. B.  J^M M.           *t_        , I1U  ad SSI Foorth    ,     Tork, X. X.  Mtarvd te Um      OTTlc* *t AtUr.t*. G*-. m *~cO9d-     ~*ti       th* Act or ConmM. Mwcb 1ST* Tb# A.TI* DaJLT WOSI*D to ~.a          *nt - noR-Meurtat  oo-SMftl*~A.       OBbl** *ad  Mom * it H*T*~ t*              *r It* r**d*   *~i  ** th1c*~ a.       lit*      *~( C tta    3 x.        ALL CO UU CM CATIONS to *JU n*k*  V*jm*U m ATLANTA DAai 1           **    *.     1T0                          1ltj for   f ^d *. , ^tm^</t>
  </si>
  <si>
    <t>                                           Japanese Sleuth Story On Capitol Bill                 -Peter.       screen':, newest sensation, has the   ;U' of a Japanese detective in "Think Fast, Sir. Moti.' wiii.-h  a \vv*k'.-, riii-ar.Mneiu at 'the C.  v.iir.   cf vaudeville un ii..' .</t>
  </si>
  <si>
    <t>                                           The monthly meeting will be held Sunday, Nov. 28. at P. M. at the home of Miss Janie Goosby, 230 Boulevard. N. E. A fine program has been planned with Mrs. Earl Starting of Spelman and Morris Brown colleges as principal speaker. Others participating on the...</t>
  </si>
  <si>
    <t>                                           HIGH S BASEMENT Give Something To Wear The Perfect Christmas Gift Just Arrived- $16.50 to $19.75 M^W*. IfUll I d HmJ^B vl VVHATaCiftforYOUJ UgE I     What woman, wouldn't SsS- '"'IS You're sure to please her HS i 4!j3 with one of these! Sizes    \Reg7$jJ99 arid $2.49 Smart BEFALL SHOES Good-looking', long--wearing             ^~. women and misses. r v; ~{] in i JhMJilxJlaiitJLllI</t>
  </si>
  <si>
    <t>                                           ATLANTA SPELMAN CLUB MEETS WEDNESDAY                 The regular monthly meet* ing  f the Atlanta. Spelman Club will meet on Weonesday afternoon. Dec. 1, in the Be*aie Strong Home on the         College Campus at 4 o clock. AM Spelman pr* arc *ed to be present.</t>
  </si>
  <si>
    <t>                                           JAIL HEADS! PUZZLED BY NAME                 Existence Of Pair Of Ralph Bentons Is Cause Of Enigma                 BOTH "MURDER"                 I Fulton County jail  are i  it .-.  to j i.      straight the n-cords of the P. Bmuoii.s. It so            Hint " :   - imi Ruljih .-.   - tli.' iron bur:- FiiUon Tnwer.  t-ach or Hit* pi-i.-. j;; Hur-(tl with  ufr.                 Mjslakf's in  itu .sev:.:l occasions have ;:.M m pri:-'t1i ^.s takir.i: rh.. wif.ti^ .li EfiitOM in l:':i I'liiiniy mill. .se. The Ralph BirnlOh a'.-cu.sed .~1 killing another cIi::i:~i;  ty stabbing him with a pair si-    :-.- :il :i . Cmmiy  ha^ ;i!iV)Cly Ut-t-ii ~-ini'.ii.-lfi!, 'y',:' ca.sl* v.as  lo 111;- Suprem'- j Court ar.tj a      - -ails - ed.  warra:iis the -d Ralph Bcr.ton another  iy- fore that body. This Ralph BehLon w:w.s IVjiiiul  of ; John J.-nl^   ; Sandy Sprii.Ks ramp, January Uiis year. Guards ai Fulton     'r on sev. eral occasions have      convicted Ralph Benton lor the i untried Ralph Benton. causing post.  of the latter s trial. j Ralph Benton No. 2 is to be tried j in Superior Criminal Court Deceiu- ber 15. il Kuards at the prison don't. become confused and carry the wrong Ralph Benton to the court. j room. Ralph Bonlon No. 2 is to be tried for the murder of Horace upshaw, who was killed on Glenn street     i February. I</t>
  </si>
  <si>
    <t>                                           Fulton County jail officials are finding it somewhat difficult to keep straight the records of the Ralph Bentons. It so happens that there are two Ralph Bentons behind the iron bars at Fulton Tower, and each of the prisoners is ... with murder...</t>
  </si>
  <si>
    <t>                                           PUPILS GIVE PIANO RECITAL                 TlH! ])UI)llS Cf Mir. Lu!:\ Bl:uv Farli-e will appear m :i pl:ni i re-  this afternoon. 5 o clock. :il j Radcllnc Memorinl         .Ti:ui j Church. The choir of the church, i also  Uie direction of Mrs. Partce.  nist. of  choir, will sins Uires numbers. :n:d i                 Miss Eva Thomus. Ruest soloist. will oriT a selection. I Piur.o duel* will be played by (.he  child : Joyce i r.nd Gwendolyn Cooper: Jacqueline Warren and W S. Cannon. Jr.: Sadye and Anilcrlyii Cor.Icy: :  'l Yvonne Partci.-  June StrotiB. Flana m'.'.-h u:e to be   Norma Wire!. Owndo'.yn Culdwell. Jacqueline Warren. Camcncll Fl:nir . Laura Purtee. Yvonne Partee. Lucia Kclley. Caroline Ward. Muriel Oassctt. Jurie StronK.      Ward. Lavada Johnson. W. SCannon. Jr.. Gwendolyn -r. Joyce Cooper. Sadye Conlcy and Bernard Wilkjr.s "Unfold Ve Portals", i Gounod i. I Continued on Pasc Col. 5)                 Partee's Pupils j (Continued from Page 1) j Praise Ye the Father." t Gounod i "Recessional- ) and a jubilee. ;valk With Me" arranged by Dens, will sun-,' by the choir. The Farteo pupils nre becom. ir.g a Javorit" with the public, which is attested for by the frequency and regularity of their public appe.arar.tes. i"hc recital this .   -inp of the your.s children, will include the singing of the mixed-voice choir, which has bern undergoing  rehearsal; during the past weeks. An afternoon ol musical                 ment and inspiration for children and grown-ups, waits all who may attend this recital.  e Memorial Presbyterian Church is located on the comer of Houston Lad Fort Streets. Rev. D. Talmadgc Murray is the pastor. j The music loving public Is cor-  invited. No admission  will be charged, but a silver offering will be taken. _^^^g</t>
  </si>
  <si>
    <t>                                           The, pupils of Mrs. Lula Blair Fartee will appear in a plano recital this afternoon. 5 o'clock. at Radellue Memorial Presbyterman Church. The choir of the church, also under the direction of Mrs.Partee, of mist-director of the choir. will sing three numbers. and...</t>
  </si>
  <si>
    <t>                                           By t P. REYNOLDS                 What 1  home -        .;~*lrtS but  there; Ja;iM?~^J)i^~ life with ^~*wlf c-~.c; J_j:.~</t>
  </si>
  <si>
    <t>                                           To St. Louis Post                 ih:n.\is w. in siM i                 l!i::T ;r:uln:ili ..1 tin- \t:..iil.i S.h.M.I of S...i.,l -.V..iu. I,..- l..-i-n  il   nith III'Prnviilrnl   ^~i.-t.        il' SI. l.otii^. Mi^. lM*i-.iii^r hi^ ~-             .        w.~rk Hilh  l"::v \V.1I:ii.- Si..i.ty .'"d Fulton CmiiiIv   .~~:.iil ,.l IMlili.- WVIlnr. ,,t Atlanlll. ~:i-~ir:i:~. lie    ..1-~i ;1 jr;       ^ at Sc.lUli (' Slal.' ("I. li-  - .11 Oransrbiirs. mil  h.in         /~~l un a lr.   -r "f          s ci""lip Tim- manv  i-.ti-^. Hi N- a m^ of th^ Onwsa     rhi l-'rat^.</t>
  </si>
  <si>
    <t>                                           Schaine's HARLEM "KING KONG" wilh FAY WRAY BRUCE CABOT Schaine's LINCOLN Wallace Beery in "Good Old Soak" Lewi* Stone 1 *'    1 Tom 8     I  t._w I -the"man I       " who   WOLF" f iTA^Wb 1 Pj 11   ^</t>
  </si>
  <si>
    <t>                                           Red Flag For Jaywalkers                 Jaywalkers at Cleveland are cautioned by a red flag with a  isn on it, "If yon must jaywalk. use      red flag. It may kelp you across the street". Placed at a busy traffic interaction, the sign calls attention to the fact that Cleveland has had nearly 300 traffic c! already  year.</t>
  </si>
  <si>
    <t>                                           Phone Re*. Flionc WA. 1612 HE. S37S-S Dr. I. G. Lockett  113'.-        St.. S. W. ATLANTA.   .</t>
  </si>
  <si>
    <t>                                           CHICAGO--Because Capt Homer Harris of Iowa, for 1935 and 1936 the Big Ten's most brilliant defensive end. was shifted to tackle this season and in the last few games was not allowed even to Mart. this observer and a good many other Duskvinericans were...</t>
  </si>
  <si>
    <t>                                           ALUMNAE ASSOCIATION will have its last meeting, for this year. All members are urged to be present at the Nurses' Home December 10.</t>
  </si>
  <si>
    <t>                                           Fn t1     UEmw Vrltxr la I.Vt'K: If m. U7 ( Hrrb^  Uh4k l^Urvrd inert         r.rr (mood for lORs' LOOP LICK. Srnd it .Ump for 1-REE UK1*KK-  III JUX IH.. U.H CC.</t>
  </si>
  <si>
    <t>                                           Tuskegee Institute Ala. (SNS)--After a week of rest following the Tuskegee-State Teachers College football game which was placed at Cramton Bowl in Montgomery, Thanksgiving Day, the Golden Tigers resumed practice this afternoon in preparation for their...</t>
  </si>
  <si>
    <t>                                           amS      *'Ooilr BE      AlkA-SEtUrtU DOCS THE  Why don't you try Alka-SeHar for .the relief of- HANGOVER StawkC* Headache. Add Stan,  cb. Colds, Neiamfcia.        . Ma. , Hheuzmtic and SdaliccUaiT Alki.-        hu a . i  fi nil lor.  im It ~-~-'-t as mi.      (AettjI-SaUerUu. a Sodium Bait of ) whIch7*U.  ?     . who* Its TtctiSS and     th* cans* of thoa* minor ans?s: *    *~~' Aljatadrafrian. fh* . pan, and In 3k and Me  Car</t>
  </si>
  <si>
    <t>                                           The petition of Bertha King Thomas, Turner of King, Nina King Malboun and Cornelius King Jr., residents of Fulton County, Georgia, respectfully shares.</t>
  </si>
  <si>
    <t>                                           BUy SEALS, FIGHT T.B.                 Purchase Of X m a s Seals Aids T. B. Campaign                 The Atlanta Tuberculosis Associ. ation announces that Miss Allison Berry, of Oklahoma City. Oklahoma, and Miss Annie Mae Shcpard. ol New Orleans. La., who are senior students Atlanta School of Social Work, have been accepted as stu I dent field workers on the staff ol i                 the Atlanta Tuberculosis Association. Both of those young '. are well  for filtering socia1 and health work. They arc not only college graduates but have had one year of theory up.d practice in the Atlanta School of Social Work. They have had experience in the case work field, also with children and now they are rounding out their experience i;i Community Organization in medical-social work withe Atlanta Tuberculosis Associa. Jon. which is located at 286 Forre.avenue. X. E. More than half of the patients i: the clinics of the Association  (Continued on Pago coL 31                 Buy Seals (Continued from      - II I'olorcQ and  nui ses :~rc t--d. Those nurses will, in     " with heads of the  departments, direct the experience.of these young women in this  of social medical work. Durinp the ir.onth of December these two young women are giving all their field work time to Community Organization and to the sale of Christ m:!s Senls. Tne Christmas Sea; Sale Cu:;vr.ittee is being directed by Mr. Forrester B. Was'iiir.Rton ant it is hoped' that at least S.0CO co!   -i: people in the City of Atlanta vil. respond with actual money to help carry on this extensive work. A unique plan is being worked out by Mr. Washington and the members of the Board of Directors of the Colored Branch. Watch the papers or details and be sure to promote                 the buying of Christmas Seals within the groups with whom you are associated. Buy seals yourself and Erorao{c it.</t>
  </si>
  <si>
    <t>                                           The Atlanta Tuberculosis Association announces that Miss Allison Berry, of Oklahoma City, Oklahoma and Miss Annie Mae Shepard, of New Orleans, La., who are senior students of Atlanta School of Social Work, have been accepted as student field workers on the staff of...</t>
  </si>
  <si>
    <t>                                           ^AniDTlV .IT I B* ft r4fc!l T T I / 1L 1 1 + IN THE SOCIAL REALM + L.VI JL/ LJ J3 i^ 1</t>
  </si>
  <si>
    <t>                                           BrtakBakM     C ltn: Ikctn IMtr       IS. 1931         .T tad 8 a*    Aobor. Atfim,      DAK.T TVORtD PL'nUgHIXO CO. Txlrpboiu-: W.Mont 14SO- 14G0 Xldar  f SCOTT NKTTSTArFJl SYND1CATIC  W. A.      . XL           C. A. SCOTT.       Xmkw *-V SCB9 RATES: j - I     . W.~: UoDtha X.Tt: 3 Mont!u     ; 1       Ma m*        OJ-T.T:- 1    11.00: UonOi. S2.00: I Koatb* ILU bulk: 1    - mi; 1 Uonthi       : I Tw v NatioBAl ArtvprtlMn* R*        *    : w. n.  I S^  C Cblciro. in_   il   1 Courts    . Kvw Tork. t. I ^~i i Wmd ta     X^irt Offlc* at AtlnntA. Gft.. u Mccmd-  n*~ th* Act  f Conicrvna, Mareta 3. 1K7I r ^   JLTZJiXTA    2Z.T        to an      *   (1rnt  RAta^^ J svo-.  ~*w* BnblaMtUr and  Vios*  K t IMiUM t* t3   tDt*     lu na4*n aad  7        **  Aicalnvt th^ *~TinaT   C Its       . c. { 1 IM ALL  nU        OfTECKJl MnbC W _*           t. .U. Th.                      *          *  r  ni^ p(~     . n-i-. oCa^ ii I</t>
  </si>
  <si>
    <t>                                           The newly-organized Memphis and Shelby County Anti-Sypailis Association, headed by some of the leading colored Memphians, and with John Arnold. Jr., as executive secretary announced the opening of its offices and headquarters, last week. The...</t>
  </si>
  <si>
    <t>                                           MONTGOMERY, Ala.--(SNS)--The first Alabama State Coaches Conference was held at the State Teachers College Nov. 26. with Coach Dann presiding. The first session was opened with a discussion of the problem faced by the coaches during the football season of 1937. Outstanding among these problems was the ... by coaches in getting high school coaches to keep their agreements. During the discussion of this point, it was ... that high school teams of the state frequently either fail...</t>
  </si>
  <si>
    <t>                                           ~~^_i_^anL^BHBKi       MLae^ IS *   ^Bga^ Bl^^~ Wk j^^^^k. WKLmmm l^M^^^J^^^^</t>
  </si>
  <si>
    <t>                                           Alec stopped and waited expectantly, and when she was silent, he said. "Well, why don't you say something? What do you think of it? Do you like it or don't you?"</t>
  </si>
  <si>
    <t>                                           FOOTBALL? Washington High School Southeastern Champions vs. Dunbar High School Lexington. Ky. (Stale Champions) This Afternoon- 2 P.M. PONCE de LEON PARK Admission 40c :-.j..</t>
  </si>
  <si>
    <t>                                           What is fame?--The advantage of being known by people of whom you yourself know nothing and for whom you care as little. The way to fame is like the way to heaven, through much tribulation. Fame is no sure test of merit, but only a probability of such: it is an...</t>
  </si>
  <si>
    <t>                                           NICHOLAS BROS. KILL NOT SUE BEN 8E1E                 NEW YORK- iAN I"- T!ic Nicholas Brothers,  u! tap a ai-.vcrs. will n-~: sue Ben Eer.iie. Thci: manager. Herman S'ark. :::cr.cd tlie suif last reck '!'.en Ber:;K nrd his .'-ort. ti'.o U S. Ru'jlvr Tire Co.. failed to nrc-?:); boys or. tile ; .-. u: )    been promised. Berme did ".-c : 'lit p:i.-Wcdr.oday nl^h:. however. a:n the boys c icl"*i and will .ai'' on the program. Tl*.e result 1* threatened suit  vil! no! ma:er:a!ae. The entire Negro musical profession watched the s:'.:i v- interest because the Nic^ola.Erorhers4 contract was one t!:; feu- loas-time .i;t.- .h:ci havc been issued -o or.'d   :~farmers. Ti-.e fre .1 i" :     succeed, it may  t lt- ?.v for others. The boys did a  ^dth Bcmic and  a^r.cc^. World Mutters K. S. Dariuby. uf Tuskcfcc Institute</t>
  </si>
  <si>
    <t>                                           TIM TYLER c By Lyman Young                 FELIX, THE CAT By Sullivan                 DOROTHY DARNIT By Chas. McManu                 IT S A GREAT LIFE IF YOU DON'T WEAKEN By Jack Rabbit                 NIPPER ByDwigsj                 JACK SWIFT By Bray:;</t>
  </si>
  <si>
    <t>                                           The Triple "M" Bridge Club, an enthusiastic group of young club women, gathered at the home of Mrs. Allie Warner in their first meeting of the month. At this meeting, it was decided that Mrs. Mildred Byrd and Mrs. Sara Wynn would distribute baskets on...</t>
  </si>
  <si>
    <t>                                           CHINESE III RECAPTURE OF CITY                 Japs Lose Tsining In Surprise Tilt Report Shows                 LOSE GROUND                 SHANGHAI - Taking their opponents by .%11.se, a. rejuvenated Cliinest* army was  Friday lo h:   -     :*d Tsinin"                 FiKlitinn to regain the .strategic point, which had been  ay th,. ;; Japiiiifit-. :t reinforced group hi' Cninr'si- soldi^ ihi- .surprised Japs about  miles from uw city. Chinese  '-d. In farm ..s of centra! China, tin- Japanese claimed steady advances toward i'.\r Li'ii^aai railway. Progress madi: by .i"aders ha^  slow hoi-ause a CV:i,cse army estimated at close :c 400.00 is putting up a bilter .. Goneralissimo Chianp Kai-shek is reported in direct charge along ihe Lunghai front, as loss of this railroad would handicap the Cninese severely. Two .J:        groups of .";oUi-yj were reported closing in en . also lor.-ited near the Lunghai railroad. Untrained Chinese soldiers arc being shipped to the warfront tc combat       :iiic)s of efficient Japanese . :i Chinese ofi ici-.l . Terrorists, opposed to .':.pane;e co!~    .  further    :i Siian Khai. Two more -'.': Chinese u.vre shot and  c  wounded bv tl^ terror sts. who have  death to a l Chine.si.suspected if cooperating with lh? Japanese. The assailants of Y. T. Van. a. prominent, lawyer, and Y. L. i Dau. a philanthropist, scaped. Dispatelies from Tsixigtao Shuntung province port, said Japanese i planned to take over the operation I of the railroad between Tsmgiao I and Tsinan. capital of Shantung. I Chinese employes of ihe 1 i were told tin- South Manchuria railway, a Japane.^ company, i "with the army." was tnk ni; owr the line.</t>
  </si>
  <si>
    <t>                                           SHANGHAI -- (SNS)-- Taking their opponents by surprise a rejuvenated Chinese, army was reported Friday to have recaptured Tsining.</t>
  </si>
  <si>
    <t>                                           Dashing Ric-Rac Braid I Spices Up Wash Frock   Pattern 52!! Hri'-'s :i -.p^ style that s lull ol bright possibilities an -make wash frock that ever} I'. will consider a  "must". T.iki- a look at .' . ~' Mt'cvcs. the ;.oko. and daintily gathered  -all this  tupping a  fl.nrd skirt' Cmi'I ym JUat vision I    ^8  up m a  printed cotton, or a crisp, checked -KiiiRham? Call attention to your trim shoulders with cye-: buttons that match the color of your ric-rac braid and you re "all .set" to look spic 'n'       . t.hr day. Detailed . c Guide accompanies this pattern. Pattcrn 538 is cut in misses' and v.' sizes 14. 16. 28. 20. 32. 34. 3fi. 38. -10 and 42. Sizr 16 requires 3 5-8 yard:; 26-mcli fabric and 1 "-8 yards ric-rjc. Srnrt FIK1EEN  (IScI in rc;ns or stamps (preferably coins) tor this pattern. WRITE CLEARLY SIZE. NAME. AD1 KESS      .E . Send  to Atlanta Dailr World. I'attern IVp:.             Avrtiur. NE. Atlanta. Ga.</t>
  </si>
  <si>
    <t>                                           FIREIfflS "HUB"                 Another. Of Father Divine's Homes Hit Bv Flames                 NEW YORK - (ASP)- Fire, or undetermined origin au tacked another Father Divine heaven" last Wednesday. :6 mysteriously on, the second floor of an old brick building at 232 W. 124 th street, spread so rapidly thai flames r\rre soon visible at all nice windows Jtieing the street, and cloaked the old structure in dense billows of smoke. Witnesses said an old woman and a small child rushed to the sidewalk shortly before the engines arrived and made their escape in the crowd. Police and firemen  find no oae who admitted living in the house. Battalion Chiof GcorgRyan. first to arrive on the scene, was the only person injured, sustaining bruises about the head. Father Divine and his secretary John lamb, white, disclaimed having any connection with th= premises, but above the front entrance, undamaged by the fire, wa.the cults stock legend "Peace." Investigators said the place for  cv. eral years, had been devoted to the work of the cult, insurance men declined to give an estimate of the damage until they had finished their investigation. Most of the damage however, was confined to the upper floors of the three-story structure.</t>
  </si>
  <si>
    <t>                                           Harold Hall Begins Term For "Pistol Pointing" Rap                 Harold Hall. 25. Wednesday began serving  months on the chain gang for two counts of pointing a pistol at Lewis Wilson. 20. of 395 Old Wheat street. Christmas Day. He was sentenced Tuesday by Judge Jesse M. Wood in Fulton Criminal Court.</t>
  </si>
  <si>
    <t>                                           NIECE TO CONTEST AME BISHOP S WILL                 KIN OF LITE CHURCHMAN TO COURT i                 Elderly Niece Feels She Should Receive Part Of Estate I                 FIGHT LOOMS                 PHILADELPHIA-  ANlv- At- Uiough the will or Ule late Bishop I William H. Heard, presiding pre- Jute oX tlie First Episcopal Disl- I rkt. A. M. E. Church has not been 1 made public, it was learned Uiis I  that court  will j be Instituted by his elderly niece. j Mrs. Santli L. BndRel. tu get a  or Uie estate. Mrs. Bridget's mother was lbs, Cordcia Heard Robinson, only sister ol the Biiliop. she said thai Mrs. Valeria CdldwcU WiUlnuis. Hie prelate s companion in recent years      who  him on his recent trip to Scotland. Ik a  ot. Beverly Beard, the Bishop's brother. Mrs. Bridget, who is being rej?resented by the lav  or Raymond Face Alexander, said  her claim -I have no objection to Mrs. Williams.' his grand, niece, sharing     estate. She entitled to sonu- consideration, because she did lake carc of him in Ills latter lifetime but since I'm the nearest blood-relative of the Bishop, r reel I too should get some consideration." Mrs. Bridget.' at present is working on s WPA Project, for some time was a relief client.</t>
  </si>
  <si>
    <t>                                           CHINA AND JAPAN PREPARED TO THROW 500,000 SOLDIERS INTO BLOODIEST BATTLE OF THE WAR                 SHANGHAI (SNS)- Affected, no doubt, by the recent policy which the United Stales govern.li iit has taken in the Slno-Japnn. v conflict, China and . were determined aim prepared Friday to wuku the bloodiest battle yet [ought ttj bring to an end the long                 nl'- for control of the lower Vnngtsc River valley. More than 000,001) inci! were rendy to be put. an the battle field General Matsul declared the Japanese army "Is now prepared In use every means to subdue Its opponents." In  of previous declarations of Japanese army and navy spokesmen, observers considered tills the verbal prelude pi Japan's threatened big push against, the Chinese defense lines northwest of Shanghai. Miilsul. In the nanie of the Japanese emperor, promised an early victory and n peaceful future after scourging: the "Chinese government army who have been pursuing anti-foreign and anti-Japanese policies in collaboration with Communist influence.";." irc added that the lives and property of nationals of third powers would be protected. His. announcement came shortly after army authorities made an implied threat to turn their land and warship batteries against Pootung :md raze the Industrial area across Hi,. Whangpoo Elver rrom Shanghai unless Chinese batteries there ceas. ed firing at Japanese civilian areas in the Hongkow sector of the International Settlement. Questioned concerning the ^of. the proclamation an .irm y spokesman explained that Alatsui, after gathering the .ary military units, now considered himself  to carry out  he mission entrusted to him by Emperor Mrohlto. The Japanese army, the  said, was  t0 utilize all re-enforcements and additional equipment, but lie declined to my H- the big push was planned begin on October 10. the Chinese national holiday. General Matsui's proclamation declared: Charged by his majesty the emperor with the task of heading the ~'Shanghai expeditionary force. I have landed on Chinese soli south of the Yangtsc River. "The objectives of the Japanese expeditionary forces, as clearly set out by the Japanese government s statements, are not only to protect the vested Interests of Japan and ihe lives and property of Japanese residents of the affected area, but !iko to si: the Chinese             army who have been pursuing anti-foreign and anti-japan.se policies In collaboration with Communist Influences, "in short, the mission of the Japanese army is to establish the foundations for a firm and lasting peace in East Asia. We feel sorry for the many Innocent persons who unfortunately are living In the area of hostilities, and it goes without saying the Japanese army has no  toward the Cninese people In general. "However, against those who bear "trms against Japan the Japanese  will show no mercy "Toward officials and nationals" of foreign powers who have suffer, ed in the hostilities or arc threatened with Injuries to their persons end property, we express our  sympathies. "The Japanese       leave nothing undone to respect and protect the lives and property of nat  of third powers. 'With tho ctec co- of t!ie naval forces, the Japanese  force is determined to (Continued on page 4: col. 2)                 China And Japan i (Continued from Page 1) dear ;he skies of ominous clouds end I am confident the d"y is not far off when the  of pence trill shine again." The American cruiser- Augusta, flagship of  United States fleet, was again endangered at its  position at the apex of the row of foreign warships Sn Uie i Whangpoc. Shells passed over the ship repeatedly while a few splash i ed in the water only few hundred yards distant. J M v</t>
  </si>
  <si>
    <t>                                           SHANGHAI --(SNS)-- Affected, no doubt, by the recent policy which the United States goverment has taken in the Sino-Japan ... conflict. China and Japan were determined and prepared Friday to wage the bloodiest battle yet cought to bring to an end the long</t>
  </si>
  <si>
    <t>                                           This Saturday evening at eight o'clock a graduation class from the American Red Cross or students 01 the National Youth Administration Sewing Project will hear a commencement address by Prof. James Oliver Slade, head of the Social Science Department at...</t>
  </si>
  <si>
    <t>                                           i WILSON S GRILL J SPECIAL THANKSGIVING MENU j I Roa.t Turkey with Oyster Dressing- Creamed         Pea. I I Potato Salad Cranberry Sauce and Pumpkin Pie. j I For a Perfect Thanksgiving Fea.t. Be Su-re To Eat With I I   . We Serve Only the Best Price 2Sc. j 443  ST., S. W. JESSIE WILSON. Prop. i  So-Good Hair Grower C  A   fi ^^S^HnL   mn . ,  hair from 1     s        1^* . ~*r .   ^          br  for Tettf*. ET'^^^HEV Eetrnuu  Ualr  nd    -bini . Jarf^^^Hl   -  ''.l  VTItAIGHTKNKK  9   ^Bfl^. HtralKbtenii kot  of    ^^^HF]^^    Hot l*, or Hot Comb*    1 lro\es It soft ly tH^B^H^E ft0  smooth. IV ^^EH^Bl 8*0(1 MonfT       or 9*-~       * wg^JBHpl^SV 8o-Cood nalr Grower pOa T*^^^~'~* So-Good Hair Mnllbtrnrr SOe So-Good Mn-K UaIt Strslchtcnrr SIX 8o-~     Coon 8 wp lOe  SJ^^SLi Wh""'w WrlU tor Tfmu Ottorr Toilet Articles  SO- CHEMICAL CO., 75 F*ir Su S. E^ Atlant*. G*.</t>
  </si>
  <si>
    <t>                                           GREENVILLE, Miss.-- (SNS) Announcement was made this morning by the Citizen's Progress Committee sponsors of a celebration: "75 Years Of Progress Of NeGroes In Washington County." That the celebration will be postponed from February 10-11 to...</t>
  </si>
  <si>
    <t>                                           (~~~^Hm 1~_~ "The" NaticTrVs Only colored Daily Newspaper" I MImmLUJlJLlI VOLUME 10, NUMBER" 270 + jf; +lZT. + ATLANTA (}A., MONDAY, N()VliiVniKIt Tl, I0.I7 + """^p + CRICK</t>
  </si>
  <si>
    <t>                                           -  SPIRITED MEET IN RICHMOND                 RICHMOND. V:J 'AN!')- .KihtcMidnal   !;       uf  races   here  ui November 212.     the  of the Southern Education Foundation, held is the Parish House ot St. Paul's Episcopal church. Purpose    ! meeting was to review the accomplishments                 Negroes In Viri!      tune 1W15 j In the field of , and    j  out those things remaining to be done in  field * the I next few decades. I Special music was rendered by! the Hampton Institute Double Qunr- tut. Foundation officers are: Ar j Ihur D. Wright. pn;.sident; Arthur W. Page, chairman of the 'j'~nrd; I Dr. Emmett J. Scott, secretary. The Manufacturers Trust Co., of New i Work acts in the c.         of  j urer. The sponsoring ef.(M: for tin meeting was as .vs: Miss Cor.  Adalr, Fred M. Alexander. Dr. B. B. Bauby. Supt .1. I. Hinfurcl. I President E. Ulai-. Mrs. Mi-  M. Booker. 13. Teiinntil Bryan. President John S. Bryan. Pri. A. Burrus. Hon. Harry Flood Byrd. Dr. K. N. Callsch. I'resir.enl i W. .1. Clark. Supt. 15. W. Copeland I Dr. ^olon El. Cousin!:. Viryinins D:, Hon. Robert I'. Daniel.   :v. M. i E. Davis. Dr. . Hardy Dillnrd. President Jnseph I). Ksglrslr.n. Dr. J. M. Ellison. A. II. Forcin.in. Uoni;. las S. FY(?em;tn, I'residont Francis P. i Gaines. Pn.- John M. Ganc'y. i Rl. Rrv. f. D. Goodwin and Hun Sidney B. Hall. Miss India Hamllt:-.". Harris . President .1. N. Hillmnn. I'rrsidunl Arthur Howe. P.t. Rev. Peter I.. lr"Unn, President T. H .lark. Arthur W. James. Supt. F. F. Jinikins. Dr. Ben R. Lacy, I5r. Snniucl C Mitchell, Dr. R. R. Moton. Mrs. Mary C. E. Munforcl, President John N comb. Supt. Blake T. .Ww.un. Dr. I Morgan E .Vorris. I:. Oiirle;: I'nrves. 1 Miss Virginia E. RantJolpii. Uk\: \V.\ U.     .rnc. I.. P.. Kc.. [jr. Ao. I ner Robertson. Pn--r.1. Jam'.-s A. Russell. Dr. W. T. S;:    ,  . Jo- seph Saundors. U"n. il. 1.0*.- Trlnklf, Dr. B. D. Tucker. .Jr.. H..n. T. C. I Walkrr and V. B. Younc I</t>
  </si>
  <si>
    <t>                                           RICHMOND, Va.--(ANP)-- Educational leaders of both races gathered here on November 23, to attend the meeting of the Southern Education Foundation, held is the Parish House of St. Paul's Episcopal church. Purpose of the meeting was to review the accomplishments...</t>
  </si>
  <si>
    <t>                                           MILS. BILL IS FAIR TO RACE                 Misappropriation By State Would Cause Federal Action                 SPECIAL CLAUSE                 WASHINGTON. I). C.--ISNSITlii- in w fi tii-ml ('duration Din  will Hive million.-, of dollars to lilt suites lo aid thorn will' -ir  Ims boon  so :is to hr: f;   - to Ncgrnos In Hie Males    .schools  I iiii1. Thi1 new bill,  lal:cs                 - place 01 Hie old Harrlsoi. -KIctcher hill (S. 410) was discussed lii.ro :il :i conference M: :J:s composed of approxi- i mainly 100 representatives 01 vari- i nils organizations llu  the I United States, ; the N.A.A. I C.P. and other white and colored I . Tno       . "In sinus where separate schools are maintained for  races. I he joint plans .shall provide for a just :~nd equitable distribution of the federal grants for Ihe  of school.1: -d for separate races without reduction of tlm proportion of state and local funds spent for schools for Ihe minority rib:cn." 11 the state .spends any portion of  grunts contrary to the. joint plan, an equal amount is to be  from Hie next  by Ihe federal government until replaced. .lust and i-           distributions are.  il for In Ilie following sections or the bill: general aid for elementary and secondary education; nld for teacher  schools: aid lor school buildings: aid for adult education: and aid for library services. It is specifically stated in the bill after each or the .  with the above  that a just and  distribution to Negroes is required in the statis having separate .schools by law. In Its proposition for fair Ireatinenl ol tin- Negro, the new bill, which is based upon the report ol ihe President's advisory commission on education, embodies all the  raised by the National Co : Committee last, year In its  ol tile Harrlsonllliu-k-Fletchei- blM. The  01 equitable distribution In pro portion lo the school population nr ihe states of the respective races Is embodied in Hie new bill. The Initial appropriation autho (Contihunl on 1'acr li. Co\. 5)                 Now U. S. Bill (Ctiiiliiiurii  Pagr I)  40 million  for Ihr  yi-.tr * Juno 30, l!H0  lid this Mini is to uc increased Jo HO million '.i for ilio risen 1 vim I'hitlni; Jiim: 30. I!H8. For m IiouI  Ilic bill provides 21}   for   j-.nr  :iii  dollars       smx- .war through J11110 an. 1045. Kd- rural library service Hie bill provides tun million  for ilie lint year, .^ 10 six million dollars the third year and -  stairs  equitable  n' ' service  b?  fur me  of minority i  in the Males  provide  library  Tor  i rate races. I Tlic  on Mnrcli 24, j u  v^n^  by CluiiTus II. Houston, special counsel of the N. A. A. C. P.. added to the bill u definition of Jnxt and equitable distribution by providing that the proportion to  expended on        education In the states shall not be leu than the percentage of j the funds which the Negro population  to - stale population.</t>
  </si>
  <si>
    <t>                                           WASHINGTON, D. C.--(SNS)--The new federal education bill which will give millions of dollars to the states to aid them with their schools has been drafted so as to be fair to Negroes in the states which have separate schools by law. The new bill, which takes...</t>
  </si>
  <si>
    <t>                                           AT last those who thought for political expediency and that timidity, so common to high officials, that the President would not come out in the open and bare his breast in the anti-lynch light have another thought coming.</t>
  </si>
  <si>
    <t>                                           CHECKING AND SAVINGS ACCOUNT SERVICE I First NationalBank I ATLANTA CAPITAL, SURPLUS PROFITS $9,000,000 1 Member Federal                   Corp. MODERN DENTAL LABORATORY 101V4 WHITEHALL STREET (Across the Street from High's) SPECIAL For A Few Days Only I PLATES 'THAT FIT HOURS DAILY 8 to 6 MA. 6332 Plates Repaired For A Few Days Only As Low As 50c FEW DAYS ONLY COME NOW j 101 Yi WiiiXKMALL ST. Across from High's</t>
  </si>
  <si>
    <t>                                           It is with pleasure that I accept this opportunity to give deserved tribute to one of our state institutions and to those who have made its good work possible. For ite work has been good. I use the past tense here, since my remarks come at a time which marks the...</t>
  </si>
  <si>
    <t>                                           Line oi n Has Air j F i J rn                 C'.aling with an  ru-  at Uw  of Uie world amou; a reckless and "*i croup' of exiles. RKC Eacllo's adventure romance "Flight Iroiu      -"  ;  y unique in mm fare, starting at the Uiicoln Tncatre today.                 The Andes mountains of Soul!' America,  :ind .;;. form the locale of this unusual picture. la tiie remote Peruvian settlement of Bclgodo are gather, ed the exiles, disgraced flyers  have had their licenses revoked foi various reasons, nnd earning a  ; with the -Trans Andean Air Lines" Tlie company is owned and man. ased by a heartless promoter. Onslow Stevens, who holds' a contract  a tie mining town to fly supplies to its mines from the sea coast. Hi employs only obsolete and rickety planes lor the   despite trie dangers involved in traversing the stormy mountain passes. Unable to (set jobs else, where, the pilots grumblingly lly Stevens' patched-up planes, and when  crash. Stevens sends to the United States for another condemned plane and for smother luckless . Such a newcomer arrives in the person of Van Heflin. a young pilot who lost his "ticket" as a result of a fatal crack-up following an aerial joy-ride. Heflin. unaware of me conditions he will encounter, brings with him his bride.         Bournc. much to the annoyance of Stevens and the  pilot. Chester Morris, who  assure him  Dclgado is no place for a woman. Hctlin realize* this is true, but hr cannot  to send Miss Bounw bi-ck    Ihr Suites. DisciiMcrf with . and  at the  of  the dangerous old  across Uic mountains. Heflin begins to BO to pieces. And in his disintegration. Miss Bourne's  attempts to carry on. and diamond-in-thc-, sympathy of Morris, the story  its gripping emotional moments and its tensely exciting climax.</t>
  </si>
  <si>
    <t>                                           Dealing with an unusual romance at the bottom of the world among a reckless and despairing group of exiles, RKC Radio's adventure romance "Flight from Glory" offers something strikingly unique in film fare, starting at the Lincoln Theatre today.</t>
  </si>
  <si>
    <t>                                           WALL--The remains of infant Edna Mae Wall were interred in Chestnut Hill Cemetery. David T. Howard and Co.</t>
  </si>
  <si>
    <t>                                           DANGEROUS Love is seared wiih heartbreak in this  S  1</t>
  </si>
  <si>
    <t>                                           1 "     anly  pmv       : J w. A.       SL rounder. C. -V SCOTT. General Manager Entered in the Post Office .     a*      -?   mail under the Act of Congress. March 11^9 C. A. SCOTT. Ccnrral Jlanajcr Lncius U Jones. Manaemc Editor ^SS!^?^ 1 Mon,h 000. National Advertising KeproeiUativr: W. B. ZIFF CO. Tfc. ati  ta DAILY WORLD is an independent         -   the interest of its- readers. 777  rn\r\ to and make CHECKS payable to   SSr to .s. The WORLD     5lv"            lor return of unsolicited pictures manuscripts, etc.. unless stamps are sent.</t>
  </si>
  <si>
    <t>                                           When Book Week was started in 1919 it seemed to be merely an event for children and was really first called Children's Book Week; but interest in this national event continued to grow until people outside the ten age group became interested and now it is an annual...</t>
  </si>
  <si>
    <t>                                           Theft Of Whiskey Leads To Shooting                 Grady hospital attaches Wednesday morning treated James Freeman, 22. of 52 Hammond Place, for a gunshot wound of the right leg. reports showed. A man known as "Brownmule" was accused of the deed. He allegedly accused Freeman of the theft of ten gallons of whiskey before shooting. Suffering two lacerations of the back, apparently Incurred by some tharp, yet unnamed instrument. Robert Haynes. 10. of 530 Foundry Street, was a visitor to Grady clinic for treatment.</t>
  </si>
  <si>
    <t>                                           WASHINGTON, D. C.--(ANP)--The first of a series of reports in connection with a nation-wide survey of health conditions conducted by the United State Public Health Service, released this week, disclosed that a large percentage of sickness and many deaths in the...</t>
  </si>
  <si>
    <t>                                           TIM TYLER                 By- Lyman Young                 FELIX, THE CAT                 By Sullivan                 DOROTHY DARNIT                 By Chas. McManus                 IT S A GREAT LIFE IF YOU DON'T WEAKEN                 By Jack Rabbit                 By Cy Hungcrford                 NIPPER                 By^Bray</t>
  </si>
  <si>
    <t>                                           WASHINGTON, D.C.--(SNS)-- Howard University opened its its 1937 football season last Saturday with in impressive 31-12 victory over Cheyney State Teachers of Pennsylvania. Spectacular open field dashes by Arthur Elliott of 45 yards, La Verte Armstrong 65 yards, and Joshua Johnson of 73 yards featured the thrill packed contest.</t>
  </si>
  <si>
    <t>                                           NAB WHISKEY CAR                 Police took custody of an alleged I whiskey car at 547 Auburn Avenue. when two cans of the spirits were reported seized. The occupant 01 j the car put up  pending trial.</t>
  </si>
  <si>
    <t>                                           POEM EDITOR S NOTE:A i:     v( Ilils pncm, sent to Mrs. Frank- lln Delano Konscvclt,  ra* favorably  upon, ; lo its contributor. Do nol cry when things en wrong with you; Refresh yourself. Uicn sinu     . too. j After a short while you ll lie - Happy, with a heart  with delight. Dj not cry when your friends deceive you. Smile yes. but not a deceiving one. too: Fight them with wisdom, knowledge and truth Without  yen perish In, a twilight or do*-. Do not cry. but always keep ii cheerful smile, Uuitiljlt! us ii Uini'x but . :is child. Kvciyonc. will love yon. yes. I yo ir  toa. You  be. hated by the changeful few. U] nol cry when night has come  x;~h. Whci, tin: tides arc ended,  MTidy lo die. It:  '.'  iii. your memories have ; Yoi'i Ic-.ivc ii Roltlcn  for  iin . -SAMUEL HINES. U:i. SlsmInrliislrlsil C'l'tuf. Suvaniah.    '     .</t>
  </si>
  <si>
    <t>                                           Crowd To Greet Roosevelt In Gainesville                 When President  visits. G:          . Oa.. Wednesday, Gcnr.l Kin will be  a public holiday and day nf thank.si;;. according iu a pru^ by Covcrnor E. D. Rlvi-rs Siilurday. Citiicns m the  which w.is'.                 victimized by a  In 1B3C and rebuilt through the   t the President  made arrangements la handle the -l unv.vd in the city s history. Kundri-dii of Gvorgi;ins are expected. 10       .Kc U, ^ rebuilt city.</t>
  </si>
  <si>
    <t>                                           ^  All A Ml A (Hi V \X/l I U I I I f\         tf:pTr ^?rd MILMntM [MIT WUrxLU FJeditioS  . -!.:!. ^'The Nation's Only colored Daily Newspaper" I ~^lil/     ^ VOLUME 10. NUMBER 331 +1 + ATLANTA. G.'U SATURDAY. JANUARY 2J^93^~ + '^J J PRICE^F^E CSB^</t>
  </si>
  <si>
    <t>                                           FAIR.</t>
  </si>
  <si>
    <t>                                           ASHBY STREET GOAL YARD 295 ASHBY. ST- S. W. RA. 9303 Q LARGE BAGS $1.00 DELIVERED</t>
  </si>
  <si>
    <t>                                           I Bailey Theatres 81- JOHN MACK BROWN in "Trail of VenReanee" also 2          and "Wild          " ROYAL- "Adrenturou. Blond*" and "Reported        " J  U Comedy 'Dick      * I ASHBY- I -MIDNIGHT TAXI'1  nd 1 -Tke Man Who Cried Woir .Im, Comedy Dick Tracy j  LENOX- WILLIAM BOYD in "North of the    Grande"  Uo "The Great Gambini" and Comedy Schaine's LINCOLN Joan Crawford in -THE BRIDE WORE REP" Dolor** Del Rio      L.   Georxe Sander* Dick Baldwin "International Settlement" On the SUy "          of 1938"</t>
  </si>
  <si>
    <t>                                           2ROSS VIEWS OF PEOPLE, SCENES Al FORSYTH FARM MEET                 I m (It The Florida delegation    the  It'll by A. C. Pender of (. I*'Ia- and his Alurhuu (     farmers. This j;roup visited the Atlanta Daily ) offices in Atlanla. and  with Publisher Scott i who may lie set-ti at the extreme left. .Mr. l* is kneeling at the extreme . (2)        and Davis, , who were      ;c to record the convention proceedings. (3) Wi'U. Atlantans who attended Mi-ft Ut ri^ht): President B. K. Holmes   r Holmes Institut**. ~;**~ir^r          . Percy Jones of the j special Ohio delegation; A. Price. Jt-~e  atid T. Furgerson.  jarc well-known Atlanta business men. (4) Scenes of exhibits at the convent ion.</t>
  </si>
  <si>
    <t>                                           Tonight at 8:00 o'clock in Howe Memorial Hall, the University Players wil demonstrates the various was of using lights on a stage production while it is in action. and at the tame time will show the audience the equipment, control, functions, and qualities of...</t>
  </si>
  <si>
    <t>                                           LEWS HUMS. JR. IS MISSING FROM HUE HERE                 Thtf Atlanta Wr.rld Wi* asked Wednesday to help in tlie search for Lewis Kamilnss. Jr.. ot 2M Raspberry who has        trom     home since Thursday of Jasl week. The small boy is the son ot Mrs Annie L. Hicks, of the Ruspberry  address, and Lewis Fanning. 1  East Ellis street. When lx-t seen. 'Jic boy was wear. Ins black cap. blus coat and overalls. He weigh*  M pounds and u four feet in height. j</t>
  </si>
  <si>
    <t>                                           Negroes received a long awaited and much hoped for recognition in the Detroit Post Office with the appointment by Postmaster Roscoe B. Houston of one of our group to a supervisorship, effective January first.</t>
  </si>
  <si>
    <t>                                           The 5th anniversary celebration of the 18th year et Rev. anti Mrs. A. D. Dell, as pastor or the Mt. Moriah Baptist church 2336 Carnes Avenuc. Orange Mound, will begin March 21, 1928 and continue through the 28th.</t>
  </si>
  <si>
    <t>                                           Crogman Nighters To Stage "Musicale" This Month                 Cicginan evening school under the  leadership of Mrs. C. C. Wimbtsh. lias spent the past week observing "The Rules and Regulations Relative to Fire Preventions." Much good has been accomplished by the students tn their various displays, such as posters, booklets and Interesting addresses on "Fire Prevention." Mrs. R. Days, director of the Glee Club, has been actively engaged during the past few days, making plans for a mammoth presentation of music within a short period.. No stone is being left unturned to find the talented students and present them to the music-lovers of Atlanta. Miss M. M. Magsby. popular teacher of Home Hygiene, is interesting her students in a most unique . which will be presented soon. Many other activities have been engaged In during the past few days but they will be released In next week s news.</t>
  </si>
  <si>
    <t>                                           WORLD FAIR DRAFTSMAN NAMED                 Credit Given Urban j League In. Fight j For Positions                 NO SEGREGATION!                 NZW YORK      - Promo-: Uon of Walter U .Robert* to the  of  fast week,        Aqpab       m Luinmlwloiml to do a  oil   for the forthcoming Kew York World Fair, was an by Uw: Mew York Uitan Laafue u aa-~                 other victory in in fight to sain consideration for  workers in the fair snap. Mr. Roberto wm referred to the league*  department after hfa graduation from Carnegie Tteh He also woo a  offend by Carnegie Tech on bat design Worlds fair exhibit, but when at tint, referred to the  was Ktven a Job as porter. Wm promotion  following . dence  Janes H. Hubert,   . and Cro. ver Wbaltn.  of the fair who has promised to *!]? up.  the  contractor* urging the employment of  . Mia Savage, who Is abo director of the new Harlem Art Canter, n for a number of yean teacher of an at the Urban League Center. In a resolution seat to fair . * executive board  aid:                 -The New York Urbtn League Executive Board b deeply . cd In the question or integrating Negroes into  technical and professional jobs in  with the  World's . At a recent meeting of the beard it wn brought to our attention by          or oar staff tSft ^        been made to   of penem in various technical and professional positions.                 ToUowtaf Interviews with of-j Octal* of the World's fair       -~ ncl. it m definitely  that placements wool* be made if . fled Kesrue* ware referred. Those  toe registration included st-i lect persons trained fai accordance! with the requirements set down   . electrician*, draft*. I men. aad  . So far at our record* . there hwl to date been no action taken toward  any of these workers. It to reported that one of the per. aon* referred- a          of Carnegie Institute of         (0f. trained in    as a . and winner of the first price awarded -tor Carnegie institute in a. contest for the  of the Carnegie Exhibit for the 'World's fair- has been employed at a receptionist. The * board has carefully reviewed this matter and strongly fact that the time has ar- 1 rived when it should not only uke  of this situation.          it to the attention of the ad-  of the World's fair in hope that they may speedily mak*  Into thb situation, and see that Justiee is done."                 Commenting on the fata-. Mr. Hubert arid: "We  thai there were  in tbt  work- inC for a  . with per- 1 haps a building aet apart for Ke-, grow. In act. a group of w-  prominent ' had .  plan  whh a view to tethering their own . Whan toil wag broo(ht to the attention of the Urban Leapie and the Harlem CbmmlttM en PnbUe Policy, of whieh Cbartaa IC. Kanaon b president, no time n loat in   of the fair that this  be not only unfortunate but contrary to the Kew York plan.'* At the remit of theee  Mr. Wbalen  announced: -in this fair a ha* been decided that there Ihould be no   (CmAmI Pm. 4. CmL 1                  World Fair (    ,,~nl tana pip li group*, at ban marU-d mher . can            . but ihM n- a,: will be     -n by iho fun  (BtioB t.~   oaic ov: due* of the Axtwricun NniM'n contribution la . and i-~v.:y</t>
  </si>
  <si>
    <t>                                           NEW YORK--(ANP)--Promotion of Walter L. Roberts to the position of draftsman last week shortly after Miss Augusta Savage was commissioned to do a Ones of sculptures for the forthcoming New; York World Fair, was seem by the New York Urban League as...</t>
  </si>
  <si>
    <t>                                           M. E. DELEGATE                 ST. LOUIS. MO.- CS N S)- Among the 800 delegates attending tlie National Methodist Student Conference, which opened here today at the Centenary Methodist Episcopal church, is Miss Ella Elizabeth Jackson of Clark University Atlanta. Georgia. Miss Jackson, who is a junior at Clark University,  take an active part in the seminar discussions.   . E P. Tittle, of Evanston. Bi_ will  the conference tonight on the subject -The Nature i and Reality of Cod." i Wednesday morning. Dr. W. A. i Qnat. of Emory University. Atlanta, wiil  "United Christian Action in a ~**"'"c1'ic World." the theme of the conference. At the evening session. Rev. Howard Tburman of the School of Rrttgton. Howard University. Washington, p. c.  deliver an           on Pay, 3. CoL 8)                 MISS ELLA ELIZABETH JACKSON                 M. E. Delegate (ued tram  1) j address on "Soured of Power for Christian Action." The conference convenes  Km.fti Friday and the 800 student . not including an ~"M1rVr"~i1 200 counselors and leaders, have come from every Metaodlst     . university, and. Wesley Foundation throughout the country.                 Willie Frank Daniels Of Athens, Ga. Electrocuted                 MTTJiTDGEVUXE. Ga.-  SNS) WDIfc Prank Daniels, of Athens.  as" electrocuted here at the state prison Monday morning for the slaying: of an Athens policeman. He paid the supreme penalty for the fatal shooting of Policeman Herman Stein, -who prior to his . said ^   shot him while  arrest. Tbe State Supreme court                 cently upheld the decision. Daniels was kept in the Pultoo County J21I most of the time for the safe-keeping. The prisoner was pronounced dead at 10:32 after prison attaches strapped him to the chair at 10:15. Daniels had nothing to say when be walked to the electric chair. Be was wearing blue shirt and brows .</t>
  </si>
  <si>
    <t>                                           FREE LUCK BAGI SOe AI9    . M.   Loci      itd  Hair Orauing. Powdar. Ointment     . Sand tOc t* o#     cost.  BROWN CHEMICAL C* OaoC  M.        .        .</t>
  </si>
  <si>
    <t>                                           POISONED KIDNEYS Stop Getting Up Nights j Tn          .v .li   .     . nrW fmm UMn-~. nml  Irrllntloa i.r           -~     "Irttld* j up      ."  rt   il   iuM MntHl  nil CupMilr*  luk*    . "Ilirr           of kUn-y ami MuaMrr        .~~~     M-ont.  or smarting     -  '- Htckarhr- Irr --</t>
  </si>
  <si>
    <t>                                           NEW HAVEN, Conn.--(ANP)-- Railroad men this week, declared that Local 370 of the dining car workers' union affiliated with the American Federation of Labor finds itself riding two fast streamline trains traveling in opposite directions in its Worts to oust...</t>
  </si>
  <si>
    <t>                                           CHICAGO--(A N P)--With the April primaries a month away, activity in the battle for party nominations for congress continue hi Chicago Eight candidates all Negroes are striving for the two nominations, five Republican and three Democratic.</t>
  </si>
  <si>
    <t>                                           SOUTHERN SOLONS LAUDED FOR FIGHT ON LYNCH BILL                 k'"ru i."i'~ i:"i:~i.- :--:;tative.- ail'-;~:    a    - tt i.  n Mmi-  -ii  tin- I 'uri ir^ia ' n m i:i (.'"!i;;  '-.~ a:n1, ;~ar-.:ci:-  ;]:c "~ui:[i:fni .-ma:"  " r tln ir fi\'lu .-t tlic a::- l.ill. 'flic r.-~.,Ii:ti..n. which v.a- ..-I     Kq. A. A. Mar-hall, m' Macfi    :iiv. '-. :hat the inca.-urr i- an "imv. I ai.'l -arv      iho s"t: -tali*-  :t Di.L/.t-ti  i    Iilicallv c;i]~itali/i- v\*-n hi^'.tcl   '!:   ." 1 1 tt* ~'~::ri:frn -t*n:t:"rs were ;iI-.~  in tilt.*    '~       ]-~r :heir " aii I :"ti.- ; a^ai!    :    .-t ."                 LIM18ILL RESOLUTION IS READ BY SOLON WASHINGTON-  S.N.S'- After reading jn the .senate letters and telegrams from the governors of 14 southern stater, all of which except one. condemned the anti-lynching bill. Senator McKellar Democrat. Tennessee,  -Monday as a substitute for the anti- bill, r. joint resolution which would praise the states for thc:r e.Torts to reduce the crime of lynching. The only message which did not condemn the bill -was from the the governor of Missouri. The Mis- souri Govcrncr expressed no opin- ion. McKellear stated. States from which McKellar      communications were Georgia. Mississippi. Oklahoma. Louisiana. Missouri. Florida. Alabama. South Carolina. North Carolina. Kentucky. Texas. Tennessee and Arkansas. Night sessions to wear dowr. the  of opposing senator.; M-rm^d . However. Democratic Leader Berkley s^td he ~'ns not. yet ready to s:vy  ni=ht sessions  . Tins the third week of d haf on 'lio measure c: on by    -   -n:   - Films of nnr nf the :"I   "2~- br Minply  ^c!   i^T .s;ii ot  :r.K :.=am:.t tin- . Rev. Pinkston May Attend Installation I;ls::.il.lt::-n services ot til'* .M I;~!im   -ip:iM Mi!'..\ Fellowship C!    will be ! :nni;lit. 7 o clock. :it the Thankful ~'P"St Church. G40 1V;:; Street. Rev. E. C Arnold, pastor. Rpv. L. A. p*. pastor if Tabernacle Baptist Church, of Aticusta. is expected to attend the -tion sc: vices of the club, ot which he i-s a member. Much preparation hi*- been  lor the . r.      ".c to Rev. E. C Arnold. Rev. A. Bell will serve xs master of ceremonies.</t>
  </si>
  <si>
    <t>                                           Were waking up! We Americans white as well as black. Several weeks ago President Hutchinson, of the University of Chicago wrote a serial article captioned, "Are We Getting Brighter?" which he answered in the negative. He did not say the word, "No," but penned several thousand words showing that education had become one of the greatest industries of America. He had white people in mind, I'm sure, and not...</t>
  </si>
  <si>
    <t>                                           'Scottsboro' Boys Speak In Okla,                 2,000 Cheer When Youths Tell Of Trials, Joy                 OKLAHOMA . .,\NP. Joy         i:h ;):iri,r,. ',,i:i^ round Uir i,,- T:~bTu:    r.';V;~t Cliiiirli  ii'!:: Vr:'',,,: . w.';pi: 2.00D c;:  -:;:;i; c:';;. ) bl:ick and -.i-k::.- ~"d to Ktidrevscs hy O!cn JlontaoR;   -. Rov \Vr:s!;l. 'Scousboro Bo-.:.,                 and Richard s Moore, /!n? the .\"at:o:,al Scott- committee. The I:ucc rn;~vs  was !i**icl under the auspices of the NAACP. the I::il Labor -r.s". the Nnrional NV^ro confess. :tn-: the Oklahoma C:ty Coouer.vr. Ministerial alliance Thorn*, Eiwards. ni esid~-n: 'if the OMahomt City branch of ;   . presided. "I*'." s::re had n .swell t:me s::ir.T mv feet !nt ih' ." declared C!cn Mor. aI-.ci: culled tipon to t:il:i. T.V hie  roared Yoiin:- Mont^ continued :n i .s  to ;~Ie:id for :      :ir.f:'.' for ihe other !ivc boy.s i:  - in Kilbv prison -"A-ho are r.rt n;ore ^' crime than I am'' "How nan I be  even ir; freedom." said fin- Wriilif. .  alled to the :er\ Table Mv brother is -.till t'.mrr. ;     in th^'  prison and I can  nover be   until he has yen K.-rnt^l :he  freedom I I*.ave." "After all.  :ire the real and .T-l  1:1 America?" a. Ricliard B. Moore. "Loo;;  you in this audience :;nd see ihe licht color that traces the faces or almost all of this Nesro audience Look at me. Look at me This Hrht color th:it is  across tl'.e faces of all of us did not fall down upon us !::.e manna from heaven It is the cuder.ee of rhe  rape that was perpetrated upon a helpless people. It repi-eser.ts the Dhy-sica! assault made    -n-    ;ro women by ul-.itr slave master-prior ihe civil -.var CltlMS R-.lby B'ics.  t,\ tl-.t* white sirls. :hc stale AUbama  was raped. :.s .l Ijvum witness to tlie fact that no;h:ns nf tl-.is  happened, and pointing to the testimony of white doctors who testified that .-.either Victoria Price nor Miss Bates -.vere suffering from a-n;* lacerations, bruises 01 physical  at the time of t!ie:r examination immediately following tl-.c alleged crime. Mr Moore presented a terrible ::! of Al-b^:na justice to his audience. Five  dollars is needed to continue 'he appeals lor          boys now i:i Kilby prison,  to Mr. Moore A: the conclusion of the meeting. 1: was nounced thai $150 had been raiser. Tlie party '.oft Ol.!a.!ia City Tulsa Saturday .K.</t>
  </si>
  <si>
    <t>                                           OKLAHOMA CITY, (ANP Joy mixed with ... around the big Tabernacle Baptist Church auditorium last Friday evening, when 2,000 cheering citizens, both black and white listened to addresses by Olen Montgomery, Roy wright, (Scottsboro Boys)...</t>
  </si>
  <si>
    <t>                                           FLA. FARMER CH5 HUT POSITION                 Owner Of 550 Acre. Farm Called To Washington                 HAS BIG JOB                 GAINESVILLE.  lo.- (A N P)- Because of his outstanding achievements as. a farmer and be.  or his close adherence to the Agricultural Conservation Propram. David A. Miles, owner of a. 550-acre farm looted near here, has been recently appointed                 by the Southern Division of the Agricultural Adjustment Administration in Washington, j D. C Mr. Mi'cs will appear on pnv grams ut various farm  in the state, to discuss from practical experience, his successful  of soil conservation practice. anC planned fanning. He was also awarded Certificate of Merit by Tuskcgee Institute during the recent Ncgr) Farmers' Conference.  FARJl PRODUCTS WaSHINOTOS. D. Cl- 'A N    In a  exhibition or agricultural products and handwork which w=s held in the main cuiMing of the United States Department of Agriculture, several sets ol harness made by Negro farmers of Tcxa* nere on display. The -making project for Texas farmers has been  under the leadership of C. H. Waller. Negro State Extension Agent. Experts from tne Texas State Extension Service assisted In training the Kegro Extension Agents In harness-making and they in turn have conducted classes in - 'among tne farmers ta  respective territories. In a. recent interview concerning this project. Mr. Waller stated j that the farmers are taught how to tan the hides and make the har- i ness from start to finish. "Each i farmer." be said, -who makes his own harness, saves $60 to  a i jcar. depending upon ihc size ol his linn." I COTTON SITUATION I WASHINGTON-  A K   - Of- j ficials ol the Department of Agri- I culture were much impressed with a recent letter from Charlcs Lee. i Nesro farmer of Sulphur Springs. Texas in which he discussed the present farm situation. Mr. Lee who is vice  of the Texas Negro farmers' Council of A?- j turc. set forth in his letter a pro- I  lor meeting the present agri- cultural crisis. One of the noted questions in-  to the farm bill passed by the Senate, is to what uses diverted land* in the cotton states may be uted without serious competition  the feed-producing slates of :     middle west. Concerning this point. Mr. Lee states: "I  that each cot- ton producing state and finally cuca cotton  farm be al- lowed to produce to full strength i for foreign consumption and com- pete in toe world markets for whatever price he can obtain. This method will provide a use for land that would otherwise be diverted to other crops in competition with the i agricultural set-up of other   ot the country." Mr Lee also discussed  the : tax. acreage quotas .etc in their  tion to farm problems. i</t>
  </si>
  <si>
    <t>                                           GAINESVILLE, Fla.--(ANP)Because of his outstanding achievements as a farmer and because of his close adherence to the Agricultural Conservation Program. David A. Miles. owner of a 550-acre farm located near here, has been recently appointed...</t>
  </si>
  <si>
    <t>                                           The Memphis LeMoyne Alumni Association got down to real business of reclaiming its delinquent members and adding new ones Tuesday night at its regular monthly session, held in the college cafeteria of LeMoyne. Theodore McLemore, president, presided...</t>
  </si>
  <si>
    <t>                                           Christmas Tide dory to Cod iu the Highest. Pvaee on earth and good will to men;" Sweetest words in song or story. Announcing  SSalir of JiW.. And down through the years and I ages. Still echoes this glad refrain. And this blessed, blessed  Encircle!! the world again. May the burden life be lifted. From the hearts that are weary and wot: 1 And souls full of anguish br . By trials which he  . Ring out Christmas bells in your gladness. Join m the grand a.. O.li.ry Iu Coil in  . j Holy Batw- In  MunftT. -w , For tills love that         all nations tor praise  tius Clirlstmastidr. David C. McUn j</t>
  </si>
  <si>
    <t>                                           Rum Charges! Sting Four                 Fulton Criminal Court - j .:~d jiving straight chain gang icr. to liquor defendant! j three felt the blow from       Jctsc M. Wood Wednesday. "Will Miins received a total of months in Uirce cases, while Al- t  Green and Joe Boyd were meted ten months and foul j .His. respectively. John Aus- j tin was  S150 and giver, a  of Zi months in  I  :n wo cases. j Tried on charges of simple lar-   :y. Tom McCray was giver, i ten months on the chain gang; j Kuli- Biilups. Welvc months pro- bation: Alton Manning, si^  : and Edward LcwTcncc. a not  verdict. j Catherine Marshall was given a j  a; a pena'. institution  " guilty of a vagrancy charge j A single lottery case on the Wednesday docket, that against IvObcrt       . was reset for an r. date. j S.C. Justicel Very 111 j WASHINGTON- (SKSl- The con- j dition of Associate Justice Benjamin j N. Cardoso, or the Supreme Cour' was seen as grave Wednesday, ac- I cording to announcements from h!i physician. The justice has been ill for scv. i crii* weeks, suffering frum la  i and shingles. Complications oi heart attacks have also set in. i Several  have been con. suiting in his condition. j Joe Louis Film Willj Have Premiere In j D. C. Jan. 20 i I NEW YORK CITY-      - Joe; Louis' new feature length picture, "Spirit of Youth" will have itt world premiere at the Lincoln Theatre in Washington. D. C. on January 20. The film will play an extended run at this theatre at advance prices. Tte World's Ifetvywcight Champ, ion. Louis, himself, will make a per. sonal appearance at the Lincoln Jtoatre cs tto  dax,</t>
  </si>
  <si>
    <t>                                           Shallow breathers are the girls who make rouge chemists rich. It is the athletic girl, the one who is out in the open all the year round, who wears Nature's roses in her cheeks. Her lungs are air washed. that's what does the business.</t>
  </si>
  <si>
    <t>                                           Stockyard Employe Kicked By Mule 1                 A mule kicked Willbm Butts. K. of 214 Baker Srect. N.E.. Mondsr. reports indicated. The man turned over to a priva'-e physician from Grady st the '.request ot       -ard officials, who said the accident .- on</t>
  </si>
  <si>
    <t>                                           GREETINGS, The Congressional Front is back. In fact, it's having a birthday. It was born during the special 100 day session of the 73rd Congress in 1933. It is five years old, but in a manner of speaking this is its first birthday because this is the first special...</t>
  </si>
  <si>
    <t>                                           J. R. C.--Do you think that I will be able to find employment before long right here or should I make a change?</t>
  </si>
  <si>
    <t>                                           Dr. Channing H. Tobias, of New York City. National Secretary for Colored Y. M. C. A. Work, and world-traveler, addressed a group of citizens at LeMoyne College Monday evening of this week, taking up in details some of the plans whereby a Colored Young Men's Christian Association can be initiated in Memphis. His appearance was made possible by the Central Branch of the Y. M. C. A. with Messrs. T. W. Lewis. president, Alfrd D. Mason, chairman.</t>
  </si>
  <si>
    <t>                                           YOUTH GROUP WILL MEET TODAY                 Council Enthusiasiic As Public Program Nears Reality                 SELLS BUTTONS                 An  .Mii.siic session is a certainty this afternoon nt 3 o  when the Atlanta NAACP YoutU Council convenes again In an important call ; In the assembly       of the Atlanta School of Social Work. The  has been ; diligently In culmination   r                 ull details  jj to its  01 public unii- pit* gram this Friday '. " II. at eight o clock, at il-e First             5l Caurcn. Prof. Jjmes Oliver Sliae, head of the Social Science Department at Morris Brown College. mala speaker of the occasion.    : : a ringing message that  be  emotional and ^ ia effect. He will five tie historical background of the lynch evil and trace the -: mace by tho race in the anU-'yr.cUng fight and the struggle !or u: rights and political recognition tlw entire seventy-five years Mnce the signing of the Emancipation Proclamation. But that is not all. Mrs. Nellie lindley Davis, originator of the sensational "HEAVEN BOUND-* production and locally famous radio soloist, will render a much.  4tc*    )-~m-Che program. Prew S. Days, talented young ;us:. will also be featured,  officers of tlie youth council ana two members of the senior * will have brief remarks on ine (Continued on Page 4; Col. 7)                 i Youth Group (Conttnurd from Pace 1) I colorful program, i According to present reaction. this February 11 affair will        of the glamor of 'lie annual local  educational classic. -COLLEGE NIGHT." It should be a young Mllcjc and professional people s occasion, but wl l attract i host of seasoned adults. Ttic senior branch and its following is a hundred per cent behind toe youth workers. Heavy Slate Today In today s" meeting, the correspondence committee will make a detailed report, while .talk of the public  activities In general ar.d a prc  report on  bu tons .-.j Till also bc_. Other matter::  in tooT involving the . membership, and correspondence committees. All persons desiring to Join the council are also  to attend the meeting. A fine example oi the interest already manifest ln tnc youth council and its  is revealed in the case of Miss Esther Scott. Atlanta Daily WORLD bookkeeper, wlio not only Joined 0   council during the past week, but also vol- I  to sell twenty antl-lynch buttons before ? her i.-.! to '2 with we I youth branch. It will be remember- cd f-at. only ^'y. a mini'.'cr I of charming young At'ttnta social- itics. many whom arc not youth I council member1 . their services as usherettes.</t>
  </si>
  <si>
    <t>                                           An enthusiastic session is a certainty this afternoon at 3 o'clock when the Atlanta. NAACP Youth Council convenes again in an important call meeting in the assembly room of the Atlanta School of Social Work. The group has been ... diligently in culmination of...</t>
  </si>
  <si>
    <t>                                           The Eureka five shot its way through the past slam hang season of the 'Y' Basketball League and finished the season with not so much as a blur of defeat on its schedule. The Eureka 5 took the measure of every other team in the league. And to show that...</t>
  </si>
  <si>
    <t>                                           Many women skip gayly into any beauty adventure. They seem to skip the fastest when they don't know exactly where they are going. Take hair dyeing. It is the toughest job in the beauty shop, vet unthinking women will buy any hair coloring agent that the clerk...</t>
  </si>
  <si>
    <t>                                           COX. BROS. UNDERTAKERS Is now in position to write the CLARK S FUNERAL PLAN CONTRACT Talcing the entire family, regardless to age, under one Contract at a Reasonable rate, payable monthly or weekly. For fall information call or write COX BROS- Undertakers.  t 258 Auburn Ave^ N. EU, Atlanta. Ca. Phone WA. 1553. Good  agents wanted.</t>
  </si>
  <si>
    <t>                                           BAPTISTS OF GIL MEET IN                   By A. BF.I.I.                 T::c b'.v.e B^p:.-.: Cor.- vc:-.::c.: of O^o.-^iu me-*. T;:cs-  lav n.t;:;::::K. .;.-,:i. 1; ai I ':ic F:    BW'm Ci'.urc::. -Mjco". Oporj::i. R--V .'.I..::...;; ;....;vr "n-.e Dr. L A. P:.ir:.--~:-. i ;;ros.. ~:cr.t. ll.ciy problems ^c o'.vid. Dc!r^:i:~-\ ::i,::t all ;~a.:~                  :-i:Kc 'viii bo prc.-or.* The Cu.:::ni'.*.cc on    *:r.i:;i' :r.r Ccmru! C:tv Cu:!cuc v.iil n:akc Mis report. Dr. D. D. Crav.. :t:vt* :;;iry ::ic Slate Bap. 1 list Co:'.vor::on. u:^:-;2  11     ";jr*, u'-.c; i;: be ;~  ::srn*. Dr. Cra'1. :ord .'.^L-r1 out Ll-.'-t i:;c pro.   ;.;cc:ni:v Cciiirsu C:ty Ccllcsc arc very ^-:c.".:. He :'urt!:or s*n"~*ti tha: i' :h*~ many ^ i:i At-i:::a wu;!d their (Continued on P*Zc 5- Col. 3)                 Baptists Of (Continued from P.izv li lull duty, it  br c;i:nr J I'ory easily. Kt* :;:: .v.atod tii.it president PmkMon is a: fe:::~ church to represent v.:;h $:;.'1~~. Kirli Sunday School. SMW: each B. V.P.U.. SI. 00; each M:.~sion;uy Society. S1.00: and al! .es to pr-.roll witli S1.00. Ii has been 'said \v:tl: this ; leader wi h l-.'s  vision is fully able to  the Coorsia Baptists. Tlie  \\v  to do is to live up with  in his program ar.d all will be  to pu: the program over. Thp Chairman ot the Executive Board. Dr. W. L. Paschal!. pO'"1"1 out  President Pinkston is one of the most able young men in GcVorsia.</t>
  </si>
  <si>
    <t>                                           The general State Baptist Convention of Georgia will meet Tuesday morning, Jan. ... 10 a.m. at the First Baptist Church, Macon, Georgia, Rev. Marshall, pastor The Dr. L. A. Pinsson is president. Many problems will be solved Delegates from all parts of the...</t>
  </si>
  <si>
    <t>                                           NOTICE. This is lo notify my friends ami customers of the change of my business address to YOUNGS BARBER SHOP 92T, WEST HUNTER ST.           all Iw your .ee in (he Pfltt and hoping you will       im in llic future. "    The YOUNG IDEA" Signed. W. J.</t>
  </si>
  <si>
    <t>                                           PROHIBITION ENDS IN GEORGIA AS FIRST COUNTY VOTES "WET"                 Dougherty Chalks' Up Repeal Score; Drys Still Fight                 A wet victory in Dougherty county yesterday, ended prohibition in Georgia. The latest returns last night were 1,274 for to 200 against to legalize and tax whisky. A wet majority in Dougherty removes Georgia from the list of dry stales.                 Commissioner T. Grody Head  that a wet victory tn any county automatically repeals the state s prohibition law and makes  of one quart of liquor legaL "No  can he sold or possessed legally in Georgia until 15 days have elapsed after the results of the election have been officially declared, and not then  such whisky has moved through a state-controlled warehouse, beam a revenue stamp of the state of Georgia and is distributed by a duly authorized, licensed dealer," the commissioner stated. "Such a dealer is required to produce a license from local authorities and from the State Department of Revenue and to com- ply with other local and state, regulations." Whether or not the stata has a state-controlled warehouse ready; for handling the legal liquor was not made known by the commissioner. Certification of the Dougherty vote must be made to the secretary of stata within three days. .(   In the. liquor referendum last -3 June 8, Dougherty voted 1,057. for repeal and 364 against     law. Dougherty and its county j site, Albany, famous as a resort city, has sold whisky openly for u long time, similar to the open sales in Savannah and Chatham counties. However, the dealers in Albany were not licensed by the city us those in Augusta, havo been. Prohibition lawyers have declared they would take their com to the supreme court of Georgia for the final decision on the constitutionality of the law.</t>
  </si>
  <si>
    <t>                                           A wet victory in Dougherty county yesterday, ended prohibition in Georgia. The latest returns last night were 1.274 for to 200 against to legalize and tax whisky. A wet majority in Dougherty removes Georgia from the list of dry slates.</t>
  </si>
  <si>
    <t>                                           Killing Of Sandersville Man Arouses Mass Fear Of Remaining Colored People j                 50-Year-Old Taxicab Driver's Body Is Found In Branch                 .K. Gu.- (SNS) I Tin-  ii.            1 k1.v uf Bwi      . SO-year-nlU  driver mill Worlil War. Vi-K-ran. who -l poured on   Marcli S.j was found near : Salurnay.                 All examination of the dead man s! body revealed a gunshot wound in' the left side of the abdomen, and a gash in the back of the head. Burned portions ot Wynn's clothes, a cap.  and packet kniff were  in u pint: .   ;r of a mil?- off Hie highway, .ill was reasoned thai the  li:iil been removed fri ni the scene nf the killing tu a small branch, commonly spoken of as Sisters Branch. Transferring of the body Is  to have taken place Thursday, following a big rain, as searchers discovered a trail made by a  wagon, which led from the alleged scene nt killing to the branch. Following Wynn's disappearance Saturday night, March 5, the  of Washington county and several hundred colored persons scoured this section n-.-orly a week in hope or finding the missing man. Funeral services for Wynn were held Sunday from Middle Hill Bap- 1 list church, u-illi the M. Smith funeral home in charge  if lilt* buri.ll. The  Is survived by a Ivift- and two children. The mysterious  of Wynii has aroused a ; uf fear       ^~ tile colored      )le in Wasliiiigto-i 1 county. Many uf them who flecked I                 lii Hit-  ~~.u-li r: .- view W.'-. i-ily -~I im*"  Hint "M'~ I 'i- next."</t>
  </si>
  <si>
    <t>                                           SANDERSVILLE, Ga.--(SNS)-- The decomposed body of Ben Wynn 50-year-old taxicab driver and World War Veteran, who ... on the night of March 5. was found near here Saturday.</t>
  </si>
  <si>
    <t>                                           Mexico Seizes $400,000,000 Oil Fields                 MEXICO CITY-      - In on ejc  move SaUirday, Mexico's ~.-b?sct government seized t40C.Oto^CO  of oil  wiWi a  to pay Tor the properties lii^ ten . Tlic   -iiC  .                 an ! $200,000,000  of American citizens. The American Sllito Dtpr.Ttmcnu was not expected to .  to the known crisis of Uie Moxlcnn 6 .  Is feared in the government s  circles.</t>
  </si>
  <si>
    <t>                                           Plans for the Twelfth Annual State Inter-Scholastic Basketball Tournament to be held at Virgina State College, Friday and Saturday, March 11 and 12, have been perfected Coach Henry R. Jefferson announced last Saturday.</t>
  </si>
  <si>
    <t>                                           RADIO SALES SERVICE SPECIALS TERMS TO SUIT YOU G-Tube lO-Tubo PH1LCO, All-Wave $23.95 J All Wave CROSLEY $17.95 S-Tube I 9-Tube RCA Combination S1G.9S I MAJESTIC $15.95 8-Tube { 9-Tubc MAJESTIC $14.95 I MAJESTIC $17.95 7-Tube j 7-Tube AIK KING $5.50 RCA, A Real Buy $0.95 We Repair Everything Electrical REDWINE ELECTRIC CO. 79  ST. MAin SI 27 "FOOD THAT IS TRULY DELICIOUS" THE METROPOLITAN CAFE  i4 DECATUR STREET Who Wouldn't Want New Shoes? We Will Guarantee To Do The Right Job, in Every Pair COMMUNITY SHOE SHOP 3-13 Auburn Avc- Cor. -Hilliard St. The Kouh Whore Courtcty  nd Service Prevail FREE DELIVERY PHONE JA. 8599</t>
  </si>
  <si>
    <t>                                           DOCTOR S 40 YEAR OLD FORMULA USED BY THOUSANDS BECAUSE IT LIGHTENS IIIIFKmoney back kw if not satisfied Wm WITH RESULTS, ^K^   J MM tm ~)inr . Knutr Ilir lay* Hwt   nu win u 1. I. I II II T K H. . .  SKIN. Ih.n't put up wild ii .ly. liHi- Hltin, * pi'"(~In., *. , time   . Akk   1.     t.ir Ml.        I AI.MKIfH SKIN 1 .. Full i.     S3~*. I hi*                   .Irllnhl jr.m nr    fur Ihi-        : Dr FRED Palmers SKIN WHITEN ER 1)11. l-IIKIt r.U. I^IIIM.. Di-lil. 11-3111. Atliinln, OVornlit</t>
  </si>
  <si>
    <t>                                           Friday evening the Lincoln Country Club attracted a large number of Atlanta's smarter society members when Mrs. Myrtle Estes-Gaskill was feted with a beautiful dance.</t>
  </si>
  <si>
    <t>                                           . CTerylliinc    beautify The Cemetery Lot CALL N. D. JONES Ra- "9$ US       Stiwet. N. W. ROBERTS  CO.        Room WA. 6163 108 Ponce de Leoa Awm</t>
  </si>
  <si>
    <t>                                           MUNICIPAL MARKET 209 Edgewood Ave. at Butler St. -TT1IE MARKET IN THE HEART OF ATLANTA" 5 BLOCKS FROM 5-POINTS -On the RiRht-Hand Side of Edgewood Avenue Quick Parking Service for Customers on Our FREE PARKING LOT Entrance Butler Street</t>
  </si>
  <si>
    <t>                                           THE PARSONS STREET FLORAL CLUB held the Last meeting of the old year at the home of Mrs. Spicy. 941 Parsons Street. The next meeting sill be at the home of Mrs. Cora Beavers. 865 Parsons St. All members are requested to be...</t>
  </si>
  <si>
    <t>                                           KETfllM LAST READING i ON LUXURY BILL;                 Tin- i:.'mKi;i H'uiM- oi n-piv.- --Htatiw.*. will lu-ar the fin:il reading 1 .'ii a luxury     \~ lax bill i"d.iy The Hulls.- \vay.s and means i-"mn-.       .v voted approv.il Hie lax. which pl.it-?s :i 11) j:er c.-n! j l.~vy on  .-ill type* . half the receipts of which no to the stale treasury and half 10 the counties In compensation for revenue lost through exempt ion measures. j Levies of 10 per com on gross -ipls would be placed on sot. I drinks, athletic contests, baseball. basketball, football and the like: on pool hulls, bowline       . skating rinks, amusements parks, theatres, racetracks, public dunces. golf courses and other types ol amusement*. The tax would not apply where price nf admission was I"*-* than 20 ix-nisi a person. Playiiifjeards would be levied 10 per cent. Ciher measurer, that may be called up by tlio House Speaker Harris in. In. I.-. Hi.- bill ; 1 i -i-n: ol Uit- t:as lax In    ' counties, ilu]  of Ilu- discount of Wt-) and Atlantic 1:. V.. renl:.N lor mx v(-    ..ii.r January 1. 1  . Fiifiir" THURSDAY FOR  victim i Funeral .-t-^.s fc* Mim. Aiu--' Ma.- Fair. 1!'3 Eler.- Avi-iim-. N W.. who w:us killed In an am-i  last Thursday . ar. -lated to biv held from Bis   %!hi" church this Thursday ai two J o clock- i Miss Pair's "XKly. dead apparently from a crushed skull and other  Injuries, was picked tip near he- corner of Hunter and r- i Strecus. after ;  by an , reports . The  went unident  ur.tll Saturthiy  it \~us  for thai if a white vora ii. A i:ov .  I' :u a . ' home,    beer .-     it was n Trhi'e pt r- en r  ser-nci as means oi identity. Ai- to a C""c !"r-rs -. the victim hurt no elo-.- r. iti\*es in thr dtv :;   1 hrtf1     ".'* with a family at the Plivtrir S'-o.  for some tun..-. Tin-.1 -Iii to 'inrt her , when she  out all night Fri- I day for the first time.</t>
  </si>
  <si>
    <t>                                           MRS. LENORA LANE returned to the Gate City last Sunday evening at 6:35 after spending quite an extended trip visiting relatives and friends in the North. Mrs. Lane departed from the city last year, October 2. On her visit she had a pleasant visit in Columbus, Ohio...</t>
  </si>
  <si>
    <t>                                           CHECLZZII--Rev. Conzos Forchez Checlzzii, alms Cornelius F. Alexander, of Trinidad, B. W. I., passed away Friday night at a local institution. Funeral will be announced and company.</t>
  </si>
  <si>
    <t>                                           WITH Spearman and Roulhac and Powell and several more leaving LeMoyne this season, Jack Adkins has no rosy picture for 1938. Spearman is easily one of the greatest football players in race history and Roulhac gave Jack a halfback who was a direct threat to every defense.</t>
  </si>
  <si>
    <t>                                           "FLIT" Holliday, the Texan who patrolled center field for the Black Crackers of 1935, arrived in Atlanta Friday morning ready to do or die for Nish Williams and his Atlanta Red Sox. The clever drag, bunt and ball hawking star is in fine fettle and ready to start work.</t>
  </si>
  <si>
    <t>                                           JOSHUA                  Ity I. P.                  Brother Bell wiu  U*r he told hi,     to  turn the LIVING room   dw  he s       -lu r. tu (am Uu  billl</t>
  </si>
  <si>
    <t>                                           Alec Graham, 36, is a successful playwright, and Gina Warren, at 31, has matched his success in her own field, portrait painting. Ten years ago, they had been in love, but the demands of their careers had become so pressing that, finally, they had drifted from the idea...</t>
  </si>
  <si>
    <t>                                           An outstanding group of Negro radio artists including Don Redman, Earl Hines Sammy Williams Alberta Hunter. Tuskegee chair etc., seek favor and attention during the week of January 9-15.</t>
  </si>
  <si>
    <t>                                           TUSKEGEE INSTITUTE, Ala.--A glance at Southern Conference tournament records shows that Xavier, Alabama and Clark have dominated the first five years of the established meet. Clark has been a finalist more than any of her team with three, 1934. 1937 and 1938. The Georgians have won more games than anybody else, nine.</t>
  </si>
  <si>
    <t>                                           I Ji'rt".      I "Midnight I _  - I Serenade" I I "Saturday's n-tm. ji-~--n I Heroes'* f*TfSri'7i!</t>
  </si>
  <si>
    <t>                                           Grand Jurors Indict Nine Here Tuesday                 Piilton county grand Jury Tuesday returned Indictments against nine colored people. Tliose indicted were: Will Cliilds for assault with at*  to murder on Pannle Cream* or and Kate Chaney. Julius Evan.*; charged with In*  Bessie Evans with a stove lid. Lewis Robinson, Roscoe Slins j and James White, breaking Into an automobile. Charlie Lockm Sanders, robbery. .1. W. 31ms. breaking Into an auto. Slewarl Smart, receiving stolen goods. i Robert Turner, attempted      bery. Janitors' School Tire si*1'1  janitors'  school will open tonight, 1 o clock, at Hie Auburn Avenue library. Auburn and HHUartt The school will be conducted In coop. ii". with the janitors, maids,  and elevator operators . The  st-nool li free to  public.</t>
  </si>
  <si>
    <t>                                           It is well to be true and Just and honest end good and to do your duly. But there is something better. It is loyalty. Loyalty is that something plus which makes a man. It is virtues, crown of virtue in a woman, it covers a multitude of sins. Loyalty warms our hearts...</t>
  </si>
  <si>
    <t>                                           The Atlanta Baptist Ministers' pellowship Club held its regular meeting Tuesday afternoon, 4 o'clock, at Chapel Hill Baptist church. Rev. J. W. Adams, pastor.</t>
  </si>
  <si>
    <t>                                           TOP HATTERS met last Wednesday at the home of Mies Smith Lee Davis. The group will hold its next meeting at the home of Mrs. Sam King. 520 Tatnall Street, March 30. Mrs. Ethel Brittian. Miss Johnnie Palmer and Mr. Frank Richardson were...</t>
  </si>
  <si>
    <t>                                           The best and noblest lives are those which are set towards high ideals. The highest and noblest ideal that any man can have is Jesus of Nazareth.</t>
  </si>
  <si>
    <t>                                           "WARMING" "ACTION EASES CONGESTION of colds in upper chest feC-i_     Tnri^ht rub your ^^ chest with Pencrro at (~. . Its ^J^lg tr-tcd medication ere- *'*'ai arc^ ^^  action to  blood flow, stimulate body heat. The nutton suet base of Pcnerro helps to "hold in" this heat so that tightness and pressure of your chest cold are eased. The aromatic vapors of Pcnetro  ir.to nasal passages help to relieve "stuffy nose," make breathing easier. Ask for stainless, snow-white Penetro. 35c a jar. TMC SALVE WITH BA.SC X OLD FA5 MUTTON SUET</t>
  </si>
  <si>
    <t>                                           Mass Meeting, Reception For A. U. Prexy Sunday                 Feature Program Planned By Committee                 A cHy- mass meeting and public reception, to which the general public Is cordially invited, will bc tendered Dr. Rufus E. Clement,  6r"At"] University. on Sunday afternoon. 4 o clock at the First Congregational church. E. M. Mtvtin. chairman of the Citizens'                 Committee, announces. The program will bs featured by i music from thc University, colleges, high school and Harrelds String Quartet, also Washington High i School and every college in the  has pledged     ; of its best j musical talent, stated E. M. Mar- I tin. 'There will be greetings and speeches of welcome from every Phase and strata of our civic life, including some of the finest talent i of the press, church, school, busi- I ness smd professional world, who will b; present with words ol cheer for a nfw lender." said the chairman The mass mce inc nnd program ~-Jii '~e followed by a rc- Uir lOT.-iit of 1hr church. Both the mass meeting and reception arc  the general public and thc Sponsoring Committee is especially anxious :ha. thc fathers and mothers of the students come out and greet the young man who is to head up Atlanta University. There will bc no written invita-                 tions. but  :t bin democratic, nil inclusive gathering. 10 which everyone is  from even.' walk of lire.. All interested citizens are asked to come out and to lose themselves whatever is unnatural or . in the joy  .</t>
  </si>
  <si>
    <t>                                           A city-wide mass meeting and public reception, to which the general public is cordially invited, will be tendered Dr. Rufus E. Clement, president of Atlanta University, on Sunday afternoon, 4 o'clock at the First Congregational Church. E. M. Martin, chairman of the Citizens...</t>
  </si>
  <si>
    <t>                                           The program of the Vocational Opportunity campaign committee, headed by B. C. Cassell of Booker T. Washington Evening school, held the spotlight during the past week, when each homeroom teacher, who had given the campaign careful study, served as a...</t>
  </si>
  <si>
    <t>                                           7 CffrlffflUfrr//i f(*- ^^y lu Tlakisuy 7   otU L  Sftrfrt'***, -       TZoJcistq i L 7 *....              A for ECONOMY and j SATISFACTION use I Double Tested/ Double Action f VTC BAKING HV POWDER. Same PriceTodayas45YiatsAqo 25 ounces for 254 Full Pack No Slack Filling</t>
  </si>
  <si>
    <t>                                           Miss Vivian Ware, teacher at Reynolds High spent the weekend in Macon with her parents.</t>
  </si>
  <si>
    <t>                                           Auto Crashed By liquor' Car; B.W. Henry 'Taken For Ride"                 r. w. . or 2sa 1-2 nous- i Itin :~'r'*vi, N. K nii.%  1o lull 'I Itiirsdn;. :i"~v Iw t4 kcn for :i ''" nfl ir !ils car nml  ' ~::cl WcdncMlny I. Slit. Hriiry ui:il hi*  worn          I y p 'Hi  s ~.vins           car iii:i -li'-'i ini" Mir 'li!"; of Ilu-lr ill the  T iif MiiRiiolia mid I I Vir.i: -L'lK. V.'l fn  Tn.  on Hie j  tin; m-. Micy team- L-..::i  1 ::^\Ai .~.Ji U:s                 or or (lie- -d ",v c.ir I The  mi 111 UiT w;i,I.C(l t.'inly   Henry  the while  or tin: oI!mt  . bill failed tn     -. Tlir policeman trailed the ! nut! recorded the  . hilt lnst. truck of Urn I     '(: cur. Krvcml minutes, litter. Itcin-y  10 his own : mid st: to drive 11 olf. He snW Hie  1iiIp driver hud  Ii .tit to si' mil or Hip nl-lMT .  ill Mir ~~'inl nf ;i pistol  j.1  hfi Bunttr ,.</t>
  </si>
  <si>
    <t>                                           One of the outstanding social events of the yuletide season was the cocktail party at the home of Mr. and Mrs. Murray Jamerson on Proctor street Thursday evening, Dec. 30. Among the many guests present were Mrs. Jessie Covington and Mr. 13. Brooks of...</t>
  </si>
  <si>
    <t>                                           Away" the tightness of your CHEST COLD TONIGHT When a chest cold brings you that ~"congested feeling," rub on Penetro asd     quick, comforting relief. Because Penetro is super-mediated with 113% to 227% more mediation than any o:her nationally sold cold salve, it creates thorough counter-irritant action to increase blood flow ar.d stimulate greater body heat. That's why Penetro  your cold discomfort itel so much easier.  Cot only does Penetro help to i create this increased body heat but j because it is .'ith an animal iat iisc of mutron sust, it  to "hold   " this heat by conserving j id .-ati.-jt: i;. The aromatic j vapors of Pesetro are inhaled in:o  noses, j make breathing easier. 33c, 60c and $1 jars. Trial sia?, 10c. .Ml druggists. J"~ SALVE ft.TM A 6    Cf I</t>
  </si>
  <si>
    <t>                                           ATLANTA^ {ftY WJflUI Telephone*: WAIirat 1459- 1460 M. of SCOTT NEWSPAPER SYNDICATE ^     . n.F.^?~r?C. A. SCOTT, Genend             fcg rST"" man C. A. SCOTT. GeneralManwer Ijiclus L. Jonw.           Editor - 1 Year             . $4.75; 3 MontbB, $2  ; 1 Month, 90c  ONLY:- 1 Year SS.OO; 6 Monthi SIM: 3 Months ILtl     !te 1 YwVw: Months g-7S; Foreign: 1 Yew WJ50. Nations! Advertising Representative: W. B. ZIFF CO. m S. Dearbo"sC ChicatofllU and 381 Fourth Ave., New York, N.         DAILY WORLD b an independent          - against the interest of its reader*. Address ALL COMMUNICATIONS to ud make CHECKS  to ATLANTA DAILY WORLD rather than to Individual! The WORLD ^ responsibility for return of  pictures, manuscripts, etc, unless stamps are sent.</t>
  </si>
  <si>
    <t>                                           ICKES MAY MAKE FIGHT AGAINST FDR CRITICS                 WASHINGTON (SN'Sl Announi-umi-nt chut Swrelary Irkw would  peak by  Thunxluy night on the . "It U Happening Here" hax incr* dif belief ? Interior Di-  thut        an    iu        . It i* expected tuning many        Micretary'*  will neal with  between Ruvirnment and  The  w  of the title of Sinclair Lewu* novel. "It  mi\ Happen Here", which * a picture of the United Statcw under Faxeura. Ickeit m  to  over a -lo-     network at J P. 31.      ..m Standcrd Time, IH P. M. Atlanta Umel. Hix  will follow by only a few      a  in which Robert H. JackMn,  ant attorney .     the  Klump by Incrouing prices JtecxKively.</t>
  </si>
  <si>
    <t>                                           "JAYWALKING" CHARGE AGAINST YOUNG WOMEN IN GRADY WARD                 A young woman listed as Miss Huth Pnrfccr. or 1011 Lowe Street, will be arrested on n jaywalking charge as toon as she Is able to  Grudy hospital, . said Saturday night-. Struck by an automobile around nine o clock Saturday night near the corner or Alabama* and Whitehall, where she Is alleged to have beep Jaywalking. Miss Parlcer was                 rushed to Grady hospital  n a Cox Erolhurs' . She suffered Internal. Injuries. Radio patrolmen raid they hud orris ted D. M. Moon, white, of East Atlarta. and charged  with the accident. Rccchfnc treatment for Injuries suffered lp another accident Saturday night was Tom Smith. SO. of a Prfltt street address.</t>
  </si>
  <si>
    <t>                                           King And Queen At St. Francis Xavier                 BATON ROUGE,                 -SNS-                 A Children* Carnival Party and Parade was given by the        . Teachers' Club of St. Francis Xavier  on Monoay evening. Febraury 28. A large number of children participated in th!~ . The King was Master Raphael A. Baranco,  o'n of Dr. and Mrs. B. V. Baranco. Jr., and his queen was little Miss Percival T. Bcli. daughter or Mr. and Mrs. Louis Bctz. After the crowning, Kine and Queen Xsvier I led the parade followed by many beautiful flo.it., decorated velocipedes, bicycles, baby carriages, and" a large number of  maskers The children then returned to the hall to enjoy a party. There was a grand march in which the following won prizes: Little Misses Florence Jean Dyer, Darcnsbourg and Matter Clyde Mftthis. The judges wore Metdames V. Byrd, Sr., John Jackson, I. Avery. The attendance prize was won by Miss Leah Patin. A very enjoyable evening     spent by all including many parents and* friends. It was decided to make this an                 annual event.</t>
  </si>
  <si>
    <t>                                           Mary M. Tooker, 33, 145 Randolph Street.</t>
  </si>
  <si>
    <t>                                           GREENVILLE, Miss.--(SNS)-- Vicing honors in a movement that is destined to become national in scope are the Negroes of Washington County. Mississippi, who are at present in the midst of plans for a celebration of "75 Years of Progress of Negroes in...</t>
  </si>
  <si>
    <t>                                           One Dead, One Hurt In La. j                 i-.ATON ROUGE. L:i -1ANP1- A ^:~s explosion last Ttfsdjiy in a i:~r:ii: :n I/      :~  dr;j:h to Dor.:i!d C':i!(t\vi ll. :U. while construction i  .i. :i:id scr- m:i:. hur:iN    Lou:s Sanders, color- i I'd  :itu! :inot!:cr :ty  . .J T Sli.'. while. 1 Thf  occurred when 1 Sunders s ruc!: match !or Supt. Cnldarll look  a tile en-  All  men were - :f. ! but doctors said Sanders arse! C. would recover.</t>
  </si>
  <si>
    <t>                                           Scieenl Stage! i Scliaine's Harlem "23V2 Hours Leave" Also "Two Gun Law" With CHAS. STARRET Schaine's Lincoln "THE RAT" "THE VALLEY OF TERROR"</t>
  </si>
  <si>
    <t>                                           Friendship Baptist Community 'Sing1 This Evening                 The regular monthly Sunday -~ community  of Frlena.  Baptist Cliurch, Dr. E. R. barter, pastor, will take place this ;. 7:30 o clock, under the direction of Prof. W. Laurence James. Special selections will be  by the Morenousc College Quartet. Miss Florence Harris, organist, (Continued on page 4; coL 1) I                 Friendship Baptist (Con tinned from P*fe 1) will provide  accompaniments, as usual. Since Prof. James, who direct* the music of Stjeiman College, has created much interest and enthusiasm among the Friendship congregation in participating in the singing:, a large audience is expected . Friends and visitors arc cordial- i ly invited to attend. j</t>
  </si>
  <si>
    <t>                                           MORE BRIBE OFFICERS INDICTED                 Following indictment of two city policemen, a former cleric at Bellwood prison camp and a former convict at 'h,. camp who  as a  in the record office. Special Prosecutor E. E. Andrews announced thai bills of indictment charging bribery to five city                 I  and three former deputy  will be placed before the j Pulton  jury this roaming. Cliy Policemen named were \v. II. Rau.,JTi and J. C. Simmons. Rauschenbcrg n-a.t charged with accepting a $29 bribe from A. T. Jean, alias. "   ; wee" Bunn last October. Policeman Simmons was indicted on four counts 1ns lie accepted * on two different dates. II. C. Simmons, former record clerk at Bellwood prison , was indicted Jointly with George c. Conley, former convict, on a 12count true bill charging the two with a felony- permitting voluntary escape. The indictment of Simmons and Conley was Uie grand Jury's first (Continued on Pace 5. Col. 4)                 More Bribe (Continued from Fi.cu action on its probe   they cl  was n  racke*. in which prisoner? "'t their  for "as low as S3." Tin; grand Ju*" will end Its tc-ni today after * the  .  and Policeman Simmons will "be suspended irom j duty riS soon lie Is '.ly ,~l of Hie Indlclm-'iil.s. Chief M. j A. Homsby s:ild. Policeman R. n. Davis, indicted on two-count bill  bribery Tlinrsdiiy.     ^ti. :iy. The  i..  Siinmuiin uml Conley or Bt--  .  tl!;y - i I'd voluntary ip1iJi^~ of J-J '- c;i-.s l:isl fall. Tlif   ln not. Ed on',  the prisoners      . however. j Sinitfion.s yi.- ay d"/      tho  In U).. Indicnient- and said Ins i-.' from the  nervier last December wai "a pui-cly political  a county commissioner" "We ar" Just beginning the probe of the lav enforcement Kraft."" Andrews sii d last night "Tlv?    :f Ri-nnd .    " %'IH UiKc up 'he  and ndri   on bill 5 which w? have before the Rr.md jury, inn which are not in  to Ue  yet." Til., new jury wKl be . and  d Monday . t</t>
  </si>
  <si>
    <t>                                           Following indictment of two city policemen. a former clerk at Bellwood prison camp and a former convict at the camp who worked as a trusty In the record office. Special Prosecutor E. E. Andrews announced that bills of Indictment charging bribery to five city...</t>
  </si>
  <si>
    <t>                                           Rev. Wingate a prominent Prim Rive Baptist. passed away April 20, 1938, at his residence. l607 N. Alconiz street Rev. Wingate was the chief evangelist of all Primitive Baptist Churches in our city and was a very loyal and distinguished Pastor in the Zion Hope Baptist...</t>
  </si>
  <si>
    <t>                                           SUSPECT JAILED                 Luther Raiser. 32. of 453 Mltohell Street. Monday wrs caught nnr Produce Row with approximately  I worth of small Iteim. allegedly stolen from a  stall.           to the  pl-'   !     said to have  Kftlnrri  the   Into n  ur.afr u platform nn  Row. WferM MsitOBJ Mom v A. V. Ciinunlntpi. U Kniiirdy. M. C. Brard. A. L. OOtoy J. M. Poster, Mack Adairi, J. ~~*i/ Kti nhi. Kxri-x B. Uir..  I1  fr', , Oa. 1</t>
  </si>
  <si>
    <t>                                           Funerai Notices                 RAPER- Friends and relatives ci Mrs. RosaMurfy. Mrs. LWlaa, R. Caudlft, Mrs. Parlle Lee Allen are Invited to attend the funeral of Mrs. EUi Rnper. Monday as 2 P. M. from providence- church. South. Atlanta. Rev. P. R. Orier and others officiating. Interment South View.- HaUBabrooto. ADAMS-Prlends and relatives ot Mrs. Sarah Owens. Mr. and Mrs. Walter Adams. Mr. andMrs. Harvey Cooper. Mr. andj Mrs. William Lloyd are invited to attend the .-.funeral of Mr. Willie Adams this Sunday at 1 P. M. at Popular Spring. E. Atlanta. Rev. Moore officiating. In.  Church yard.- Haueabrooks. SMITH- The friends and relatives of Mr. Robert Smith. 589 Simpson St. N. W. are invited to attend his funeral Monday, Jan. 10. at 2 o clock at Corinth Baptist church. Simpson St. Rev. SyrusO Brown officiating. Interment. Lincoln cemetery- -Sellers Bros. LOVELACE- The funeral of Mr. Joe Lovelace will be held today. Sunday. 2 o clock. at Wesley Ouipel A. M. E. church near Newnon. Rev. Paul coleman officiating. Interment church. Sel- lers Bros, of Newnaii.</t>
  </si>
  <si>
    <t>                                           Boy, 10, Killed In Fall From Fifth-Story Window                 NT. I.UL IS, A i.Iini^c hi 12.i irc-t from :i -Mnry window :n tin Wist Iji'i -l,  iii.stAni death Saltmlay  It)-yc-:ir     Cecil Sroii. Jr.. only  of Mr. ami Mrs. Ci'oil S-oit.                 I'luyu'.j; In the - .ay willi hls  and .. lU-yea.-old Kurding Baker. 1 3SI2 West Belle place, Cecil fell  Die ;;i i'S, unguarded  to ( paved  loi 125 ten IhIoiv when lie climbed i-j tnc ' bill and  i-inj; from :m iron bur  across Hie hallway. A;, Cecil's body crashed the    iie. and lhe:i  i!;,j )); loi . screams ol I           Cecil's mother, Mrs. Murcaret Scott, from  5-O and other residents ol 1 ihe '. hotel to the scene. Mrs. Scon, looked down from the I broken window. The.-e lay her son ii: I lie lot Mow. only 15 m. miles  lie      said. "Mother I am ?r,u)K 1" P'ay lnl% '1B" Iluidine." HereivinK Hi.-          by r:      . 1 arr.vni m lU:i'i a.m. The                 ticer* wept directly 10 the home of Cecil Scott. 3r.. 30CS Luuton '- :ind  with the lather. Kneeling down, the father pic!:od ;:i. ln.s . .ion. and in the officer s scout car. went to Homer Phillip^  where Uie boy mis pronounced dead The child w;is instantly killed. The body was        lo the city . Cc-cil ScoU. Sr.. now separated  Mi's. Scoit, is a well known St. Louis musician. For several years lie and his Salt and Pepper Shaker: dance orchestra,  Mimerous  throughout tin- West. Tin- w. in the Wesl End hotel are no: protected by iron t:    . For nian.v  one of the   how" notr-U of tin- city, the note! is now f:~ifd  iiu^'iy ' Mniilir-.-,.</t>
  </si>
  <si>
    <t>                                           ST. LOUIS.--A plunge of 125 feet from a fifth-story window in the West End Hotel, brought instant death Saturday morning to 10-year old Cecil Scott, Jr., only child of Mr. and Mrs. Cecil scott.</t>
  </si>
  <si>
    <t>                                           LiOUUG" OFFENDERS ARE FOUND GUILTY                 Six cases of lottery werc up for consideration in Pulton Criminal Court Monday, but all were reset with the exception of wo. Straight chain" gang sentences of (our months each were meted Ed Worthy and KuXus Lowe by Judge Jesse M. Wood. Reset were                 cases of Denson Boday. Robert Grier. Gussie Smith and Ike Jackson. Tried on a charge of illegal possession of liquor. John D. Willis was found not guilty, but John Simmons and Will SnUth were fined $100 and given suspended sentences of eight months each and Albert -Miller given a six-month chain gaug sentence on the sam;charge. Simple larceny charges were in the- majority on the lower court docket Monday. Sentences to those convicted on Uie -s  yre as i follows: Willie Newsome. right months: Prank High, sue months; Arthur Sanders. sBc months : BUI Downs and Willlr. Crowdcr. six months- to serve two each; Richard McWhorter, Robert Jackson, four. mo?r.hs ; and  EllingTbn and A. C. Bulloclc three months each. Lorenzo Edmonson received      of four months In a chain gang sentence on charges of assault t"vi carrying a concealed weapon. Lower criminal court will probably hear more jail cases today and continue its recess until March 7 afterwards. All bond case*      been transferred for hearing to that daw.</t>
  </si>
  <si>
    <t>                                           Six cases of lottery were up for consideration in Fulton Criminal Court Monday, but all were reset with the exception of two. Straight chain gang sentences of four months each were meted Ed Worthy and Rufus Lowe by Judge Jesse M. Wood. Reset were...</t>
  </si>
  <si>
    <t>                                           AMii" Of ^^^ A Christian Nation W; i^i REV.  ARNOLD.</t>
  </si>
  <si>
    <t>                                           Impressive funeral services for Mrs. Ethel Wilson Ransom. prominent church and club woman, were held last Tuesday evening at the Greater Saint James Baptist Church on Second and Harding Streets.</t>
  </si>
  <si>
    <t>                                           DUOHlli  HE S ECflilCSIfflS                 Or. J-.'iin Hniinoii was  minister on Sunday morning al the I] o clock service of SI. Mark /*HE Church. Rev. I,, c. Jones. pastor. Dr. ila inon. n former pastor or Turner Momininilnl AMK  and  pi raiding elder or the Washington district, or the AME denomination or Georgia,  (he weakness of Uie economic structure or Uic colored . With the large number of .s being turned out of Uio schools yc.Tl/. businesses .! the group nave no place Tor these . Dr. Harmon asserted. He advised n further expansion of Negro business In order to absorb a larger portion of graduates as workers. Toi many business leaders who arc well s . arc indifferent to the pro Jlem of unemployment among f C group. Rev. Harmon tUted.</t>
  </si>
  <si>
    <t>                                           \Vorld Visitors] Mr. W C. KtliMHrlcfe. St.. New York. N. Y. J</t>
  </si>
  <si>
    <t>                                           Last Wednesday night the Morehouse Glee Club and Quartet, assisted by three soloists. Richard Durant, violinist, Benjamin Anderson, bass, and Gary Moore, baritone, rendered a delightful program made up of classical numbers, spirituals, and popular airs...</t>
  </si>
  <si>
    <t>                                           Charming and ... Etta Moten, who has won such an enviable position on the concert stage, and whose career in the musical world has been attended with brilliance and success during the last several years, will he presented in concert under the auspices of Spencer High School and the Ninth Street Branch Y. M. C. A. at St. James A. M. E. Church, ... Avenue and 10th Street, Friday night. May 6, at 8:30 o'clock.</t>
  </si>
  <si>
    <t>                                           WASHINGTON, D. C.--This eastern port is many a mile from the land of southern sun that in those days of World War sorrows, first brought to the inspiration of Woman A Universal power Nevertheless, woman still reigns supreme even in this land of ... potentates who hold the reigns of our nation's government so securely in their hands.</t>
  </si>
  <si>
    <t>                                           Ga. Conference On Social Work Opens Up Monday; Colored Invited                 Dr. W.W.AlexanderSpeaks Tuesday Night; Also Hear Miss Gay B. Shepperson                 MACON. Gu.-fSNS)- Problems ! t very plin.se of ) Ian endeavor in mis slate will be considered here IjcisliwliiB  when U00 welfare workers and Interested    for Hie i:itli AHMiinl Ccoi'Khi Conforencc mi Social Work.                 An elaborate program has been arranged for the three -day  with    'nk,-rs of national prominence participating. Monday  In the  Conservatory Chnpel. Kivd K. Hoolilcr. (IIrcclor "f Ihe Anicrlcnn Public Wcllurc Astoclatlon will dl.scu.ss "On the Broad Front, of Public Welfare." He will     followed by Governor K D. Illu'is. who will !; on.""GcorRin"s WPlfare Rcsotncrs." .V..S.S Louis;, pilz-.SIinon.v din-elnr of the public as:.lal:ince division of the State Department of Public Welfare and president or the conference, will preside. Tucsduy morning. Ihi-rc will be .1  .session with Mi.ss day 3.' .       .'i'.son. WPA administrator. and other prominent state leaders ; addresses. During the atli- a .special session will be devoted to public health fi- by an address, by Dr. M.                 Zk-Klcr. or Hie U. S. Public  i Service. Dr. Will W. Alexander. assistant si  of Agriculture, will be  principal speaker :~L Tuesday evening s session, , as ills subject:  The conservation of Human Resources." Weelnsclay . speakers will include Miss Florence . associate pi ol  of Social Cass Work a l Tulane University, and Miss Roberta Morgan, National Ca.sc .supervisor i!f Hie American Ilt-d Crass. Elecliol) of  will lake place Wednesday    visitors will In:  on a .-.; trip to Indlnn.s Mounds. Wednesday (j, ill a Joint session willi tlie Cieoryia Probation Onlcrs association. Sanford Bales, executive director of the noys' Club (if America, will speak on tlic "Place of Probation mid Parole In the j Treatment oi crime." Thursday, Hie Ceoruia I'ruDa- lion OiTlcers Association will (~ iLs annual ; with Si-v- I eral Important addresses   the day and c\:K. With tlie exception of the op,.iiin'4  Mondny  all .sessions will be held at tlic Mulberry Street Methodist Church.</t>
  </si>
  <si>
    <t>                                           MACON, Gu-(SNS)-Problems affectling every phase of humunitarlan endenvor in this state will be considerccl here beginning tomorrow when 600 welfare workers and Interested citizens assonble for the 13th Annual Georgia Conference on Social Work.</t>
  </si>
  <si>
    <t>                                           met at the home of Mrs. Valeria Kinsey Wednesday evening, Business was discussed briefly and plans for a progressive whist party were made. The party will be Monday night, March 14th at the home of Mrs. Mary Kendall, 483 Roy St. The first prize will be a sack...</t>
  </si>
  <si>
    <t>                                           KAPPAS END HUE                 CLEVELAND- (A N PJ- Dr. Joseph Gomez, the first minister    to preach tne annual  to we Kuppa Alpha Fsi national conclave, was endorsed unanimously by t;.e  in ii i. -tt.  i j.f"" tbe -ot the AME church at                 its 1940 general conference. In his sermon, delivered Sunday as the conclave opened. Dr. Gomez wi.o is  of St. James AJIE church, drew the contrast between :i leadership thai carries with it the sense of overlordship and one that seeks to lead by identifying itself- with the people in all forms and phases of their lives. *'Ti.e degradation and sin of the lewer class is in the mam an economic  that the trained man must  and sympathetically approach and help in solve." said Dr. Gomez. "Even ir. the matter of religion the  ought to do more than   the store front church and the  emotionalism. Tr.ere is a scientific approach even here. A study is necessary for the emotional pattern here represented and its background running through tli? centuries. -WhaL is needed Is not that the Negro should attempt to become white or something else, but that with the id of the  few. he may be led to harness his intense emotionalism in religion mlo channels of progress (or God. the race, and humanity."</t>
  </si>
  <si>
    <t>                                           CLEVELAND--(ANP)--Dr. Joseph Gomez, the first minister ever chosen twice to preach the annual sermon to the Kappa Alpha Pst national conclave, was endorsed unanimously by the fraternity ... business session for the bishopric of the AME church at...</t>
  </si>
  <si>
    <t>                                           SWING VOCALIST WITH NOBLE SISSLE                 MISS SAKA Tl RNKIl  -stylist with Nohlr Slsslr and his . famous  which plays hern Thursday  at Soiwrl Cssjno.</t>
  </si>
  <si>
    <t>                                           Crash Injuries Prove Fatal To Army Captain                 BI500. N. Y.- (ANP)--A: dill  eventful life wns suddenly brought hi close here recently when ;i ;    st""-'k C;ipt. Alniizo Mycis..  him fatally.                 Cuptuin Myers was Ixirn in Phil.i- 1 tk-:i. P;i.. on February 2!~. 1830.] Hi; graduated from the Central j Manual Training Schmt in IS!  .  In Uic  June -.-d j in Uic  U. S. Arm}'. He had                 .i  and                ;is a Milrlicr. serving u. Ilic SpanishAmerican War, in campaign;; against (ho Indians In Inc. western part of Hie United States, and in the Philip- j pine Insurrection. He was a member of the- Ninth and Tenth Cavalry Regiments and  of the Twcntyfiinrlli Infantry. He held ratings as . , squadron -. Myers not only fitted himself for work ii; the 1-ne, in dls. . regulations,  nnd marksmanship, but he also went in fnr what the  called "yapi-r u-ork" and other specialties of. I he staff soldier. Myers was sent to the officers' training camp at Di'S Moiiies. la.,  shortly alter the United (Continued on Phrc 6, Col. 7)                 Crash Injuries (Continued from      1) Slates entered llic World' War, and was soon made ;ui instructor, and was commissioned captain in the National Army. He was sent to France, where lie saw  active service right up to 1 be time of the signing cjf the armistice "n November II, MIS. On  return to the United .Stales, lie was assigned to Camp Dix. K. a mustering out officer. He Mold many mortals Including the bronze Congressional medal authorized in 19fXi. Outside    '? army, Myers found lime In     Midi   as ihr railway mall s'-iv. Ice. tenement house inspecting and . In Uie Philipplno Islands, he worked for a number of years in the accounting department of the Philippine Constabulary, and had charge of cost  work Some of the Filipinos who received their  ; under the . lion of Myers have Rone on to  things in the Islands. He leaves a widow. Mrs. Maude Myers of this rily. and a sister and brother in Philadelphia. His remains were interred In Philadelph.-i.-i on Tuesday.</t>
  </si>
  <si>
    <t>                                           BROOKYLN, N. Y.--(ANP)--A full and eventful life was suddenly brought to a close here recently when a taxicab struck Capt. Alonzo Myers., injuring him fatally.</t>
  </si>
  <si>
    <t>                                           FOB S ANNUAL MESSAGE IS PLANNED FDR ETHER; TAX RELIEF VITAL ISSUE                 President, Speaker Bankhead Discuss Legislative Situation In Capitol                 WASHINGTON - President Booscvclf.s annual message to congress was worked on Saturday, while capital observers speculated he would bear down heavily on tax relief, budget balancing, and more stringent anti-monopoly laws.                 Mr. Roosevelt and Speaker Bankhead discussed the general legislative situation at a luncheon. arranging for the chief executive to deliver his message personally. No hint was forthcoming from, the Alabaman as to what was the most important subject discussed "up and  Jown the line." Duc to the recent heated attack on "big business" and monopolistic practices by administration stalwarts. Secretary Interior Harold L. Ickcs and Assistant Attorney                 General Robert H. Jackson, it c.\pected that. [hc chief executive will I bave much to say along this line. I Some solons have demanded thai "It Is time to legislate" while other? have called for a let-up in the ati tack. The American Labor party ha.-. expressed dissatisfaction to any I attempt to reduce relief expenditures and have urged President to call for bigger appropriations. Tlie chief executive is expected i to lay stress on the position of the United States in a world of wars and disorders. In view of this fact, the  civilized world will hear his message Nineteen different broadcasts will be made of his speech after translation and thru electrical transcription in most the I significant countries.</t>
  </si>
  <si>
    <t>                                           dWASHINGTON--(SNS)--President Roosevelt's annual message to congress was worked on Saturday, while capital observers speculated he would bear down heavily on tax relief budget balancing, and more stringent anti-monopoly laws.</t>
  </si>
  <si>
    <t>                                           1. What is sin declared to be?</t>
  </si>
  <si>
    <t>                                           Mayor Endorses High School Tag Day; Donations Will Swell Stadium Fund                 By LENA LEVINE                 I Mayor William HortsficW has I  a taj; day. which, will 1 be staged Saturday lor the benefit of an athletic stadium, now under erection on the Booker T. Wnshinrton hich school campus.                 The tag day is under  of ti"~c faculty of the high school. Hundreds of teachers and students will take part In this big drive. students and teachers will be identified by their insignia made ot school colors,  "Tag                 Day. Booker T. \V:i!~hmi:   :i S  Fund." Interest is  ..ir.ur.i: :h hundreds of  wlio have been chosen to represent the M:  ;ol j on this  occasion because of the .' of .i! v..!  prizes by citizens and urines* places Uir""ut lie i- WPA workers ;: l;   '~r h.iw  sr:.dins the bo.n:tiri:i j cric  :~nd b;~st-U.'ill -s well ;is   fur track, whic'.i will ". ti. -i"..                 ii ii'.iun "f athletes far and near. The whole project when  will represent a total c  ii .5130.000. It will will seal 5.00'J . Cit:     nt l..    feel cor.J!   : thai this effort on the part of ihc  to  eck ;.id for the ti;ous. .inds of youth v.-: n wiil bp bem-  t-. will meet v\".t:i sucrose. The principal and faculty licit the cooperation "f all Atlanta to aid in this worthy</t>
  </si>
  <si>
    <t>                                           Mayor William Hartsfield has endorsed a tag day, which will be staged Saturday for the benefit of an athletic stadium, now under erection on the Booker T. washington high school campus.</t>
  </si>
  <si>
    <t>                                           I ~'SOCIETY IN THE SOCIAL REALMS CLUBS j 1 ^j*""-6*-1" ~-^mm6m^</t>
  </si>
  <si>
    <t>                                           SEE HIM ESCAPE FROM THE PAD LOCKED CHINESE DEATH CHAMBER The Man Mystery* Joe Frazier-The Great Spiritualist TOP HAT CLUB SATURDAY, MARCH 5, 1938 7:30 UNTIL {fencing tQ the Music of the Swing Spirits Oro h. Sponsor (~d     B.T.W. High School Stadium Fund Gen. Adm. \f)c</t>
  </si>
  <si>
    <t>                                           CHICAGO--(ANP)--Homicide Armstrong, who couldn't vet. lc, preliminary fights here three years Alto. took away S5.000 for bludgeoning Everett Rightmine to a technical kayo in three rounds before 8.042 spectators in tits International Amphitheatre</t>
  </si>
  <si>
    <t>                                           I believe that God created me to be happy, to enjoy the blessings of life, to be useful to my fellow beings, and an honor to my country.</t>
  </si>
  <si>
    <t>                                           More than fifty members of the Northside Business and Professional Women's Club of Atlantic City met on November 1, at the Apex Building Club Rooms to hear delegates of the Second National Negro Congress Convention held recently in Philadelphia.</t>
  </si>
  <si>
    <t>                                           TUSKEGEE INSTITUTE, Ala.-- (SNS)--Tuskegee's Golden Quint took early command of the game with LeMoyne College here Saturday afternoon and turned back the Yellow Jackets from Memphis. 35 to 16. At half time the Tigers led, 13 to 8. The scoring for Tuskegee...</t>
  </si>
  <si>
    <t>                                           Ml  ON GDS                 Prof. Tlic-rcas A. Dorscy. of Chicago, who Is n former Atlant.'.n 2111I well-known gospel sop.R . of note, will speak on the "Wir.ij-i Cver Jordan"' program Sunday . 8:30 o clock. ov.'i' the Coliun'jia Broadcasting; Company's . He may   *   WCST. local .. P/ol. Dorsoy is Die brother Mrs. B. .1. . Ji., ut  city, wlio is tin- wilV 01     . 13. J. .!). Jr.. iJ. ot Hie Civalur Moiuil Calvary JJapiLst  :L'li. Prof. Dorsey h:is made a ,, in tlv Hl'IcI uf . He will  from Cli'vcl.-md. Ohio. Formur ;)cr.sors who have appn.tred tin live "Wines Over Joe.  . include Dr. Moidecai Johnson,  .of Howard University, UasliiiiKlon, D.C START7 DAYLIGHT SAVING TIME HERE TOMORROW: Daylight saving timi' is on us :      . The I'hanite will lif:  h.Mf tomorrow. Clocks will moved forward  hour Sunday morning at lli:(ll o clock. All Sunday church services will he nn the. fast time schedule.</t>
  </si>
  <si>
    <t>                                           Red Caps Declared Railway Employes By ICC Examiners                 My ERNEST                  CHICAGO- (A N F*)- KolloWlny lion -micr of   'd Caps, e\I. miners .or tile .ii.ile Conimercc     . Held  report on ()".e returns from the '. s r('i)t oul by ihc CominL-.s.oi] all  Ins!. Octobi.-.                 The i Ai'.' report, recommended Dint, "The Commission should  ! Interpret its outstanding orders designating the classes of employes that ure to be included within the term "employe" or "subordinate official" us lu include persons designated !~y terms such as "red caps," .station porters, station attendants,  porters, usher, chief ushers, and captains, whose  Pu'lmurlly consist of or Include carrying passengers" hand baggage and o  a.v. passengers at passenger stations and  places on curriers premise and equipment, whether such persons received a stated compensation or arc entirely dependent upon tips."' Cc.-. from   against the  New Voil: Central. Illinois Central, and  and 'Nashville railroads by the Intemtional Brotherhood of Red Caps, the Commission liad ordered all class 1 .steam railroads, switch and tci initial companies and class A  railroads to  In detail the duties, Incomes, hours and methods of  '.lie   l Its station service employes. Returns to the questionnaire sent out by the Commission were filed by approximately 2S0 carriers  their operations at I1S0 statu-ns throughout the country. The questionnaire,  out, by the Com. mission d. the red cups into two classes. A and B. Class A were tht.se receiving a salary, and class B v.cie those working for tips alone. The  ! ini .ii.on feu- slightly over 4J0O station service employes in both classes. -Of Iliis number 1.500 were reported on salary, and 2,800  repotted working for tips alone. Some station have all red caps on n.Fnlnrj,^ basis,, and_  stations  "only Income is  Ups. C 178 stations having ted caps In one or  classes, 98 , have a  less than 10 pea- station, and there are only 41 stations having over 25. included in the latter i:. Wilh C3 receiving a salary, and 345 working for tips. At mr.ny stations where salaries \ received, the wages were merely nominal, amounting to $10                 nr less .1 . At one station. (Ik* regular       ;!i is ih.c (  .:lar :c  Poetically ull of the ;: companies concede the red taps in class A to be employes. Sonic of tl.c reporting companies conceded Iliut those in class B arc also employees. Among tlic few reporting companies which do not definitely concede that me led cups in class A are employes are the Pennsylvania  anil the New York Central railroad. In answer to petitions filed by the International Brotherhood of Red      concerning the status of led caps who  no compensation other than tips, the rr. claimed that such persons are not performing .1  service: thai they arc not hired, but nrn licenses or concessionaires v.Ihi are permitted to ply  tinder for  on the  premise; and that they arc in the same category ns  tradesmen such as newsboys, bootblacks, barbers, etc. In considering this position taken by tno carriers. Uie  (Minted oul thai, such  are not as closely  to the transportation service as the red caps. Sucli tradesmen are allowed more freedom of action. It was" also pointed out that the provisions of the Railway La  Act are not limited to employes performing a  service. In support of Its  thai rrd raps be included In the  -employe" as used in the  Labor Aci. the examiners cited several decisions handed down by I he National Mediation Board, notably, the Kansas Ciiy. Washington, D. C. and Southern Pncific cases which ruled favorably on the employe legality of the :cd caps. The fart that certain railroads hod entered into agreements with organized bodies of red caps also  added weight to (his recommendation. Attorney      M. Dcsprcs. general counsel for the International Brothrmcod of Jletl Cnps, recently returned from Washington where the case was thoroughly .studied with associate counsel Ccmse E. Kayos, who had been ; the same  through the Wnshiiiglan District Court, against tlie Waf- Unioiv termini. Both attorneys had visited the office of Die Commerce Commission and wire assured that the lV.in'.uBS ami   be Telcatod soon.</t>
  </si>
  <si>
    <t>                                           CHICAGO--(ANP)--Following tion conference of Red Caps, examiners for the interstate Commerce Commission field their report on the returns from the questionnaires sent out by the Commission to all railroad last October.</t>
  </si>
  <si>
    <t>                                           Dr. H. M. Holmes, golf stylist and fundamentalist and his partner Stokes Stalmaker completely turned the tables on Floyd Garfield and Teddy Grimes in one of the most brilliant four-ball matches ever staged over the New Lincoln Golf and Country Club course.</t>
  </si>
  <si>
    <t>                                           HAlTrSHEROES LIVE AGAIN IN WPA THEATRE PRODUCTION                 Toiissaint L'Oiivrrturr! Chritfophe! Dessalines! Liberators or Haiti! Martyr* for freedom! Slaves who have  the    p.T.ld to mortals by pens 3f  writers will ro?R  again In one of the most  dr^  : yet proceed by -.h5                 Wpa   .\Itt) Theatre Project. With a back?round or oppression, cruelty and bloodshed. -Haiti."  to open :il the Lafayette Theatre late in February, brings to the American stage for the first lime the heroic  of the Haitian people  against the imperialistic designs of Napoleon Bonaparte. The action of the play  in 1802. when the destinies of Francwcrc in the hands of Napoleon Bonaparte. Bonaparte had n constant desire for new acquisitions    ] was Jealous of anyone who threatened his leadership. Therefore, he feared Toussaint 1/Cmvcrlure. a Negro slave who. .1 wise and   in the French colony of Hniti. hnd risen to Governor-General over the whole Island with its population of half a million blacks. The First Consul 3t France felt that ir he left Toussaint undisturbed in his authority. It would result In the  independence of the colony, because Toussaint had threatened to join *e English. Haiti at that time was a naval base through which Napoleon had hoped someday to  the United States. Napoleon therefore planned the capture ol                 TniBsainl I/Oiivertiirr an/l the restoration of slavery in      . Fittine out an expedition of sixty ships and more than thirty thousand men. he placed his brotherin-law. General LcCIerc. in command, and sent It to Haiti under the  of friendship. The landing of this enormous fleet on the shores of Haiti opens the  scene of this magnificent drama by William DuBois. "I conceived the idea for the -r said Mr. DuBois. "after  the rich literature : with this period." "Haiti" is Mr. DuBois- third play to be produced in New York City. In 1930. his "Pagan Lady/ starring Lenore Ulric. was presented at the 48th Stret Theatre, where it played 152 performances and then went on the road. Two years later. -I Loved You Wednesday.' a collaboration with Mollie Richard, opened at the Sam Harris Theatre, playing 63 performances. Mr. DuBois is a graduate of the Columbia University School of Journalism. At the present time tic is employe^ by the New Yoric Times,  short stories on the side. The glamorous role of 'Christophe" Is portrayed by Rex Ingram. renowned as dc Lawd in the screen version of "Green Pastures." Mr. Ingrain's first appearance on the screen *as in the Tarzan pictures of 1920. Then followed a series of (Continued on Bock P*Re)                 Haitian Heroes (Contmueif from Pajtr 6) pictures- "Klnp. of Klnri- Ten Commandment.- Cross." "The Wan' "Qupcu of Sliebit."  pw- -   -Hearts in Dixie.- In his latest picture. 'Green Pastures." he pl: three roles- De Lawd. Adam and Hezdrel. On the stage. Mr. Ingram has appeared in such productions as "Lulu Belle.- "Porgy." Dance With Your Gods.- "Beale i. Street." "Stick in the Mud." Stevedore" and "Marching Sons." The other principal characters in "HaiU" are Bernard pate. Loul-; Sharp. Sena Karem. Catherine Lawrence. Alvln Childress. William j Sharon. David Frledkln and Emlle Hirsch. j Maurice Clarke, founder of      i School of Drama at the Uolver- sity ol Nebraska and  director for the WPA ChlW-ens Theatre. Is staging the . The set is ?  .^ by Perry WaUTiiis. noted .\~~;ro 4cwi'~n.       arc oy Jnmes Coclirai.e ard the  by 3y.-en Webb.</t>
  </si>
  <si>
    <t>                                           Toussaint L'Ouverture! Christophe! Dessalines! Liberators of Haiti! Martyrs for freedom! Slaves who have received the greatest tributes ever paid to mortals by the pens of famous writers will soon live again in one of the most stirring ... yet produced by the...</t>
  </si>
  <si>
    <t>                                           OLD SINGING CROWD  1V1-. -i u;i- "i  !'1 en them   pr.'', Alua\- ki-vii iti-il  ii i'. v tin- i.~   -iii^in' on mil:  I In -v  :!:i"it  i-"\v:vil   " ~.iii^ hn..   a pan. Kvcrv i,iir (.1  s!ii^i-i-~ - ilu-ni hymn- liv ItiMri. Tlicin   Y lni.il;-  yin.L'.li:mi i-"\itc.~ ui ilu- leaves were fr.i/.:!e.~  Rm  i ii   iih11"~.(1 iu ihi- ^'n-pcl j ul,:!.-i- En  'I'.rm r.~"  iii!;ors l-.Wd     - ^iv.-r, . Tin-, kni u ili.il i.~" hymnal iIip u\^]i rn ihr..!iL h Lv !:i-ar!. Ffi-ri.'ier K/r.i v\.   the Ica.'cr en In- \y;i!.c,~ ihc Ii.h.mi. -u ;-u. When In- III;.'.! i.f "i   ,~ 1 1 u 1 1  1 1 I" H,.i an. :m r.-fn-r.i i.. -i?,- Imi I .H\'.:n- Imlli-r 'I il'~ry"  ll'.i-v l" ll.i- l,cv i 'I h:ii I in:    !~-fc I 'I'lim' tin- ir.nii ih'- luin-h in v.ii.l, ~:l:,-; III.-." '-Qt*:- I -i! i-'i  .!.t 'Ini-.i! "rm i-.'h ii I hi-.ir :!i,-.i- r.(-i'.i.';ial,l, ,!i..n-. In !i:i-ir hi;;.': f"!i!l'i:' il-^;!.;- mt -i:i"thi rin' 1'in-.: I he S'iiii :i:n': ^..;in.\ ::\..\r nic- .uili-ll I I k:i i  1~.~~.~ 1 1". --.i:\ :nn?ui 'i.'iin' tin- .-I" ~]ii-_;:!i* .</t>
  </si>
  <si>
    <t>                                           Get Money Love I guarantee to help you cct       Urt in III*. No cite beyond     . Stop worry. Ins I Writ* ra. . ( FREE I M. WILLIAMS, Journal Square Sta. Jersey City, N. J. Dept. s.</t>
  </si>
  <si>
    <t>                                           WILLIAM BOYD I IN 'CASSIDY OF BAR 20f i ON THE STAGE- I '~VARIETY GAMBOLS" Revue Schaine's Lincoln KDW.VRD P. in "THE LAST GANGSTER" Schaine's Harlem "UNDERWORLD"   All AII-SI.il'   a.sl For Chest Colds Pistressinc cold i:i chest or throat, never safe to , generally c:      up when soothing,  Musterole is applied. Better than a mustard plaster, Musterolc gets action bt o:  ' its NOT just, a salve. It's :i "counterirritant"- stimulating, penetrating, and helpful in  out local  and . Used by millions for 30 years. Recommended by many doctors and nurses. All druggists'. In three KtrenRths: Rurular Stnnifth, (hildren a (mild), and K.xtra Sironu. Approved Uy Good       ;kii;pin(r.  fouR^ES Nieht and Morning to      -m Ciepn.CU-ar  od         'Write {nr      "    Cure" or "Eye Beautf"     'i Mtr.t C... S-.' t- i.'il.rki.n.</t>
  </si>
  <si>
    <t>                                           SPECIAL FEATURE: BOXING EXHIBITION, N. B. All regular activities in Gym suspended.</t>
  </si>
  <si>
    <t>                                           BUSY SESSION IN CRIMINAL COURT FRIDAY                 Two         were .'n strati;!*.'.  cans sentences Friday In cases growing out of clauses lor lottery participation. Sentenced by Judge   ^e Wood, or Fulton Criminal Court, the two were listed as Mlna Rozler and Elmer Todd. They received four i months and six months respective- ly. v Three fines of $100 each -md  sentences of twelve months were meted each of John Wimbcrly. Frank Royal and Jnnic, Hokmi on liquor charges. A years suspend^  was Riven Sidney Burk. Jr.. alias Hayes on a. similar charge. Tried on  of simple larceny T. J. Hales received sen- tence or twelve months. Tin same charges brought W. R. SaiTold six months on each of Tour counts and J. P. Lumley and Dick Baycs the same lengthy term. Tlic      \. two while men were convicted ol Clim- flamming and stealing *S  from four : stations Hicy -IsUed with tcn- bills n.rm  an old  money-changing Wck- A twelve months' probated term wiis given       Beck on a  . Bank Examiners Say Boley OK . OMa.- 'By T. A. Doug-     for     - According to the liar.clal statement Issued at tnc close of business December 31. the i F-. Stnte bank. Bolcy. shows a marked increase in business over the previous year and was .stamped perfectly sound by the Oklahoma State Banking com- . It was recently reported by the commission that most or the banks ol Oklahoma arc in good condition and the Farmers State J J-sr.k is prided as one or this number. It is the backbone of the town ol Boley jnd adjacent communities with a unique and colorful bit of history that has gained for the town of Boley j  recognition. The institution has a capital stock of  5.000. with assets amounting to over $60,000 and a steady  In deposits' from both white and colored customers. The  of the bank are Forest Anderson. wealthy oil men. president: M. W. Lcc. vice president-cashier: and Hair- rift E. lite. secretary-assistant i cashier. j BROOKLYN. N. T..- (    - At i Mount Carmcl Baptist church. Rev Taylor, the "smallest man In the world." Is conducting revival services. He Is two  tall and weighs J5 pounds.</t>
  </si>
  <si>
    <t>                                           SUGGEST LIFE PENSION FOR HAILE SELASSIE                 SEEK MEANS OF HUSHING 'EMPEROR'                 Fear Little "King" May Throw Wrench Into League Meet                 'TICKLISH' JOB                 LONDON-      - Creat Briluli and Krance, on the  ol  illy recognizing Italy's :.' of Ethiopia, will be greatly ~-~ on Kay 9 at the : of the  of nations council ii' HnUc Selassie, who Is still recognized    emperor in London, Paris                 mid Washington, carries out his  intention of attending tho sessions. Under the (erins of the league .  the Ethiopian representative inny. ,it as- a member or the council while the council If considering nny  directly concerning Ethiopia, und presumably as a temporary member of the council ho will  tho right to veto any decision by voting against it. Thus I19 isin a position to throw u wrench into British and French plans to hove the league recognize Mussolini's conquest. Exports or the two European countries arc still trying to  how to gel around the ticklish situation. One suggestion is that a vote should be avoided and euch individual member of the council chould simply signify his Intention to recognize tho Italian empire. Another suggestion is  a simple majority of the council ! pass n resolution recommending that all "league-- members-  freedom of action in regard to tbo  on question. But no matter  happens, it lit predicted Iliut Selassie's presence will not help ticklish . .Some i- have suggested thai SclunCc be given it nice life  in.  from the league. Britain or IUily. with the understanding Hull ho  rrom '. the league any further. However, the preposition has not yet been broached to the emperor.</t>
  </si>
  <si>
    <t>                                           LONDON--(ANP)--Great ... and France, on the verge of officially recognizing Italy's conquest of Ethiopia, will be greatly embarrassed on May 9 at the meeting of the league of nations council ... Haile Selassie, who is still recognized as emperor in London, Paris...</t>
  </si>
  <si>
    <t>                                           Duty is a moral tonic. If it is neglected, the tone and strength of both mind and heart are weakened, and the spiritual health under-minded. Let us not forget that every station in life is necessary; that each deserves our respect; that not the station itself, but the</t>
  </si>
  <si>
    <t>                                           fAIR and warmer.</t>
  </si>
  <si>
    <t>                                           TOP HAT CELEBRATES A HOMECOMING WEEK WITH BOOKER WASH. HI SCHOOL ALUMNI TONIGHT Featuring Tiny Bradshaw IN THE SEASON S Top-Notch Attraction 9.-30T-1.-30 ENTREE 40c PER PERSON.  a Sirs/uf       Famous For Lightening and Brightening Skin Nlara ISM       UrpfHufa^l an    .  *~ Skin WliilnH^           1*   *r ' ^M. to w:p* afT .      at          aMl la   *p ukU    t MWl frr-h.     .  1.  ZSr at             or br mall. ~~-p- A*    . Dr. FRKn l--o Aak far Uir Original Ur.  PAUfKK^</t>
  </si>
  <si>
    <t>                                           TO: FOOTBALL'S immortal array of bronzed super-men who had to be EXACTLY TWICE AS GOOD as their more fortunate "brothers under the skin" in making the varsity of America's foremost universities... though we in nowise attempt to rate them one jola above...</t>
  </si>
  <si>
    <t>                                           Train Firemen To Meet In Macon, Ga.                 . On.- (S N   - The Order of Locomotive Firemen of North America, composed of nil Negro  employed on the Central of Georgia Railronrt, will convene , Monr 12. lo  -5 for thi . Moie than 500 colored men  rs employed at Macon In the service of the Central of Cleorgla  and 7. 000 In the entire system. Tlie L. P. N. A. was organized about stx months ago and con.-ists. at present, of a  body and three locals at Mucon, Eovannah and Cedartown. Oa. Locsi.1 an  to be ( In Atlnntn. Albany. Colunti.~~v-., Btrmlngh.nm. Anal-.^la. Ala, ami Chattanooga. Tenn. H. D. Pollard, white. Xorntfr president of the C. or C.       1. but now Receiver, will bt Uie \ speaker at the convention. Orond  of tho order urn Z. C. Clay, ; T. V Blvens. first vice president; JoUr, L. FranUlin.  ; W. E. A. Grigp. Brand Irensurer: Rev. Jim Pattcson. grand          : end Robert Cornelius, :    4l.al.</t>
  </si>
  <si>
    <t>                                           Morris Brown and Florida engaged in one of those rough, unpolished basketball games that occur ever so often in a season and the Georgia by walked off with top honors in the tift. 51 to 33.</t>
  </si>
  <si>
    <t>                                           ROANOKE, Va.--(SNS)--Omega Zeta Chapter of the Zeta Phi Beta Sorority was recently set up in this city. Sorer Esther Peyton. Middle Atlantic Regional Director, with the assistance of Sorer Velma Coppage, State Deputy of Virginia, initiated the sorors into the...</t>
  </si>
  <si>
    <t>                                           Texas Ministers Bitterly Oppose "Swinging" Of Negro Spirituals                 AN OPEN LETTER                 There appeared nn ? in Tho Austin American ns of April 4. 1933 reporting the results of n poll conducted by Rndlo Station WJR. Detroit, Michigan relative to the popularity of modern swing renditions of olu favorite songs such ft:s, "Annie Laurie" and "Ixcn                 Lomond" by  "swing orchestra.- The poll revealed the fact thai between sixty and ninety percent of the people do not desire to hear swing renc  of our old favorite songs. We wish to congratulate. Station Manager Leo. Filzpatrick upon the high  he has taken In banning all such renditions from the programs broadcast over station WJR. As a group of Negro ministers representing The .  Ministerial Alliance of the City of Austin, Texas, we wish also to call attention to the fact that the Negro .spirituals which constitute the only original Folk Music of our great land arc being desecrated In the .same manner by modern -Swing Bonds." We wish also to call attention to tl\; fact that  Spirituals arc not only America's ;'Old Favorites"                 but aro n part of our wealth of I ] music. They represent the groans and cries and hopes of child race praying and trusting God for freedom; and are  by all people alike. They are especially loved by ihc white people of our great . No one who has such a low             for the Old Negro Spirituals, and no one with n religions turn of mind enjoys hear, ing there old songs played in modern dance rhythm. Such songs as. "Swing Low. Sweet Chariot;" "Walk In Jerusalem Just Like John;" -steal Away to Jesus and Heab'n" and the like (ire too  and recall too sad a story to be thus desecrated. We are told that they are even being danced to in public dance halls of America. We sincerely deplore this fact. We are, therefore, asking all broadcasting systems and stations to follow the  set by Mr. Fltzpatrlck nnd station WJA, Detroit. We hope that white ministers', organ rations, newspapers. magazines, civic organizations, federated clubs, state and national religious gatherings, high schools, (Continued on Paj;e 2, Col. S)                 Texas Ministers (Continued t rom Page 1) I and -s.  - j lions, nnd especially musical or- i  will join us ir this :;n to keep till- Negro Spir.  , Austin Ministerial Alllnnce. C. E. Wliitlkor.  i D. J. CriiTin, vIl i' president i A. W. WUliams. secretory</t>
  </si>
  <si>
    <t>                                           There appeared an article in The Austin American as of April 4, 1938 reporting the results of a poll conducted by Radio Station WJR, Detroit, Michigan relative to the popularity of modern swing renditions of old favorite songs such as, "Annie Laurie" and "Loch...</t>
  </si>
  <si>
    <t>                                           L. S.--A will we get ahead together His Another tells me that he ... amount to anything and ... wasting my time. Tell we when do.</t>
  </si>
  <si>
    <t>                                           WHEN KIDNEY TROUBLE CAUSES YOU TO GET UP NIGHTS                 *r    IrrtUiU-d Whew         DitTioill When          ;         Klush poisonous Waslr and      h rnm Kidnrys GAIN IN HEALTH If          -n't f'^lins   rr *-*"" *      anri      ..         -        Iran more  . Throoch    - *~1        f the *. add and          i  nr^ df:~wn       ihr bi^od  ml Hi^^  *"4  thru t*ie Mail+T                    Wcnnic  with i * ' and * do i not AmcdoB properly- tbey      m  . 2   .{ , UgtfX                 'i in.-xp.'HMV.-    CUM)  -tn "il '-   u can t anms nn thin crawl  lW it. him !~-~-n helping     .lo    - :.ri yi-nnt m correct   -  * '. .mil p.                    uric a'         "iK.   C"  "f Kmtim. . . 1'        and  if   : lave    f KMn^y - a* ln:Laehe. . swine up Ivn or three  . the      -       .  or  p*     - 1 T    or potty ry+*    33 cent         of thut stand and   :~t .-my  dros  h . (hr first     on       f . But be  it'~ COLD 31ED- j AL Haarlem OH Captale*--  ht I  thr   i issm        % Soiiasi I</t>
  </si>
  <si>
    <t>                                           'ivy blue Ai GOLD"                 Football In Reality Is Brought To Fans                 As American       :I1 heroes figure in tin- . MciroCoWvvjti-Muyc,- present:* a   or AnnapolJs  -Navy Blue :md Cold.- .'.-ui,5 UK; novel Ccn-Ke Bruiv. , comes tu 'liu Harlem Tiientre today lor an  of three davs.                 Will, Sam Wood directing Initial scenes were filmed on a regulation Ki- built to duplicate "tip field at the United States Naval Academy. Later, a camera ana technical crtv went to       ;!~-; to film .il .scenes ol the regiment in action. The stellar cast of the new  feature:; Robert Young. James Stewnrtt Lionel Barrymore. Florvncc Rice. Billie Burke. Tom Brown. Samuel S. Kinds. Paul Kelly and Baniclt I'arkcr. In tlic Mipportlng rast are Plunk Alberl:.on. Minor Waison. Robert Middlemass.          Terry. Charles Waldron. pal Flaherty. Stanley Morner :.nd Matt McHugh. Coiniiiandcr Harvey Hnislip. U. S. N..       as Icelmical adviser for Academy scenes and Gil ICulin. captain of the U. S. C. football ~'quail ln.M     , ser.Cd as technical     ;rl lor i;         sequences. More than SOU extras were      :J for thc scenes which present a section of the grandstand during j  i;anie. A number of college players were recruited for the actual plays on the Held. The story described the dramatic nsc  l a  seaman irom a j      ' to  honors at AniK'POli:;</t>
  </si>
  <si>
    <t>                                           As American ... heroes figure in the headlines. Metro-Goldwyn-Mayer presents a football story of Annapolis titled "Navy Blue and Gold," from the novel by George Bruce, which comes to the Harlem Theatre today for an engagement of three days.</t>
  </si>
  <si>
    <t>                                           As R D. R. Gave Fireside Chat                 President at microphone Renewing his series of   chats". President Roosevelt sounded a recovery call and discussed the administration s program     ^")P " and relief when lit spoke over the radio from the  House, above,</t>
  </si>
  <si>
    <t>                                           Esrti? Cloudy*</t>
  </si>
  <si>
    <t>                                           Nine of the thirteen Southeastern ... Conference schools will he represented in the first annual Individual Track and Field Champion on the Atlanta University athletic field here tomorrow morning and afternoon. The particular paling colleges will be Morehouse, Clark, Morris Brown, Navier, Tuskegee, Fisk, Florida A. and M., Talladega, and Alabama State. Those not competing will be S. C. State, Line, Knoxville, and LeMoyne.</t>
  </si>
  <si>
    <t>                                           That we are continuing the development of the theme, "Some Evidence of spiritual Recovery?'</t>
  </si>
  <si>
    <t>                                           THE ROMANTIC SOCIAL CLUB --entertained last with a dance at the home of Mr. Anderson Davis, 263 Ashby Street, N. W. Dancing and card playing were the main features of the evening. The house wan beautifully decorated...</t>
  </si>
  <si>
    <t>                                           Help Them OmnM the Bkwd of Harmful Body      .   alr aul     (mm tk# blood . But    ^..1.~[      -~k-o. not wn aa Sxurp - tail to             . It . W         " ~"1 UP"1      Dw'i Pill.. n-~~-.    -    "       "~ Th.v )~vr -wiA* "notation.</t>
  </si>
  <si>
    <t>                                           [Funeral Notjces_j                 ROBINSON Mrs. Fedora Robinson of Brooks Alley, passed Tut'iulny   t    -' lt s -c. Funeral will bo -il  i1. Oaviii T. ,l :iml           . DAN'lEI-- Tlic  of Mr. I'M. Daniel of  Cain Street, N. E., a-ill bo  Inti'r.   'I',  :i"'l Comjinny.                 3IMS- Mr. Luc.iis Sims passed.1,  nl n local ho., April la.  announced later, a. Henry Jlownnl. -. RKTiniNCi- The  antl rol-.  of Mis. KUn Hi'd.lini,, - - of Ml-S- MaUio Wnlker, lire  to  the funeral   f Mrs. Kiln JlodiliiiK t. Wednesday at 2 i   f. M. ffom '-I'"!'1''. Smitli View. Ivoy .. Mortieiiiiis.</t>
  </si>
  <si>
    <t>                                           The Woman's Home and Foreign Missionary Societies of the above Mentioned church are sponsoring a great missionary mass meeting the fourth Sunday in February at 3 o'clock at which time they will put over a great program. Our sister churches of all denominations...</t>
  </si>
  <si>
    <t>                                           -:-:-:-:-:~:-:-:-:-:-:-:-:-:-:-:-:-:-:-:-:-:-y EXCITING HP  S Harlem ~~:-:-;-w-w-x-:-x-c-:-x-:-:-x-:-:-.</t>
  </si>
  <si>
    <t>                                           THE TOP HAT Club Beauttfnl_.._ Auburn at Piedmont, Pmcnts Tiny Bradshaw Tbe Brows Frinea of Rhytlm GALA OPENING Friday Night COLLEGE NIGHT Entree 40c per Penon l Xon^ht Clob-Nigat Be        to       cUb</t>
  </si>
  <si>
    <t>                                           Bailey Theatres 81-^ - HORN" K wild wK.~" kw\ Queen of     ' :il"" Our      Comedy  nd Zorro           '-~ GRETA CARBO CHARLES BOVER and CSwt of Thousands in "CONQUESl"           _~~a_New*_  BAXTER          Colored St.r.    " of 193TPlo. Ottr      Comwly  nd      LENOX- "BILLY THE      with Johaoy M.ek Brown alio Jimmy Luoeeford't   4 Hot S"~Bf       Phw Betty Boop Comedy</t>
  </si>
  <si>
    <t>                                           The stars of "The Good Earth" and "Captains' Courageous," respectively, are united in the new Metro - Goldwyn - Mayer picture. "Big City," which opens today at the Lincoln Theatre with Luke Rainer and Spencer Tracy co-starred for the first time.</t>
  </si>
  <si>
    <t>                                           Miss Myrtice Beatrice Mapp Proved a charming hostess to the Bon Mol Club Friday. ... at her home on Marlin Street.</t>
  </si>
  <si>
    <t>                                           Mrs. Miunte Mae Bray, 899 Lena sheet, was hostess to the group at the last meeting. Plans were, made for an Easter hunt sunday at font o'clock.</t>
  </si>
  <si>
    <t>                                           WELL-KNOWN REALTOR PUSSES                 W. H. Cunningham; Dies Thursday After j Brief Sickness j                 SHOCKS FRIENDS                 By LUCIUS JONliS                 Allnnlans at bine '.vert: Minuicd Thursday with   ,. .-.iiic ih:~w of the sudden .; of W. Harold Cuiinliighnii). 43--okl scion of the Galc City'.-; Uvsi known n"U most respected . around 5:30 o clock at his residence sir. Rockwell Sired. SW. after ;i                  illness which was     regarded serious. The departed  was the sun of thc !j^~ S. Ciiruiinyli^tn. ers'.n  pioneer Ai;;n veal  broker, and Mrs. Sninuci Cu: ;i1in;ham. llic In tier s widow. Ho whs ;i member of the linn     s. Cumiiiighi'ni and Sons. 78 1-2 Anbiifn Avi;., NE. at Die  of Jiis d'.'ath. Mr. CuiiniiiKlKmi received hi:; preparatory .ilion nt ~;laif: University nnd. in lOHi. n-js av. his A. 13. decree from Hov/in-d University. Washington. 1). C. tor which he joined his lat icr s real estate firm. A member of ihc Alpha Phi Alpha, fraternity by v.-sty of Beta chapter in Wa-. j William.* Harold Cuniiingliani s at one lime  in col  (Continued on Page 6, Col. 7)                 Passes Suddenly                 \V. Harold Cunninjrham                 Well Known Continued from Pnge I '  *' '     I*1.- ftf\itli. Itr* ~~-n*  nr nf tin,  -t   rif I iV r r p Mnnm'i'l EpIScnotil 31ui"ch.        I" t"''HMi'-pr vrii t is a member of its Stau'nrd Bour'l. Surviving the deceived )e::K I nan ore Ills devoted uml ( il .. Mrs. W. H. Cunnliiglmm. Hie  MLss Ruth Hill, di- Df tl:* retired Prof. Walter Hill of ii Uttle St.. SE. who was Atlunlii's first colored public  principal his daughter. IllirW.t, --old senior pi A. U. Laboralcry High School: mid twp tons. Samuel. III. -     !d ninth grade student m Labora- :ory High: and William Ifnrold. Jr.. seven-year-old second  . at the Oglctlioil)c School. Cthcrs  William Hnrokl ^ arc his mother. Mrs. 5. Cunningham; , Mrs. ' .Inckson: brothers. Wunieli T.  and Ralph S. ^: and .sisters. Mrs-. Viatel Cunningham Warren, wife )f Dr. G. B. Warren. D.D.S.. and Mrs. Miriam Cunningham Burney )f Savannah. Go., wife of Isadorc H. Burney of that city, along wlSn Jther morc distant relatives. Harold Cunningham served his :ountry nobly as a sergeant In the J. S. army during thc World War. He was esteemed by a  host or  during his lifetime for his : . high principle.   disposition. and self-. He was loyal to what:ver cause lie became identified vith and idolized his family, home, ind church. At a late hour Thursday evening,  arrangements for the de3 business man were yet lu:omplete.</t>
  </si>
  <si>
    <t>                                           Atlantans at large were stunned Thursday with the shocking news of the sudden passing of W. Harold Cunningham, 43-year-old scion of the Gate City's best known and most respected families, around 5:30 o'clock at his residence, 515 Rookwell Street, SW, after a brief...</t>
  </si>
  <si>
    <t>                                           CoSSee wi ~' Lbs- 29c 3'LB- BflG 43c Maxwell House coffee i-u. can ^Sc Pink Salmon cold  N0-1 TAU CAN He Cheese wisconson lb. \Sc n-y- state lb- 2Sc Scot Tissue 3 ~~~~$ 21c OcfasoBi soap or powDER 5 SMAU SIZES 10c Camay Soap      5c Suga8^^'~.;.3i..s2Scio-LB- 1 bag 53c Evapo Mslli whitehouse ,4 TAU CANS 24ci vapo B^ilk pci' carn3tion  r        cow 3 tall cans 1 9c Grade "A" Medium Fresh Eggs noz. 19c FANCY QUALITY BJtAN'DKD Selected Muine Mountain Beet pot roast lb. i$c Potatoes 5 Lbs- 10c t_~ Washington Stale Winrsap .Small    ck R.~r u. loc Apples 4 25c FRESH PORK I/HX Florida Wcli-Blwiehecl            cuts ld- 23c Celery Lcrgc  5c</t>
  </si>
  <si>
    <t>                                           SPRING is HERE! Time to bring out your Sport foot wear. You don't have to buy new shoes*, .lust brins; your old ones to us. ^'c make them look like new. Shoe Repairing Dyeing Polishing All Work Done by Experts Reasonable Prices  WHISENANT SHOE  ."in IVatl. Si. All., Ca.</t>
  </si>
  <si>
    <t>                                           Schaine's Lincoln -BANK ALARM" With CONRAD  Also -OUTLAWS OF THE 1         With CHAS.  Schaine's Harlem TIM McCOY in "LIGHTNING BILL CARSONjohn  JACK    IDA LUPINO "Fight for Your Lady" I tutu- " IN RHYTHM 1" ==i WMtN MOD F{       AND  MS TAKE JUST ENOUCH TO  Gas is fine in your stove or furnace, but ifs both painful and ^f^l^p'i nii^ In your ^***^ Why don't^ou use ABu-Seltzer for the relief of ACID INDIGESTION, Colds, Headache, Neuralgia, , Rheumatic, Sciatic pains? Alka-Seltzer pleasant to take and unusually Effective in action. Non-laxative, Non-habit-forming, does not depress     heart 0\ \^'{~ At ]~r toe ^^wj^-    *     , at Ik* ^j*! *****^*ff . \~r]~~fj aad bt 3*c mad</t>
  </si>
  <si>
    <t>                                           THE Tuskegee Clark engagement at Sunset Casino tonight is one of a few pre-tournament series prescribed for the week in the various sectors of the ... ... is at New Orleans facing ... Coach Hawkins ... believing the trip to the historic city more seductive one than one proposed at the December meeting whereby the Clark Panthers were to face his boys in Atlanta this Tuesday, Alabama, fresh from a trip to the middle</t>
  </si>
  <si>
    <t>                                           /?ev. A/. Demy  I have found nothing in the past 20 years that can take the place of Dt. Miles Anti-Pain Pills. They are a sure relief /or my headache," Sufferers from H e a d a c he, Neuralgia, Toothache, Backache, Sciatica, Rheumatism, Lumbago, Neuritis, Muscular Pains, Periodic Pains, write that they have used Dr. Miles Anti-Pain PUla. with better results than they had even hoped for. Countless American housewives would no more think of keeping house without Dr. Miles Anti-Pain Pills than without flour or sugar. Keep a package in your medicine cabinet and save yourself needless . At Drug Stores- 25c and $1   -OR.MILES' ^AMTi- PILLSi</t>
  </si>
  <si>
    <t>                                           TEXAS EDITOR (W THE AIR                 HOUSTON- c C Editor C. F. Richardson of the Houston Defender. 1423 W. Dallas avenue, spoke over KXYZ Saturday evening on the "N'cRrn- Goodwill Program." Mr. Richardson Is president of the  NAACP. and director of the Negro Chamber of Comlrcrcn. Council Wants Race Prejudice Removed From U. S. Scene CHICAGO- O\    With more  4.000 delegates In attendance at last Saturday's final session here of the United Methodist Council. r live-point  was unanimously adopted, urging M.* to cooperate in abolishing the liquor traffic, gambling, racial prejudice and discrimination, war anil economic injustice. Alfred M. Landon. former Rcpublican candidate for president of the United States and a distinguished member of the laity aU tending the Council sessions, wtm tumultous applause when he addressed his fellow churchmen. Declaring the United States must have a moral recover}' before an economic comeback Is possible, the popular Kansnn said: When I say 'moral recovery' I mean the recovery of all those essentials of character, such as honesty, decency, square dealing. charity, faith In ourselves. In our fellow men and God.Referrtni; to race prejudice and discrimination, the Council's pronouncement stated: "Neither of these Is Christian. Our profession.., of brotherhood must become more than words."</t>
  </si>
  <si>
    <t>                                           FOUNDER S DAY AT . 18                 At the  - anniversary of the ; of Morehouse College on Friday. February 18. Edward Swain Hope. superintendent 01 buildings and grounds at HowI ara University, v.111 deliver the annual Pounder's Day address. The L  -rill    held^n-Siriti-^'                 Chapel at 8:00 o clock in the evening, and will be open to the public. The celebration at Morehouse College will begin at 9:00 o clock on Friday  at the chapel service in Sale Hall, at which  will bring reminiscences of the early days at the college. From 10:30 to 12:00 noon there will be a regional meeting of the alumni in District No. 1. and in the  at 4:00 o clock, there will be                 a basketball game between         -ve and Fisk in the Morehouae gymnasium Tlie selection of an outstanding Morehouse man to deliver the tradition?. 1 Morehouse College Founder's Day address has come . a-.-to  n " Curing: recent years the following graduates of the college have returned to deliver the commemorative address: Reverend Mark Miles Fisher, pastor of White Rock Baptist Church, of Durham North Carolina: President H. C. Tren- i holm, Alabama State Teachers College: Reverend A. C. Williams, pastor of the Metropolitan Baptist Church, or Detroit. Michigan:  on Pare 4: Col. 5i                 Founder's Day (Continued from Page 1) Dr. James B. Adams, pastor ol Concord Baptist Church, or Brooklyn, New Yd*: Dr. Benjamin J. Brawley, professor of creative English in Howard University. Washington. C.; President John W. Davis of West Virginia State College, and President Moxdecai w. Johnson of Howard University. The speaker tills year is tlic older son of the late Dr. John Hope, who for 25 years was president of Morehouse College. He was born in Graves Hall and is a graduate 01 Morehouse in the famous class of 1923. His early inspiration and practical experience for the engineering profession were obtained on the Spclman and Morehouse campuses, where he worked each summer from the age of 12 until 192C. I Mr. Hope continued his education at the Massachusetts Institute of Technology where he received the degree of bachelor of science in civil engineering in 1327. During the summer of 192G he wjs entrusted with the making of a water power survey for the International GrenfeU Association St. Anthony. New Foundland. He has been employed as an .fcer by the New York State Department of Public Works, and by the Brazilian subsidiary of the Electric Bond and Share Company in South America, where he was. in service for three years. Befcre taking the position at Howard University. Mr. Hope built a new section of road on the campus of Spelman College. At Morehouse. the speaker was one of the most versatile men in his class. Besides being an honor man, he was prominent in all  activities was captain or the varsity basketball team and All-Southern basketball player. Shakespearean actor, and a membe: of the glee club and OrCheStTJi. Arrangements for the Founderj's Day celebration are in the hands of a committee of alumni of            consisting of T. M. Alexander. B R. Brazeal. J. H. Calhoun, Jr. T. J. Curry, P. M. Davis. P. C. Oassett. K. A. Huggins C. D. Hubert. E. A. Jones. H. R Latimer, and R. Thompson. j</t>
  </si>
  <si>
    <t>                                           At the seventy-first anniversary of the founding of Morehouse College on Friday. February 18 Edward Swain Hope, superintendent in buildings and grounds at Howara University, will deliver the annual Founder's Day address. The exercises will be held in Sale Hall...</t>
  </si>
  <si>
    <t>                                           Monday evening the fifteen Serve-Debs of Morris Brown entertained their college friends with a gay and pretty Valentine Dance at the Parish House.</t>
  </si>
  <si>
    <t>                                           Mesdames A. M. Wilkins, Sr., C. D. Nimons. J. L. D. Nicks and H. Kelsey responded to the call of Mrs. H, A. Hunt. President V.roman's Federated Clubs of Georgia at. a recent meeting held in the Steward Avenge AME Church, Macon. where...</t>
  </si>
  <si>
    <t>                                           The spectacular basketball game between the Aiken Hi-Y and the Celtics was the space of yesterday's program at the YMCA. Fast passing added to the entertainment at the game.</t>
  </si>
  <si>
    <t>                                           Reform Measure Of President To Get Last Debate Today                 Sumners Calls Upon Members To Cut Powers                 WASHINGTON- (S N S)- WiUl ihp  that defeated President Hoo-i- court, bill still slicking in his ix)! cnp. Chairman , DeinccTut, Texas, had - ears or Hcu.se members Wedi'i- ;u, Me  them to h;r.i.       to defeat" the                 '.s reorganization bill if i' cin i he- amended. Tin: persuasive ability of the li-gul- Texan was  well supported In the camp of  in the spear-headed  made by Representative Ki.m.-or.. Republican, Minnesota, told tin1 House that Earl BrcAvd'.'i. the Communist pa.-ry s '-.~ for President In 1 lilt:, been calling upon House members and urging them 10 vote for the passage cj[ the President's orL^ni^iU-i1". ir.. Sumners made a rousing speech last year which helped to defeat '.lie President's Court plan. As he ;:      Wednesday, there was a ru.*h made by legislators from (.- and  to  in silence to what he had to say. He said that the bill should be  but: "Lefs do the best we can to  it, r-nd then If we enn t :m:end it as we Uiink It ought lo b*:. then let s have the nerve. ..to 1a at it.' he Sid VTie'furOier stated .t no man wanting present Ai'Rlo-Saxon institutions main, tamed, who "is fit to be ln tho White Hon?e" (and we assume the  occupant 1st. can fail to be  ;it tlic  of the    .':!c:m   concen. tmt on of ji3 vr. He declared at   lhat, "We aren't fying1 to do soim-thing to tho Piv. ol tli-~ United States. Wo hit trying to write legislation on :i subject regarded ns important." Kniitson. .speaking of Earl Browriir's interest in the bill; said: "    it be Uiat Mr. Browdcr knows lhat the passage of this legislation will hasten the day of :r,e-man rule in America, such as li-.t y now  In Russia? What oilier  can Mr. Browder l:nve? We all know that the Oommui.lsts do not believe ln rule by the l-cople. That has been amply di ; in Russia where the  has  the ballot." Criticizing the power Bivfin the President to -destroy1 the Civil Service Commission under the bill. Knutson warned that the independence of the general accounting Llfice, which he described as the :r.ly check now on the "galloping Hounds of waste," would be placed u-der the thumb of the President. Another Republican foe of the D:ll was Representative Wolcott, Michigan',- who stated that passage r,i I lie bill would break the PresidiMifs prestige. "We Republicans tie ::~~itig to vote against this bill von (;1i in doing so we ll odd prestige 10 the Democratic party :uid aid you- Democrats," he said. Ri-pM-M'ntaisvc Bigolow.       :u. Ohio, added he thought     ni        against the bill. CiKilnnaii Cochran, Democrai.  ait I'ugr B. Col.                 Reform Measure (Cunlinuetl from I'. 1) Mis.. of the House Roorymil:': Coimnillce. won approval to end . and will  the bill i;p for amend. nail, first tiling today.</t>
  </si>
  <si>
    <t>                                           WASHINGTON--(SNS)--With the leather that defeated President Roosevelt's court bill still sticking in his political cap. Chairman Summers... Texas, had the ears of House members Wednesday as he admonished them to... the herve to defeat the...</t>
  </si>
  <si>
    <t>                                           Phi Beta Sigma Launches Business Observance                 Dv .1. SMITH                 Once more the month of April makes It.i appearance on Uic calendar,  Hie various chapters of the Plii Deta Sigma  turn their  toward ;i nationwide ob.serv.      or thr- "BiKBer and Better Bus!ir.'ss Program." At a recent conclave tin national Uodv                 decided Hint the various chapters might select any week ! thv month for tlic local observants, "hence l!ie local undergraduate chapters, located on the * lot Clark University. MorehousLCollege and Morris Brown College hav.~  a series or program.; lor the  HS week. Prol. J W. Nicliol.. Pli.D.. and i a member 01 the faculty of T.'! Collect: 1ms been chosen 'V the -.s of P*i Chapter. Clnru I University as the speaker in their                 ;mm;al ' I?     held 111 111?  chapel. Wednesday morning. F:of. Nicho!so:i is  known in I ithc Gate Cily.  resided here  i ifor some .; months, at which time he was employed to complete ';i survey on thi: "Negro church." throughout Uv Soiitliern . i John R. Sanders, honor student of Morris Brown College, will b; the j principal speaker in  chapel Tuesday morning on a j similar program. j Morris Urown Zcui Cliiiptcr. Morns Brown College will be in charge of the i chapel hours on Tuesday and FriIday. at which time Professors C IM. Ashmore. of Duviii T. Howard jai!(i Goordo Harrison.         T. j Washingvon High School will spW: !on the theme, Bigger and Belter Business.' Chi Chnptcr, Morehouso Co'.leRS j will  "Bister ami Bcitcr Business" with a program in Sail- Hall . Tliursday moming. E. A. Stnrling. head Uit dcj  of Music. .Morris Broivn I College will feature the Girls' I chorus on several programs. During the  wk. ? Uifcc      .Tgrad\iate chapters will uL o  Uuct programs in the local Wsll (schools. These  ar^: MonI day. April 11. Booker T. Wasliiny1 ton lli^h School. Zeta Chapter in p!~anje: Davi,~ T. Howard H'.Sh School. Psi          in : and Atlanta University Hi?h I School. Clii Chapter in charge, i Tht program commit lei fjr I Zel.i ClMpter Inrltitles: )\:ii".T L. j Mende.  Fletcher P.. i j Morris Clan., and Uobat Thomp- i son.</t>
  </si>
  <si>
    <t>                                           Once more the month or April makes Its appearance on the calendar, and the various chapters of the phi Beta Sigma fraternity turn their attention toward a nationwide observance of the "Bigger and Beller Business Program." At a recent conclave the national body...</t>
  </si>
  <si>
    <t>                                           here s the 3-word way to COMPLEXION CHARM I IT S SO EASY WITH BLACK and WHITE FACE POWDER El Ira! Ust Bt^ck and White Skin Soap in I*   combination with all Blxck and W'v^u^tM^iU^SOtiU^tSSS^mS^^^ White Beauty Preparations. Large ^~             ^              "''-'-i bar,2Sc. Trial cake, 10c. Try it . H ~'H'88'  fal r?w^^i^" 3 To MAKE YOUR POWDER BHW KfiWI  lw HI ii W   b f i in *4   i-j^ i'~.~.~wt.  . wino</t>
  </si>
  <si>
    <t>                                           I T T i^J hm I *J         New Red       L 4 1 1 Cl 3 .^T] POTATOES ^Rliflflffl^nm^ErTiilS^H 3 I*bs* IOC Crisco ^53  $1- Camay se 3Qk17c Wesson Oil 1 9C 37C Lima Beans 2 25  Snowdrift k 53C 99C Heinz Beans 2 25C Corn Flakes 2"-13c Niblet Corn 2-27c Green Giant Peas 15C Pure Lard -~23* -45  Salt Mackerel 2 roK 15C Super Suds "c"oz 3^"01 25C Butter     v*in. 39e Sugar Corn 'SSSSStS* 3 2~~' 23  Butter KWK., 35c   -~k g*      g 3 ^= 20c Red Cherries   n" 3OZ  0T 10c Coffee" i2  . 19  "S5S 17C Vienna Sausage*!^ 2 y^Uc Fixt Waffle Mix 23C Shortening    12  St 45~= peanut Butter *S?~Zz SS 2    Lava Soap ^SysgJ1 5~= Peanut Butter S^ ^25  Ritz Crackers     - 21C Ginger Ale c*nft- 2*^T25e Corn on Cob T*"^ 17c Parkay Margarine 19* Green Giant Peas 2 Sbi 23  All Sweet Margarine 19* Lea Perrin Sauce 25* Nucoa Margarine 19* Lake Fish ^89* Land Lakes Cheese 21* Baby Foods 2 15* Beech-Nut Coffee 31* Navy Beans    5C Salad Dressing  nnr ATJJUt 23* Corn Meal 13C 25* par-T-         'UT0~*3n"-10u Tomatoes BSSSSff 4?*0 J25* Domino Sugar ?     25  Kellogg'sPep 2    23* Sweet Peas i2 V2~* 2 18A 25* Fresh Shipped Med."A" Eggs 23C Cigarettes 1 5C</t>
  </si>
  <si>
    <t>                                           Currently, Beale Street is all agog over something, that I never dreamed could get a tough spot like the "avenue" all "het up". Every Sunday morning around 8 o'clock, culled folks on and near the Main Street of culind Memfus, either to get up and turn on their radios, or turn put and assemble around the nearest neighbor's radio, and listen in on as swell a program as comes over the air-lanes. They have been doing this act for the last five Sunday mornings. And as far as I can see and learn, the habit is growing...</t>
  </si>
  <si>
    <t>                                           President Says Government Can 't Afford ToPayRR 's Subsidies; Cites Reasons                 WASHINGTON- (SNS i President Roosi'VoIt told members of a press conference Tuesday I hut iho federal goi- could nut ;~ to pay subsidies to .                 AmoiiR Ills reasons for not approving  were: If      started  would be nard to slop. TDo government could not afford to guarantee the railroads' . because the possibility of future unseen losses would involve the government, in actually ; the railroads. Once the            were  by the . other industries such ns cotton, steel, and automobiles would come in for                 similar . Tlie President promised to send a message to congress, probably Tuesday, on Die  ]~roblem. nnd at the some time would  the report by Ills special railroad  or three Interstale Commerce commissioners. Whether or not he would  legislation ni. this time was not marie known by Uic chief executive. Jesse H. Jones, chairman of tho j Reconstruction Finance Corpora- tion, staled, after a conterence with ihc President, that he doubt- j ed whether any basic legislation dealing, with the 'railroads could be passed at this session of . A boon to the recession was the i house s passage of the  bill to give the RFC almost unlimited  in making loans to ni.i commercial and industrial enterprises. The bn also carried au(Continued on P*ge 6, Col. 7)                 President Says (Continued on Buck Page* I thority for loans lo municipality nnd other politico.      -. public works,  the way lor a renewed outflow of federal millions into the  of trade.</t>
  </si>
  <si>
    <t>                                           WASHINGTON--(SNS) -- President Roosevelt told members of a press conference Tuesday that the federal government could not afford to pay subsidies to railroads.</t>
  </si>
  <si>
    <t>                                           CROWDED, OUT-OF-TOWNERS CHARGED $22.50                 The crowded situation of Washington  school, due to a large extent, to the attendance of out-oftown students, has resulted in c charge being made of $22.50 per semester for each out-of-town student. Approximately 350 students who live out of town have been discovered among the regular students of thr; Washington high school, officials said. To Bury Shotgun Victim In Griffin I^ wounded Wednesday morning with a shotgun at her residence. 292 Glunn street, SW. the body of Mrs. Annlo Harp will bo forwarded to Griffin, Ga. for burial, it was reported Thursday. Witnesses said the woman was Killed by her husband. Aloma Harp, of Riverdalc. Mrs. Harp's two daughters witnessed the. slay, ing.                 JOSHUA J N E B By 1. 1\ Reynold* Bro. Dell heard  (ttt touch system on the typewriter. ev  he tried It out on tho collection table and from what left It could hive          Out-,;. "touch and take       ."</t>
  </si>
  <si>
    <t>                                           Heiiw Fresh Cucumber 5SIA,~^    jWf' *'  1' l anc~' Pickles a 5c ~*3i^^      '   Peas 25c Pistk Salmon *T* ho.  uc Coffee Eiehi ~' Z LBS- 29c 3-lb- bag 43c Maxwell Hotase coffee i-lb. cah 25c        ?    3-Lb- Pail S3c G-LB- PAIL 99c Heinz Soisps ^;rVi^ 2  ed. cans 25c BfWflett Peaffs  ona ito- 2i can fje Greeat Giant Peas 15c CfeccSc  LB. ISc N-Y-  LB. %%Q Potatoes Ncw Rcd      ;S LBS- 15c AppIeS Wash. Stale Winesaps 2 *0Z. 25C C^ Florid3 Wc" Bleached URGE STALK ^Sc O^ Fancy Fiorida Larsc  oz- 15c Oislows New      Texas Yeiiow 3 lbs- 13c G^ Fancy Florida J FOR IQC Beasis        Grecn' Tendcr 3 LBS- 14c Ac q Cfiflll  cx r  1 unco</t>
  </si>
  <si>
    <t>                                           After more  n Use* SMofiit erf suffering  a servant        , .Miss Ons used Dt KOea Nervine which  her each  results  As ' la an  lettes. If       ffer from  N*      i If yam V, * , start at mUa ,     easily, arm , la* mad ,  acma mm f probably omt of .  aad relax flm ' bum            "did Urn work" for this Coksafe gbi. Whether         - am troubled you for  or tern TcftzaL    Ib9b*\ tested  . ^t Drug Storage- a HW, 1</t>
  </si>
  <si>
    <t>                                           Invites you to shop the finest collection of Easter things we ve ever shown Our store is gleaming with new styles for every member of the family from head to foot J200D BOULEVARD EASY PARKING HERE</t>
  </si>
  <si>
    <t>                                           Put Your Idle Money to Work 4%  PAID BY ATLANTA MUTUAL BLDG. LOAN SAVINGS ASSOCIATION 186 Auburn Ave. Member of FEDERAL HOME LOAN BANK SYSTEM</t>
  </si>
  <si>
    <t>                                           With a selected east of eight actors, who arr students enrolled in Atlanta University. Morehouse College, and Spelman College, the University Players will present as their fourth production of We Current season Booth Tarkington's three-act comedy. "The Intimate...</t>
  </si>
  <si>
    <t>                                           The Rhodanthe Club met at the home of Mrs. Ruby Jackson last Saturday. The meeting was carried out in the usual manner with the president presiding.</t>
  </si>
  <si>
    <t>                                           in.i.ini-Twiin^Min ri  iw BimffMTw*TMTB'T'l'IMI^^^^^^B^ IIBiiBBiVHHiQSWWH^B^BrWBl il</t>
  </si>
  <si>
    <t>                                           Invite all clubs and friends to attend their Valentine Tea Sunday, February 13, from 6 P. M. to 8 P. M. at the home of Mr. and Mrs. Frank McWhorter, 19 Chestnut Street, S. W.</t>
  </si>
  <si>
    <t>                                           A FREE VALUABLE OFFER a r-*: box or my superior  Crovhtr  to Any  ami addr*w on Application. Knfiloft* l*c for *. It         tin:      hair Krow imrt uml ltx.lt My  ifo*~ Ualr wjw *       )r in. li'~ Innt; - *   becn-n         It. U yum a f t^r 3  ;r hair       it Thin offer not . *         2^(tt . ArUtr-p* Kit     *.   to:     5, W. 3    II AN. T23 \V. KratulHfit A\~..         -t(~. Ohio. "IIAKllfi* r+rA*H*it Alfulf* wnI, *!X!    Orimm AirnJfiu (15^; %~Tilt* ~:U\~w.  5^m: nm   *    . All An 1h. 1   1iH, tmrk Conronlbi. * *++*} if n*~t **T}**3,  iro. Dowatma, CtHirortl lu. Kahmu".</t>
  </si>
  <si>
    <t>                                           Texans' Wedding Ceremony Performed By President Of Samuel Huston College                 FORT MOUTH.     .N_,SNS.-Mrs. c. T. Harris.    .iurr(, iho..c. I  h.    tra.hrr :..,d cr.~Ui.iU- of S..m,.cl H,,*..., .       re- I  In C. Tlinniiw il.. ,,t V:  -. Tcx;   .       K-.u-lirr iU1.l ' ..I Sauiurl Huston r..ll,-c.-. The marria-p ...ny was j .nl bv  1C Gr^. ^t.t of ^:, IIOMnn. I</t>
  </si>
  <si>
    <t>                                           A. U. LABORATORY HIGH JUNIOR CLASS IN DRAMA THURSDAY                 The Junior Class of the Atlanta Unlvcislty Laborutoi-y High School 'will present "A Night-OfFim With Music- In the Giles Hall assembly Thursday night, April 7. nt  o clock. This year s presentation by Hie  will consist or instrumental Minibers. group singing, dances end n surprise presentation of the "Old family album." There will be a home-made  played by n homely girl; a harmonica band n.  harmony and an  quartet among the fun music. The Girls- Glee Club will bring Sliort'nin" Bread. Surprises in the photographic display will also be presented and                 promise to, be pleasant, amusing and embarrassing to several. Pielures have been collected showing various  in tile lives of the students, faculty and alumni and will be projected on a screen. Mr. Doblnson mny be seen ln a high chair with a bib; Mr. Woodruff as a bouncing baby sucking his thumb; Mr. Brown on his tiptoes trying to see over a table or Sloan (Ikey) Blocker, All-AinerJran football star, crying for his tattler. The dance.s arc one of the most Interesting features of the night. Several Oglethorpe students as well as Uie high school pupils will perform. Other treats arc also in store.                 STEPIN FETCHIT APOLOGIZES TO MEMPHIANS: WILL PLAY A RETURN ENGAGEMENT, ORPHEUM                 I By A. SHIELDS (Thratrlcal Correspondent) MEMPHIS, Tenn.- (SNS)- 111 a telegram received by Mr Chalmar Ctillens of the Orplicum theatre. Stepin Fclchit. who previously had disappointed thousands of his fans in this section by      non: for a return engagement last February, said as follows: "I never forget a promise. I promised you 1 would play a re- turn engagement, and will play your theatre with my entire new show April 23-24-25. "Please convey my apologies to the people in Memphis and through                 out the Trl-Slates for the unfortunate circumstances which made i! impossible for. me to appear as previously scheduled. The people in this territory will not regret the delay as I have an even better show  last time I played here." The Orphoum theatre  if making elaborate pains for the return engagement as this show is breaking all house records wherever it plays. As usual the first and second balconies will be reserved for colored patrons and popular prices will prevail.</t>
  </si>
  <si>
    <t>                                           That reward of $500 Promoter Al Douglas has offered to anyone who can induce any of the ten ranking middle-weights to step into the ring with Ossie Stewart, sensational K.O. artist still stands ....Yes, it's a CASH offer...The Pittsburgh Pulverizer is the idol...</t>
  </si>
  <si>
    <t>                                           The admiration of visitors to the "Home Beautiful" is well expressed in letter Winter to Hunter Hills, Inc., by Bishop E. B. Mitchell, Washington, D. C.</t>
  </si>
  <si>
    <t>                                           CITIZENS OBSERVE  TION DA Y IN THOMASTON, GA.                 ./ WV.-Jry IMilm, prominent in civic :uu\ fraternal circles  tin- stale, will deliver tin- annual F.mani-   : Day  al Tlicilnasti'n'i, (~a., 1^   'rl"M-l; n.inn, l inlay. Tho pf-- u!" l.        .v celf- Kinxuu- .vn Al.'iy 2;i, - il u'.'i.-: on .  when   "-w.s of -ir I'ivkIoiii rr-: lln-in. Since I lie  ul' May of I his year                 1'aiis on !3 iml:iy.  air . i today. Then- will   - gala : elaborate festivities.  .~~', -'-', Ijal! . barbi- ana dances, many  wilt lasi until . A crowd of from   and four .s:iii(l  is  ro turn nut to Hear Air Dobte. Tlier,. will b.' :i  hoad.id by ix b:-.:~. band which will  to Lincoln park  Mr. DobL.s will speak. Tile .-ui- is \ery   the  ot                 Thorna-sion :uii! Upsoii i-. This is* "to rii- rune in     yours that he lias be n invited to rti  llic principal :   (      at :he Emancipation exorcise-. L. B. Sherman of Thomuston Is chairman of the committee on . Colored citizens ol Tliomaston are given much co- on each Eiii. celebration by      ; ~)~.    (- or the town and county, v.lio turn over the keys of tin- city to them on Uiat day.</t>
  </si>
  <si>
    <t>                                           vs^x-v-*-x-*-v-S-~~':-X":-m-:-:-~~'~X"Xk-~.~-x-~~x-~c-~~~*-:-xh; LOANS I FOR COLORED PEOPLE 8 PERCENT INTEREST .1 I No Red Tape No Waiting IMMEDIATE SERVICE j i Lincoln Loan Association 719 GRANT BUILDING ;j Corner Walton and Brond Streets WAlnut 2010 $ t ..~v...A.t-............~.........f,-ffr,-fl*ffM'/l71'ir,*f^H8~^</t>
  </si>
  <si>
    <t>                                           Last Sunday was an enjoyable day with all worshipers of St. Paul. There seemed to be a spiritual awakening with the coming of spring. Every department made a report to the budget. Ten auxiliaries were 100 per cent. The pastor and officers felt very grateful...</t>
  </si>
  <si>
    <t>                                           Flim-Flam Via Death Ruse Brings Term                 Horace    . alias "Will Jat;kson-, 50 years old. of Knoxville. Term.. Friday was planning lo servo twelve months on the public works. He was found Riiilty by Criminal Judge Jesse Wood on a  of obtaining $22.10 by the film-Ham method from L. A. Vanhoose. ol Tuscaloos.i. Aln. Row wired Vnnlioose for tlic money to pay for shipment of Vanhoose s "dead sister" from Atlamn lo Tiisculoosn. police, said. Judge Wood whs told that  s sister Is still living. Ad attache In n local telegraph I  who paid the $22 to Ross after it had been wired to Atlanta by Vunhoosc. furnished a description of the suspect to police, bringing about Uie arrest or the convicted .                 Hughley Given 6-10 Years En R b Kidnaping Ralph IIiikIiIi'V. 22.  in a .superior criminal conn Thursday On two counts of robbery -anil kidnaping, was sentenced to thu public works Friday to serve from six to ten years. Ho was sentenced by Superior Judge EthrldBO. Four alleged companions, who hail already pleaded guilty to :i charge of being in possession of a stolen car which said Hughloy drove on the night the robberies n-cic       . testified that Hutjhle.v I robbed one delivery hoy in Aiulcy Park, and  on Sixlventn street, and drove both lo the McOnnirl SI. '  he made them     wl. j Ti-   Hugh- ly shot at and cursed one of the victims bi  he  only wen- j Cimlhiui-il nil rase K. Oil.                 ReadYour Bible By W.H.CAMPBELL                 The Jew of the Old Tesliiinent Dispensation was  ly i-.. Cud  Muses lo ! every mule child and the Jew lucked It on to hid religion. The people of the Exudus were  not to cut the meal of the filthy swine, the scavenger* of the camp; this order was likewise Invested with ceremony and given religious significance. Both were, no doubt, promulgated ag sanitary ms: only. Abraham wus not circumcised till after ho was ninety-nine years old (Gen. 17:2-11. and enjoyed God's richest blessing, .such as no man since has enjoyed. One of the reasons I try to curry the torch for the Christian religion Ik that il lias been sw simplified by the Savior  small child need not get mi('  C     iu                 Dr. Doyle To Speak Here Tomorrow The R. S. Will.iims        or \V. Mltclicll street CME Church w.ll celebrate its  anniversary tomorrow at four o clock at Hie Utv .x New Auditorium, 492 Lurkln street. S. W. The organization has made elaborate preparation for tlic occasion which promises to Ik one of the best of it.-; kind lor the season. A very interesting program  been   lor the occasion which U made      of .somo or Allann'.~      talent. Thv  Is fortunate, in  lor the main speaker Dr. Bertram W. Doj-le. of Nashville. Tcnn. Tlif   .vill u".           Duyle who w:is lur a   ir  Dean of Biint' Colli-yo. AiiKiista: PrDri-ssor at Clark University ul this 'J'.ty. and nion Tiri'iuly Profe. at risk UnivtTsity until liLs I'lixiion to thu pru.-iiu   o^ition to which     now holds- Ooneial Seurotary of Eduution of the CME Church with l.o:     :u-UM\s ai Jack^ui. Ti-nn. 'I'll..' public is inv.ici: to hear Has I'ctucalor and tu  with Tin- n. S. William* Club in tho I. fr:u-t.                 I Hughley Given   m Ptiizr 1) j   \- D-        R'~--v .viri he shot I,.-- j.. i,:.. im  I Titishlfy r r:i.(.-'l to stn j Ihr</t>
  </si>
  <si>
    <t>                                           "FEEL YOUTHFUL" Don't let nervousness and other ailments peculiar to women pull you down." Take St. Joseph G.F.P.. Women favor this famous vegetable compound that has proved tonic action. Large bottle, SI. Money-back guarantee. u^bbT^omen for over"sc^ears</t>
  </si>
  <si>
    <t>                                           Crackers' Box Score Memphis au r li po a e Bush, 2b 4 0 0 2 2 0 Bates, cf 3 0 0 2 0 0 Grace, rf 4 0 0 10 0        , 3   3 0 1 0 2 0 Reese,     3 0 0 8 0 0 Botlarini. c 3 0 0 5 10 Doljack, It 3 0 0 3 0 1 Blakeney,    2 0 0 3 3 0 Heusser. p 2 0 0 0 2 0 Total, 27 0 1 27 10 1 Atlanta ab r li pu a e I Mauldin. 2b 3 0 1 1 2 0 Mailho. rf 3 0 0 0 0 0! Dunn, lb 3 0 0 14 1 0 Rose, If 2 0 0 4 0 0 Hill. 3b 3 1 1 1 4 1 Peters, ss 3 0 0 4 6 0, Rucker, cf 2 0 0 10 0 Richards, e 3 0 0 110 Beckman, p 2 0 0 110 Totals 24 1 2 27 15 1 Memphis 000 000 000-0 Atlanta 000 010 OOx- 1 Runs batted in, Peters;  hit, Hill; stolen base, Blakeney: double plays, Peerson to Bush to Reese, Peters to Mnuldin to Dunn; left on bases, Memphis 3, Atlanta 1: base on balls, off Beckman 2, Heusser struck out, by Beekman 1, Heusser 4. Umpires, Crant and Kober. Time of   ame, 1:22.</t>
  </si>
  <si>
    <t>                                           ATLANTA fans will get the thrill of seeing Gabby Kemp, long storm center in this town, garbed in hostile attire at Booker T. Washington High School Stadium this afternoon, tomorrow and Monday.</t>
  </si>
  <si>
    <t>                                           I WILL soil the following cars on easy terms for  balance due Finance Company: .10 Chevrolet Sdlaii S-15 ;S3 Hudson Coupe 06 32 Lincoln 8        19-   !U Hupp Sedan 105 Mr. King 450 Pcachtrec FREE I. *$ Sample of 'SlffSS- j BEARD lfc-'o/H REMOVER ^J^1 and Try ;i Hnzorlcss Shave! At lnst science hns found ft way to remove a. Iwnrtl without Khnvlng. No more razor, no . no cuu, no . no . Merely  Mugio Sliuvlng Powder ius directed then v.'ipe.,  i clear, Mnooui skin. Don't wait! 35c tray* a generous   uv nny. drug ^ilf you wunt to try        vou buy, write Muicic Slmving Powder Co., Dept, 51. Saviinnah, Cf-. tot freo trio) sample</t>
  </si>
  <si>
    <t>                                           CARD OF THANKS                 We wish to thank      man/'  fui* their kindness shown during the: illness and death of our beloved husband and son, Joshua Ciitriuht. Also for  :md use of curs. Especially do we thank Rollers Brothers fur their very efficient . Mrs. Nettie Outright, wife Mrs. Henrietta Terrell, mother  Mrs. W. C. Flemistcr, 317 Highland Avc, wishes to thank her many friends for their kind- ness and sympathy during the illness and death of her husband; Colonel \V. G. Klciinister, and for the florals and the use of car?. Also the Ilnupabrooks Funeral Company for their efficient serv. ice.     . W. C. Flcmistcr, wife.      MEMORIAM I In loving: memory of my dear i Daughter, Annie Bell Nichols, I who departed this life "May 29, 1^2-1. She has been gone Jl years t  But the  is just the same today As in the hour you passed away Sadly  Nl by , i Mrs. l, Robinson 18.11 Christian St. , Pa.</t>
  </si>
  <si>
    <t>                                           Slim Line Fashions I v r I D11F.SS AN!) .T     -f^*\ L .K DUTY S^~M^fy\ t^".-Tr\ pattern OK yW^TfffT /M\\J If yo" arc  and prnc- ~#-1V i iV^k/^feVI    . too. you ll quickly recognize 7^\ '~ft*~nfc^   *f the desirability of this Jacket dress. Ak!9S^-/  ^    for ll does double duty  /Yv -'  /~  .;V throughout t)ic Summer. The dress. XV;    Lw/l w th Hs extended yoke, is Ideal for I T?5S^YT'frK'^:i' I afternoon wear It's cool, dressy /          ^ifl and delightfully . But ^. *?  for flP"- w  nd from V0llr I)!ll tle!i '^XtJNp-'-  '\qi or lr  . lop the dress #i(* ^fl?/  ;:i?      Us Jacket nnd seo how quickly WfaC- ~'-if-   4-"vCy* it lakes on a  tailored nir. -i' M?"V"IJ Wl'ViA'^-U ^kp a11  T1106"       '' nf^~ i ff K?VS*--;J'*;*A-/ Niimbrr C17 Is  by \iMM 11'  VW1-   4j Detailed Sowlnc Quidf which you li^CT-^i'-'1''' el': 'MaSk wl"       wry h(;~1 ln f nls      1 r^^-^-'~"''^^:vfa\r\ Uie curved yoke, gores In the from I ~*!$'::':' ^'i ":T \  )  nml           'ml  01 J^ flfc' i*l--V.fl Pattern G17 is cut ln women s f\3P/\S7":~;;i-A'*'i4'-sl fill 34' 3G- 38' 4U' 42' 44- M aml Ji Vyjf. v'-M-^'-ai 48. Size 36       requires 3 1-8 1// Tt/ft 'V ~.~Ul;i%'"-r-R  39-Inch fabric and 1-4 yard rW-n/pj ?.:^^cv\ft\ contrast; .1 . 2 1-4 yards 301% r'  1 :'/,-~ai\ l"c ri fabric. ~--^~/.ft' V: :r n ia.:.*HS Srml  CENTS 11.1c) in] I     ': 3'r ?a S'HJi coins or slumps         W/-.WV ;!.-la ;:~':\M^J ior this pattern. WRITE ^' * I.Y SIZE, NAM IS, . AND I 1 1^*1 "fyi.E . Ill I ait bend  to Atlanta Daily (I 1^ ^^^^m **'    '. 1' Department, 21(1 1^ BH JtBH^B Auburn avc, N.^., Atlanta, (ia,</t>
  </si>
  <si>
    <t>                                           ,B -JjW $S?fj Dr. Miles    "l^y '1 NERVINE ;~{ '?    . Miss GUvar k" WHY DONf^' ^i^S^y try it?,. After more  throe months of suffering from a nervous ailment, Miss GJivar used Dr. Miles Nervine which gave her such splendid results that she  us an enthusiastic letter. J/ 1/ou su#or from "Ncrvcx.* Jf you lie  nights, start at sudden noises, tin i .easily, are cranky, blue and fidgety, your nerves  probably out of order. t) and relax them withthe nine medicine that "did the work" for this Colorado girl. Whether your "Nerves" have troubled you for hours or .lor years, you ll find this timetested remedy effective. At Drug Stores 25c and $1.00.</t>
  </si>
  <si>
    <t>                                           Two-Bay Session Of College English Teachers Begins Today At Atlanta U.; Delegates Represent Entire Country                 Itv LENA LliVINU                 Al a lute hour lu-si night, delegates from all section* of the country were arriving lor ihe second annual nicotine of the Association of Touchers or English in Ncsr.. Colleges, which begins a two-day .session this morning ui 5:00 o clock In the Arl. Fidiibil                 Room of I lie Atlanta University Library. HcprcJcnUne leading universities und colleges from eleven elates, the large number of  In , will be welcomed by  E. Clement, president of Atlanta University, v.-llh response by Hugh M. Ciloster. president of (he Association. Miss Luelln P. Norwood, chair, man of Uie program commit tee. hax left no stone unturned in making this a profitable  for each one who has the opportunity to attend the sessions. -Effeclve Methods of  EiiBltsh in Collese and High School.* the theme of the  will     discussed by  In the Field of English.                 Mrs. Nellie L. Davis,  ol the panel discussion, which is scheduled ui 9:45 o clock, this morning, will use us her subject. Methods of Teaching Sub-Freshinnn Englisli." Other topics which will be discussed ure (1) Boots. Maguzlnes, and Articles on Methods Which Every Teuchw of English Should Know; ('Jj Factors Peculiur to Hie Teaching or Siibl'reslimun English;  3i Practical C'inss ProcedurCji in the TcuchinR or Sub-Freslimnii English; U)                 Remediul Reading an tin Aid in Stib-Preshiiuin English uml  5  To.- and Grading. The  ^Cislon. which begins ul 2:00 o clock, presided over by Miss Lucllu P. Nonvmod.  Ihc subject, -Methods of TcttvhiiiK Ili'Kiilar Pinshman EngIlsIi,  Co be most Interesting. The  for t lit- panel will con. or Hi How I Should Like EnglW) TniiBht lo Freshmen; (Conllnurd nn rage 6. Col. 3)                 Two-Day Session Ilimtinucil from Va^ i, 2'SuEBi- for the improvement ol Teaching Ficshman       ; isi MyMcVhoUotireatlng DoI'ciencles in English Composition it' Hlslory Students und Hi !cnt Opinion of Present Method* ii' the Tcnieliinp. or English ComI'OKiiirm. Hugh M ( is ) 01 Hie 0 H-       on :--:iy morning,  U'uiiis ;.l i':OU o- Tin- subject Ls -Ccr.Hi. (ii-t\       C. in ihu High  ami in Hit Collcijc.- Tl,t topics  i.ii-li will be            arc Hi Content :u.d ObJi- ol  Sclwo) Enn:: i2  Hon- Much or tin.Subject is Mustered; 131 How Much of the Subject Ls Not Mas. lored: Hi Sonic Tc:            Pe: to tin- Negro I'Khlic IliRh SchooLs: i5i ah Expi- 111 Teachliit English Compusiiion in the Atlr.nla University Hteh School.         How May Teat--.s of Subjuct Matter and Knulisli Cocpcratc to Improve I-. f...       '.ii session, which will begin at 2:00 o clock, presided over by Willi.im stu  Brniihwuile, will have two -;~~~     on Ihe subject How To Cnlllvatc the Writer in Evc'~-yin.in." A business .session  ili follow this  discussion. Ol   )ccla! interest to the large ( nf Enylt-,li  this  at 8:00 o . will be                 .'- Delmp. J.Iorcliouse CoMitjc versus Virginia I'nion       r-lty. ni Sale Hall, und the PKIlhainumU; Society Concert m Clark University . Ar. Evening of Thenlri; Arts     Hip UuivcrRivy Players. Howe Memuriil I[::ll. v. ill l;e Ihc  tuli .-Uiiiiiiuii; fur fi- . 1:~K HM-i n . Iti which      ~.ul;hV i- i- . A :or.:i;u . lues Ik-v,, i-xii  Ilii1  M'hnol  re iti :(t ;il! of the ;s.</t>
  </si>
  <si>
    <t>                                           At a late hour last night, delegates from all sections of the country were arriving for the second annual meeting of the Association of Teachers of English in Negro Colleges, which begins a two-day session this morning at 6:00 o'clock in the Art...</t>
  </si>
  <si>
    <t>                                           A. W.--I want to know if I will ever see again the young man who promised me so much happiness. I was told that a certain girl older than I am worked some kind of trick and turned his mind against me.</t>
  </si>
  <si>
    <t>                                           [^^^^h^ Only coj ored "Daily Nfewsfijper^ I ji ill iJi/ VOuTmkTiTnUMHER S2 ATI.ANTA. (;KOR(;iA.';niTT{S*nAY. MAY 2(i, l!i:;.S PRICK I'lVK</t>
  </si>
  <si>
    <t>                                           #ff1   *SuccC*0: ft " I M N ^^ERBRlGHlg "MONEY :-:~^P SATISFIED If your ..kill Ikih Dial to.i..\:.    T.ini'. m. l-y Jiurrhl Hiirfar.*  i:.-.~.  '1    !~.  "". il.m l             :t    (-^K. KHh:)i'i iM:. SM'lOVIIIMl     .V! Un                ll! Try     . I'liKn JMI.MKll'S SK IN M'lin'KNMl: .     Wl'.W! I'll In- -'-il Iliiw       It li.: flu- hUI n aii l h-  .s n..- -n r: .li^il-l'-'.ir. A    -     . It in nni-    -   '~-   r tin I ~--~ ti*- if IlKlitcu*-. Thiifo   many IniKKli'i!" r.^i--ii.l il i-vi-: 'ACTRESSES. DOCTORS, SOCIETV WOMEN PRAISE "DR.;' I'.. lln-y "In! -M.-ilc- II .sKin l.i- h. lo   ir.-  r.-:imy. .1- IlKlllf'il Mkl"  nvi-r  tacr, nwV . -v-ry  l-i-rnn-  ro In hi-fi. -r-'" ~'~~I -u- on Itoslllv-- rauni y-1'ii'1' ~-inr;inn---. I l^hj  i,,-r,,ro BvXM "r"" '"r WBSSStzEtM i-: s.\MJ'i.i: m   1L  ~-.M.Mi:itS I.AIIS. . IMil, ATLANTA. C-l-^HtniA.</t>
  </si>
  <si>
    <t>                                           The Colored Branch of the Atlanta Tuberculosis Association will take a recess of three months. The last regular meeting, until September was held Thursday, May 19, at the Atlanta Tuberculosis Association headquarters, 282 Forrest Avenue, N. E. The board has...</t>
  </si>
  <si>
    <t>                                           100 Retail Liquor Stores In Atlanta                 Exactly 100  to operator.'), of liquor  stores hud Ijinni 1       In Alluntu Monday, -. Ing lo City Clurk Joo Richardson.; Hftren or 20  *"^ have been given application n})-\  by Council, It, wns r.    '^'s.</t>
  </si>
  <si>
    <t>                                           THE ARCENTINE SOCIAL CLUB met with Mr. W. H. Pierce Tuesday night at 180 Lawshe St. Apt. 274. Next meeting will be with Mr. W. A. Dansby. 184 Lawshe St. Apt. 276. Tuesday night. March 29.</t>
  </si>
  <si>
    <t>                                           DYE--Mr. Julious Dye of 610 McGruder Street, N. E., Passed away at his residence Feb. 10. Funeral to be announced later. Murdaugh Bros.</t>
  </si>
  <si>
    <t>                                           TIM TYLER                 By Lyman Young                 FELIX, THE CAT                 -By Sullivanj ,1 \5                 DOROTHY DARNIT                 By (Jhas. McManu*                 IT S A GREAT LIFE IF YOU DON'T WEAKEN                 By Jack Rabbit I                 NIPPER                 f By Bray;                 MiVZ                  By Cy Hungerford</t>
  </si>
  <si>
    <t>                                           ATLANTAlong the showplace for mighty college football teams; long the basketball center of the southwest and formerly a baseball capstone, will play host to its first major track and field extravaganza on April 23.</t>
  </si>
  <si>
    <t>                                           "Brethren, my heart's desire and prayer to God for Israel is, that they might be saved. For a hear them record that they have a zeal of God, but not according to knowledge. For they being ignorant of God's rightousness and going about to establish their own...</t>
  </si>
  <si>
    <t>                                           WORLD SPORTS</t>
  </si>
  <si>
    <t>                                           Thieves Take Gun And Clothing                 I Thieve* who tore n screen win" and broke a window to cain en- 1 trance 10 tho home of Mrs. Tislia j Mac Harris ol trw rear of 62-121.') i Street. NE. were sa:d to have car- ried away a Rim valued at S^S and  valued at $30. according to j i-iiv police. I Catherine, ivy. or 2P Brarilev Street, missed a coat from her home after  of thieves Mondav . Bfd  of approximately $]2  0 x-alne was taken ftom tiie home of Mrs. Lela. Mac Gordon, j 3!~8 Markham Strret. SW. Feb- ruary 5. it was discovered by of- I'.cers Tuesday. I Council Votes Onj Traffic Lights The Atlanta Citv Council Monriav nicht ordered ! of the  instructing the Chier nr j Police to direct, burning of traffic j   all  without op- i . The l?x had heen term- cd " and unnecessary." Mayor HarLtrield told the croup thai Hie - bred contempt of all laws nnd was nol  j observed. 1 The Chi^f of Police mav. howev- r. order, within his discretion.  at any hours of  licht.s he- deems . i Bandits had tai.-on  ol  the : at  Intersections.</t>
  </si>
  <si>
    <t>                                           Encouraged by the presence of two white officials of the company, Messrs. Gasperina and Stogner, the Pullman Hurricanes capitalized on the fine two-hit pitching of Joe Mitchell Thursday afternoon on the BTWHS athletic field to rout, the Special Delivery...</t>
  </si>
  <si>
    <t>                                           LANSING RADIO ARTISTS                 l.AA SIN G. Mich.                 iSNS)-                 .Members of (he Knur Point Quartette, whu for the past lew weeks have been en- i  hundreds (if people by (heir close  and  rendition of Neu.ro                 spirituals recently     - over Station W.F1M. Lansing. Reading from lo fl    right Lhe   consists of: James Lewis, Albert Cowan Robert Allen and Ed Moore.</t>
  </si>
  <si>
    <t>                                           Fielding PO A E Pet. Moore  14 2 0 1.000 Cooper 1 7 0 1.000 Pelham 5 0 0 1.000 Dixon 1 7 0 1.000 Hn.ll.-y 2 0 0 1.000 Holli'fUy 1 0 0 1.000; T. Howard I 2 0 1.000 Mitchell 0 2 0 1.000 William* 1 2 0 1.000 R. Howard 0 I n 1.000       0 1 0 1.000 Greene 13 2 I .936 Kemp 10 11 2 .912 Rcevei 0 1 .800 Sim. 9 10 5 .781 Glenn 1 R 3 .750</t>
  </si>
  <si>
    <t>                                           The whole town's talking about tonight's offering at Top Hat. This is easily understood by the pillar, though, for the idea of a "swing piano" contest is strictly high grade stuff--plenty of originality there! ... Battles of music, featuring two hands, are legion, but seldom will you live to hear of a swing piano contest with a quartet of the town's best Ivory-ticklers in it ... But that's the set-up tonight at Top Hat, while, during the interval before and after the red-hot jam session, the guests will dine and dance...</t>
  </si>
  <si>
    <t>                                           ATLANTA GftY WORLD Established Anc. 5. 1928: Became Daily March IS. 193S Pnbailied DAILY and SUNDAY at ^""'l    By ATLANTA DAILY WORLD PUBLISHING CO. Telephones: WAliiui 1459-14G0 Member of SCOTT NEWSPAPER SYNDICATE W. A. SCOTT, II. Founder; C. A. SCOTT, General Manager B^TiT^l^.e^. Gg^g -clas. nuU under C. A. SCOTT, General Manager Lucius L. Jones. Managing Editor DAILY:- 1 Year $9.25; 6 Months, S4.T5; 3 Months, J2J0; 1 Month. 90c SATURDAY ONLY:- 1 Year S3.00; 6 Month* $2.00; 3        Jli5 Canada: 1 Year ): 6 Months S2.75; Foreign: 1 Yw  5Jtt. National Advertising Representative: W. B. ZIFF CO. 108 S. Dearborn St. Chicago. HI. and 381 Fourth Aye, New York. N. Y The ATLANTA DAILY WORLD Is an Independent newspaper- non  and non-partisan, printing news  and  those things It believes to the Interest of Its readers and opposing Ihoir                  COMMUNICATIONS to and nuke CHECKS payable to ATLANTA DAILY WORLD rather than to individuals. The WORLD expressly repudiates responsibility for return of unsolicited pictures, manuscripts, etc., unless stamps are sent.</t>
  </si>
  <si>
    <t>                                           RELATIVES DEWY MUSSOLINI H A MILE S GROWN                 NEW - lANP) Pruss and I rnd.o it-ports current here that I Murshn) Grazianl. on returning .10 i Rome, - a presentation" flf Empm-or Halle Selassie's crown 10 Muiscllni were       denied Ijv Dr. Malaku E. Baj-cn and LiJ Arnvn Abebe.  of the                 . who are in the United i Etntcc working lo secure a.d for j  "country. They ridicule*! the report as just  bit of  which might be widely ! in this . aiid brought out the Inct thai ir Grnxiani had had Selassie's crown, he would have sent cii- brought it to Rome Ions  now. and it Mussolini hud Hie crown now. he probably would    -" it Instead of ". It :n a  us It is reported.  c badly Is    In need of Time's Speaking  In answer to j Ihc MiiCbiioii whether the negus i  accept the oiler .n ' by Mussolini Uiat he  rs puppet emperor. Dr. Bsiycn staled ho 1 not do so. The Itniiiin* arc in tuch (treat -  Hint they would like to i       ihc  return lo  j the - so Uiat   linn their attention . They Iioikj  sooner or later he may Ire inclined to consider their i e.rfi ra ol pL-! security Tor himself, but  ir.g his people into slavery. Tlip doctor was vehement in hU  that Selassie would never do this. .mJ.ng tlio current situa-  in EUiiopiu at the present . Dr. Buytii  that the Italians could not stay In Ethiopia  - rainy . At ih i!  time, the few large  and outposts wh.cli Uicy occupy ar;- merely . Tlicy Drc constantly being attacked, and there is nothing of normal occu- . The talk on the street in CJibouti Is how Ioiir Ule Italians will be able to hold out. Concerning the current. Anglo-  negotiations. Dr. Bayer. I Iclt  the    of Orcnt Ritaln ciin only ultimately get her into more trouble. Mussolini,  for breaches .'t. car.not be expected to ( u i his hopes and dreams of a Ncrth Afrlear empire, and his interests v.ll i- clash  those of the British.</t>
  </si>
  <si>
    <t>                                           NEW YORK--(ANP)--Press and radio reports current here that Marshal Graziant on returning to Rome made a presentation of Emperor Halle Sclassie's crown to Mussolini were flatly dented by Dr. Maluku E. Bayen and Lij Araya Abebe relatives of the...</t>
  </si>
  <si>
    <t>                                           CHICAGO, Ill.--(SNS)-The Chicago American Giants ran into a terrific jolt here Sunday afternoon, when before 6,750 paid admissions, the league leading Memphis Red Sox slapped the "Candy Jim" Taylor gang in both ends of a doubleheader, 2-0, 2-0.</t>
  </si>
  <si>
    <t>                                           FDR AT GAINESVILLE TODAY; L  PR OBE ORDERED                 CELEBRATION LOOMS GALA OCCASION                 Thousands Expected To Give Roosevelt j Big Welcome                 BROADCAST TALK                 Close to 300 colored AUtintaiis Insi.  hnd completed plans for ;i proposed trip to Gainesville this  to -. President Roosevelt who Is scheduled to deliver ji fifteen-minute  at the dedication of the new civic center erected In  .                 Tlic President, who is  to Warm Springs wher,. lie will rest  days, is slated to arrive in Gainesville around II o clock this morning. He is expected to         i- noon. The delegation of colored AtInntans. under direction of Major General Elbert Dawson. Colonel Ed Shorter and Major Charles Whitman, is planning to take part in tile, parade that will  at the railroad .station and march through Hie dly to thr square. Major General Dawson said those j- lo make the trip early this morning will represent the Safety Patrols of Walker and Ware Street, schools. Knights of Pythias. Knights of Guiding Star (Easti. Military Department, of Georgia World War Veterans. Red Cross Nurses of Gradv hospital, and the Junior Siitcty Patrol Division. Many of these Kroups sent workers to Gainesville two years ago when the city was in ruins, result of a tornado that swept tlv town, claiming many lives niid destroying blocks of property. President Rooscv,.K visited Gainesville shortly after the tornado hit the city. Following a personal investigation, he said. "I'll do mv part in helping you rebuild.' Federal funds have helped city officials and property owners m;   : a new city out of the once ,.- Gainesville. Today. Gaincs- j  pays respect lo the President, j by dedicating the civic center Ovctcd in his honor. More than 50.000     ?    . col- (~?(l nri I'agr 5. Cnl. j                 President Roosevelt Greet s Gainesville 1  Today                 The well known smile and greeting of the nation s chief executive will be on display today I" the thousand* of Georgians who will journey lo Gainesville for the mammoth dedicatory                 . Tliij view of tlic President on h recent tour is characteristic Ills familiar poses  the country.                 Celebration (Continued front l*agc 1) ored and while, arc expected in throng Gainrsvile to hiar Mi. Flooscveli's *.. Tlie presidents talk will bu j broadcast by radio stations  I und WSB. LliAVK - . , 9: IS A. M. The  tl.an 300 Allantans  will witness the Gainesville i celebration at. v.*! Prcsldenr Franklin D. R- will speak lilts . beginning at 11:50 o clock eastern standard time, will leave from the Lincoln theatre. ;05 Mitchell Street. S. W.. 9:15 u  this .t;. Elbsrl Daw.son announces. A motorcade will assemble at tills site,  of cars and service trucks of llic following linns: New ^Lincoln and Harlem , Hnugabrooks Funeral Home. Arislocratic Dairios. B. P'liniiture Co.. Fricncisliip Bar- j . and Ever Rcndy Floral Company. Persons who plan to make the trip are asked to be nt     New Lincoln  by fl:15 a. m.. in order lo get an early start, thereby avoiding much traffic which wil! travel the highways today. A  p.suc-it w.n accompany thn motorcade as far as the highway, at which point the state ]~! will lead UiC abrogation Into Oaincsvillo. Persons attending have bee:~ Aclncted from the safety patrol of Walker and Ware Street schools, KnlRhi.s of Pythians. Knights of Guiding Star (Easti. Military Department of Georgia World W;.r Vctpnins. Red Cross Nurses of Grndy hospital unit, and Junior Red CVCis division. Volunteer sponsors lor the transportation Include Mike Schninc.  of Lincoln and Hnrlcm IhRalrci: Mr. George malinger of Arlstocrnlic Dairies: .1. W. Conn Grocery Co.: Rev. John w- Davis, of PrienncMiip Barbr.- Shop: Ashby Slrncl Coal Cn.: Mis. Geneva .-:. and 'Hiomas J. MaglX'O. owner of Mechanics Ovsr. all Laundry. TIip stall" division of the National Red Cross invited the croup to the Gainesville celebration, according tc El':ert Dawson. who. with C'llimcl Ed Shorter and Ma.lor Charl-s Whitman, is ill  of .</t>
  </si>
  <si>
    <t>                                           Close to 300 colored Atlantans last night had completed plans for a proposed trip to Gainesville this morning to welcome President Roosevelt who is scheduled to deliver a fifteen-minute address at the dedication of the new civic center erected in his honor.</t>
  </si>
  <si>
    <t>                                           WUIaLU us  I v ..I</t>
  </si>
  <si>
    <t>                                           THIS program they are offering at Ponce de Leon park to-night has taken this town by storm. There are 30,000 people here who normally would turn out for such an event under favorable circumstances. With both Cracker teams away and a momentary ... in things sportive on hand, the crowd at Poncey may set a record tonight.</t>
  </si>
  <si>
    <t>                                           When you see a little girl four of five years old with finger-nails black. Hummed your opinion of the ... mother crashes to zero. Because she is busy is no excuse. A child five years old can be taught to keep her finger-nails clean. She must be trained to have pride in...</t>
  </si>
  <si>
    <t>                                           DEATHS                 :i:ir.i .;.s, T.\. 17 Fulton .Strcrt. A. ,1. Hunt. 2(1. li-U Alpine Phicc. l!illi:i Hi-. 4S. 147 dark StroiM. S. E.                 John J. Sutloi). 50. 78 Huyncs Si reel. RchurUi Aclujiis. II mouths. :i Ji  MuDamcl Slrcet.</t>
  </si>
  <si>
    <t>                                           GRAVES--Mts. Mary Graves of rear 295 Walker Street, S. W., died May 17. Funeral will be announced by Ivey Brothers, morticians.</t>
  </si>
  <si>
    <t>                                           IN THE NEWS                 EX-SLAVE PASSES CAMP ON RADIO SPENDING BILL NEW BnOCKTON. Ala-       -An ex-slave died here Friday ftl the ripe old oge or 112. He was Ben Smith once a  In the Orfty family until 1804      . SmlUi was very active until Wo weeks  before Ills . He declared thai he hud never taken n drop of medicine until he whs 100 years ulu and attributed hit long life to a vegetable   abstinence from  drinks. The New Deal candidate for tile United Stales Senate from Oeorgla. Lawrence S. Camp, announces that he will open his campaign tonight In a radio address. Camp, who Is serving his second lenn as United Stutc.s attorney for (he northern district of 'Georgia, hald  tonight lie would outline the major Issues of tlic campaign, and  he would not resume active campaigning for two weeks "r more. Meanwhile, Senator George announced Hint, he would open campaign headquarters In Atlanta Monday. The senator said that would remain In Washington until congress  and then spend : days In his Atltintn office. K\-Governor Tnliniiilgc lms been campaigning for Hie senate race  Senator George. Wllllxiii ft. McRae. Atlnnla lawyer, wlio liu:; ol.'X)    for the senate race, has     announced his  plans . WASHINGTON-      -~Owhmioiil.s in tlic .senate of tlic . i - bill failed Friday by M to 13 to earmark $:i2n.000,000 of Hie measure. Tile critic*) vainly tried to tic up Hie .ure in .such way as to make Hire that money would Ue used for specific rivers and harbors und flood- projects. During the day.  Jie senate wrote an additional s JUl.000.000 Into tlic bill. Tills ( tlic   ^ $600.000.000 above  approved Uic house.</t>
  </si>
  <si>
    <t>                                           Birmingham M a n Outwits Pair Of Bandits                 .IIAM. A!;i.- SNS- "I don't cure about robbers II I hey conic close enough for me to cot my hands on them." said D D.  or 1801. 11 Hi Avpniie Nwlin outwitted two  thugs n week  when they attempted tc \\r." n  and pistol on him. Dnwdell encountered the pair as Us  his home nfler making some Erocery purchases. One is Mild to have held n knife to his  while the oilier placed a (tun  his hend. They'  Ills money. HnlleiiiiR for help Dowdell  n.  milk bottle  and Ictt and when Spenncr Jackson n^arcd Ihe scene the  fled. They Mnshnl -H's hum. in Ihref pl.ii i's  cui i!il; " hand Tlij: neck wounds were</t>
  </si>
  <si>
    <t>                                           What is wrong with the present day church? The world is wondering why it is invited to become a part of the present clay church, while the church yet cries out in ... words, "What is wrong with me?" Would we think of inviting sick guests to dinner, telling them...</t>
  </si>
  <si>
    <t>                                           OUR OWN ^S*T*^ GRADE "A" ME0  TEA ^^P^\ FRESH EGGS TEA ^^^^R'        ==9sl.i!P.!mJs'' RED CIRCLE COFFEE 2 35  PREPARED SPfibHtl II- siu Ni5~""31 I'ro.- fT A(]( ,N KtO nF r.I.lil: B"X Dfinnro g Super Suds 3;^ 25   Corn Fiakes vit 5C oVc ili IVIargarane i-s 17C Ai/ X 9 TOIUiT TISSUE 1 ScotYissue 2pol-LS15c</t>
  </si>
  <si>
    <t>                                           Arrest Alleged Mother Of New-Born' Babe; Murderess                 Police listed ihc de:.th of a new bum  us a Monloui homicide'; Snturday. ;md arrested the alleged; mother und grandmother  s murderesses. Few similar recorded cases could be recalled by local law eti-j forcers. .Seventeen-year-old Millie .Barnes.!                 of 5G5  Rhodes .Street. N.i \V*., r.nd h-jv  er. Mrs. Julia Shillings, GO. were booked on themurder chai sc niter ;tii;                 Investigation. i According to  officers. information came to headquarters! thai :i baby had disappeared   birth to  young Rhodes Street woman. Questioning  mother and  grandmother ill length, iml ta  thoy were finally informed the baby had  busied in the back yard of the rwi-l deuce. The infant had been born                 alive, i .ii I ors were WJd. After  into the earth, offers found the body and sent to a Westside undertaking parlor, pi- an inquest. The grandmother reportedly said she alo cd the . mother to give birth to the inf;;1 on Saturday. May 7, and thui .1. whs  Monday, May 9. Coroner's  over the   -' infant s body will be held Mond 2 P. M. at the Hanlcy Ashby SueFuneral Home                 Out-Of-Town Man Flim-Flam Suspect i Leror Bnkcr. 37. a  vi j Columbia. South Carolina, Satur- day was arrested in Iluii- an Atl.-iiU:i  of S5. All al-  accomplice. "Gec-ch." wns I . The victim w:i, listed us Jerry Ingn.m. 2iU         Ti-. He  tile larceny act took  at llie corner oi' Fair und Windsor SU-ect-". S.W. A betting ija:ne was reported used to gain tlie money.                 Stabbed As Result Of "Old Grudge An " " Saturday I resulted in James Browu. 23. of roar of 71 Georgia Avenue, S. V. ; stabbed In the H8"t should at a Love street Address. Arfrsi was William Brown, '23, of 152    ; Slrcet. SE. Otliccrf wer-2 Inlormed that two clashed when they met I:-c.'Uiso oT previous  which had extended  ihe minds of the participants. B. C. BAND IN CONCERT Today at 2 o clock ihe Mor- ris Brown Bnnd will render :i concert upon the * J  of the college. Tl public is cordially invited attend. The band will be under  of Prof. E. A.    "l- 1 ing, conductor.</t>
  </si>
  <si>
    <t>                                           JAMES JOiSI COAfVICTEO, TO BE SENTENCED IN.                 A Superior Court Jury Tlnirndny  found James Johnson guilty of voluntary  in Uic April 10 killing or Mont Wlilte. Judge HiiBli M. Dorfcy Indlcntcd he would sentence Uic convicted man Monday.                 Johnson's trial began Wednesday morning and lasted  the dny. ftt the end of  Assist- I      Solicitor. Etl.Stci'EUa .for tlic extreme penalty. The jury was j given its charge Thursday morning imd deliberated ot length, returning the manslaughter verdict. Johnson claimed he shot White I en  avenue following argumentation and two grudge bullies in which he wns the victim. lie said he was protecting his  and acted in '-. Sentences  live years were  Robert Stlnson In  Criminal Court Thursday, lot- lowing conviction on sixteen counts of simple larceny. This was the longest sentence given this year In the lower court on the theft charge. Others convicted on similar charges were H. Roscbcrry, three months, and . Frazler. twelve moulds probation. The i:ourt continued Us puce    ;:il lottery offenders Thursday, dealing straight  gang terms lo three persons charged wild "bug" operations ond probating (he term of another. Rulus Loy and Rouse Shappcll wore sentenced lo .serve terms of six months each, while Mumie JolWson received I lie four-month , a 11! term of probation wns given Llszlc Andrews. The  or II. Kplnks was reset to . Tried on  law violation charges. Arthur Ehod was fined $JUO and given 12 months suspended sentence,  Clifford. Hull. $75 .mil eight months.</t>
  </si>
  <si>
    <t>                                           A Superior Court jury Thursday afternoon found James Johnson guilty of voluntary manslaughter in the April 10 killing of Mora White. Judge Hugh M. Dorsey indicated he would sentence the convicted man Monday.</t>
  </si>
  <si>
    <t>                                           IWorld Visited                 Kcv. W. E MjcIc. Memphis. Ti im. l.ci-. and Mis. Cimi^c W. Si'Ptl. Milton. Oil.; Mrs Win.     . Ni-iv York. N. Y.; Mrs. Jolm D. Crockett. WnjfhliiKKin. D. C.; Mrs. .lames W. Suwcll, WaiWiigton. D.C.  Mr. Melvin . Wnsntngtoii, D. C.                 2 Who Concealed Death of Baby Get I Probated Sentence A         "I   f hey burled in     . b.icky.ird coni-cul ili d'.-ath \n.ro;iv  In Fulton Crlmliiiil CotrWednesday, but  terms P?~ !wt"d by u kindly Judge. Scvcnlecn--old       Harm of 365 RJiodes Street. N.W.. iu-~ ,\Irs. Jullii SUillings. CU. were rI1 en probated sentences     -..months  when found   the  of the chili AccordlUK to testimony, t two buried n newborn dead Inft.-.i in !Jio  of their home Monday. Mny 9.  Its M.~ 7 birth. NclRhbors  police  the   child, it was stated. Commencement Week Begins At Clark Ci)     !iw:~'       w.ck -.; at Clnrk university  Wedn'.tiny  Uie  .        111?  of .  und drt1*-: . Presltlem      Mrs M S. Duvngiwill  the 1930  and alumni with a reception this evening. Friday , 10:30 o clock, tn CioRtniin chapel, the D:  will conduct tho annual  day exorcises. Fugitive Caught I'ound  neor Uid Pord  here Wednesday morning,  . J7. or  3 Inman t Street. N.E.. woo reportedly found to bo on escape of the chain gang. Questioning by pol w ^ him to have  from       camp around 0:30 , Tucsdny.</t>
  </si>
  <si>
    <t>                                           Powerful Story Of Racketeering Starts At Capiir! Today; Akim Tamtroff, Ann 8Say Wossg Score                 DANCiKHoUS TO KNOW. which         Iwlay ;'l Ihr Capitui Tltc;iU tr Hi a [  of ;t i lai ^  .-:. who.-ir "Acliillcs Hwl." ;i   I'o get i ilo  ty, blinds  lib downfall.                 Akim TrumrolT.  to moviegoers everywhere us the i general of "The General Died ;ti i Dawn'1 and. most recently, as j Fiedric March's Iieiilenanl. in Tlie J Bureancor." vividly brings oul the j character of llie bow of a typical American city, urbane. \io\vc;-mad, ^. Anna May Wonts, tlie  Chinese star. i.s seen as I tl)~; i acl.i Ivor s lile-lone  and I .  lie thrusts aside his climb nj) the .social ladder ami wlio finally  her revenge in a  way in keeping with her I oriental . i AltluniKli hi- lias the entire city .v  lii.-- fool. Tamiiolt meets hi* match for the first time j in Gail . a beautiful and j  member of the country I club .~M. Her   social position have a  charm lor the 1 political ring-master, who wants lo j forget that he came trom thv i worn;  of Hie track. Wlier. Miss Patrick repulses hi.-'                 . N s lul ~*.uli lici       :~ in many ". M   ilr.Mnuii. pi.-..i- 1 Ik Harvey I ph.   . Tamivi'f; ou I lo stop I:*/. \y- llic same imu. he  :iu.iii:ht :i rival k.uib -ol  jc^st is. Jic fr.mit'.s Iht  ;~nd  linn  d of stealing a i  line m bonds. Holdlnu tlie i laU' ol  . .slit' loves ovt i* lu V, I In- h:   Miss P.Mtiifk ju.st win-re lie i  htr. I Bin Mi.-~ V,-or.  ,  jealousy liu\s  a -M'tidcd :.ciw nl  .  imino.-. In I'lul Un:  i cari cr ol plunder :uid  ne1'i.rp ii cm i;o any . She Ir.unc.s luni .is hr )ms       man. and makes him pay j lor om: of the lVw ^    tl t-' I  In- did not commit. I Lloyci Nrolnn. tho Miave badman oj "El-b Tim1'' iir.i: "Rvcry DuyV a KoiHi.'V." v.o'.:. a     i;o I M.-'" t-'ii- 1   rr . wlm stalks the  Kiliiii:;:l boss lov yc;Vi*s before ^ a murder on him. TTe  ini ili lakes pleasure l\\ pri  on the stane for one weeks  "Follies Tropical." An  imd -; ilt.1,;- show \ d wilh . i t..ini::nu ami comedy.</t>
  </si>
  <si>
    <t>                                           "DANGEROUS TO KNOW," which opens today at the Capitol Theatre is a powerful story of a racketeering political rajah, whose "Achilles Heel," a burning desire to get into society, brings about his downfall.</t>
  </si>
  <si>
    <t>                                           GOOD PIANO $49-50 Sl.OO Down $1.00 Weakly COBB HEARD FURNITURE COMPANY 273 Marietta St. JA. 03,11</t>
  </si>
  <si>
    <t>                                           SMITH--Rev. Willie Smith died recently. Funeral announced later. Haugabrooks</t>
  </si>
  <si>
    <t>                                           The 1938 Atlanta Red Sox, members of the Negro American League of Professional Baseball Clubs, are making an auspicious start. The promoters went down in their pockets and wrote a check in four figures for a nifty, streamlined model Tuesday afternoon. As Charlie Clein would say, "It's a honey." The latest word in automotive construction with twenty-one seats, baggage compartments overhead and atop its shell, the 1938...</t>
  </si>
  <si>
    <t>                                           LIFE TIE TERM SUGGESTED IN CflSE OF SLAYER j                 Tile -eternal triangle" was  d for a murder in which the convicted killer was recommended a term of life in prison Friday. Tried in Fulton Superior Court. Nntlrcmlcl- Tiiylor was found guilty c! murder by a --      jury. Judge Paul D. Elheridg" is expected to sentence the convicted man either today or Monday. Taylor was tried for the April t shot gun slaying of Rufus McKibben. The two men were alleged rivals of a rear Auburn avenue woman, at whose home the shooting occurred. Do:'d on arrival  t Grady Hospital, the deceased had been shot in the left side ol trie head Testimony revealed that the  man had conv.- to secure most of the attention of the woman sought after by the duo and had incurred the killer s wrath over his victory. Witnesses said Taylor, who was Mttiiig in one room of the  called McKibbcn from :' room and shot him as ho  I the door. No argument preceded Hit shooting, it ~-as stated. Only  r,e call of 'Rulus. Kufus" then the shooting. The state, led by Assist, ant Solicitor Quincy Arnold, contended that the killer had premediated the act. Fifteen Witnesses Sought By Jurors I The graft mobe by the t- I County CJrar.d Jury will continue next week, it was indicated Friday Fifteen or more witnesses were being sought tor a Monday session. Several persons were called for testimony following the return of routine indictments. Assistant Solicitor E. B. Ajidrews Indicated that there is some possibility that more law enforcement officers may be Indicted If additional evidence can be obtained. Eleven city policemen and six  deputy sheriffs have been Indicted already.</t>
  </si>
  <si>
    <t>                                           Why State, Will, Those Hurting Feet!! J f^; OfiitNrtf u m - ftf% Cfl LV. M.it tn Mtint  k) all V Oln.li *f Wlille Kid. SllPk Vp li 10; W. AAAA U  l] ^^r^^MMUMMia^M^K^^HHW^^ Bit</t>
  </si>
  <si>
    <t>                                           The United States Civil Service Commission announces an extension of the time-limit for filing applications for the Lottsman examination now open for the Charleston. South Carchila, Navy Yark. This examination was originally announced on May 25, 1938, and was...</t>
  </si>
  <si>
    <t>                                           Throughout the week golfers have been playing over the ... Lincoln Golf and Country Club course in large numbers trying to get in top form for the Southern Open and Amateur tournament, which will get underway a week from today.</t>
  </si>
  <si>
    <t>                                           TUESDAY, APRIL 5: Meeting of Local Teachers at 10 a.m (Room No. 2) Wrestling and Boxing 1:30 to 2:30 p.m.</t>
  </si>
  <si>
    <t>                                           Drama Of Political Racketeering                 Aklm Tuniirorf uml Anna .May Wong       ^ roles in "DANGEROUS TO KNOW."  of political  in a LirRi; Ami- city u-   al tin-  ITOI. Tln-;itri\ AImi   n tlic st;t)ir fur ;i wiH k's     ;aj;t irn;lil is 'Tollies Tropn-al."</t>
  </si>
  <si>
    <t>                                           REV.  ARNOLD. Editor</t>
  </si>
  <si>
    <t>                                           Despite the heavy rains over the week-end the Dublin District W. H. and P. M. Society Convention was largely attended here at Gaines Chapel AME Chuurch last Thursday and Friday. Nearly every charge on the District having a W. H. and F M Society was...</t>
  </si>
  <si>
    <t>                                           At St. Paul Today                 BISHOP W. A. FOUNTAIN  bishop of the sixth episcopal  ot the  MetuoUlsl Ep- Church, who will be  in a  ut 3 o clock this afternoon at St. Paul A1UE . Row G. n. . pastor. The  prelate will alKo  In (he  ritual today at SI. 1'aul.</t>
  </si>
  <si>
    <t>                                           KASH KARRY Ifi2 Hunlcr Si-. S. W. Boiliiis U;     lie Conip. Lard "Slreilk     1 Cc Suit Bacon iv BrookficW Cheese J sliced Ham 20c Sliced B. KinK.iir.          25c Creamery Butter 4-Lti. Carton 45c Pure Lard</t>
  </si>
  <si>
    <t>                                           Generally : no  .</t>
  </si>
  <si>
    <t>                                           r. \^~~    jcm t cur a   Mp7 ^^B^BaAUyittUiaaaL^ "^BH^^^v; j ^6 every woman and girl, and to beau'" (jhl ticians who want results HER THREE AIDS TO BEAUTY J/*t*, ^J For the hair to promote thickness, and a ":   .0JL^C healthy scalp-MME. C. J. WALKER S WON- Sold by  fru9 fores ond ^^K I DERFUL HAIR GROWER. Walker agents everywhere T SEND FOR FREE CATALOG Mm" g;.J.;,r.'llk*  * To darken the hair, and give it that glossy, TODAY! ~"  ""''1       . fluffy appearance that everyone admires-- /"t^- -^us.js.a. % to make it soft and lovely, use MME. C. J. f^^^i^^^^ I III WALKER S , the ideal hairdressing. ^J^ li 111 Q For the skin- MME. C.J. WALKER S CREAMS  !   -\ *"""r' (there is one for every need) and POWDER. ^i fl!' I' The Walker Girl's favorite shade of powder is ^^^^^gg^^y _y: Mm*. C. J. Waik.r t Mm. C. J. Walktr't Egyptian Brown.     * Hdlr Crow.r rac* rowd.r THE MME. C. J. WALKER MANUFACTURING COMPANY WALKER BUILDING INDIANAPOLIS. IND. Owned, controlled end operated by Negro**. TAfrtyfive years, of continuous service.</t>
  </si>
  <si>
    <t>                                           Maroon Crads Stage Annual; MeetMonday                 President Albert W. Dwt of the i National Alumni Association of. Morcliouse College has extended nn j invitation to all Moiehottsi: men I to be guests 01      College at an Alumni Dmror to be held tomorrow evening, at *:00 o clock in  Robert Hall Dining Room. j Immediately following tl)e din- j hit. the association will hold Its annual business meeting, when re- I ports will be made from the Student Loan Fund Committee and a Committee studying certain gen,- j era! propositions to aid in the dc- I  ol the college. Reports i wit; be matt-.' also trom the ten 1 :i.ional vice presidents on the ac- tivities in their             regions during the year. All Morehouse men arc  to exert every  to  this meeting. Classc- of '08. -OH. '18. wid '29. 1 will  reunions on this duy al j the college. Mirny Morehou.sc men j liom all  the country have signified their intention tu bo pres- j ent ;it their  . I</t>
  </si>
  <si>
    <t>                                           A course in Household Chemistry a subject that should be of unusual interest to instructors in Domestic Science and Home Economics, as well as to home makers in general, will be offered by the Department of Chemistry at LeMoyne College during the...</t>
  </si>
  <si>
    <t>                                           [~3UJMjBmb I rr"           ion s Only Colored Daily           ^ I r#1l 71 AyhmajUJl VOLUME") 1, NUftlHEiro"*  A, OROftCIA, TUESdTy, "MAY 10, l!).i3 _2 _IMZ1~"7 PRICE FIVE CENTS</t>
  </si>
  <si>
    <t>                                           Crackers' Box Score ATLANTA- r- h- I"1- JTaulclln. cf 5 2 Bollini;. II. l:! Chatham, ss 4 2 z Mnillm. K 4 1 Hill. SI. 2 12 2 4  Williams, c n i n n Rosr. ir 2 0 0 4 0 0 Iliih.. 21. I n I Moo... p 1 4 Mkhapls, P l -kcr II II 0 II 0 Durham, p  1 0 n Totals M 5 fi 24.17 D  Tor Micliupls in 7th.  il Tor Hurliuin in 9th. - ;.1~. r. li. pn. a. r. Rlurcr. ss :t S 2 1 4 0 Clancy. II. 5 2 2 10 1 n Mujrski. 2 S z l Arkekrla, If 3 1 1 4 II (I Scott, rr 4 0 I 2 I Dnolny. if 4 0 1 4 0 0 Thompson. Sb 4 0 0 1 I 0 Mcnmipil. c 3 I 2 4 0 0 Illifhp. p I 0 1 0 1 I) Totals 35 7 IS 27 10 1 ATLANTA 2112 MO 100- 5 Uirniinqliam ::IM 200 02x- 7 Runs  in. Will'iims :i.         .  2. Hill. Clancy 3. MaJrskl, ITosp: two- hits. Malllm, Scntl. i\la.; -hasp Hilllion.i; run. C^"~~*~': . (ASr, Chatham;  plays. ;1ro'.t to Clancv, Clancy In IIIiicep to (": Icfl nn l.^.scs, Atlanta 7. Kirmincliam. hasu on . Uichr 0. Moon I. Micharls 1, Durham I:  1v[KPtn:'s. Hie- lip .1. Michaels Itits. off M.ion S in I 1-." innings  ilh nins, off Ml-: chads 8 in 2 \-2 innin;s with runs: lilt l.y . hv Michaels i (Arlickc(:O. hy Illpl"' (Hill.: Insilli; pitcher. Durham. Umpires. Camphell and ..i. Tinir. of came. 1:40. i</t>
  </si>
  <si>
    <t>                                           MISS E. DOROTHY HAWKINS, former nurse of Grady Hospital, is visiting in the city a few weeks as the guest of Mrs. I. J. Tatnall.</t>
  </si>
  <si>
    <t>                                           It doesn't sound like good sence but. It is a fact that lemons ... make a girl look peachy. If Hard Luck happens to be a lodger in your house-he ruined to all of us now anti then-and if you must cut down on the beauty budget, lemons will come to tour aid.</t>
  </si>
  <si>
    <t>                                           When I first began to want in the spiritual way, I did not understand much about God's peculiar people. I knew that years ago I had been changed from death unto knowing that I was on my way to heaven: therefore, in my way of thinking that was enough to...</t>
  </si>
  <si>
    <t>                                           held its last meeting at the home of Mr. W. I. Hollin. Business was briefly discussed. The club contest will come to a close this afternoon. The club members attended the wedding of the vice president. Mr. Taggart last Sunday evening. The club will meet with Mr. Jack...</t>
  </si>
  <si>
    <t>                                           Complexion Appearance" Wm THEY TtJJftN ^   '4jr ~.i^*cr?i*"~ '- TS Hk; f'::~:e powder you arc usins: ..-.~~* X  -yt nin^ for your cm.^fi' -V?  ui ih.iL i'l should? ]s it i ' r i n i T)oos it make your com/V ^S^"1^' p!c:vi":~. socm soft and ? Doe.') v^^t"'' ji i;lak0 the men turn around and /0Z-: :i'.r^:, f i look at you with admiring eyes? .^.:-?r 'te?\ Ocf. yourself Flack and Wlutc .v^i^^^v-W-'.^^S^''"'^,^'     ' ^i!CfJ ^ov-('el' ';tart to use. it now. ~~-'t?^A^"^'';'':'"^fe-'^'''"'''- ~*W Y'iu'11 love its "M;-Mist."       4   ^^~;; ft^ complexion beauty and stays on /^^':7^r^^%'''tl:/,,-:. 'gcW^ Its "fl'-s!l Houer-liko" p.-rfi;m" :*~^^vo^T-tT2^^. ^^  ^l ltM""ls ;l:l add vl  and it'.', so    *^S^\~~^l!^--* *'^ffi!l cas-v    i;'"'"-s'-' i our   -H"~11^ vC\\W-V-":"' n^- ix.  bi- and nut brown. I-arK'! v\ V^ V XS?^ X^- % l.~~x. 2.-,c. Tri;il size, 10c. Sold by .M':y -^h. dealer -.c-o. jJ?^sC\! n/' t"^.. Helps Hold On Faco ^~~~rii s' A Jj^^ft^ Powder Longer '^"j3i?\ 1^^ 'yt3~\?     ' Hlnck :i::4 Whitf K.ice I'n'.vili.T In n l"n(   ^2^?^~ s *V/^A\\ v'^EJs'tk* a. an h.-liH ni-o'.iM-t   wind im.l ;^           .fc^-~- \1 i -^i ux.;itl:ur. I.a:-K.; j.ir, only 2r.c. Trial, 10c. ~/sc B/,u-; jrd VV/.'/f- Sfcn So3p with L u n,u w u M.-J, Wl I I I J1' ZUck ...:J Whir, Be. Prcptr.,- J 8 gf i M tUM V J I i H</t>
  </si>
  <si>
    <t>                                           Pioneer Memphian Passes; Was 103                 IIIS.                 -(SNS)                 RclnlM reports reaching me  of I Memphis World loll of Uie passing or n pioneer Memphis clii7.cn. Mrs. ICiUc House, nt. the, residence of her son. Henry H. House. South Liiuderclnle St.. In the morning ol PYtday. July 1. at 10:30. Mrs. House, was 103 years old. Coming lo Memphis from her native 'home. Holly Springs. Miss., whore shi! whs born In slavery. Mrs. House Jived In I.Uc Muff City forty-five . She vns appointed to do   iR hi1 Dr. J. Williams or the old General Hospital. In this capacity. Mrs. House served Iwcnty-Iivc yem s. Tlie dc- was tin.1   if lc:i children, twenty living grandchildren and four great grandchildren. One grandson. Cornelius Hou.se. made a  trip from Pltlsuiii-;:h. Pa., where he has lived for Id years, to be present the funeral services. Mrs. Houses bratt known son is Henry H. Ilouso. who operates  y House Mineral  ai Lauduirinle nnd St. Paul Avenue She had lived with her  ! the        of lie.', ripe life. Funeral services were held from Mt. Venion Baptist, church wltr* the pastor. Rev. M. Durhmir . Burial tooK place in Mount Cannel cemetery.</t>
  </si>
  <si>
    <t>                                           Bos.Wa. 1612    . He. S37S-R Dtt. I. G. LOCKETT DENTIST 113!* Alabama St., S. W.</t>
  </si>
  <si>
    <t>                                           Cowgirl- Wins -Over Blue Laws                 Scene at voting precinct There's ft hot time In. the old town of Disney, Okln., tonight as citizens celebrate the victory of Billy Baker, former circus cowgirl, for mayor. Running on n, "free  " platform, Miss Bnker won the right to run the town for T.O days,  which her opponent, Mrs. Vera Sllar grocery operator and advocate of R "blue law" regime, will have charge for the next HO days. Tlit'ii voters will . go to the polls to decide which administration they prefer.</t>
  </si>
  <si>
    <t>                                           Venereal Disease Specialist                 IMS. I). It.  u ho  ~-~ Ibv Ptt.sl-; Cr.-        (if tin1 Vrncrcal i DisiMi.si: Cmitnil :il  -iT- j sity in WasIiiiiKlmi. I). IimiiIs ii i Clinir  ivcr\ Aliiiiil:iy ami Thin-Mlny I nun ti In K -k p. m.. 1 in- men and  ;it  Taln.'ill SI.. S. \V. Ciiiirli'Uiis .-mil  alli Ution      all. IAilv.1 j</t>
  </si>
  <si>
    <t>                                           Partly 'cloudy  .1 li.'^h  if 53 . Showers arc al*o "IC ;: menu.-</t>
  </si>
  <si>
    <t>                                           Delta Phi Delta Renames Tubbs President                 V. Trillion Tubbs. Morchouse  student, was re-elected president of Deltn Phi Delta,  honorary journalistic so- i . :iL the Saturday  session of Hie national convention  was  on the Atlanta University campus. Tlic society was organized this year by a group of Moreliour.? col- lope students who are interested in ilic development of Negro newspapers. Oilier ?rs elected were Wil- liam M. Haflord. Tennessee A. and j T. Suite .  records: D. GeoiK' Simpson. Jr.. Moreliousc j college historian: Francis Me- 1 Guirc. Tennessee A. and I. State . firat vice president.: Wil- j limn PaulUnvi'. Morchouse college. editor of Delta: George Young, j Johnson C. Smith college, second vice president: Marjoiic Sims. Fisk university, assistant editor of Delta, and E; M. Jones. MoreIiousl' college.  ;uid . j</t>
  </si>
  <si>
    <t>                                           CLOUDY, warmer.</t>
  </si>
  <si>
    <t>                                           Washable Street  Rayon Fabrics f ^. Powder Puff Muslin I, ^~*^%\\Vu ?^~^     Re9t"ar" 398!1 f v! wf9 c^/ Jiglitful combinations of col- fet?        3 y^ i "'^-vi^ **Tk'" ms t ay ' mfl I^W 'y Ja leather bolts, rick-rack. ff/'i I lift iy.i    Prints and solid colors. Mil T i' 1 I ^1 COPl'EB BEIGE  I I ;- AlELOV AQUA COPE.V i Mi fi lr      W       BLACK V, if    *1'3 'HW17, MBS2JI  i I j] ht J' (;i 3Sto52 1 !   4 4s? ill'' ill Girls' DRESSES Men's 79c Shirts TAFFETA SLIPS l-'a.-i-i- . . Slight s i'i:oti(ls,       'n si- p.(lly lace-, . .')0c. Sizes I to (i. 7 to 3-1. zcs. Vat-dye. 16, , 17. ;M tc. U. Girls' Play Suits Shirts and Shorts SATIN PANTIES 29c 15c 39c Slen's vcl- shorts. ;iO "Women's   !'c silk ntid Kiisl- , 1 to 6. to i'2. Combed knit Sliirls, , -trim or tail.'MliMidine .Shirts, 2 to 6. 31 to 4-1. Irregular. . BABY SPECIALS Men's Work Pants Women's Sweaters 10c ea. _Q KniL Iraininn pants: rubber O9C     '"c pants: pillow cases, knit  l-nii inn bands: TcrryclotU bibs: 3 Value, covert cloth, tht ulle Kill. n tr. 1.00. knit wash cloths. blue or grey. 29 to :**l" . .14 to II). Men's 29c Polos Chiffon HOSE Batiste Gowns 10c pr. 29c 5:)o Iioimin Stripe Knee- Vorlo Kii-im li.iml  knit. blue,  or hi. Full-fash  silk- .     ?(j. o Jo- u-hito. Smnll, ., large. Si to 10J. val. GIRLS' DRESSES i Bengaline Gloves Lastex Girdles 59c I 19c pr. 59c si \s. prints;. 1 to 14. I 1st. (~ i'M: l., Iwiinoiis -*1  s. . lir.-!,-. Hoys' Suits. 1-ti. I bright or  shade. U-S. 1'anty, . y, .M, I/. BABY SPECIALS RAYON UNDIES Men's PAJAMAS 19c each 19c 1.00 Knit towels. 16x22:  ,n ,1O Kowns and kimonos; Rubin's 1st.            I'Sc-.Hi;    - Slight  l.-IO-J.SS shirts and bands. Hand era- lj,,s l,i-it.~"s, . , .  . . Girls' Anklets I Glove Silk Undies Men's 15c-19c Sox 5c pr. R 39c 2 prs. 25c Keg. 10c, first qualify. I Women's  samples. Mercerized,  at f.-  f. solid, fi to . 'IViiriwr. white. 4-7.  mid I ml. 10 lo 12. fl</t>
  </si>
  <si>
    <t>                                           "HOME BEAUTIFUL" ON DISPLAY TILL MARCH 28                 The Imposing -Home Beautiful", pic- exhibit until March 28 It is considered a  above, is located at 110 Chappcll model home in every detail. Road. N. W., in Hunter Tcrra-c. and is on</t>
  </si>
  <si>
    <t>                                           GARY, Ind.--(ANP)--Fred Egan prosecuting attorney of Lake county, has announced the appointment of Calvin J. James as deputy prosecuting attorney in his office, thus marking the first time in many years that a colored lawyer has enjoyed such an honor.</t>
  </si>
  <si>
    <t>                                           Wednesday, May 4, at 8 P.M., the Girl Reserves Clubs of tile Atlanta University Laboratory High School will give the children of the school and community their first chance to spell "money words." There will be penny, nickle, dime and quarter words...</t>
  </si>
  <si>
    <t>                                           Songs.Music.Dancing Features In Cooper's 'Bargain with Bullets'                 The radio station sequence of Rnlpli Cooper's current screen : vehicle. -Bargain with Bullets." now showing at the Harlem and Lincoln Theatres, giver the patrons of these popular playhouses many enjoyable moments. Besides the sweet and melodious singing of Theresa Harris. Ralph Cosuer's feminine lead, entertainment of tlip highest quality is  by the Eight Covan Dancers, the Eddie Barilcld Trio, formerly with Cab Calloway* Orchestra, and Lcs Hitc and hts famous Cotton Club Orchestra. Befoie Miss Harris went on the .singe she studied voice in the school or musk: of the University ol Southern California and kept up her singing instruction all through her Los Angeles and New York stage career and her subsequent wor!: on practically every major studio lot tn Hollywood.</t>
  </si>
  <si>
    <t>                                           PATROLMAN SHOOTS MAN 4 TIMES                 Says Victim Flashed Two Knives And Made Threats                 CALLED A 'RED'                 ..' Johnson. 25. of 50(1 Col1  street. NW. lay In a Grady j  critically wounded Thursday. I following  n  .'il enI  with city police.                 Shot  l'2:20 A. M. Thursday. Johns')!) is alleged t" h:ivc advanced on Radio Patrolman E. V. Forrester with knives In bolli hands. The  . him in both hands and the stomach, alleging dial Hie colored man advanced on him saying he was noi ^ to put his knives down as he was 'sent here from New York to organize a Communist party" and was elected to represent thai party. AccordinH to the . he and his partner. Officer Cardell. were  Uiclr beat when they noticed about ten colored men "loitering" at the corner of Davis'and Mitchell streets. The  said Iliey drove up to the men and told. them to go home." Most of thV men scattered, according to the: :ers. but Johnson went oft mumbling and seemed sullen. He is alleged to have suddenly turned with knives in both hands and told the policemen, "'No," to the request Hint he drop them. Alter allegedly sl- that he whs sent here from New York to organize a Communist, i party and. advancing further on I the officer, he was shot four times. all of the bullets taking effect. records said. Patrolman Johnson reported thai after Johnson was shot he called I for all Communists to come to his j aid. bin that were no volunteers. I Carried to Grady. he refused to al- low doctors to operate, they said. I Knives were turned over to the detective bureau, which  said were in the hands of the vie- j An  to interview the i wounded man at Grady Thursdjy I afternoon proved to no avail to both reporters  detectives Rambling talk hy the critically wounded mun ivus nil that could be . He told of  from several places. I Asked by a WORLD reporter why j no was shot by the officer, he replied. "7 don't know." Further lie stated he was "not in the mood for j talking." His condition was  cred poor at last checkup.</t>
  </si>
  <si>
    <t>                                           Johnny Johnson, 25, of 500 Collier Street, NW, lay in a Grady ward critically wounded Thursday following an alleged unusual encounter with city police.</t>
  </si>
  <si>
    <t>                                           THE BETTY BRANDON CIRCLE of the West Mitchell Street C. M. E. Church met May 11, with Mrs. Pettie Dorsey. The meeting was quite constructive and inspiring. The hostess served a delicious menu. The next meeting will be...</t>
  </si>
  <si>
    <t>                                           Rev. Me Fadden Speaker Today; 13 P.M. Vespers                 Reveicnd Clarence E. McFaUden. of the School of Religion of Morchousc College, will be the  at the Sunday afternoon Vesper Service today at, Spclman College. The services, which axe held in Sislnrs Chapel, begin promptly at three o clock. The public is invited. Dean B. E. Mays Will Sail For Europe On Queen Mary Soon Benjamin E. Mays, Dean of the School of Religion ol Howard University. Washington, D. C sails for Stockholm. Sweden May 11 on the SS QUEEN MARY to attend tile Phnady Session of the World Committee of the YMCA. As no sails, the NEGRO S GOD. being published by Chapman Grimes. Boston, is about ready to come off the press. in his book Dean Maycs traces the development of the idea of God in Negro literature from the time of Jupiter Hammoni up to the present. Mr. Mays returns to the University June 6.                 AKA S MEET TODAY Kappa Omega chapter of Alpha Kappa Alpha sorority will hold a special call meeting today, this afternoon. 5 o clock, ut the home of Mrs. L. D. Shivery, 87 Chestnut Street, S. W. All members are urged to be present.</t>
  </si>
  <si>
    <t>                                           NEW YORK--Because "greatness in man is a quality that does not know the boundaries of race of creed ... the whole nation mourns the tragic death of James Weldon Johnson Mayor Fiorello H. LaGuardia said here Thursday in a speech broadcast over WNYC. New...</t>
  </si>
  <si>
    <t>                                           0 SUNDAY SINCE HEADACHES AlKA-SELTZtR [SPQIl  OAYj\CAME 0U3 WAyJ Don't let HEADACHE. Acid Indigestion, Neuralgia. Muscular, Rheumatic. Scintic Pains, rob you of healthful recreation. Take Alka Seltzer. Find out for yourself how quickly it will relieve your every-day ailments. Alka-Scltzer relieves pnin be. cause it contains  n analgesic (-salicylate). Alka-Selt7er s vegetable and   help to neutralize excess stomach acids. \;V ./''r     -      ?~ii''*"^"jjy '"d*         ,    $i% a i*~  (or Wl, '3 H home ut,</t>
  </si>
  <si>
    <t>                                           "In those days was Hezekiah stek unto death. And the prophet ... the soft of Amoz came to him, and said unto him. Thus saith the Lord Set thine house in order; for thou shalt die, and not live."--2 Kings 20:1.</t>
  </si>
  <si>
    <t>                                           Funeral Notices                 CUNNINGHAM- Mr. Prank Cunningham, of 1001 Coleman Street. S.W., died Nay u. Funeral will be announced by Ivey Bros. Mortict'.ns. SIMS Mr. Roy Sims, or 862 Hubbnrd Street. S.W.. died May ll. Funeral will be announced by Ivcy Bros. Morticians. JOHNSON- Mrs. Rebecca Johnson of 407 W. Howard AvenuJ. College Park passed away at We residence May nth. Funeral announced later. Sellers Bros.. McDaniel Street Parlor. BROWN- Mr. Mclvin Brown passed suddenly at n Iccnl sanitarium May 11. Funeral announced later by Edwards Funeral Hoiiw. FLEMISTER- Mr. William C. Flemlstcr. the husband of Mrs. Nona Ffcralster of 347 Highland Avenue. N. E.. died May 10. Funeral announced later. Haugnbroolts. I</t>
  </si>
  <si>
    <t>                                           HAVE RHEUMATIC PAINS -MISERY Slowed You Down? Yn-. activities- golf, :nc, other sport- soon become a.  of tin; pn.^t when rheumatic ache? and mi.-erv slow you dc^vn. Pi  e. C-2^23 (a doctor':! )   an  pain ,'iction that cases aches, torturous , misery, that accompany rheumatism. The. analgesic action (pain-cas- x h)g) of I'rescription C-2223 has I helped brine relief to thousand;: from  ^, pains. I Sold on -back  at all (impost? (?0c, $1.00 Get Prescription C-2223 nothing else</t>
  </si>
  <si>
    <t>                                           BY THOMAS JE F t^RSON Fl A N N^ AN^^~Xj SUS1ANN MY ANGEL I i!;   !"!!.;i-'^ wi.-- Su-iann my The (In.' .\ii.^ii-: i- cmi Ii.;; rw^1:!. Siisi.'inn in}' ;ui^ci When l!:i- il";.' '~lar \-.  ;-iiii. I r. s i it- ^nii! L'ci1- "'i ;;i'::i. W'iili wj .-ill tny ilmu^is!- '~'il;;i':n Sii^i:ni!i my :in;,".'I- U',t   i u-i; mcls the (la'^'71. Susi.'um in\ ai^tl. In fancy wil n   .ui  l!ic lawn Susi.inn my ar.Rcl, I wall; fu: cvi.t ii: ;:i.\ ill".1-. And rvi-vv .sC ft  T'cO;:f ;i k:sv fill '-'ii have  I'.'L'lli'. lil..~' Illii</t>
  </si>
  <si>
    <t>                                           Speaks To Poro                 CHICAGO. Ill.CS N S)- Nearly a thousand citizens of this city were agreeably surprised at the  lor the mid-summer commencement exercises of Poro College which were held on Uie la mi on Sunday afternoon, July 10. just before twilight. A special -walK                 was built to resemble the board- walk of Atlantic City. New Jersey. Just as the heat was fading away on a lovely afternoon, the graduates marched down the long walk, singing the National Anthem,  p;istel  and garden frocks. It was a new and unique way of Mrs. Annie M. Malone, i founder and president or Poro, of I presenting tlic graduates their di- j . I The l:iwn which Is one of the largest in the city and used lor j many weddings and receptions, was I enhanced by the. beauty of cut flowers placed here and there, flanked with hugh ferns and the colors of the college which were i i gold and green. Amid the applause ot the guests who were charmingly gowned, the graduates  td with a short but Interesting pro I gram. The surprise of the afternoon was the presence of Miss Nannie H. Burroughs. Washington. D. C. j president of the National Training (Continued on Papc 6. Col. 3)                 MISS NANNIE H. BURROUGHS                 Speaks To Poro (Continued from Page I) School for Girls, and secretary the Women's National Baptist Convention and It became ncr pleasure to deliver the graduating address: Aftcr' a brief introduction. Miss Burroughs took for her subject, the motto of the class. "Pin  yel Beginning." Tins brilliant and able educator, teacher and philosopher; charming in personality, gave one of the soundest addresses ever heard In this city. The young women listened with rapt attention as this platform orator told them that their preparation had just begun and that It would take every hour and every day of hard work to become finished to the fingertips. She admonished them to reflect credit upon their institution. Another feature of the afternoon was the coiffure revue Here again was the board-walk used. Models whose hair was dor.o by graduates held the  of attention as they marched displaying the latest styles worn morning, afternoon nnd evenings. Mrs. Malone presented diplomas the following graduates Amy Armstrong, Cora Barker, Ruby Edge. Ella Gculd. Janice Green, Bessie Harris. Catherine Harris, Blanch Harrison. Flora Ivcy. Joseph Johnson. Mablc Johnson. Marguerite Jones. Mildred Leach. Nannie Lee. Naomi Letls. Esther McDanicI. Lena Medley. Hattie Miles. Ruth Minwe-ather. Adele Moody. Cecelia Penn, Louise Parec. Myrtle Randell, Rrbccca Ruffin. Wanda Mae Russell, Catherine Spann. Catherine Saunders. Ruth Stcele. Etta Mae Turner. Willie Townscnd. Matti? Walker. Martha Ward. Josephine Woods and Aletha Yornig. Scholarship awards were presented to six young women. Those taking part on the  were Rev. W. II. Griflin. Robert H. Miller. "Mayor of Bronzevillc"; Saluditory address. Juanita Randall; Vocal Solo. Mabel Towns Johnson. M. C. B. Mason, subject: 'Not Honor, but Service"; Presentation of graduates. Jcnnyc Dc Naylor; Valedlctroy address. Cora Bell Barker. Greetings were reao from Attorney H. J. Richardson. Indianapolis. Indiana, and a host or other;.. Dr. Mary Waring brought greetings from the National Federation of Vfomen's Clubs. After the commencement           were concluded it was just timo for the moon to peep out of the clear skies and red, white and green electric bulbs made the garden party a scene long to be remembered. Telegrames were read from various branches all over the country by Caiy B. Lewis and he introduced the following visitors: Detroit: Azalle R. Mills. Lcc Aiina Hawk, Virginia Harrison, Elizabeth Mlxon, Ozclla Brown. Mae Allen, Sadye Johnson. Corene H. Glgsby. Emma W. Allen. Mary Washington. D. C: Mrs. Ida MiUer Elizabeth Harris. Lucy Bertha Robinson. Panzy R Rlggins and Alberta DuncBn. Miss Nannie H. Burroughs ad Mrs. Jane Bradford, Johnson. Cleveland. Ohio; and Attorney Joseph A. Croigan. Detroit.</t>
  </si>
  <si>
    <t>                                           CHICAGO, Ill. (SNS)--Nearly a thousand citizens of this city were agreeably surprised at the setting for the mid-summer commencement exercises of Poro College which were held on the lawn on Sunday afternoon, July 10, just before twilight. A special board-walk...</t>
  </si>
  <si>
    <t>                                           Dr. Louis T. Wright Raps Separate Medical Programs                 HEALTH NOT HE ITEM ..WRIGHT                 American Medical Society Rapped By Physician                 SCHOLARLY TALK                 V. ASH.'NC.TON. U. C "Tin: Nj::;i: Assr.c::it:u:i for tile AcIIj-ji'.clo: ~:~;l.o':~:ii Peuplf '. i I::..- :i:i':: .~~-~ of  iL Ueral  ir. i'.:at::i :   - iT.tl Uiat the ::;: JlosfJltdlUUtioii u! re. ~."    -- -'.Til '.it1 over-' :i'.." Dr L..-; T. WriK.'il. -~                 :i:a:i lij:- .-V:-G;::a*JGn's board si ;!;:l-l:i'i:.: a:ui MlMjeon   . chief :i Ni Yuri:-: Harkrn ho-, saia Titc s(riU-   .'nL ^va.s mad-.- bf- N:i!iun.!i Health Conference here lh:s u eek by the P.'i.s!r 1 11 [r.iL rdi-'] Co:u:: S-.duv.-.U: n.-- and Wel::i:v /~.i.:;v:;:i.-;^ an  r,ft 'I'.1.'  i;:;e op:i;;u:i of ILabor^ I. inn. ;:;ed:cal, -.t-^.s and      ::;:'.t L,':ra:]]s ov. [he rov-.rni jnt s iJ:o:::.-.--;t: lo .-.i.V.IHI 5a"i0,()OI),0M add:'.:o:Kil U'ar for public Sp'.', tic ink!, "cis ti Negro demur ar.c! on b^ of iht !:e.TlIh iir.i;:-'.".! of a population -nt i\VL-;'.'j . [;eop!e1 generally  Ni- s," Dr. Wrigiit ciec^a:1-^! Uiat. tit.1 v:.is in full a^resm-.'r.i mi;!: ihu proposed ". c: i:!':;i-:-!i:il ru:;: child health 1C'-:.. ni'-dical i:ari- Ivor tlic \\'.y i.^i-dy. .ij adequate l\. p::.i! :!tlP.i for jl! We -.u:-..1' hut !u' ir:atii- u  thai, no ~.::cl) ;::'ii,;r:iMl could p?t at     p.-)!;i-.-:M :i;::'.:-:nier.;:i]~y ir it sought  x-\'.i- .~;.'!-c!:ii:.7~:-c: -ory for colO'..\! ;~-opl;:. "'I ui:-t, 'i* r-.'," he said, :r.M :imv :u.nc:-,t:i!!y  .,;:: of I a 1 1 1 ..-o'.vr. most Li- j::.-:di- :,:id :ii?:i.'ifd p*'r unit l-: ht ali!1. m fi'.s. uncf 1:0c arbitral :;v u::i:.  f !Jopulac;o:i. Tljere j.-n :r..i .-a:tii rh:ny ,:3 .\ .   :^ra--. i!:a'.vs no color !inet buc u::.- '.uv.iui :-..~vor i:r.cw this from   v:iy in 'A-Iijc;, health services ;.dir.:r."(.'tJ iii most places :n !::i--- .ry/' T:; lap at what conference iy!j-.j.-r\-rrs tt-r.T.ed the reactionary .1.;:!!- ui ;l-.e Amerlcnn Medical .-i.--.- oc::i: :on i which bars N'e^   ;!-.v;:il::.::.s from ),.  v;-.ii--.- ii'. , Or. Mrrr: }-'.:n frou-ned 0:1 a ;:C'V''ni:::-.-ir, .  iie. pro,:r:in;, Dr.  sr.ap'~Or;;:i!',!/e(i medicine lias Ignored ;l'.r i:e:i:tli of my people professionally ar.d  A-jx'. I would not discount;;!.', hu; on the contrary p.:..- a ;-:::ci.'ii' .~nd u.- tribute :he ^n;.r. services rendered by ! white  doctors to h":i!:   .-.c--es for N'ot;roe.s, but siu'.f c:oc:    urt*  t . "~As :i (c:rai rule, organist :.'i'.';i:c::ie has  totally Ignort'd ur.iy the Nei:ro patient, but .N'-'i;ro  and has rt-.- Jus  for ir.-ii'.iin; :t!-.d        !oii:il  no; 3 special pleader. :i.-:% no .special favor or consider;'.!n!n for Negroes Hut it Ls  a: :h:s :ii!;~ i!:j; the American I-""'1" : !n'::m n :illv.~ !hat. in- :.''a'.::i tjf Ar.n-. !c."i:i Nc^rC'.?s separate   H'.,',! ii,, ('a-,., Col 3)                 Health Not (Contiiiut'ci from P.t^~- 1 mo: by :i cwl mV'^^ :.cl-up or c:..-;iil  V.i: u.i a - iiss-. */.:~:s." PoiiUir.i;  Hi::: m:lv - cf liii; tie;i'.u'-'r.l ol U\c iJi  :ii -AMr-Tic.-ir.," wu iHi :!ic N. A. A.C.I'. i!o -.;. Di". Wvi-:iu.'.(Ic!..^: -Anv L--.i^iivi- j-.--.noi-..U !iu-:il'.J)   :o;:! I- l;v ~='~- l:'  ilH OIIJijia1...- UK- N'uijlu l.-!!lj i a: ill :i:ll,;:::l ]KiK 01 fV-'ry ,.~~.o:i- p:,:i'. ill, ii;;:'-e. c:- ~)'::y:.:c:;i:;.'' Tin.' Nr;:iO!::ii Uriiun U-i1-;;1.-, :r.:',ii ".i- i i r c- j i 1 1- ~*-1*  H:l:, nisi. Mipl'Orl'.'cl v-' nr. Wrir.Ul.</t>
  </si>
  <si>
    <t>                                           WASHINGTON, D. C.--"The National Association for the Adbancement of Colored People welcomes the intervention of the federal government.....to the end that the inadequacy of hospitalization of colored people..... will be over-come." Dr. Louis T. Wright...</t>
  </si>
  <si>
    <t>                                           CHECKING AND SAVINGS ACCOUNT "SERVICE First National Bank ATLANTA CAPITAL, SURPLUS PROFITS $9,000,000 Member Federal Depotit          Corp. 1 I 3m</t>
  </si>
  <si>
    <t>                                           Polish Aviators Start on l6,5U0-Mile Flight                 View of two-motored Lockheed plane                 Starting one of the most ambitious flights In aviation . tour Polish  took off from BurbanU. Cal.',-for Mexico City on the first log of a flight which they hope will carry them from We                 to Panama City, Lima. I'ciu; Santiago. Chile; Natal Brazil; Dnknr, Africa, and  to their  Warsaw in Poland. --.Mnj. Waclaw Mnkowalu in in charge of Hie . approximately 16,500 miles.</t>
  </si>
  <si>
    <t>                                           Pick-A-Pack Plane After Leap Over North Atlantic                 Safely .- the ;. of the St. Lawrence River, at , 10 miles cast of Montreal, Canada, is tin-  HV, pick-a-back plane which (lew the North Atlantic alter a -oU from atop                 its mother plant-, tiie MAM, at Foynu, Irtlww!.-^ few hours a((cr Ihe arrival, the Jtir-      look nff for I'urt WmhlngUn, New Vork. /:,$.</t>
  </si>
  <si>
    <t>                                           South's Only Colored Radio Announcer                 UlUMIXCillAM. AI.A.                 "SNS*                 - to words "f Urcii.uii.ii mini  ils     city s most     :'ki vs. choirs. MiluMs and lili/.ens Sunday. .Imu- ill. ;il I'"'         ' - a i-                 "Ulvvm-. Aiipffli'ti"" n:~3'"-    "" !!iim. Flit- TiO'nir w:is :-il hy I'riciuls. ol tin-  ,vr:ir i.  anil  si"K''r</t>
  </si>
  <si>
    <t>                                           LAB. HIGH SCHOOL STUDES HILL PA! TRITE TO IRE                 This  :il 10 o clock, Hie pupils nf Athmm  Uibor. School will  ather al Undraw of Edmund Asa Warn, founder mm first pre:1deni of At'anla University, lo pay  annual tribute lo the  of We first man lo  thu destiny of the .. Tin; exercises,  ~'ill be  id'.'ci over by H.ury Saundei:' Murphy, will  with a processional lo the- ( from Oclcihurpu Kchcol. Alloincy Tuorna-, J. Henry, a graduate of Atlanta University in IUr class of 1913. will deliver the address. Six children from Otileihorpe School will lake part on the . which will consist of iv.-. a rending, and the pla^init i.l the u . Rillu-r II. J. C. Binvdeii. of St. Paul's KjJiscopal Church, will offer (he prayer, anil Pit:  Rulus C Clr-nii-nt will pronounce thp lA iK . 'I'lieir will he iwo musical iclei-. i.Vl'll  VICTIM T\,f :~.   1 1 1 Teriniuul Holt- 1 tire  hud  lled Wmlnesday IdentiCRatiuii  the victim to be William E. Clapp, white, of DaiuMeinan. N C. He died Tuesday night in jl private hospital.</t>
  </si>
  <si>
    <t>                                           BEFORE approximately 3,500 fans the Atlanta Black Crackers defeated the Black Barons, 7 to 3, in the first of Sunday twin-bill. The Barons copped the second game, 6 to 2.</t>
  </si>
  <si>
    <t>                                           Mitchell St. Greek Shoots "Customer"                 A Mitchell street Gro2k-( man shot a colored ninn Saturday as the two engaged In an argument over short change, according to police. The Greek. Pcto Petroulous. 4R. shot, Grady Mozlcy 23. of io Milchell Place SW. when tlio   drew n knife on him demanding his correct change, it was reported. According to the white                 mnn. Mozloy lo:pt advancing on him In threatening fashion after saying lie was going to get his allegedly due change. Carried to Grady clinic. MCzley was given treatment and dismissed, but, later /:d and   with assault. Pelroulous was also arrested, charged with shooting another.                 Borders Preaches Last Sermon Today Before Vacationing On the eve of his departure for Evanslon, ill., where lie and his family will spend their vacation, the Rev. William Holmes Borders, pastor of Wheat Street Baptist Church will use as his subject at the 11 o clock scr\1cc""Uiis" morning "I Am the Way." A large crowd Is expected to hear the minister before his departure. Thc choir under the direction of Mrs. \V. F. McKinncy will sing special musical selections. During the absence of Rev. (Continued on Page 7j Col. 7)                 Borders Preaches (Continued front Frtfife I) . Hip following ministers have  P!i!:n!!Cil to occupy the  in Snmhiys indicated: July :i. }~!'~~ C. A Tulbevt. processor of cli:i;*rt: ;*. Gammon Tiicoiol!lml s'-: .Inly 10. Kov. J. C Olricn of Bv.. IV. J'-ly 17. n?v. P. MoKlnncy cf Atlanta; .Inly 2-t. Dr. D. K. Sianion of the Amwiran Rililo Sodrty: .'lily 31 Rov. C. V. AlcFaCdi't. of the riop. "f  n:' MnrcWous": j Colic.'.'1: AiiciiSt. 1. n.^v P- M2- j iv ini"'": :"'.cl  n Auqiu-; II. He. j n.Ti'rt~:r.~. will re'.MiT 1"  pulpit i</t>
  </si>
  <si>
    <t>                                           IK ASH KARRYi 1G2 HUNTElt ST., s. IV. J SVI.T It.M ON 1 u SritlC\K I.KAN IOC BrookHria Clienc 16c r . i r/s i-:  y f I'KNir HAMS 1/C* fc ' ii.uon"   1 W SI       HAM ^~    S Itl'.l. K 9C/~ t T-TjiTTaktiTs 4()c l. ri in: i..\     "t*/c j</t>
  </si>
  <si>
    <t>                                           Gay Elks' Summer Prom TOMORROW NIGHT, AUG. 1, 10-2 Music By J. Heal Montgomery And Orchestra UlLKS7 REST, 73 Fort St., N, E.</t>
  </si>
  <si>
    <t>                                           3y Thomas Jefferson Flanmagan w^  ^A THE CATFISH TALE Oh here; o..;t.-~ .-L: i 1 s i'~ .1 vv.':- i- 'ii-j Wr'w li.-.-.i In ii- iir.-.-.- v.i-i-k-. ::r.;;ii-;' -il-il:;.' "I I.t-r'- ;;i-t iiim i;:i i):.- !:.-,k, t* ]a-!i \\v.w will: l!h:  An' tc-i !i'n- iii.'V..-;j;   ;ts .'if      ('.iH-n::;i?. W.- l\;..w !il-;.- ll-muir V\ t- i caii/o     ; ~:tiau ^'~ir.:i i A*:; i::,!i j.fl'.i- . 'in: \v''M i c i!-.- !.~.r.~. ' I fi.l'L ivi' II- It 1 i V- 1 i v'.'. :;m': v.-.:i:^!ii nr.iliin' l.i:1. n i i i 1 1 1 1 All' \\r\r !:i-c;i ;i-!;O. .V. il h.-::   tv.t-my-i.!!,- .'~I". \';r I! 1:1;:.' ;\:i- iic;uu:r   : \i- r:.'.!nl:l c.--ll  i!;in-. THE LANES  i AXD in li.-i::.! [c^-r "A i.' inpr,'l in In-., i ,ins  i"!;'li  :,'r.~i,ci \\t.-;ii!icr I ::i- l.i lil-.s -a .-iiin:iK-i !iim-. I-   -;ii!iy i.- in ihr i;~f.:in :i;-,fj Of i!;o i.nii-.!;'ct s n.iic, And )nvr (!c!iu!:t; jr. i ; Tlie \?.     jf !:n-i-ti:iii;. Th'.'ic'.-, ii^'in :i:iii i:;V :..:i-\~r And hf.-ivc!!1.- ini i=!  -!~ cl;i:m: When.- b-c:.' Ii 1 i c l m-vcr T he I.' of  un:in'':tin]''.</t>
  </si>
  <si>
    <t>                                           MMMMtll^^ HELP YOURSELF TO THE MP^-","1 FAIRER f ^^^^fc YOU D LIKE TO HAVi Hmg^^^^^^PpP^^ j Use Black and White Bleaching ^^^^^^^^^J '"W 1 Cream. Its gentle "flaking-off" action ^SsrafwIfclO1 1 ^^           a c's ou 'n ^ a ^       lighter skin. ifc;^^^^K^-f k ^iS^^^^^3 Thousands of attractive women use tin s P r^S'^H famous cream for just this purpose^ W': '~'~''^a. ^'^'''1 Black and Wliite Bleaching Cream %^        i- Z- -'v-] als0 aids ln removing "clogged-pore" 'Sl^^^y   ^ IS  c"'~'~'~~~~'~ bumPs and dark patches of the outer 'i.:^'-:^!^ijr *?m A s^n- ^so ac s as an antiseptic ^^^ss== 1Us^S4Lj'' 'ngr ^or PimPles an^ blemishes due to ~~'!';J*^^     ^^\5^v external causes. %/( f   *nu*n^QjK*My })\ I Be sure to demand the original and M_ 7^~Tv\ ///.v genuine Black and White Bleaching  W^^^-V ^-^"\^ Cream. Large opal jar, 50c. Medium ^   ^s!!^^s=r -^=^\/ jm size, 30c Trial size, 10c. At all dealers. gVN^ S^M/^ ^or *)est "   always use Black anil White Skin jSJ^^ --~^I*^J ^oap in combination with Black and White Bleach^*~~^I^~ n\r^gff^^ 'ng Cream. Largo bar, 25c. Trial cake, 10c n M    l IB kS  Ti I k 4 H BS BS A uf m A ^~pJ[^^A a A B B B son</t>
  </si>
  <si>
    <t>                                           FREE! FREE! I APEX BEAUTY COURSE 1     your chance to learn a  in  Beauty ^D Culture absolutely FREE. Inquire immediately how you K can  this FREE instruction in a dignified  at Mj which there  a more money to be mad* than nny other legiti* ^S mute . Take advantage of this  opportunity NOW! H CALL OR WRITE TODAY I APEX COLLEGE I AUBURN .AT  JAckson 8252 B OjferGoodjorJiinc Only!! 1</t>
  </si>
  <si>
    <t>                                           Simple Mcderrdzation                 'Mil- Kiti-h.Mi !.lt.     ,- ;  )~i.:ars. ill lir.-l ^. I" have unil.-     ' r\U-"~ivc  .mil moji-i lii/. I'rom 1 1 1   nf   ii-iu-y il has, lull lo hrin^ Ihis ;il)ciu[ il li:    ln-i ii niTi s~:iry I"        :in: - . tuli. :md  ii  with a -^in^lc -iii sinK ami -t unil. ~\r\ny existing kitchen^ can -  ly  by simple ill^l..-     l)-ill -.; Mich .is that .-l ral.'d. Till- )'         -nt Credit 1'lan (if tin- l-Vdi-ral IIousiiik Admini- -s runds available from  Iwidini; iiii-.- for Ilii^ l\   ; vl holm: .</t>
  </si>
  <si>
    <t>                                           NAACP DELEGATE                 who tin i been  Aft tlic official delegate of the Birmingham Brnnch of the NAACP to represent them at the  conference which will convene in Columbus Ohio. Mi*~ Brown in an attendant nurse at the Children's Home Hoipital and is prominent in civic                 and  circles here.                 BIRMINGHAM.                 MISS VESPER D. P.</t>
  </si>
  <si>
    <t>                                           Music lovers of Louisville were afforded a rare treat on Tuesday evening of last week when Josephine Harrold, pianist, was presented in a recital in Steward Hall, Louisville Municipal college, by Beta Epsilon Chapter of the Alpha Kappa Alpha sorority. An unusually...</t>
  </si>
  <si>
    <t>                                           YANKEE STADIUM, NEW YORK, N. Y.-- In the greatest and quickest display of Venom ever seen inside a hour involving the heavyweight championship of the world, Joe Louis destroyed Max Schmeling before 85.000 startled souls here Wednesday night. Just as he had said all along, Joe came out swinging not tabbing.</t>
  </si>
  <si>
    <t>                                           The Special Delivery Adelphi ... teams figured in two startling upsets, one right after ... Monday afternoon on the BTWHS athletic field ... the Delivery bunch defeated Summerhill 6-0 and the ... crew turned back the Amos Bombers 6-4.</t>
  </si>
  <si>
    <t>                                           IN MEMORIAM                 In memory of my d;       !  -sband Mr. Ainiieiv A. Parks, wlio. (Icpiirtcd1  - M:i.v I2- "'"-1 - rro. i -Andrew, the  can never' tx?   Wii.-; !ofl mi my !io:irt when you k f. me. 1 loved you. but God loved you -      All'j drew, : I will join ymi Mmi'v-j    \v.'' Mrs. Pnbcrtn Parks, wife</t>
  </si>
  <si>
    <t>                                           Partly Cloudy.</t>
  </si>
  <si>
    <t>                                           DEATH PENflLTY IS DEMANDED !'J HOMICIDE TRIAL!                 James Johnson will know his lain today, following u jury charge :intt  on his  case. The slate Wednesday asked for the extreme penalty in Hie killing of Mora While April 10. In a trial which lasted through Wednesday and which featured testimony of numerous alleged witnesses, it was brought, out that White was fatally wounded on Greensferry  following argumentation and two grudge battles. Testifying in his own . Johnson said that White threatened 10 kill him r.fter m-:eling him In a cafo and expressing dislike for him. White knocked him down to the floor, but was pulled off "is body by several persons pp?      in the cafe at the lime it was stated. (Continued on Page C, Col II                 Death Penalty (Continued from Page 1) An alleged buddy" of the  and White followed Joiuwon to his house, cursing him and further threatening him with a knife, the defendant testified. A scuffle over a pistol Johnson secured from his house ended in the fatal  of White, the  stated. tin state, contending for the extreme penalty  Jounson. said that he went into his house and secured the weapon with th? .'ss intention ol killing While.</t>
  </si>
  <si>
    <t>                                           The Negro population of three of the 14 Alabama cities with a pop ulation over 10,000 out-numbers the white, according to the population estimates of these cities as released by the State of Alabama Health DePartment as of July 1, 1938. In Bessemer, Fairfield and Selma there...</t>
  </si>
  <si>
    <t>                                           LIQUOR CAR LEFT BE1                    An unknown man abandoned a  car in the 600 block of Humphries street late Thursday , City Detectives Bradford and Cowan stated. Four gallons of untaxed corn whiskey were found it\ I he deserted automobile. A.U. Student Has 15 Poems In Anthology The Renaissance Publishing Co.. New York City, has announced tho publication or Contemporary American Writers- 1937-'38. The volume is a collection of literature taken from the work or writers the country over. Over five thousand writers submitted work for Uic anthology, and out of this number a few persons were chosen. Robert N. Pirry, Jr.. of the Atlanta University Summer School, has fifteen poems in the . Mr. Perry has written several I collections of verse and has won prizes in creative writing. James Wormand Is Missing From Home Here  Nonnand, 255 Harris St.. N. E.. Is missing. He was last seen leaving fho home of his sister. Mrs. Morlali Crouch on Vernon Place around S o clock Wednesday afternoon. N'ormand is 21  old. about 3 feet 4 Inclits. and weighs around ISO pounds. He Is dark brown skinned. He is the nephew of Mrs. Sarah Brown, with whom he stayed on Harris Street. He left his sister s home saying that he was going home. He was wearing  trousers, twin brown sweaters, tan and white shoes and a roll brim green hat at the time of disappearance. Mrs. Brown said Friday. "He never went any where except to church and tho show." She can be reached at the place of her work. Cberokee 3110,,</t>
  </si>
  <si>
    <t>                                           Today we are constantly coming in contact with a conglomeration of ideas and opinions, all of which must be sifted and defined so that the conflicting maze may become useful in these times of stress and violence. There would be no necessity for considering the question...</t>
  </si>
  <si>
    <t>                                           Fraise and thanksgiving issue from the soul as the flowers turn their faces to the sun, nothing so prepares the heart and mind with fortitude to stand the many trials and difficulties of life as gospel songs and spirituals sung with the spirit and understanding, for a song...</t>
  </si>
  <si>
    <t>                                           ZION GROVE BAPTIST CHURCH- 646 Stonewall Si. Church Unity Club Banquet Wednesday night, July 20. Public it invited to attend program featuring famed quartet*. Admission 10c 15c. Free Chicken Dinner after program. PIANO $19-~*~~ j $1.00 Down SJ.OO Weekly COBB HEARD  CO. 273 Marietta St. Ja. 03 1 1 j</t>
  </si>
  <si>
    <t>                                           Guard Against New Reign of Terror in Palestine?                 Arabs contribute to "cause"]                 I Scene of previous riots                 View of Xel-Avlv                 I Brlttoh troops patrol Jenuakm]^^,                 British troops massed at strategic points In Palestine following fresh outbreaks between Jews and Arabs in which many wero killed and scores wounded. Street sniping; and bombings marked the- reign of terror which was worst In Haifa, Jerusalem and Tel-Aviv. British forces were taxed to the utmost to prevent open civil war as                 ture battles broke out in the streets of many of the principal ., Two British warships, the Emerald and Repulse.          Haifa where tie situation was most serious. Both Jew* and      !, adopted an uncompromising , Arabs In other KieUoni            But  their  in. Palestine wltt* .</t>
  </si>
  <si>
    <t>                                           Wakened by the high blaze of morning, Virginia ate a late breakfast- in her room, chatted n while with old Nokka, then went to look for T Fan. She wanted to thank him personally, out of Chambon's hearing, for the rescue of her father. But her driver told her that he had...</t>
  </si>
  <si>
    <t>                                           COACHES ON ALL THROUGH TRAINS LniMXi. a_JLV.v_U cJs.QIit.U.sU.H.i St.    _oj (o*v      JSi COmfoJttihte tn the  of  travel         Ye*      *T              *f Dtitrvo^ ct Ticket AgwoU (or Fares.          *. Pultra**       *UoaM   travel (* SOUTHERN RAILWAY STSTSMt</t>
  </si>
  <si>
    <t>                                           "Peculiar People" Theme Of Rev. J. C. Wright's Sermon Sunday Morn                 Using as his  tin: fourteenth  of Uie second Chapter of TILus, "Wlio   for us.  he might redeem us from nil iniquity and purity unto  a peculiar . zealous of good works." and the second verse of the  chapter of Romans.                 "Be not fashioned according to this world; but be yc transformed," Rev. John Clnrcucc Wrighl will preach tomorrow morning at the eleven o clock service on the subject "Peculinr People." The attendance at the historic Courtlan(~ Street worship center is being remarkably well sustained considering the oppressive weather and the vacation migration. The church extends it cordial invitation lo Co..sts enrolled u u the University to make it their spiritual home during their sojourn ia the , and It is extended with equal cordiality lo those of nil faiths and creeds. Work on the extensive renovations and improvements in the Church School moves on apace, and                 Hit:  Is lor Its completion by the fourth Sunday In this month. Al that time an impressive service of dedication will be conducted by the Church and Sunday School. When completed the Improvements will give the First Church one of the most conveniently planned, and attractive Sunday School rooms In the city. The Evcrready Club. Mrs. Irene Dobbs president will meet tomorrow 'Sunday) afternoon at five o clock at the parsonage. 388 Angler Avenue with Mrs. John C. Wright and Mrs. Mamie Rico as hostesses. All members are urged to be present. The Social Club. Mrs. Nell Hamilton, president, will meet Tuesday afternoon at five o clock In tl:c recreation room of the University Homes with Mrs. Juanlta Allen, and Mrs. Salllc Ilcrndon as hostesses. All members are requested to be prepared to give quotations from the writings of James Weldpn Johnson.</t>
  </si>
  <si>
    <t>                                           Using as his text the fourteenth verse of the second Chapter of Titus, "Who gave himself for us, that he might redeem us from all iniquity and purify unto himself a peculiar people, zealous of good works," and the second verse of the twelfth chapter of Romans...</t>
  </si>
  <si>
    <t>                                           EitablUKed Aug. 5, 1928; Became Daily March 13, 1932 Published DAILY and SUNDAY at 210 Auburn Avenue, N. E. Pi By ATLANTA DAILY! WORLD PUBLISHING CO. Telephone.: WAlnut 1459-1460 Member of SCOTT NEWSPAPER SYNDICATE W. A. . II, Founder; C. A. SCOTT, General Manager C. A. SCOTT, General Manager Luciut L. Jonci, Managing Editor Entered in the Po.t Office nt Atlanta, Ga., a. .econd-cla.. mail Entered m  ie^ Congmt March 3[ 1879 DAlLYi- 1 Year, $9.25: 6 Moi., $4.75; 3 Mo.., $2.50; I Mo 90c. SaTUBOAY ONLY:-I Year $3.00; 6_Mo... $2.00; 3 Mo. $1.28. Cauada: 1 Year. S4.S0; 6 Mo... $2.75; Foreign: 1 Year, $5.50. National Advertising Representative: W. B. Z1FF CO. 608 S. Dearborn St., Chicago, 111., and 381 4th Aye.. New York. N. Y^     ATLANTA DAILY WORLD an independent newspaper ^-non-. and non-parti.an, printing new.            and .       . it believe, to the intere.t of ,t. reader, and oppo.ing lho.c thing, again.! the intere.t of it. reader.. Addre.. ALL COMMUNICATIONS to and make CHECKS  to ATLANTA DAILY WORLD father than to individual.. The Vv* expre..ly repudiate, re.pon. for return of un.ohc:ted ., manu.cript., etc., .~ .tamp, are .ent^</t>
  </si>
  <si>
    <t>                                           THE DAINTY HOUR SEWING CLUB met Thursday at the home of Mrs. Bertha Ressley, 195 Haygood Avenue. The club was very glad to have Mrs. Ingram presens alter being absent from several meetings. The president is asking all...</t>
  </si>
  <si>
    <t>                                           Partly cloudy with cooling breezes from the northwest,</t>
  </si>
  <si>
    <t>                                           WITTIE ANNA BIGGINS WASHINGTON, D. C.-- It is rather interesting to note the "much to do" that is being made about Father Divine and his New York Haven. But it is jolly to believe that any ... man of woman has conceived the idea that Father Divine has failed in his program and is seeking more amicable accommodations. Father Divine has not tailed the people. He has ingratiated himself into the hearts and lives of his race and thousands of the white race as has not other religious enthusiast. He has not only supplied the spiritual needs of man, but the physical needs: and it is the human thing for men to love and trust those who are their friends in the time of need.</t>
  </si>
  <si>
    <t>                                           y Remember Mother I MOTHER S DAY I \M? SUNDAY, MAY 8th Wi n gif ti Wl\ I Ilk A    1K l)V 0UH BEAUTIFUL [p7 \\W F u L L FASHIONED  \Mr Finest f Ouality $~.00 Mi Silk Hose Pair ^Hsr (YniFAl 15 STYLES 59c-69c-76c-85c-$ 1.15-$ 1.35 E HOUSE COATS ___$-~ .00 LATEST STYLES and COLORS 'A  LINE OF YOUTH-FORM BRASSIERES SPECIAL! $1.00 value 69c 2 for $1.29 $1.50 value 98c 2 for $1.89 THE Stocking Shoppe 1 I5R0AD ST. N6 1' ARCADE</t>
  </si>
  <si>
    <t>                                           TONIGHT, MIDNIGHT, the fast and snappy all-star revue, a regular feature all week on the midway of the famous ROYAL AMERICAN EXPOSITION, invades Atlanta's own TOP HAT for a session of swing and entertainment which should be a solid...</t>
  </si>
  <si>
    <t>                                           When Gregory Sallust first saw the girl, in the Casino at Deauville, it was near midnight on the last day of the young Englishman's leisurely tour through Normandy. Sallust, a former Intelligence officer, is now confidential investigator for a great British commercial corporation.</t>
  </si>
  <si>
    <t>                                           1 THE "FUNERAL I HOME"     The restfulness and "    quiet beauty of our ?g$i chapel make it the     proper place for the    (load tn lie in state. fe CALL AT ANY HOUR DAY   OR  ; ^k            5ervice JffliSnfr I</t>
  </si>
  <si>
    <t>                                           A subject dear to toy mind is respect stilt -respect. Everyone is entitled to respect if he first respect. with those whom he has contact socially and in business. I think the race, I mean the colored race should demand more respect for our women. The...</t>
  </si>
  <si>
    <t>                                           Winner In Tuberculosis Essay Contest Gets Cash Award                 MEMPHIS.                 -(EN.?.I                 Winner in the College; division i.f the Annual Kssay Contest sponsored hy      Shelby Cminly '1' .Society was Miss Thelma Aycis,  at LijVti.yne ColU'gt. Aliss Ayers, right, is shown ri-. ing a (heck as first-prize winner from Mrs. \V.                 ell, while, executive secretary of tin? Society, ai headquarters, located in    . Mnipirt: IJuMdinn. Madison Street, near Second. Tliis y**ar\  was mi thr , "Why I Should Know About Tuberculosis and Whal 1 Sltoulti Know."</t>
  </si>
  <si>
    <t>                                           HOST PASTOR"                 REV. A. L. HUMPHREY pastor of Solid Rock Baptist Cliurch nnd  of the financial department of the         Baptist Mininers Union, will be host pastor to tlie New Hope Sunday School and  Convention, July G-8.</t>
  </si>
  <si>
    <t>                                           ... read the lynching report ... time read that lynching is ... decline at some period--I ... is it sentiment that causes ... or is it that Colored peo-staying in their "places" ... as vassals in the eye the lynchers.</t>
  </si>
  <si>
    <t>                                           EnormousArmament-SpendingByNations 'Mast Lead To Disaster, President Says,                 S/IN  iSCO.'Cnl.-  President Roosevelt.  nt Die San I'Yanclsco  ., on Tluir-.  Uinl the enormous .spending by  r. of tlie world on  must inevitable lead these  to .                 The President said Hint the Iwn ; expositions to bn hc-lcl In S:n Francisco  New York expressed confidence Unit in tin: year 1039 Ilic United Stales  all me western hemisphere will be at pence. "It Is on,, nope and our  that  confidence is well placed- mict that the very racl ol holding these two expositions menus iin added Impetus to the  or pence. Great gatherings of such nature make for trade, for better understanding and for renewed goodwill." the President said. The President said that "we all Iukiw that we are faced with a condition and not n theory and thai condition Is not of our choosing" He staled that money  on armaments did not create permanent Income producing I Continued on Puce I!.    . SI                 RAIN FAILS TO DAMPEN" SPIRITS OF PRESIDENT                 Roosevelt speaking in rain nit son Elliott hands him manuscript Undaunted by rain which fell  during hii ., .it Amarillo, Texas, President      ;vcll           Tt h% h "Rood omen"  went on to * crop control       conservation. His  on Elliott, who       in Tcxns. kept the   script in order, but appears more           by the downpour than his father. More than 100,000 heard the        .                 'M                 Enormous (Continued from Page 1) wealth, end that ihc Unllecl States I would  any notions In any  they may make toward a  reduction In world . which viU ulU In - j ling peace.</t>
  </si>
  <si>
    <t>                                           SAN FRANCISCO, Cal.--(SNS)--President Roosevelt, speaking at the San Francisco exposition grounds on Thursday, said that the enormous spending by leading nations of the world on armaments must inevitable lead these nations to disaster.</t>
  </si>
  <si>
    <t>                                           Grady Alumnae To Fete Grads With A Dance Tonight                 Tile members ol Grady hospital Aiiiimiai' Association will entertain ? recent graduating class of Grady hospital nurses tonight with a ; Prom m the New Lincoln Country Club from 11) until 2. Monitors of the alumnae organization arc Miss Alice Simpson, president; Mrs. BarrlngUm McCarter, vice president; Miss Thelma Scott, secretary; Miss Gladys Irene Giles, financial secretary and Mrs. Ellzatoth Dozler. -r. Each guest Is asked    present card at door.</t>
  </si>
  <si>
    <t>                                           PROTECTION I *"  S?\ l"'"'('         from intruders i^^K^^^I   r I'liiK'lai.s when leaving your windows J^IHIwII j^   "I"-" for ventilation. Your home will be [i^Hff^l  'X M l""l''i't Ml :it all times with those National  v ^ t linn. 'uin  iil  . f    - T (all S. McMATH, Jr. RA. 1577 I'</t>
  </si>
  <si>
    <t>                                           TIM TYLER                 -By Lyman .Young                 FELIX, THE CAT                 -By Sullivan                 DOROTHY DARNIT                 By Chat. McManv'ft                 IT S A GREAT LIFE IF YOU DON'T WEAKEN                 -Sy Jack RabWt                 By Cy Hungerford                 NIPPER                 By Bray</t>
  </si>
  <si>
    <t>                                           IHI AWA1 WITH HUT (O.MIIS MAIM KI.IM: I- Kimnintr.il I"  mill  mr Imlr nil limit        . K nol InjIlrliHi- Im  ur si-:ilp. l.       Kr i,, .,,11 Iiiil. mill *.    . l.y Ilir 1     .I  ir Ilirlil  M'n  l^ Illll Im'sI  ("* In ;  .  SI.IHI l"r Ilir             .     "v"y Till'. MAIM -KI.IXI: -Ull  Aw.. OifcuKii,</t>
  </si>
  <si>
    <t>                                           $100 FOR HUSTLING CARRIERS                 Another drive begin!) today tor new readers of the Atlunta Dally World by Atlunlu World carriers. Charles Bronner. circulation manager announces.                 TJii! conies; will  lor II* i weeks, and  In cash will I* ills- i  to the six boys wlio      the largest, number of new sub- sorters. I Ui;X year, five carriers won a trip 10 Hi* Louls-Farr      New York throng)) .similar context which v-us launched lor new - l ers. Tills year s contest will be even hotter among the carriers j than  year, according to      department. Subscribers have become Interested in Jlioij- respective carriers,  tn many . have solicited new subscribers for their particular carrier. The - interest nr.d co-, no doubt, will manifest, Itself durini'. the next five weeks. Atlanta is most outstanding  it has a dally newspaper  to the reading interest, of colored Atlantans. first, and or all news pertaining to  people at home and . No other city in Uie Unltcti States has such a medium for circulating news in Uic interest of Its colored citizens. Like in any  city or town. anything can and may happen at. any time and any place in Atlanta I in reference to la colored - I luu... a murder, a death, an accident, good fortune, misfortune, fame and honor. All of these have happened to colored Atlantans, and to Atlantans of local and national prominence, to white and black u like. The Atlanta Dally World passes such information immediately lo AUantans after It happens. In accurate and. minute detail. No other dally In the city gives llr. colored renders such a service. The whole calendar of annual events (hat take placo In Atlanta Is almost entirely dependent upon the aid of the Atlanta Daily World's columns. The commencement .season In tho city means thousands of children  grownups Ironi grammar school to college become news. Also games, festivals, concerts and numerous  events arc heralded to the public through the columns of the WORLD. Sports, recreation, columns of opinion, arc regular features, and more clubs in the city use the pages or the WORLD limn any other paper owned by colored people In the South. Lost relatives, as well as lost article* arc located through the WORLD. And lives  probably been saved when SOS culls for blood transfusions have often been sent out through the WORLD. The Atlanta Daily World has become a community agency In unifying th.? colored populace of Atlnnta,  u earlier uf goodwill to all.</t>
  </si>
  <si>
    <t>                                           Another drive begins today for new readers of the Atlanta Daily World by Atlanta World carriers, Charles Bronner, circulation man, ager announces.</t>
  </si>
  <si>
    <t>                                           Dr. Caldwell All. Summer School Speaker Today                 Dl\ OilS W CMlfiVM-l! Will :i(    ..,.. iv.o j;iii:;p:, !.i(:ij;y ;):itj :;cirr,t:. :li': A: i.uii;i Uiiivn ny Siiiuinct "! [(u:;iV l)\ CAi iil1.1. ('i '..s :i'.. nr.c- ,u!i" ili'.ij* of ;!ii; (;;  :,i.i\'.-;i t i;Kt.i,L' nl (he Univcrstt y of C'liit:::^o. ;t;xl l:i I'.T v, ;i.-, foj- \T:il                 ;y. f;---s n\  mI ik ,i i i 1 1 ; :r. *:    --    oi (;o1:uh!  ;i Uiu- i-.:-i IP: ;i di:  \~v ot tin.: i ii(Ai*.t* 1' Ir.sli uli' -si I i.i:.;   :~cai;h. .u:d lui M- lv"-:\ Cioiit'Mil fc  j     - Ainc: ic.iM As;~uci;:i jor ;:!ivt:L  t.1. S:ih l" Si pi'-ih u; I'j;j7. Ik- I i ;i n .-- i :)s vi. i ;.ro!~"  :' n[" ;i I iii;i a!. ;\t in- a.- .irn pn: lori. which r;,i;i. jii.it O n. oi-mOus Chnpcl ;it, IK. C;:Wi*l-:\ wiW r.pi::il: on i:f;i::i Tiic:1. And Now. Or. :u:u;:tn. ;i: 7..V) ;. hi     - Lxhihr.ion Koo::; oi tin1 Ail.uUa U:iiv.-:m:~ Lib:.i:y. Dr. C-'. w:ii addio:. a In.  ^ on *A Bi- I olo^i.st L/i jks at l-Jducalioi; Tin* pubiic u cordially  Lo Leaf i)i-i!i  c.'^cs INDICTED FOR COW STEALING Th'- !'!;ltn:i Cou:;'y ] jury i :i'[JKtc:i Andruw Favors. US. Tucs-  m clir.m: of Mcallii;; .1 com'  li.lv -I.  :i man  :\.s Wiil j DiniKi.K l'.'.;! on br. ci::ur;..' was Maiijari't Clu-noy. ;'.c-  ';i s'.Oi'-lint; t;       (i at SO.YS Hum Tom Warn.</t>
  </si>
  <si>
    <t>                                           NEW YORK--Moselle Elreibe, crack Southern Conference Slut star, and now listed us America's "Fastest Human" by virtue of victories over Ben Johnson and all other Met raters at the SIAC Tack Meet; Tuskegee Relays, Mtge Relays and the I. C-4 Cham.</t>
  </si>
  <si>
    <t>                                           If the church is to progress financially, it must be placed on a sound basis of systematic giving, is the conclusion we have reached after giving this question much thought, and consideration.</t>
  </si>
  <si>
    <t>                                           Outstanding Co-ed                 MISS JESS1K .MADDOX our of Birniinglium's must  co-eds  U a   at Tulladcga ColIvrc and Soulhcrn Rt?~ pre.1 of Ihc YWCA. Shr ix the  of Jlr. anil Mm. J.             I- tin Enrlhill .                 ""</t>
  </si>
  <si>
    <t>                                           FORSYTH, Ga.--(S N S)--State Teachers and Agricultural College, Forsyth, Georgia, opened its first session of Summer School with an enrollment of 498 persons representing every section of Georgia in attendance.</t>
  </si>
  <si>
    <t>                                           Time has passed swiftly by. It has gone so swiftly we can hardly realize that we are now at the close of another club year. Vacation time is near, and yet, before our club's close for the season and our State Federation meetings are over, I wish to call your attention to our 1939 National Arts and Craft Exhibition to be held in Boston, Mass., during our National Association of Colored Women's meetings.</t>
  </si>
  <si>
    <t>                                           M1UH OI--V ^^V</t>
  </si>
  <si>
    <t>                                           FOR SALE ON ACCOUNT or HEALTH Will Sacrifice My Business POR QUICK SALE. A     'l paying, well -d  manufacturing . Hen- in Atlanta 20 years. Products being sold by mail all over America anil foreign countries. For full details wire or write the cosmetic manufacturing proposition in cure Atlantu Daily WoijJd, Atlanta, Ga. HOW TO HAVE HAIR THAT WOMEN ENVY, MEN ADMIRE ^^1 remain ^ lu him.  M/ti (V^ty *^HW -t of I !    iit  k, Llj^k -oj      . ^WtH?^' :   /    l^Z ^*~!l.^ HAIR COLORING GODIfKOY MANUfACTURINC COMPANY 3510  ST. ST. LOUIS, MO,</t>
  </si>
  <si>
    <t>                                           Citizens Trust Company OK ATLANTA STATEMENT OF CONDITION AS OK .ll;.NK :W, l'.KiS RESOURCES CspilM Slock J 50,000.00 U. S.  Securities Owned r7fi.-.7-l Other Slocks  nd Bond, Owned 153, 507.98 Furniture .inj Fixtures 15.039.00 Oilier Ke.- OwnreJ 20,9-13.75 C.ish in Vrtult r\nd aur from  Reserve Ajenl, 63,896.11 Profit And Los. 2,202.95 Other Resources 4,624.59 Ti;    S532.534.33 LIABILITIES Cnpitrfl Slor.k nnd Debentures J 50,000.00 Cnpiml Notri 21,500.00 Surplus Fund 7.500.00 Undivided ProfiU 1.337.38 Reserve Funds 3.G7I.82 C.ishier s Checks 3.250.H9 Certified Checks 443.82 Demand Deposit, 287, 491.21 Time Certificates r.f Dent,, it 105. -12         Depoiits 154,037.1] Other Lmliilities 196.88 Tot.i! S532.534.33 ~.f.~   .t A. t nlt  i  v. l'.-r-'-'i.    i,~~~v.-nrr,~   .-r.,re Ih-      -r^ii:iir(l. 11 n ,,   ..-r     h..r\tr,[   - .1  f  n i I ,r I,, v,,(,l ,,h,ii(~. .lolin f. .h.U.  U,.. i.n t.. th:it \ir 1  the fn^ .,f IN.- I Itl/rn-. Imsi i-.,  . ;tfi-l  tlie iiIm,, r  - rr-~~i-n ,,f 11. .n i,r Kild   : N (rn^ .-mil ~-4 rrr,-t. JrUl.N r. I  IOK, n^ ^M,.    1,, iul(j rll.r.I I,, fi.r- mi. - IJtli       of July. l!i:M. ..N^ H^nli.-ll. ,\.,* 1-lll.U.. . M:,t.- lit I.-ITC"-. Wr. Hi.-       -      -.~ ^ i,f -aid l-.      o-     r Inn r r:,frt r.-:i-i -li.l r.-l-.rl nil. I Unit Mir ~.n^    - .mil ...rr.-.t ,,,.,.r.Hn- t" 'II.' l..-vf ,,f ...ir Inform. HI. .11. U11..M Ir.lire nnd , und   nU.if -l*n, ,,f 1 1, I ;1,M, r of I T i-.-nK I- t!  - In 11. 1 genuine -JKniitnr.. ,,f il.nt .^r., iii u i-itii ii.   ,.t .ruis. mi. .1. It ltl.iM..t.. I. Ii. Mlllon. Jiirr.lor^ .-f ..li.l I. .ink rli.-r.-il .Inly Hi. IU-K IIi-~;;iii .lnr-~ AtlrnM 1~. H''il- 1- 1~.  1U.T"N. l-r. si.l.nT  I'. COiHs. -fi (~-r. MlMltl:it I .VI. 1IKI1)MT INSI lt.\ Ml:      'l"lt-       y.-.iHm \} \\l^^^ M 1~'SI HANCK  KATH JiKIN^mnt</t>
  </si>
  <si>
    <t>                                           Westlye and Mandy Favors, Jr., 192 Farrington, son, unnamed.</t>
  </si>
  <si>
    <t>                                           n^P^**** 1 II N OUR MEAT I SAU ll markets I Wisconsin 1*7^ 1111 i Chcese \s FANCY LEG 0F I Better* -27ClLAMB 25  I Silvrrbrook Tub ^^gC K FANCY BLUE TAG OR QUALITY CHUCK 1 lf^r' 29c I ROAST 23C I      *r* t ll FRESH ATLANTA DRESSED    "i l3  I FRYERS 30c I ^^^fM^Mb SWIFT S PREMIUM SKINNED wwr ^fc S ^iia". SS0 1 -~'jf^ jhj_ flk/r^L ffa/^ -whole ~*k9 III U 8t f^ II S Lamb Roast 8lf;A^'1 15C I f'' ^SP ^K  S OA. ' J.B. IQp IH i f ^^V  /ff    PlCfllCS  m i VV 1(54 ~^JW *^ll   __._  SLICED lB ?C(~ KM I   ; \^^^Sw^ ^^~^T B3COH NO RIND fc^l*     I r ff^^BMg^^'^*^^^^M^^-~B  B3C0TI - no risd ^   { I SPAGHETTI -rs 4 a-25c I i  COFFcc 9 "a ^Qc B i APPLE SAUCE 3 20' I I SUM DRESSING^ ^15. 1,'! SPARKLE" on.t.n o.,,,,u "w 1":^ if K"N  J   fm: ft? "=.~~~,; i  i KOOL-A1D  ,K0. 7C j K*^ 2 2r 1Sc H j  "-" i Corn 2 -    I OCTAGON ~? 2'K0S2Sc I }"e",^ ,"2Sc fp      .'NACH 2--SC Tea0"?',!"'- lii PURE LARD L'"''s c vi-wio !'1B'Ko- 25- 1^^</t>
  </si>
  <si>
    <t>                                           The Red Sox are winners of the first half of the pennant race by virtue of their breaking even in a four-game series with the Kansas City Monarchs in Kansas City last Sunday and Monday. The Sox reached the home of the Monarchs leading the Negio American League by a game and a half. Kansas City was in second place, so a clean sweep of the series by the Monarchs would "have been detrimental to the hopes and aspiration of th Sox and all their followers.</t>
  </si>
  <si>
    <t>                                           20,000 STOCK, CLOTHING Men's And Boys Furnishings On Sale No. 2 Forsyth St. (Opposite Journal Bldg.) FORMERLY MOORE S MEW SHOP l':iirs I (iOO        Madras All-Wool -Men's Sox 4c, 8c, 14c v C11O Suits $7.49 up Shirts Sl.l" -(    I'Jiirs QhrrK- Ar Clinrtc 1 Ho 'l s " I Wash PantS Shirts Shorts 18c   cm^ m.j)9c.iA9.h95 . formerly $1.00 i ol xrt n.~,wl M'nii  Matcliod In Shirts and Dress Shirts 69c t "I 19C and 39c 'A"!* si.es 13 1  20 i lies i^cana^c gmts $2.00 1.000- $1.1!) Polo 1 2.000 .Pairs Shirts 99c i Shirts 49c-69c Work Pants 79c up Use Our Lay- A way-Plan on Suits $1 down SI Week  CLOTHING CO.</t>
  </si>
  <si>
    <t>                                           HAVE RHEUMATIC PAINS MISERY Slowed You Down? Youthful activities golf, fishing, other sports soon become a thing of the past when rheumatic aches and misery slow you down. Proscription C-2223 (a doctor s formula) helps create an  pain action that cases aches, torturous pains,  that accompany rheumatism. The analgesic action (pain-) of Prescription C-2223- has helped bring relief to thousands from muscular aches, pains. .Sold on money-back guarantee at all druggists 60c, $1.00- Get Prescription C-2223- nothing else. Get Money love Ho an beyond hone Stop " I Wrlla    . Information FREE M. WILLIAMS, Journal Square Sta. Untf City. N. J. . s</t>
  </si>
  <si>
    <t>                                           At a meeting called by Mr. E. E. Farley, prominent civic leader of the city, which was held at the Ninth Street. Branch YMCA last Sunday afternoon at five o'clock, and to which the three local civic clubs, namely the So-C 25 Club, the Pathseekers Civic Club, and the...</t>
  </si>
  <si>
    <t>                                           The Old Drummer Boy (July the fourth) THE biR  is  in; ; (Ju-  rally around him, "Tis the fourth' uf July were ; through: Jii.;. lowland, valley Dame Genius lias  him And lie pipes -to the heavens of the Red. White ami Blue. '   In   colors ihe old flag s above him, And the war whoop flows  in the July breeze; Oh if you hear his rowdy-dow you  but love lum Who's ;,'ot the {jan^ ii- under old oak trees. From the barbecue proves there s a flavor ; through him And his soul sets a (line to the wide grand stop. And it M-fui.- thai tin? a:ii;els front Gettysburg drew  For the .-eiu a^c to .^ivi: the boys pep PF.P!</t>
  </si>
  <si>
    <t>                                           j ROOM for EIGHT it J We can accommodate eight mure students in t lie ?-5 class that is now enrolling for a scientific course in Beauty Culture, at our .school. Big " unities await those who complete the course. We specialize in preparing Beauticians to pass State Board. Special Rates. For full - I call. J. t Dermis Cura C^ 479Tatnall St., S. W. A:^ot.a, Ga. I Main-^ }j l,,r- *w..~ .*i1 ~~~*~~~~~1~~~~'t''~'t''~'*~'~~       '   '~ "-'.:;         '   '      **f*i*'*ii*rl</t>
  </si>
  <si>
    <t>                                           ENGAGEMENT ANNOUNCED                 MA Y.ME  JACKSON i attractive st-Jim.l u-a.-her ami -nt  f  City Kcrtrralmn nf Colated Womrn's  whose  and :.~  t" Mr. Louis B. Kirluirdsan 11C CU-vt-IancI. Ohio is announced by her                 or, Mrs.  V. I). J:u kx i. -Birmingham. Ala.- S.VSI</t>
  </si>
  <si>
    <t>                                           Baseball Summary AMERICAN LEAGUE The Standing! 1 1 Clubi- W. L. Pet. i rii-vi- 2!~ 1 I .07 1 1 New York 21 IT .!~K!i WnsliiiiKton 2"1 21 .5B:J j 1 Bunion 2H lit .     1 Di- 21 2.1 A"l I'hilacli'lphiii 17 2 1 II-r. (.;     (. 1 I    .3"s St. Louis i:i I!':          '~ Rciulu (~"" X. N'-w      5 I' St. I.miis II. Wnshiniclnn 8 Di'trr.il r., I'hilndi- I (*)t-  -       7. Huston ti Today". Camni     :iki!" J'l Xw York (2! Ih'trnil at I'hilailvlphia Clfvciiiml ni Boston St. t.miis al UH.~"'i NATIONAL LEAGUE i The Standing* Club.- W. L. Pet. Chicairi' 2'.' IC .fill \'i'\v Y'.rk 1" .HVJ Kust'in 17 .511 '.' 22 2) .S12 I'ittshuitrh 2(1 2U .SlIU Si. t.ouis l!i 22 .Hi:! Hnn.klyn 1? 27 .4 1 S          -        1 1 27 .2K J         '~         rhi.-aco 1. N'.-w York 2 Ml'iinklyn 7. St. Lntiis n Today's Garnet  at l itt l)  l''.i ill f iiu  N'cw Yrifk at -ii(~o iJ) .klyn St. Louis I</t>
  </si>
  <si>
    <t>                                           .L; WAS POISONED                 LOUISVILLE. Ky.  S. S.) Tin1 diagnosis of Dr. .1. W. Bryan rha; Governor Oinndkv drank "pois ined" water in a hole] here la t week was approved ThurjiTuy in a Maleniem Issued by Dr. Arthur T. MrConnack, state co:5    :iof health. 'l he commissioner r^iid the "pohon" water ;ilmo.M lulled the Governor :jnt] St:.u? Finnnci.1 Cotr.mu. Dan Tallxitt. :md made iv-o others seriously 111. Dr. McCortnack, wlio said thul lie IkvU the Kreutest n(  In Dr. Bryjui. staU ri linn It wns possible thai (he pol^cni      \t- been  .--. Loses Control Of Car; Arrested I..E control of an automobile ]H' iv.-is reported ; Thurridny '.lm: around 1:25 o clock, Hosi'a C;'.ni;:biil. of 3[)2 An;;ler , NE,  over iji th^       Oi Snpei:::H of Parks, CK'orfif Slmiiioii.'i, 15U5 Mo. drive, a\V, po.'lce ^.lid. Tip' automobile turned ovi-r :,fWr 5 ;i rock column In front of _ti:~ residence and -.ini; a U. s. mai! box, police said. Cu;c\pbf ll wos booked at City Jail on charges of reckless ; ar.tl accident. Attorney w. D. Hush. Prof. H. A. 6(.s and Prcf. J. II. Johnson, nU of Cincinnati. Ohio, visited the Atiania Daily World plan). Thursday, escorted by Miss Marie Sims, Atlanta Life Insurance Company cmp.'oye?. TTie visitors have been attending the American Tochers Association in Tu-.. Alabamn, and are en route to Cincinnati.</t>
  </si>
  <si>
    <t>                                           Flush Poisons From Kidneys and Stop Getting Up Nights IV , Happier- l.ivi- Longer Whon yon ran ~.'t for Xi cents a supremely efN.-iem :     K. stimulant amV diuretic  *11' flush . kidneys tlw ?  poisons and : lhat arr now doing you harm, why  in bridle your ' r. W il*1"  up       - I'll:'--'Ji-M r.'.l. y..ur  for G"\A \:crt..l Ilii:irlo7n Oil Capsules- but. sure and  et CiOLD MEDAL, -light from Ilaarli-iii In Holland. Oihnr symptoms of weak kidneys .Hid irritated bladder are         \. liu/fy  cramps, moist p.,. burning or wanly passage. GET MONEY ^PYff I                W. WILLIAMS, Journal Squar*     Jersey City, N. J. DcPi.</t>
  </si>
  <si>
    <t>                                           One of the most widely known dentists of Memphis who maintains spacious dental offices at 247 North Main Street, was rescued from drowning in the Wolf River Monday, July 4th, by Red Cross, Lifesavers. It was the second time within two years that the popular...</t>
  </si>
  <si>
    <t>                                           Grand Jury Holds Very Light Session                 The Fulton grand jury "look it easy" Jn Its i- session Fridny. ; less (linn n dozen indictments, only two of which involved colored defendants. Jnmes Walts* was indicted for  Into the occupied dwelling of Lizzie Watts nt 407  St.. S.W. The "true" bill charges Watts with firing the weapon nn June 22. A "true1' bill  lottery wns returned  Clinrles Reese. The indictment alleges Reese operated Uie number  June 30. TAKE 92 GALLONS Ntnety-two gallons of  corn whiskey were found in the  of n house nt 208 Old Wlient Strecr. N.E..  to police reports Fridnv. Policeman W. D. Nosh and E. A. Benny said they made the seizure.</t>
  </si>
  <si>
    <t>                                           [  (tgl]LllJlCi I -I Ji-      ^--^</t>
  </si>
  <si>
    <t>                                           Thanks goodness or circumstance or civilization for beauty shops. says the hard-working woman who is kept on the gallop. What n grand treat it is t chuck responsibility and duties for a. tiny hours. do a Hop in a beauty factory. have die old wool washed...</t>
  </si>
  <si>
    <t>                                           READY, WILLING, AND ABLE SOCIAL CLUB held its regular meeting and social Friday June 10. The next meeting will be held at the home of Mrs. Eddie M. Tripp, 144 Fulton Street Friday. June 24. The president asks that all members...</t>
  </si>
  <si>
    <t>                                           CFS^ f\f^\ I "p? ry^F            "flH I I jR Q I</t>
  </si>
  <si>
    <t>                                           HOLLYWOOD--(By for ANP)--Now that the big fight is over and the "default and shouting was died", screen players who could not keep their minds on their work last Tuesday can now get back to normaley and get busy with the colorful but less exciting...</t>
  </si>
  <si>
    <t>                                           THE passage of the wage and hour bill, which is a decided victory for the administration, will also he advantageous to the energetic and skillial worker who believes in giving a full day's work for a full day's pay.</t>
  </si>
  <si>
    <t>                                           Pretty Wedding Party Poses On Lawn                 I!I1O1IN(;IIA.M. (SNSi- On AiiK'isl 111. Mi-.s YlrKini.i M. u.is h.ii i ily tin    -il with .Mr. S:imii l Siilliv.in in :i I ti 1 i Tul u.-il/lin:: Ml llu-   cii/.y-" ' "f llin  N f.-r :mtl  i. Mr. :uul Mis. A. ll:ii"~-iii.-li. 1112'i i;li  Aviliuic Norlli. Al'lir tin- i:rri lii iny  u.w-  il  Hi-v. \V. I'uinir, ]i:ist(ir cif SI. I'.iul M.i:. Cliliri'M. the- ]i; - iI iiii Uii- Ihwii. Left to  nil pi.r.-li Mrs. M. Me Tyre;-. .Mrs. 1). Mi-C:i\v, Mrs Sc.sii'     . Dr. \V. I,, . Mrs. Itohcrt A.slj, .Mrs. I^'cim S:Linpl"r, .1r Miss I-IIimiiim- I'urlcr. .Mrs. -r. Mrs. I!. ISi-, Alcsi- . - kIi-1 i Mrs. I.nl.l ']':(H. Mrs. S. KHiiy, Mrs. H:\- (. :;ml Mr:.. I.. I., . Mis. W: t(-r IJniivii is  "^ :l - nf tlt-lii -inns ii-r Train ;-.iul Ini.'l.il r:   -. : Miss KiisiUh C-'- is " ii.' c:: il        "I tin' m-vit.iI        .il -il--crs  ili i ('.I                 Imiiw. I. if;      ;; nil li wn l'i"l. IV. 1$. ., Mr-. A. Ihiii'-. .Mis. W. I'.. .Tnluisnn. I'nif. W. (.'".mi s. Mr. AiUnii Me - ~\r i-s Alllni I',. -.. Mi*. .AT in nii- Sulliviin ImollK'r "f  mil. .^!i-s S;- C:;'.ill.  Ti T. .1. Coli'.  hn  d tin-  . .Mi-. .r:m:i-,          ':iy. ln-,t 111:111. .Mr. S. Sulliv:ui.  . Mrs. S. \V. Su H i van.     - . Mi^s Sylvi:i .Mc(.'Iuni;, maid "f ImiKir. Mr. A. ll.i:M-     . Mis- I.ncy ll:. Mrs. N. ('~"ins. Mrs. Will'. nns. Mrs. S. CrilTin. Mrs. M. TV. si. Mrs. \V. Mi-. Mrs. (i. (iary. Mr. [.run S. lcs. Miss ,M%r(lf ri.-. Mrs. -I. Culirr, Mrs. I,, r.. Mr. A. S. Scull. Mr. f!i:is. An'li-rr.on. Mrs. .M. I.. P. :md Mrs. Tom While. I. ell In  in 1 h:iirs-  Trs. IliMjn, Mrs. M. Mnnri-. Mrs. T. Turni-i. Mi-s I'iiiViT. Miss 1,. M:. ^Iiss M:. Mrr.. I[.  ::iul Miss I,. It. Mill.</t>
  </si>
  <si>
    <t>                                           Washington High Summer School Starts Closing Exercises With Visit Of Supt. Sutton, Others                 By S. GRACE                  The closing exorcise? of (he Booker T. Washington summer school, directed by C. N. Cornell, assistant principal of the regular term, began Wednesday morning when a party of officials of the school system made n visit to the school.                 Included in the number were Drs. Willis A. Sntton. Superintendent or School!, :H. R.. Hunter. Assistant In charge of high schools: T. W. clift, : Mi.s?rs Lamar Gectcr sind Seize, Supervisor* of teaching technique and radio                 respectively. Dr. Hunter presided over the j short. but interesting  j which featured an address by Dr. Sutton to the teachers and students. Commendmg the principal. C. N. Cornell and the large number of  for the wonderful work they  done during the - I mer term. Dr. Suttou pledged His j whole-hearted support to make the session a permanent Him of the  chool year. lie gave the highlights of the (Continued on I'ase 5, Col. 11                 Washington High (Continued from Page 1) program planned as well as  whs" summer school   in a city like Atlunta. After n brief visit to Hie various departments, Uic party of tity school officials via entertained with a musical In tlie Jnckron School oi Music,  several Interestinc numbers. directed by Graham W. Jackson, were rendered. Climaxing the visitation. tne KUdot* were received "nd   an  luncheon given fcy Mrs. A. B. Hn  and her students in the Home Economics classes. The  exercise for the summer school will bo the promotion exercises which will be held Friday morning at II o clock, in the general siss-. at which lime 25 students will receive certificates or promotion. To this exercise the public is cordially invited.</t>
  </si>
  <si>
    <t>                                           The closing exercises of the Booker T. Washington summer school, directed by C. N. Cornell, assistant principal of the regular term, began Wednesday morning when a party of officials of the school system made a visit to the school.</t>
  </si>
  <si>
    <t>                                           PHILADELPHIA, June.-- Soft ... Swing: Harlem is trying to ... a soft ball game between ... Ellington's crowd and Cab ... Black Comets. Two ... girls are passing for colored ... local business establishments ... old order ... What...</t>
  </si>
  <si>
    <t>                                           WASHINGTON, D. C.-- Recognizing the increased part which Negro youths are playing in public affairs and politics, the Young Republican National Federation at its biennial national convention earlier this month elected Charles M. Stokes, 33 years old, of...</t>
  </si>
  <si>
    <t>                                           TOP HAT presents "Swing You Sinners" In Two Gala Floor Shows Fri.NiteAug.19th10to2 Sun. Nite Aug. 21st 12:01 Music by the Troubadours R E S E R       (~  X MA. 51 OC FAStIJtEPpTnO SWING CHORUS Rkhard "Mole Face" Smith, Thelma U'ells and ;i bevy of beautiful fast-stepping Girls ADMISSION'- 10c</t>
  </si>
  <si>
    <t>                                           ) It Is P Conscientious  j Completeness JH which turns r^ work into art. The    3  tiling, u"" ^Sfl   intl 3^  i c a 1 I ~*s well done, -omc s  artist if. JSy Our  anil   arc fur   ur usi- ami si-.  *t ^^!^^ 1</t>
  </si>
  <si>
    <t>                                           LONELY? Tour description 25c I (coin) Bring* List. P.O. Box 373! I Druid Station, Baltimore, Md. "  Alfulto ami. fll**l Orltnm Attain.  U.40  XThlte       Clonr, M.40I IM OsTrr, *15.M. All ao-lb.      . (mcU CaaronlU.         U out        . OSO. BOWMAN. Oaacordljt. Kmmm*.** GET MONEY LOVE ( 10 help you get n*~  In Him. No cue  hop*. Stop  I Writ* at toda*. Informitloo FREE I M. WILLIAMS, Journal Square Sta. Jersey City. N. J. . - ^HII</t>
  </si>
  <si>
    <t>                                           ATLANTA  I E.. Aug. 5, 1928; Brcrn. Daily March 13, 1932 j Puhli.hrd DAILY and SUNDAY ot 210 Auburn Avenue, N. E. P By ATLANTA DAILY WORLD PUBLISHING CO. Telephone.: WAInut 1459-1460 Member of SCOTT NEWSPAPER SYNDICATE W. A. Sc7,"7 II, Founder and Publisher,    . 5. 1928 lo Feb. 7, 1S34 C A SCOTT General Manager CLIFF  Managing Ed. tor LUCIUS L. JONES Associate and Sport. Editor Entered in" the Poit Office  t AtUnls,   ., n. -cl... nail under the Act of Conf-rest,      , 3, 1879 ^-T'Ve7rrS9.7sn;' Mo.., $-l.7S; 3 Mo... S2.S0; 1 Mo.. 90c, j SATURDAY ONLY: 1 Year $3.00: G Mo.., $2.00; 3 Mo.., SI. 25. C.: 1 Yenr, $-1.50; G Mo.., $2.75; Forei(;n: 1     , $5.50. NuTional Adverti.inj Representative: W. B. 21FF CO. j {08 S.          St., ChicaRO, 111., nnd 381 4th Ave., New York, N. Y. I The ATLANTA DAILY WORLD i. an independent new. paper non-. and non-par ti.nn, printing new,  anu .               it . la the intere.t of ill render, aud j oppo.ms tho.c tiling. .t the- intere.t of it. render.. I ATdTI" ALL COMMUNICATIONS to and make CHECKS pay- i ble lo ATLANTA DAILY WORLD rattier than to individual.. The   repudiates rr. for return of unsolicited pictures, manu., etc., .~ .tamp, arc .ent. I</t>
  </si>
  <si>
    <t>                                           WASHINGTON--(ANP)--Half - way through their first season, the 100 families, 50 of which are Negro, on the Southeast Missouri project of the Farm Security administration, are already showing definite signs of progress.</t>
  </si>
  <si>
    <t>                                           Seek Man In Attack On 8-Year-Old Girl                 Cn:i'\i ::i."i:' IjC. .i--.i -..t .;i. r:..-    iU i U"ca'-.ir V i- 1 Ci :sn i-.-I: ::ioi:r;::ni!: I: ;r. c:-"'. .~.m-J h if! ivc; :i*i:!'-ki--: S 1 i: t: i i by in"::1, v :i. .-I:': v-'-v   li\:--.-rV..'' V.v 1 -.~-~\'.'.u... ov. \iv- ^-a il-i';~ -!"i::i i:;T.v.-.v .-:ur i:.r hr!                 CiKiin'.-on.un Stri'c!.     :ii:r? lo !::i;ir tcE'.jr.. lie '.vni'!:;. j! p:;jo s:iop on    ;; th" i)r;d;;c i'.'.-ar !hn ro:nf-f 'i;(' OriiiiK'"-! Co::iP:~:~y an'.l ^:i:- p:pc rr.tin:.;s3'-'-.!  ;iv:, ( tun ao:- ! :i . it. -vns  In l-:i:-:; ;!:c ,; v.- Uio  v.,~ . but l'.er badly ;\-.im1.1- sug5'.-s!~:d severe ;~!ii bc'-o n:;L t)y iuM" an^i!:   'cl t;r0-nr D'.-pilo 1 1 1 r.- l::c: t lint. i:o m;\( ~,-;ok r.ce v.;i.s    (i in the , i.^ r';;.i:c:t'd ;i:- on" nf 111** nu) t .^lii'.-o!!!'.' r.i;i'~ of Us kind h'.-re in ~-c:i.r :n:i\</t>
  </si>
  <si>
    <t>                                           IriHOP IFTY   s rii(Tl T RQ ""1 "It l^fcJ^-^v^ IL l JL JBii jLj LJ Do II</t>
  </si>
  <si>
    <t>                                           f-^^non1* OntY Colors                ^ 1 Established An*. B, J928: Bttime Dally March 13, I9M Published DAILY and SUNDAY at Zlt) Auourn Avenue. N. rU ay ATLANTA DAILY WOULD PUBLISHING CO. Telephones: WAInnt US9-  ) Member of SCOT!  SYNDICATE W. A. SCOTT. II. founder; C. A. SCOTT. General Manner C. A. SCOTT, General Manager Lucioa U Jones. Managing Killtor KnUrea In the Post Office  t Atlanta, Oa, as  -      mail under the Act ot CongreM, March 3, 1W9 DAILY-- 1 Year J9.25; S Months, U.15-. 3 Montlis, J2.50: 1 Month. SATURDAY ONLY:- 1 Year 53.00; Months ~.0O; 3 Months  ias Canada: 1 Year H^O; 6 Moutba  2.75; Foreign: 1 Year  5-50. Katlonal Advertising Representative: W. B. ZIFF CO. W8 8. Dearborn St.. Chicago. 111. and 381 fourth Ave.. New . N. YThe ATLANTA DAILY WORLD Is an Independent ^  ml non-partisan, printing news  and supporting ScU  "U believe, to the Interest of IU reader, and opposing       against the interest of Its . Address ALL COMMUNICATIONS to and make   lo ATLANTA DAILY WOULD rather than to individuals. The WORLD           repudiates responsibility (or return of unsolicited picture* Manuscripts, etc., unless stamps are sent.</t>
  </si>
  <si>
    <t>                                           City Of Knoxville Sued For Discrimination Against Race Doctors, Nurses At Hospital                 Association Moves For Five Rights                 Agreement In Rosenwald Grant la Cited                 KNOXVILLE T.-                 Tlii' F.:ir.i ToiiiiLssoc Ilosylial Association, roni;~o.-rd of Klyio clu/Ul.-. Cl :ill '.l-.Wl.-S Ol iil i; 01 E.1M  -.'.tti-. ;iK-c! :.iiit iii Cliuncory ~;min 'I'ui^, AiiKu.'ii 10,  ilu- t Hv of Kr.' bet:iu:;~- of Hie i:.i:k tli.  Nocro                 (U/tt jis. and Ne^ro  at. the Knoxvllle CiMifral Hospltnl. Those listed complainants are Dr. M Cbri:. pr-LsidCiit or till! Eusi. Tomif--1 see Hospital Arsocialioi:; l-.'sui- .1. Ij- Cruy, n  of ihf. '.'.. Dr. E. I1'. Li'imnn, Dr. J. M:ll-. Dr. II. Prcsiu'H     Mr. .7. A. Hr.Mlforcl. VVclf:~rf Director . T. O'Connor, Mayor V.\ W. MayiKitt  T. M. Ilayi'.cs .ii-CTiuicr.ili iH -of 'hi: l\,'.~  :   !o (~' Ilosiiilai. : rhc- N'f'.io Unil. ar'1 )l.s( crJ .I'-- !r!Hi:in::;. Fivi-  arr b.;!nj,' (  .-ir.and"U in i he suit: Tiial Hilt-- Ui1 a Ni;:ro Nnrsv Tvainini: School i.T.tab : thai \i:i:ro Inn'riK-s Ik1 a;~::^I:iIt(! for work in tin.' '.tal. K.v^r,-, Phy.' be  to - ihi.Ti". ll-.al a Cnnrtc.-y Staff be : and dial a Junior Staff be -.-tl. All "I ih jsp points v:cru ar.na d upon b;    ; city, !hi; Hn"OP.\v::Ici1 Fond, ami the Easl TiMinrssc-L' HospiUil As'jo j ct 1 ii^i j \ .th1.1 Nt-;:rtt unit. nf Kniixvliii- Central v.-;.:; m ::icl. Tiif N't/LTro unit \i.as t:oir,nl"t^o' i i) ].r.'.'J.'f afl'-r fend.': :~n\n:inl in;- to; Wil.tiW) had bf ii raisi-d for  p'-:. 'JTic .:. i:~'.wiv..-dd imu! '. l c! ;.r,l).C(.O  jf ::u^ :nt tin- Omn'.y Cnnrl ap;ir"-t! SHU.. and 54.203 V.-M r.v.M'd from thi' N'otuo             i r Mi iru 3"~. ::nd laymen. It v.-al :u;r.-~'(! by all who donated that lli'/ funds were lo bi- u.'iod to  (Conti'iiuod on I'ajjr G, Col. G)                 Association Moves j (Continued from Pajfr and c  :m A-c'.xs Ivwpilal in j which N.-.-ro c! and U?;;rc nurses could work with p:iln;:ils ol        nv.ii racial Rrovip. 'Hiv N1-- cro Unit  been  m;: fur five- yo.ir.s  an Incoinplc'.i setup ;md contrary to :.-n-.~:!i- liom tl -.cnt. Tii-d:it'.p.  n N'1- !:ro physician   :is bi.-rn ^pi/'-il I to \\v: Junior SU'ff. no Cimrlcsj St.iff h;is boon ;!i;il, there; have Ixji-ii no N'cj"1'" '-. and! liii.-ri; is no Tr.- School foi SPtfro ^Juries. ir.u.in.- cil  Mjrm- :~i-  to this rank injustice Dr S M OarK ' I" Dr. T ~.HChnn. CWof  f Staff of the Knoxvill- Gt-mTal. :i;~l ;.ski d lo j .-.nv.nfc h ni-'uli";.' nf Id'-- Afii-l.'-ory Commits^ Oil-  t.-.ff with tin;. c(.rar,l;i(',' i-'-prcT.-nlin:: tin.- ii'^pi-, till As.-.. Dr. Liiiinon. Dr. J A. Altv.. Dr. Pri.-MH.'l!. ami Dr. S. F. Dunlap. McClain .qh'.ly I r'- the'  savins that no j suc!i agreement vas  madi' tc'.v.i-nn tlv.- city and the  and '.hat lit- had no  of ; the :            ! N'-'gro -s. The POST, upon examining the pap'.T-- in Chancery Court, found lir.tcd a letter from Mr. GcorK1-' Di-. CiTy Maruu'tr at l.hat I time.  the  asj made by the city, the Julius Rosen- wald Fund, and" the Hospital Asso- elation. Also was listed' the I'.'t'.'.T relative to the  ift of S50.0CO by )r .v.-;:s FuuJ s;:C J:s                 ini; li'.ii :i;, 'Pi'' s'.ill. :   .i-~l i.'v t!lr oi:     :::n;!i,C hs f l :-:Kl by AUiir:u-v J.i nn A. .    ::ry t . '.ds 1)1.,: i!r- :-;^wm;.1 i kins ;     ;.^  .,l^~;~l;^ ci N(.-f:    c:..r:.ir.; !j :.-.v.ml.-~) :iir.-:ii r,i: ur   '(.u\- Sop1 n t f;. "I' !'l il lt'.i:.'JN l:".    C- V- 1 1 lhi.!i '.vhy llu-v :iin;ikl :;.]i lie ;;v:nirc:d Kn-i;- :md--.</t>
  </si>
  <si>
    <t>                                           The East Tennessee Hospital Association, composed of Negro ... of all walks of life of East Tennessee, ... sure in Chancery ... Tuesday, August 16, against the city of Knoxville because of the ... discrimination against Negro...</t>
  </si>
  <si>
    <t>                                           PUIf.SI'.XTS- "Swing You Sinners" In Gala Floor Show Tonight 12:01 MUSIC BY TROUBADOURS Reservation Ma 5106 FAST STEPPING SWING CHORUS Richard "Mule Face" Smith, Thelma Wells and a Bevy of Beautiful Fast Stepping Girls Special Feature Edna RiTey Walker  ADMISSION 40c</t>
  </si>
  <si>
    <t>                                           THE SOJOURNER TRUTH CLUB --met with Miss Dora Berry and was entertained by Miss ... Davis. The next meeting will be held with Mrs. Nancy ... Tuesday night, August 23. The ... Sunday is camp meeting day. All members are urged to be present.</t>
  </si>
  <si>
    <t>                                           ACCUSE TWO IN LABOR FIGHT                 Negro Beaten, Shot Over Labor Issue, CIO Report*                 MEMORIAL DAY                 I By I.KO.N LEWIS tor A.N'Pl                 NEW ORLEANS. l-   III an open statement this week, iftc ClO Organizing  Commluetl Ktid responsibility Tor the attack on Russell Haywood, colored ?man, lost week at tlie door of     men on the payroll oli the APU. Manny Moore and Santos Garcia.                 both connected with the International Seamen's union. w)v.~ wcr:; driving ti cur with a Texas license. Haywood was attacked on Memorial day near the river front by two men who broke a baseball bat over his head, beat Mm with butt* of their guru and shot him in the arm. The CIO group has given this Information to the local authorities und has produced witnesses who Identified Moore and Garcia as Haywood's assailants. It was also charged thai the attack on Haywood was part or a widespread campaign of  of the part of the AFL In nn  to prevent the longshoremen from joining'--      --OIO-. -Approximately 80 per cent of the New Organs longshoremen arc colored, so (he present drive of the CIO to organize the  front Is arousing groat  In Negro circles. The International Longshoremen's association.  \rith Uij AFL at present, has contracts with the steamship companies. The CIO officials  that Uie API. organization has never done anything concrete lo Improve working conditions favoring Uie laborers oti New Orleans' docks, and  this union is nothing oilier  a company union. Thp CIO lias  the National Labor Relations board {or an election  Uie longshoremen. Acting on the , Die Labor board has ordered hearings to Beheld to determine whether or not such an election should be held. In the event of such election, Uio longshoremen would indicate by secret ballot their preference of. affiliation. With both AFL and CIO conducting membership drives at the present time, the battle on the New Orleans water front is expected to  more intense  (He next few weeks, with the Negro playing a prominent role In the outcome. The Ktrongann tactics Juive added much perplexity to lhs .situation, but with action pending in tlv; recent case, some relief from gangster-ism is hoped for.</t>
  </si>
  <si>
    <t>                                           NEW CRLSANS, La. -- In an open statement this week, the CIO Organizing Committed laid responsibility for the attack on Russell Haywood, colored longshoreman, last week at the door of two men on the payroll a the AFL, Manny Moore and Santos Garcia...</t>
  </si>
  <si>
    <t>                                           MISS MARIE BURLEY IS BRIDE OF ALPHONSO SAMPSON Saturday, June 4, was Miss Marie Bur ley s wedding day. She  (he bride of Alphonao Sampson at the home of Mrs. Sal lie Mao Johnson. 327 Edqeconibc Avc, New York City.</t>
  </si>
  <si>
    <t>                                           Says Camp Will Back Mob!                        AUGUSTA. C.i.-  SNS'Ir. ;i r.1 ;hUm.'S* '1 iii-.-.clj.v nidi;. DV [!ku. Di-lU l^t A i loi iK y L:f.vrt.- C;nti;i v: cast in-, vote tor ;jas;; tho  -,' 6'til li G'-'OU'.ia .'li iio?'. him to lit*: [j 8 Sc:::iLc in.-, trad i,f. ilu-      "in                 Sonatur Waller Ocjiv.1'. I Dcscri'L'in:; r. as u i:rv(/,U'd  i:ui :~i(Ir:i; .-.      tin1 NO'-1-' ' i:]) 1:1 *  Cunijrc-.~  :i:;UtiT:: ~.V!t;i ird lr;;;^l: ol ~.]'.:il )O]-i;uirt'. 'Oiu- ol ilu-~f is  n u'.i- lynch iiii; bill. U is ii;ii"illy n^coss;uy U) ?vl j-. C'limp or. recall! a:, to v.'Iki! hi: v;jll i!'j ::i i.!m.s le^'.nm inci* lu: ha.-, publicly jn   luv.'.'M  lor any )e;;i:-):i UK-t: i;v tl;t- l'i T.- .i;:c in.- Ma.-; (Codliimed on Pjirc ti. Col. 1)                 Says Camp (Continued from Page I J ~..-d :h;r. v.!!l :]i"  I li.'s! !;U!on at thu next M-::j(:n I "Tl!o.,c   tin.- letter Ii.;I)t :i[ Uic  M\v,ion v.-in-i; :.i(.. i mc.-i.siiM; uris :;iu-cl, i:ui wiin -.s .iv;a:!i.st nu'.'iMi: i1. but   di-fiT  ~' vo'.o wciv vj^i! by Stn-  GrorKi.' aiu! :.0UiiK'int-rrs (i; r.l."!     I "It ik nut ~)!iNi;,.;:n to think will 1mi;~;h-ii tc '!n:, Jiri.'.!! '.vi1.;-. I Mr. C;nny 111 in..- .Sen:   .-  lo vole :or It In.^tcn:! ot li.; i Senator Georse - to [ mto "i1 fl8!it : 1: nil g( )ii-. in-- i'-.ot: .  iici- una I Jr..:rC3.'uC3." i</t>
  </si>
  <si>
    <t>                                           AUGUSTA, Ga.--(SNS)In a radio address Tuesday night... E. Murphy expressed tear that District Attorney Lawrence Camp would cast his vote for passage of the federal anti-lynching ... if ... sends him to the U. S. Senate instead of the veteran...</t>
  </si>
  <si>
    <t>                                           The Red Sox will return to their own back yard next Monday night to take part in a ...-way double-header played by the Kansas City Monarchs the Red Sox, Birmingham Barons and the Baltimore Elite Giants. The Sox dropped their second straight league game, and their 10th straight game since being away from home by losing to the Monarchs Tuesday night by the score of 14 to 1. This was next to the worse defeat they received since being away.</t>
  </si>
  <si>
    <t>                                           In Pulpit Today                 i;i:v. uii.i.iam it.  -p.isto:- ol UT.i-;i: S'rnct HapUs'. Chiurh. who vill :ill his  tofi.Ty ' A'::);.- .sj.\ uci^k.s v.ic; \n Civ.c.TCo and Rvnr.sion. (1! The .'.'ir minis :(?r-lc;i:lier .i-ill spr.-ik (  .'i-oni ciu' Mibji-cl. "A S'.-ari:hir.K. Try'fK  nd J. Gcd.- Th'j  public 15 invited.</t>
  </si>
  <si>
    <t>                                           2 3-A* AUBURN A VE. ^\$/"S*^ I L Y SAT, AUGUST 20th 1938 GUILTY! JBT     You Are Cordially Invited f. jBf 1111 T  ot opening the finest, most complete JIf Hit I call by today, tomorrow, re. Jlr    or anytime for a look at this matchless Liquor ^       store with a selection mf ^Rk line of liquors served from a modern of liquors fit for a King. It's YOUR MS iSm and beautiful background by men who STORE. Enjov it. Enjoy drinkin*  W W pride in the art of knowing liquor and ,.Wi B M serving you well. . tne right kind of liquor, serviced        by men who make the liquor business y How to Mix Cocktails. We are Experts an art v \A "ASK THE MAN WHO KNOWS" ~....   ^^Dh^^v i^^^l ^^Sa ^^^^r^^^^lv I^j9 B^^T ^^9p^^^^^I i^B^^h ^HI^i ^^^^^^^^^^^^b ^^^Hv^^ cSS^^Hil ^I^EH^^^^B^h ^Bfl^ilS^B^^I ^BMh ^^^^B^^^^^B ^^^S^^k^^b^b Ih^^^^^^^^^V ^^^^3d^^k^B^b a^^^Z^^^^W ^Etk^^^^^^^i ^^P^j^^^^^^k ^^^K^K?~ i^^f^^^^' cor, bell ZSa-A AUBURN AVE. cor, bell</t>
  </si>
  <si>
    <t>                                           L L S .'^nI^^^b^^' ^H c I wen ^^^h  S LINCOLN</t>
  </si>
  <si>
    <t>                                           '^Cokjjgj- ice- r\ 6~,;. AT T83E ~'i".': (.v";;\ sobs a [%~ I'.^i f 8-~~B NTA8N</t>
  </si>
  <si>
    <t>                                           The Royal Sewing Circle met at the home of Mrs. Hazel Van Burea Friday evening. Alter the general routine of business, a very delicious salad course was served. Present were: Mesdames J. P. Bryant, Callie Faison, Gertrude Everett, Mamie Pughsley, Miss...</t>
  </si>
  <si>
    <t>                                           The Bootlegger And The Bug H0J1F.LES.S vagrants Iwril On-y l':itv, The Ixiotliirjrci' and the luis, In fat days 1   ?y got  share The bootlegger and ihc; bug.    '.v hit Uic  a mighty . And sowed tiu-ir victims row on row, They took the  and wi; ion]{ the low, The  and tlie Imir. In the uppermost place  took their stand. The bootlegger and the )~\ig: They feasted on iho fat of the land. The  and the  They took the green corn, rob and shuck. Snapped  babies from their suck, It seemed their lino was born for luek The  and tho hup:. Wo hum? 'em  :is Calvary's thief, The bootlegger and the Hue: Them poor boys pone on relief; The bootlegger and the bug: Since oil and water just won t mix And you can t learn an "Id  new tricks They're  back in POLITICS- Jhe bootlegger and the bug! "</t>
  </si>
  <si>
    <t>                                           Chicago's Southside District Has 47 Of 104 City Playlots                 OUC/iOO- 'AN1~'- Out  - loin ;j1:iy!'.'[s h.   ; been mae e .~v^i! Mimu 83.000 hoy:, and Hi: Is in Chicago :'cii;! c!ur11. g the l-'-l mx '.:s  the .!      ol at.'.lo I'Jltrcto: William J. C^! of thi; NYA. It Is shown 'i-. a  ::i.ide public Tnursciay.                 Of  nt'.motr. 47  rue lcr-! in til': Soutlislcic. center of Negro population. Ai.  100  in all .sc-, of CIiIciko will be cleared and mado rc. for recreational acl!?s Ly Sept. I, Mr. Cumpb;!1                 1 M;r.'Ji:r.u ci. Ij.iM;;ed :n the recrea- i lion.V: ctfc.it. *vh:ch is under the i Lpor- of the C.iic.igo Rt'crca- I l:un cairn. us:. fin ^ly i J(K: NY a -:~::~. TliKi.' youll'.s su;)   ' '.11 noc'.^.sary   d 1 in the clearing ol Oi^ lots, erection of ba.'- b.-:;. fences and I (.t ner inv,i:ovc!;Knls. M.M. arc suppl'.od by i-c co::r:; m ".i  the '. is .e. "Any u;mt::iy in ihi: city may j lake. :idv.iiu.-,KL- vi Ni'A :u;on.il i :;s.MSlanrtj. !   .\spo:'..s]ble cl Li zc.is . to improve the  are?., once ihe weeds c.i the- Property arc cut and O.ebr^ removed,- ex- j plained Mr. Campbell. 'This play- '.ot  for Chicago is otic of the. '.east cxi)C]i5ivo nx.'t'.'.o.l.s of success- (Continued on Page 5, Col. 1)                 Chicago's Southside j (Cvntinu..-,) from I) j  con:lj;itin;; youth  r'.~ ii Mi^u: ;itc(]." I'r.dcr the U'laiUilious, ;ln- NVA .'.s tit.t ^l )m;;rovi; p:i\;tU: i-pi i t.y  jjr  a ]~-cL is ;:;-.'(' by a public ui^nry such                 ;-   '.he Chicago j?    '.~tion.;i3 rn:r,.:1:. A i.'wr); inc1;o;iii'(i '.!i;ii. on In; j'.'-J ]i!.~.\ic:t.-. ,:li o. 3::ip:u\ i-cl NYA. a tlr.ily  :j,u-j;i  cui:is 1    .' c: rr.c .v.u;:'.:il I.ic:iK;i... n: ^ 'JJ. we, -lily.</t>
  </si>
  <si>
    <t>                                           CHICAGO--(ANP)--One hundred and four playlots have been made available to some 83,000 boys and girls in Chicago neighborhoods during the past six weeks through the efforts of State Director William J. Campbell of the NYA, it is shown in a report made public Thursday.</t>
  </si>
  <si>
    <t>                                           KELLY--Funeral services for Miss Clara O. Kelly will be held this Monday afternoon, 2 o'clock (Central Standard Time) from Red Oak M. E. church, Birdie, Ga. The Rev. P. L. Inman will officiate, Interment church yard. The funeral cortege will leave the...</t>
  </si>
  <si>
    <t>                                           ^~kk-:k-:-:-:-:-xk-m-x-:-:-x-:-x--:":-:-x-x-x-~-x-~:-:'~~''/'~~~o-~*v FOR COLORED PEOPLE J S PERCENT INTEREST j No Red Tape No Waiting { IMMEDIATE SERVICE X j Lincoln Loan Association i/iy GRANT HUIUlINti Comer Walton mid Uroud Streets WAlnul 2046 j</t>
  </si>
  <si>
    <t>                                           Treasurer Of Confab                 j 1 1 i f i i.i::i;                 'I-'. N'S A Ci"..\ i-                 SWS                 .Mr. l.:i- i-. tn.i-nn-,- nl the National l - l^.i lit]-,! (Vnven- [inn anil . i r 1 1 it ll ^m in .r.il K.il i--l.:ti- ".- .Mr. ami Ah-. I.i-i- h.ivr i!..i:,- (~iii!c .1  v\ i,:li'1;iiu -in.-,- .Mr. I (1's ri !ii-:ii in I'-.M. 'I'hi-y  i-r.- :nl i'.i</t>
  </si>
  <si>
    <t>                                           Postal Group Celebrates Anniversary                 i.'IUC.-UiU i I'.v :Vivy HinOiin:- ANP-- Th-.- .\':it: Al]ia:;cv u;" l'i-~'i:i! rJ::      '~ wi!i   .'IW)ra(e     2."~!-l:  Vi.T^ary Oc:.T 1  .~.\'.ii o:m-~ ur;- i k' i \!\l- a u s 1 1' c s i' i l 71!; n:  i:i ;is m.'ur.' '.s i:i i pails u! t i::;;['j(i Hlaiu:'. Kach I                 ~.ii the K.cal bodies v. i I   ohl ac    ::v^,'\-. arranged -. a vii-w nf ,-t: f v: i :i ci r:^r      !ji\-t '.--b Ni-'.- in all depa::.ii-.e:'.    uJ t^;1' i':'lt::.i! :.:i..\ e:n:::e!il., * L1' Lalavc'.'.e K. l-' u: Lit.:.. M-.. ju.'iiu.'!:! ll:t- nai-H'tu! u:v [1 i.::ti iom CK':.i.-i:'i-:i'.l!!-~;:. li.'.^CIK'ii l-JMiliT ll:t !;  ;.:!;i:i: '.r.i1 - \vi[! cumi t ::i,- w.-i k's Lvi'.' i:... i ilv.-i- ,li:L.:U-i-. O:'i;:ri!:u-J ii; l Jl.'i al L'liiiUaiu ui;:~. Tcisi v.nii i\-~   ;M':r.:il;\t.-s Ti).'!;1. 1 s::'iU s tin.1 alliance iin'.v i-hiii::., r.ii.-mbci-s in IS -s :'iu:)\ u.r At:a:i::c to l!;l* l ac:!ic,  I": urn '.lap Cjioai Laki's to the Gulf ui Mexico. Diseriniir. ai;ai!    Nt.^ in the Pu^ta! :;r[ vice by tlK f oi'^'..ations led ;i; :h,. I'linnation the alliance fur the pioli :'. uf thl\   of .s :unl ;:^ho\it it.-- history     1'.;^ con. ~;antly  :1k- rij;lit-w of \e ;;rot h \vi:iU' ni:in\' uii ups of ^. .'ii; w. hav.- sni i-p.- issues vil.-il 1.) llie Welfare 0.1 Wk'riH'~, j^ ly in (Miineelinn \'.ith pi .s anil pit.-1'i-n-tfi! a.-'.-. In li'2r., thi' nri;.ini/3t.iii:i ! ln-ai!    : tiT.s in \V:i.;hini;to i, D. C, with Welfare bureau, am! in I'.l.'lti, a full  U'elfmi' Director was employed. Other officers are Alvin \V.      , Atlanta, Gn., vice pros.; Leon M. Anderson, WnshiiiRton, D. C,         )!-y; Kobert E. L. , N'ow Orlcnns, Lu.,     .~., and G. T. Gray. Indianopolis, Inj.. NvcUaie director,</t>
  </si>
  <si>
    <t>                                           CHICAGO--(By for ANP)--The National Alliance of Postal Employes will celebrate its 25th anniversary October 1-9, with exercises under the auspices of its 72 branches in as many cities in all parts of the United States, Each...</t>
  </si>
  <si>
    <t>                                           A TLANTA TOO FEW A  KNOW                 Auburn Library First in Series Of Local Features                 15y WILLIAM 1'OWI.KliS, .IK.                 A i i:i j .'.-.vu.M co; ol ;V;v, Mai.ti.-. l\:~: Ain.u:.. /\V(.:ij'- ii.a..i;.j 01 L:;'. C;~r:.'j,:i:j Ln;r.i:y. j f j:;i!i.ii :n \'J-'.\, I iic : u:;iL u! l::f ALi.tr.l.i y.:L'.i:i v. .i:i in- it.'::d'.ii i j i.L-r. t tii;:. .'~i.i:.:io;i of '.:  : [;o;)i;!a*.;i':i oJ ihi- ^rov.;:::; C L'O'.'ir.-.L                 lH':l":  ;ci:::. S'.-vc'.i.-i'n Veal:; ial'.;. . finds '.I'.::: i:lst:'.tu:o:l Mancj]i wi'.ii :in  :,-.a!f a::'.: :huus;.:i:i bo'.1-:.-., l-.ir :oa Al:..:U.i:! v;.-.i; ih'1 b:a:;ch or :rad :   boor..-, ho-.veve: IU';:ci:~l by Liiii.irian M:;-s An:::'Wnll'-is. o'.i'.r.-; wort:-.-!':, .it. !h-ir. n'_": 1 inr'.ufi'-- As.-::!.iir. LibrarMiy. /abah Brown; Ruth Cr-, V.'PA v/o:!:c;- in ihr branch building: Giarlcs Blackmor., U PA  j;~r'::rr at  U:]iv(':v-;:y IlO!l'.'-. branch: Theodore C"K111:111. ]).i.^c: ami .I'.'-1-:-" Dob1-:-. jam- icr. flip ]i'.~::.ry    ;i::''li I1- i!~)~jori''n Ire 111 1 lax It rcr.-. rv- :cr rjl i;;n!~il-i-:i. ii::ilu;il:,. -j,\y hc r.'j''::- :inti h'. i lid j ll'.O!:!! .'S AtccrdiPR    tin: ". : v.vi-i: lO.OLi'J 011 thi! library thrives on .J.i:'.u;i:y 1. 11137. Th;ou;:a tin; c:~;'.rl u'..'l v:.i;. not ;iv;i:ir-b!c.  li:is L-.-'_-   svi,s\j.r.::;i'. 1:1: i- :i.-r :,iiii:~ tli.il . Uuo:-; cii- :us of .Jamuay I, l!i.!7 tol.ili.-u -i.iOD. 10,1'JU 1. 1..-, ami 10.5'iii l;cm;; :i; the Ur.ivc:? ny Iloir.L:, ur.:t the ;V.iiU!-:i Branrii. ^tm:1. US9. In ti:i; county it. w.is :m"'. v-''--' i i 1 c .s in 1333 :_;c. :11m: h:;s i;l-:-:i an ? in c-'ci:l;;:;on of SS J. M'mbi-n- al tin- A-.:burn I3l::iK-il total:, lO.lC J. O.i:i7 ~:l '.vi-.u-i: an- adult, t'.-.'j .Tlin-r ::^li.". I-iii-.i.1 juvenile. Oi L'-c ks rt ;-.d  (^; tl-,1: vi ir, .l.Ob'i arc   Iti1.1 1, of i-.1. ; i'.Kf.j. -iKk: : l.:il?. !.ck mi-:'. 1 My n.'aili-i:-: and l.fi-iS, a'.h'.lt :u(.ial M.-1CHC0. Ci. Hilary to ilic belief i 1 i i  L- i;L-jpU.- rt-.id ir.u..'.,  ^-orN Ji.-j - ti-.ai       ; 1 !:.nni-i^ tin: .r.lio:i . i ,,n- .-. pror c -jn. ;-'.:lh-i. , i.uol::-. 'i-.a:dN, bu i-i jib ami o:l;c-.-    !(.'Mics. Jr'ew  "1 iho In-;,'. I..-.- tver visit the  oi;:ncn. T!iu:. lai- Illis .-.car. tb': IoIIt.vip.:: Iioc'ks li.i vi- bi-i-u I'- 111 p-.~pn- !:inly witli : Motion) "Tli'Cilaiiel.- "And So Vh:'.o:t.i/'  Wlll'i: B-iui'-!-. Mii:. I'lo'ai ll'.-an": 'nun  1 "Hmv To Win 'Friends av.d Iiiiiti'.'m-i: IVopIc"; u:\lci   b m.-k.- Tom's Cluliircii-" -Gn-,: with tl-.c Wnu!" c Jiitinii''-1(u ))v ;l " '" bool; as --v.i-* the i;.im: in HKiu and I!1 .17. Tl:'j Au- 1. has oia: ~;1 till- 111':.! Nrtfro :;OOi; .cns ill ;ln- city, numb ; nvi r oOC copio.1,1' -.   :ic. TiiiiH an. tM bi'.'-tir.d tlio I)".--!. ii'.aKa/.iii'-'s. daily ji:d AC'.-   - !H-A:-pa;)cr.s :ina :1^ Ik'Mclcs Irncii:;; ::;. 'li'1 ::ij:::rv \vo:'i:l:s ir.:.- in  r (.-oir.'.y work. Tlicrc i:. a Ciiil(i'-cirs Rradhii; Club which cni- I lie art to .sin.li nn cx'.cni. ,'li.ii ill tlic 1'iic! of n given ;v.-rio;i. dii.' arc- av.- In ilic lr?i\iy.\:  :il'.":.--t. Tl'a'rt: is a Children's S'.ory Hour, which  once a month ar.d lias proved imi'' -; to ~-cn-s in Hi'.' i ify. A I'lipprllf-rs Club   .:. Ihrourhou!. Ilic year. Lasl vi.ar. t-.\o plays were produced. ; re;~-- several   . Pook displays an' often ::-.:u!c a!  niLs and in -.v .vs u^ Hie city. The  of Iho br.inch cives as n sort of '.y ''i"-i- '.it. bei ic u?etl :is a mn- place for ^e\cral i;rot:~n. Because 50 fru-  Atlanta:;-,  the br::nch. the buying of books Is  Hy kept to mill- inv.im by these !n ch.irre of pur- j . Colorer! person? cannot 1 ' books from t!ic uptown branch and there ir. i:   Inter- (Cnntlnwil nn pair fi: ml. 7                  Atlanta Too Few (Continued from      1) '~l. of book.s between Ihc two  it was pointed out. If there* were more borrowers. ?.  be :nadc more frequently n:id In  volume. Heading 1:; one of the best h;iblt-s among both youth and adults. Atl. should not. fall to Like  of the offprint ol Hip Atlantc. Branch.</t>
  </si>
  <si>
    <t>                                           At The Southwest Corner Of Auburn Avenue and Huward St., N. E., Stands the Auburn Avenue Branch of the Carnegie Library Founded in 1921, the Colored unit of the Atlanta System was intended to serves this section of the population of the growing Georgia...</t>
  </si>
  <si>
    <t>                                           Almost a decade age, four nervous young singers edged up to an NBC microphone, watched anxiously while the second hand on the clock sped around to the "zero hour," and as the pianist struck the first notes of the accompaniment, began a series of broadcasts...</t>
  </si>
  <si>
    <t>                                           i I Bail ay Theatres I I i I 81 i Tl /TF.F.RS "II f ili,. Ro,Ui,V '~~ii.;. Tyler1, l.ucl:" .,.1,; lw,~ Comr. j /?or/t/, i i TAli/.AN S Rli.vr.NCr.": j ..I-.., 0.A1F.TY C.HU.S n.uli Gw,!,,,, N... 111. ASHBY 'TIM: BAT W1" I -S:,.- Lc.vi-d A rir-.,i:in" i ..    "Wilil W.-!.l I)k^' i no.        I BORIS KARI.OFF ii, "THE ." i  'The Rjiitf n.f.M-.d-rr.' I and "R.mI:o I'ntrni" j I I i -~IZ!.1' i Scrr,-:,' j Sl.lire.' j V 1 C- T n;l "'~'CNTC Mr L AC. I fj CARLO i AM  o^    r..,'  B" I VoVvTl i EXTRA I S;.-c;~l Picturti! SOAP BOX DERBY Sciiaine's LINCOLN Charles Starrett "SOUTH OF I ARIZONA" Sciiaine's HARLEM "ROVING CARAVAN" ai.:,    \\u cast</t>
  </si>
  <si>
    <t>                                           Columbus Boxer Dies Of Injuries Sustained In Fight With Atlanta's Obie Walker!                 COLUMBUS, Ga.-(SNS)-Death abruptly halted the pugilistic career of Oscar Jenkins, widely known young southern heavy weight boxer who fought under the name of "King Kong", Monday, here at the 'station hospital at Fort Benning where he had been confined since last Wednesday night after taking a terrific                 beating from "Bearcat" Obie Walker, Atlanta fighter. He was knocked out for the count in the tenth round at Doughboy Stadium during an all-colored show. Shortly after the fight had ended Jenkins was rushed to the station hospital when he failed to regain consciousness and lingered in a coma until his death,                 cording to army physicians who attended him. Officials here plan to hold an inquest and perform an autopsy to determine the injuries which caused the death of the deceased fighter. Walker, who commented following the encounter that Jenkins was "plenty                 tough," could not be located in Atlanta last night and it is not known whether he has been informed of the tragedy. The Atlantan fought in several international shows in Europe for several yearB before returning to Atlanta. He is well known for his ability to stand up under severe punching.</t>
  </si>
  <si>
    <t>                                           Officer George Williams Thursday morning was justified by the Civil Service Board in beating four Negroes with a cue stick because of she "bad character of the premises" where the assault occurred.</t>
  </si>
  <si>
    <t>                                           Last Sunday was quarterly conference at Nelson Chapel. The presiding elder. Rev. Moore, preached a very inspiring sermon.</t>
  </si>
  <si>
    <t>                                           State Baptist Leader Speaks In Cleveland                 . I.. A. I'ink- ton, mm ulster or j tlu- hi- Tabernacle li. lIi im-1i. ti u t -i %       ~. to the. l:\i- Or 'I". Walki-r. president oi tin- O.rn ral .Mi*sion.iry Hap list O'lvrntinn .if Gror^i-i, "ill br the ;ni".~ spr. Sn inlay  at '.i:'.'M. mi tin- "Win;;*, Over .Ionian1' prc^nun, winch will in: broadcast fiom (;ii\i Uit(!, Ohio.  vcr    - Cu- In      :i ;.    . l iii :~st mi u:il  IUr;iL-h in i     l ilh Aiviivcrsary  vs  l tin- . M. I". Wa. iM, ;i Clrvi'l., Sti inlay morn in t: :it 1J::;ii. Tin*  of Gmr^'ia arc ~(*p(ir(       iu j.-i^ their Mew         in his ; iif I lie m-u pn.^t o.-si\ c pi oi;tant of "'Kt'li^ " (^li special "~ hi Id in \. sections of the Ma*.-- tci mni-lrts ri  ^~.or^u r^. Tin.*, ri. .1K0 I)    the pi.'.' )-st;il)           of riu-(~I-~~:ir:tl 'I'r. sc- fm ji. misters am! ^imis -rs to hf Imatrd in some1  lur:i(t*il in- in (.</t>
  </si>
  <si>
    <t>                                           MEMPHIS, Tenn.--Lamenting police brutalities in New Orleans, La., an ANP release status that the National Office of the NAACP in New York announces that its course will be "determined by the actions of the local ... the matter of...</t>
  </si>
  <si>
    <t>                                           SOMEWHERE IN ILLINOIS OF WISCONSIN -- (SNS--The Atlanta Black Cracker have inst completed a barnstorming routine in Indiana, illinois and Michigan where they have played white teams at semi-pro rank. They also engaged the Chicago American Giants in a series.</t>
  </si>
  <si>
    <t>                                           I MONDAY MIGHT 9 O'clock 1 "Summer Time Swing Hop1' S  AS COOl. AS    : WANT TO Ml'SK' 15V  M-:\\ AM) HOT I TROUBADOURS 25c SWING TAX 25c</t>
  </si>
  <si>
    <t>                                           I FUNERAL NOTICES - Mr. Morris passed uw.iy Ml n local  September K. Funernl will be  . Polliird Funeral Home.</t>
  </si>
  <si>
    <t>                                           PARIS--(BY for ANP)-- The world in general, the world of color in particular, is the poorer today from the death in June of two of its leading intellectuals, both of them men of great talent who in their different fields, have done a very great deal...</t>
  </si>
  <si>
    <t>                                           OCTOBKk DITTY "Y:i:uir-.- ;lv i fi-' '.:i i "t oii: w ;i li :''i' ~~~~;i! v l:1 'in -n "I ..-.ii -;j: ii i_:r. m' i'1" ]-.u t!:,- win' ~~:i' -r.ii' '."ii i;i" 1.1^ U'lCP'. h".' I'-ir,-;- I l;.:.; .1 ir.-iv. ];iil ^!i.. I --i.i- y,y. i Si-(! -llr i t J I .-:i:'i: i I l:"- i!"l I"1'v.- N. I-: i-: i ,S!ic'~i a ' i"i. 1 1 I V-. Kn v.- ..1"  i.::.. -::-.-.-.oi ;l.r '~:il!- li-'' S!k-'m ix1 11:1 l!.i i:i-i'.i' ~,::iii'.' Wiiili- she ;--l -h.-M   - i:. :i '-a.i 11^: ]Ci she  l i::u\ lin- ri.^iii ]ii/-K-:</t>
  </si>
  <si>
    <t>                                           KENDRICK--The friends and relatives of Mr. Barrel Kendrick, of Scott. Street, Mr. and Mrs George Derricotte, of Hatching. Ga.; Mr. and. Mrs. Albert Garr, of Rome, Ga.; Mr. and Mrs. Eskin Kendrick and family, of Atlantic City. N. J.; Mr. and...</t>
  </si>
  <si>
    <t>                                           ANGELS WHOOP IT UP ON WAY TO HEAVEN                 .MILTON, N. Y.- (INK)- Ileavi'n- Angels of 1'allier Divine's Clock Itavc a n- I inn: on I lie sIi.!;iI New Yuri; which -cl ( up I lie river for a                 day visit ;i( their new "heaven" (he former i (~slate nf I lowland Spencer, just across (he river from I're.- KuosevellV Hyde Park Home.</t>
  </si>
  <si>
    <t>                                           Miss Gussie M. Pearson, of Thomaston, Georgia, formerly of Atlanta, remained in the city for two weeks alter the close of the Atlanta University Summer School to visit friends and relatives. She has been the house guest of Miss Margaret E. Williams at her home...</t>
  </si>
  <si>
    <t>                                           Many cities in the last few years have seen the replacing of an unsightly section by beautiful, modern uniform structures, built according to plans that include modern conveniences and as many cities have something to be proud of. A few days ago Chattanooga lifted with pride at the knowledge that she too could accommodate a "Slum Area." Today the first site selected for colored has been recorded and includes the western side of the city lying...</t>
  </si>
  <si>
    <t>                                           JENKINS--The many friends and relatives of Mr. Edgar Jenkins and family, Mrs. Louise Jenkins Turner and family, Mr. and Mrs. Warner Post and family, Mr. and Mrs. Dessie Berry and family, Mrs. Ollie Watkins and family of Brunswick. Ga., Mr. and...</t>
  </si>
  <si>
    <t>                                           TIM TYLER -By Lyman Young                 FELIX, THE CAT -By Sullivan                 IT S A GREAT LIFE IF YOU DON'T WEAKEN  By Jack Rabblt                 -By Cy Hungerford  Y                 DOROTHY DARNIT -By Chas. McManus                 HAIRBREADTH HARRY</t>
  </si>
  <si>
    <t>                                           7.1 .1\V;1! i ii 11..:1;;,n I ht 111:" I ;1:11 eN0,.'Ctin;: -0;a1,k (1.; 1:1;u1:. a:</t>
  </si>
  <si>
    <t>                                           ORANGEBURG, S.C.--(SNS)--In one of the most thrilling games seen in the South Atlantic region in a number of years, the powerful Morris Brown Purple Wolverines Struck "pay dirt" early here Saturday afternoon to mar a brilliantly planned South Carolina State College homecoming day and defeat a valiant crew of hard fighting Buildogs, 14-6. A colorful mid-October throng of more than 2,000 spectators witnessed this game of games.</t>
  </si>
  <si>
    <t>                                           They're Lovely To Behold                 It t ;m :imI\ miu wily       .ui  li.r irp jl. ol ;; 111;- :     ;; r. ii. Aincrie.i. . .1 ;l:imr .il  ^^ Invrlv s.'mli-iil^. Sli'nin in *.l'~i ~)1mi(k [clt   ( iif;lit in  .ill- -^^ ,M:,ii I.:, vein.' Kt- "f \KKslnn-. :.liss.. :,,K1 SLilln- l-:ii-/.un-lli I'uwlrr ol li-v( l:. Sl.ur. in li:n n :ii ^iis-.i^ IMii.i .1 n I i-l t,- Kvli- nl Di-Im.iI. ~;iw:iii;i 1~:ivi- n.i Jli-li,.U, Dmi.     ; lor.l     . uml Wilmj Lit WJlliii^Ciin ..f OIciiuiIul'I'. Olllu. ill Ixitliilil ri.uill. hi.nt     :im-  Ii^^l'^ M.~'\ ~.:ilr lp,i..uu .'. Fl:i.: I'rrd.i I'lirK-l nl l... . Kv.: (:iln,- Nil li.il.i^ .if .Mull. Ic; Cwi-Mtlnlyii Ili-iny d.' Niulii-ny. S. C. : .M.Mi.in IliM.i't- ,{ ~'.ls;o. l!;u-r . In li^lll. .'Vlissi-s Ili'lilnr !M:ii' SunUi ul '.Uill. IW.irv Alii i- \unii:  X IIimimiumiI. Ti-.\:is: KiiIIi .s ut" Di-Irml                 ;ili(l .Mildred l ii Uilti- "f fl:il lisl.ni. S. iSt.ifl I'luHo*      U.iy I</t>
  </si>
  <si>
    <t>                                           Dr. Mary McLeod Bethunem now Director of Negro Affairs for the National Youth Administration, will speak at the public mass meeting of the Ladies Auxiliaries to the Brotherhood of Sleeping Car Porters in Chicago, at the Church of the Good Shepherd, Sunday afternoon, September 25. Mrs. Bethune is the President of Bethune-Cookman College, which is a result of a merger, one of the schools of which, Cookman Institute, was where Mr. A. Philip...</t>
  </si>
  <si>
    <t>                                           Scott Prentice, young Boston lawyer, has grown up expecting, to marry Whitney Prentice, his distant cousin. Todhunter Prentice Jarvis, Scott's second Cousin, has left college to take a newspaper Joh--also in Boston. Tod adores both Scott and Whitney and...</t>
  </si>
  <si>
    <t>                                           Bishop Returnr, From Extended Eastern Trip j                 ii;:\"r;\~;To.\'. w. \'a.                 s.v?                 BISHOP C. F. KYLE of BIiK-field, We it Viririni.i, who is well known in Hi-, having .- in .1 number of Ihc local churches, has just  to m:r city from .111 i-xli-nr.~d trip in the East, where he spoke in New Roch.-lle, New York City: Philadelphia Penn.-..: and Darby, Prnna. While in l!ir , BiM.op Kyle the  Rucit of Mr,. Cora Griffin, 1749         Avnue.  lie an l;i-     lii% miny friend-, and - who desire his ^s.</t>
  </si>
  <si>
    <t>                                           FUNERAL NOTICES                 HARDY. Mr.-. Annie G. died Sun d.iy. October Si-slcr of Ri:v. .1. II MiTarim. Mr. C. C.McFarliti. i Mr. B. W. Mi-Kirlin. iind Mother of Mr.s. Ciu.l.:-!(.' Wynn Walker, )ier jnr.i ra] \vi!l bi:  by Ivy Broihers Morticians WOODWARD: Mrs. Itobc! l:i Woociuarc! of tiJ J Smith Si- pa.ssed   ':iy .'.i:  -ie:nlv Octujur 2. I-\nutr;ii i ;i[::'.! i;!iur. .-; IJrothCT.S. I McD.in:cI -i. SCARVER: Liulf Aoiv        . Jr. of B-li: l-'J Mliehi-11 Sin-cl S. V.'.. pa.1.  av.'ay -j( n  i  Uci'ilji-r I-' iil :m- nuia!cc;d lau-r. I Si'lliT .-,. : Mrs. Il. Grant died MiclclKily Oi't. i1. ruiii ral -r lub r. Ci. lli.-nry , Mnrii.'lan V.'R..ANlJ. Air. CHailCs-:rri0:i(l-,   cs c! Mr. and Mr-. C.us Wood. .Mi-. Eil,;ar Wi'.s'..'i'.orel.'.iKl. of Ktone Mown- Li.1;:. My. .' V.U-MinutclunO of Cit'\ L'laiid. O);io. an?  10 :i.U(jnci tin: funeral of Mr. Ciiarlii' Wretinorcland today iMo: at 10 o clock at ;he esi(!(.-:K-c. Rev. c.;ikon and Rev. \V')o;i^on, o:i.c:?.t:nK. Intt'rnient. S^cn:' Moiuiiain. Haucabrook.s.</t>
  </si>
  <si>
    <t>                                           What is the greatest industry in he world?</t>
  </si>
  <si>
    <t>                                           COUTCH--Mr. Levy, husband of Mrs. Gertude Coutch, died October 7, at U. S. Veterans Hospital, Tuskegee, Ala. Funeral Will be announced by Ivey Bros, morticians.</t>
  </si>
  <si>
    <t>                                           '~AC.P.'rWO -S-Cf.ANTA DAILY WOULD. ATLANTA. i:    ^IA_ Sl'XDAV, Al'CCST 7. IMS LfflE" "^VVOJRiLlD"T"OF WOM Jtii-Nj.</t>
  </si>
  <si>
    <t>                                           MEMPHIS TO VOTE TODAY IN PRIMARY                 Thousands Of Nej^ro VoU-s To Be Cast 111 -r F.Vtrllt                 NEW DEAL l.SSUE                 j 1 1 1 1 I r l:i.-  ii- n.'ii I..I I... i.                 i i- I i</t>
  </si>
  <si>
    <t>                                           MEMPHIS, Tenn. -- (SNS) -- The bitter primary campaign here for the election of a senator, in which Ed. H. ... and his powerful political machine are supporting Tom Stewart, will be voted on today.</t>
  </si>
  <si>
    <t>                                           THE PLIGHT OF the Jews in Germany gives food for much serious thought. There will be offered thousands of various reasons why the Jews are undergoing such suffering. Being the most renown of all races, and the favored nation of God, it was from the Jews that Jesus was born. While many Jews believed on Jesus, the majority had and still have no faith in Him.</t>
  </si>
  <si>
    <t>                                           Ascension Services of the "Mighty Am I" group in which a mixed audience of several thousand persons participated on last Sunday night, marked the dosing of two weeks of twice-daily services at the Rialto Auditorium directed by Accredited Messengers, Mr. and Mrs. G. W. Ballard.</t>
  </si>
  <si>
    <t>                                           12 Late Witnesses Held Under Guard In Fulton Court                 .Judge Paul 3. Etheridge. of Fulton Superior Court, Tuesday warned thai, late witnesses will be Jaili"d hereafter. Twelve witnesses, seven of them colored, were  for an hour when they reported late to the Judge's court. All the witnesses offered excuse.":, but all were held except one who  lie had a puncture. The others were placed under guard for more than an hour In the corner of the courtroom under Judge Etheridge's direction. Later they were called        him and delivered a stern . Til Judge pointed out that tardiness "Is .B court action and is costing the county money, and must stop." He released them later .g. Don't let it happen again." I-AUGH FROM LOUIS NEW YORK- (ANP)- Bob Pastor's managers offered to allow their man to train with Louis, provided Louis did not "knock him out." Louis sent word back. "When I do my road work, I don't use the vine. I like to be on the road." RUM IN SCHOOL YARD BIRMINGHAM. Ala. -(ANP) Two policemen Friday found 12 gallons of Illicit Uquur. known because of its potency as "Joe Louis Corn." buried several feet under the  of the playground adjoining the Kingston Orammar School ifor Negroes. Officers are now hunting the "burial agents."                 JOSHUA JONES By I. P. REYNOLDS J" . ZJrtl wild, "iMtt wr*k HUUf Llzii'ii Kon iru  proud to   t lila "  kln"; but     hrt  lie had Jiut on* of lbo*~  chops. t</t>
  </si>
  <si>
    <t>                                           THE WEATHER I  .</t>
  </si>
  <si>
    <t>                                           Dead End Kids At Ashby                 11,,. "D.-ail lii.ii" Imk ;n-i- in   Cri,,,,. S..I...1.1".    - film 0(1 r.f.-.~-~.l.ll..ry lif.- winch ..~H-l.s thi."- 'l-'V B.ul.-yS A. Ih.-atr,. . TliryVe known st llif   Uri tl Uie .</t>
  </si>
  <si>
    <t>                                           ^8   DR. BENDER S 12-l-l^G   ':; Arc.</t>
  </si>
  <si>
    <t>                                           Bailey Theatres 81- EDW. KOB1NSON in "A .lii;li[ C of Murdrr" I'~.-~.(-vr- in ,\.itur,^l Color ..iu) -Tlu: Lour    ,;.r" i ROYAL j WALLACE BEERY In "I'orl of b  Seal" I .     .1 Surprise Picture .Uld L.~   , New, 45//By j "TWO GUN MAN FROM HARLEM" will, ALL COL(   :D CAST 1 also rile Funnifflt Comedy Of ll,, Yr*v I j LENOX i "BORN RECKLESS" will, Brian Doi.~i;vy, ..Uo 'Brr.tti.lrs* MmuL'nb" ^nd l:~~t Cli.ipU-r of j "iOS Co-"</t>
  </si>
  <si>
    <t>                                           The Sociology Department of LeMoyne College announces the appointment of two of its 1938 majors to scholarship for the next academic year and also the recent appointment of four of its graduates to social work positions.</t>
  </si>
  <si>
    <t>                                           Wife Wants 'Her' Share Of Estate                 lly CI.AIU-NCi: SIMMONS                 .ANI). /VNPl- Cmr.lr.'dman 1 1 l c T. Ga..iy. in lit. capacity a.', -in ;:Lloi ney-ai-la1.1.1. '.'."a'. '.r  m Judi'.e NrLsun Ilicvur's P:i, C'f'inl this -t-cnc; help unravel tile !c!l;:il M'.a:r Ilia! has (a.- nut tilt' I'.oni'.-nl    li'.c ;lii.i:li: I'.'-t.-ilc  t Monroo Mnt'.lcy. 1:~:" i:oo:'. ol  -ildi ll a:.(l '. v.-.i.s  j a v.cD-V.ikv.vp. !il;'.i:i: ::boul to.vr.. When Mr. M'.' died March   . I J'-.ii. Allv. Cia.s: a'. v.l'.o  !':in; to M'i'.i'.i'.v':; (lentil. {(~ .al'.f tl:~; last w i 1 j and tr.s'.:iy.h-y.; :~f tl:r- dcci.1. i^cci and had fj:;     ui aia'.-c tin? .     -;miv lie lnu:-.[l Moltlcy 1:1 a !ll\ stale a: (hi; l;mi: of hi:, vim!.. hh-.i  s "ii bi  Mrs. C:e:iev,i Mutlli.'V. '.'~h" ;d to be :hr deceased nmr.'.s commonlaw '. I- , .v li'.a'. Mot!!cy had inar;n:.l oil'- Amelia MoUk'y al SI. !--Mii!-. Mo.,  ;1 to !- ;ir.(i had .tec; ironi her nrr.'.- 1" prior his a-nval Ikmc. TIii.ti' was im lc::al . tiv: new Mrs MdmU-v claims, and s!:e st.'e'r'.s h'-r i r j i 1 0 i tile :!'ie:'.. In KiliMi-.ar.- Ens; i:il::L rii:. tr!r;l ^'hcrc (ii? Uey; -lin-fi: .'".lnc^ !fC'."i. is claimed thai Mis. Geneva \Tot:!ey \va:. loo!:cd  a:. I1.:.,</t>
  </si>
  <si>
    <t>                                           Vmj'AN l)0~.      l)IL..-i                 H:-:nTFC;;D, c- 'ANpi- Dr. \V U .Sii:iip. (JO who h:;d pr.-;i in Hi- .'or : 30 yci-.-j; Mii!!ii:iy r.: uii-.-v a 311011 ~;ii.t:.-i. *"'i:r.i.-i':i! ..i-rv W( l;.~lci :.V.:il:;r:'(1:iy. D:- Sl);.r;j c.::rn'  shortly blr i'.:'ac:i;;,i]i:i: i!i;m Slu. n 1 11 v- 1 ily ill HaKu;!i. HiJ Vkidi-ly  in i)if j): nfcs^ ion In          :i.-.s. his MCtiviur.', li:   lesser !d      :tlt r;-bly 110111 his (.nee  i)r;u-:irc. Hi  forced 1:1m ll\lo r.y.n- jell; I'n.iru.</t>
  </si>
  <si>
    <t>                                           During the past four hundred years since the African has been in contact with the European in the Western World, the culture of one race had important reaction upon that of the other. The white man has imparted to the Negro his language, literature, industry...</t>
  </si>
  <si>
    <t>                                           CHICAGO--Eleven football stars, leaders in the nation-wide poll to select a representative colored grid aggregation team to meet the Chicago Bears in the first charity game under the lights at Soldiers field Friday night, Sept. 23, were tentatively namer Monday by Head Coach Ray Kemp as the starting team. They are:</t>
  </si>
  <si>
    <t>                                           Atlanta  Ui N*   't Onlr Colvtd        Published DAILY and SUNDAY  t 210 Auburn Avenue, N. E. By ATLANTA DAILY WORLD PUBLISHING CO. Telephones: WAlnut 1459 1460 Member of SCOTT NEWSPAPER SYNDICATE Established    . 5, 1928; Became Daily March 13, 1932 W. A. Scott, II, founder and Publisher, Aug. 5, 1928 to Feb. 7, 1934 C. A. SCOTT General Manager CUFF MACKAY Managing Editor LUC/US L. JONES Auociate and SporU Editor Interrd IB the Post Office at Atlanta, Ca., as second-clasa mail under the Act of Congress, March 3, 1879 :- 1 Year, $9.25: 8 Mo.., $4.75; 3 Mos., $2.50; I Mo., 90c, SATURDAY ONLY:- 1 Year $3.00; 6 Mos., $2.00; 3 Mos., Sl.25. Canadai 1 Year, $4.50; 6 Mos., $2.75; Foreign: 1 Year, $5.50. National Advertising Representative: W. B. ZIFF CO. 108 S. Dearborn St., Chicago, III., and 381 4th Ave., New York. N. Y. The ATLANTA DAILY WORLD is an independent newspaper -non-sectarian and non-, printing news unbiasedly and   those things it believes to the interest of its readers and j ing those things against the interest of its readers. Address ALL COMMUNICATIONS to and make CHECKS  to ATLANTA DAILY WORLD rather  to individuals. The  expressly repudiates responsibility for return of unsolicited pictures, manuscripts, etc.,  stamps are sent.</t>
  </si>
  <si>
    <t>                                           JSOOTHf.,         SHOW-WHITE PETROLEUM JEllY \</t>
  </si>
  <si>
    <t>                                           IT1Wlr\^If7TPV            TMT TTR^ I</t>
  </si>
  <si>
    <t>                                           HOTEL MACK Hoi Tub and Shower      . Room  and ice water. Ratei Daily- $1.00 Up S48 Bedford Place, N. E. JA. 3281 Bailey Theatres I "DUKE IS TOPS" with ALL COLORED CAST      Lnit Chapter "THE LONE RANGER" ROYAL GEORGE RAFT SYLVIA SIDNEY In "You Anil Mf" aUu Our C:     Cuincily  ASHBY 1 HOLIDAY" will. DOROTHY LAMOUR al.o  El. WATERS in 'Rufua Joni-i for        -ui' LENOX "GANGS of NEW YORK" and "Spirit, of  Weit"  "The Lone Banger" Screen! Stage! Chcittr Morrli "ODDITIES   OF 1938" -In (-Big A.   - 'SKY GIANT'</t>
  </si>
  <si>
    <t>                                           The Sixty-Seventh Annual African Methodist Episcopal Conference convenced at Springfield October 5, 6,7,8 and 9 at St. John A.M.E. Church.</t>
  </si>
  <si>
    <t>                                           Boyd Baptists End Their 58th Meeting                 I-' WoRTl!. Tr-:~._- (A.\P)--This vi'.y w:   \   \. i" thousand.-  jI' l!;;pii.-ls I'roMi ;i!! scl i..ns m!" i !k- it:ii n"~!i. S'1!'1!1 S-ll. wiii-n ;lsr Xa! '.a! [', C":   .:'.i: iu!i ol A i:):-rif.-;i :k-1~! ii.~ ;"~Sil: ,-ii:n::;:i .-^s.-i'/ii ,:t .M:. l';\ir:ih H;i!.i;:sl chin-cli. v.- Iti'V. S. K. P:-i:u-i-. jia.-'ur, ;    .'                 Ml. P::.y.ih'~ Piciinr Pnr.ce i.-. :  : :v::m !).i:L:!i':   : Dr. L. P::iHC.     .-.iui-.ii. :;i U-.i- coi : '~~\y, I'-.'.- hill1-': \v;u':'Jir.^ -J'1.' ti.;VO: a^. til-' co..1. ,:1. .-.'.vim-.;: ::Hi.. action. 51i!i al X.'.-a-. Fn:uv. .1,; vu llu1  Sl.i-.'.- IiOil i.ilir.l..-: I'.. r-:-i!!d\ i':~-:-iiii.'!:t Gl-:i! !l:i;il:.sl C^-.:vi iu:on- T..M.i v.) c!.i::i!s :i nn.-:i:Ui'!--!l;p of SP.'.: SI  'I'll.- W. .mi A-.i\:!:.ir:.'. iii-ric:-.- 'j by Mvr M A IS. !--n:':t-!-. :-iii::-.l :i: .1: --:.-.l:i"i of 1 i;;i:l: I Li.;iy A: I!'.'- op. f.PS^ -.'~-.i \Vi-~i!-n-;.  -.iV. Plraiklli PilUv:,' I1:'..- i'.vV.'i:i:.l iM-.iy i::;.o:i I:1:1.;-. -^mii .-li'.il .:1.:;.- lei* :i n.-uu' M'tK.- tv\.IJ:i:..c. [I-.'.1 Mi--, ol '.in' ;;;'.V'~ \  !iii ji:.;".-:'in ;  - -Wu-.r. ir.^-v.-M'.L-:'.-. :.:i.i/:-.:T II !~ji:.-:;:i to .S:!-.,:,i! ;ii. -.hi- I'-^iN-.i/.-.-.   .-;:(;:^ ;i h i;:-. ii ::i:n::'.i-:- :i:-.:; ^0-.iT:i::.i: :m:.~:^-. ini-luci:::: :I.:i;.' M-.s.-:m::- Fovi".!1:; Mi;.r,i:~::s. ll'.o I5i.iii-.-o!.-:'.: U:.id, i:v.si:;o::.:.': Iv.'. til- ;;.'iii:-ia.i Co-!ii:::r.-;o.': n:;;i r.-.,nv.-.:i;ot-. .:!::-.-"i'^. :,- i:-.-:is'..ii-:-. :.    !.ns ~-c;--::.ry. ^i:ci-.:or. ^-..~:-.:~:-.-..'.ii. i-^.. ~;:tti llu- ~.\:1.'"-,".   '. ;u-l.::~,.u-.-n r.l mi!.'):Nll.li  Ili:i.   13:; \V. iv. i-k-  ~---Hin a:.:; 1 i 1 ovi-v in.- i iri-: ;..n:[~i-n: cci::n::; It i' '(ir U1' a--:li-;i;:\vh:cll w;-.s ln;i' ''tS:L iL..' a::il ..-ni-c:-;! ;.':i- L''-r  Sir.ie bs.-tr.1.?" ol :i'.-l ;:;or. D:\ Hi-:v.y Aiu-!i  N'a ii\-:u.. x'.-'ii.--:: :ii-' Coi!:: :!:ui lu .ul c: liii.' N-.n:'.-:\.: Bai:':-' i'i.i}!i.--!ii;iL: Hd.. pii.1p.ivi. Jii' b:  ::-'.i: i^1 ii'-" .-i^ ::i'.v-v\i rl li-.c b^.M-i! for ir.'0. s-: llu ^ In c::0;l:a[:oii. l!i-j ;:r.provi:r.i.-;1.t In thi- ~):~'ai:o:is. i;u' '.ici-WL".-.: in ihc tvu:;'.lv.iii.n.-iil .Aiclion ol .i ; ;kvi-'.cpi-d as a t!c:-.o:r.!"n.il fcn-ici- fo:- in:il;o:)s c( B.r,). He  l-FC::L-ed i'.U' work of :.     l:i pri':;.5                 l:c:v.! l';-..Vi avv :p:::U:a! a::r: bt::ica:'. (i:11 ~^u::i:i. .i:; ti'.o.v H'or.' h; :i t:y .vie:) JiirG1.;;;.'! Ci-.-i." c;;.::::;:;]is:;; ;   : Cr;u;!c ;;v.;i ;:::en; ;   '  !IOV1  SVG'".i;STS l'l.ANS Af'.i1:- i!'.-.!l:r.,'. ~''~i-'i :i:~ i^c:'.^ fo:' ::'.C:T :u: in ::it :;'.:!:ii.-.v SuluOir, -.-. .Hi.: '.Vr::     M:.:i!o::.        -;:! i!i-:'.o::i:r..r.u.".:i: Alii-"    ..~i-i:i!:h::(::.: pi. ills 0! !.iiv "f '-i 1 1 v l:;thc:s. l::.;-.ll.-r:- y.W -IS (.~'.'.--::'-r I1'1':)''" l;'-' :-ril)W:(i :l iM".-i:!:-.;;op. ci '.in1 lid;r:imi,. i-,:.o d ii-.iif million i-o:-...'~- a:;;i li::!; t    -~i;.;..:1.: uv. :i-.i- li-t-.i yp-.n- 193". T:U' :i:ii i ::;rv\ cio:;i'. nc..~i-.:-;i;:. i::i iv:~o:i. :nr the c'.om'.he -...-.-a: vi-.iv J--.i!v 31. v..i^ ,S"'r:v:i:v iiiV.'c! ;i::',:;':'!i'i to '.ho l.'-.p:^: ;u.Y:-s .hv.)-.:a!icu'. i!-.(,v:-v!:i :r.::; -a::!i tlv.' N':.-,!   :rU::.; !':.'j1.-.'-::::!^ Hoard in ~)0-r t::'.i: iii-1 n 3"~l1 pi-111 v.lr.cl: ac.s:i:;:n: l^is vt-. :~i -.lai'-i-i'.'. i'-T i i i y stair, and ::;;-'i'.'!i:.i t: i a:i;:'!':.--; in. o"'y Ilii'-ii: "~~ii:;!-iv:t:'.':y. nv.d 'ii li:1^^~n"--.,!:': !:,..:i-i. -.vov!:^. In- d'~ t::ai v..v.;iii (.pen tin" ( of I-- ii-. fi: a:iu com!."!: .t-r.1.</t>
  </si>
  <si>
    <t>                                           FORT WORTH, Tex.--(ANP)--This city was host to thousands of Baptists from all sections of the nation, September 8-11, when the National Baptist Convention of America held its 58th annual session at Mt. Pisgah Baptist church, with Rev. S. R. Prince, pastor, land the congregation acting as hosts to the delegates.</t>
  </si>
  <si>
    <t>                                           MOROllNEft - PETiiOLEUM JELL* \4    FOR BACKACHE KIDNEY AND BLADDER TROUBLE Stop Getting Uti Nijihls ;ind Kiel Younger    -n"~ .Hi.-  mi. in -li Imr- Till v. ;ist- I, l.         M.,,, ~.l,i ilir Irrlt.ill.Mi Iliul ,1(1.1. ..il^.'s k,,,ui A*l( your  :L:l-l lor 11 ,,l .."1,1 M.'.l.il II.,,. I Ill C,,~,k,,l..~ ,L spl.- .' ,111,1 -vj. ,~~nri-. ,1,1,1 Ktli. far  U1.Iih-~m u 1 Irrlluli.l l.lu.l.l.i. lt..Hl.]..^ K.'   . ^. mi i.) 1,1,, I. .mi. ,,f I. l.ln.y  urr l,n. i ...-In...  inrr. l.k- ,.n,l Ii.. li ll I..- -~ir.- I.. K.M C.Ol MI.K.vr. ll-- II. i- u  iix-.IUInr I I..-,, I, Milm.~~-  fr,.in Ilii: iu tl. ill. 1. 1.1.  fei?f/\rich.Miiee! Li Jp.\ Couldn't k .1</t>
  </si>
  <si>
    <t>                                           When the fourth game of the Negro American League play-off between the Atlanta Black Crackers and the Memphis Red Sox gets underway at Ponce de Leon Park, Wednesday night, September 21, Robert "Pea-Eye" Butis, sensational young inhelder of the Black...</t>
  </si>
  <si>
    <t>                                           WASHINGTON, D. C.--The following students in the Graduate School at Howard University have been awarded Fellowships for the academic year 1938-1939:</t>
  </si>
  <si>
    <t>                                           \"'*:W;//r FOR  FffT Vi-^4 INFORMATION ITBtK-aI ,,i l.il.il Hil'i' II i .1 I iM In  il:nn I it-; i -It.   mh1 I'm- I t :   I l\\ r.n- i:l!l il.t.ili-. \-'--. i -,i i ii r.iiii,- Hi- 1'1 i*"x (''"ilp</t>
  </si>
  <si>
    <t>                                           m When You Need S fi An Undertaker    in your home, you fe should  iu(  J^; ;irt;iii!H.' in f.-ivor ^3' I of the - fact *~fk (ho (ruined and ? lie-ion t man is THE I "TL Vjv Tin- f.\~)t nse is ;i m.- (~f your (~v"  SI desire. fe .^Ilif InstiliillavwHh a ^"^j^fi ^S1 '-JSj^Sj;</t>
  </si>
  <si>
    <t>                                           Named Officers Of Atlanta Association                 or tlic Atlanta Missionary  t Awnriatinn ;:rc  just  1 lie annual ; closed Tliursilay  at i (liu Anliorh Baptist . At- . At lop I to r are shown tin:                 Kirv. \V. \V. Thomas, assistant j Kcv. T. II. Gcorec Iwst pas- loi', wlm i^ shaking  "itli llu j Rev. .M. I.. Kin?,  of  : i:: Kcv. \V. M. Jaiksim. : ami Ilic Kiv. it. II. Miluur. ic-i" ..                 Auxiliary officers  at     - I K.m I to r .ire Mrs. Mattic.L. Furr. : .Mrs. I.. I.. Crais". : .Mrs. Ida F. IIcmiIcimiii. vice nir  anil Sirs. N. \V. C'rawlorcl.                 ri- . (SN"S slatt photos.)</t>
  </si>
  <si>
    <t>                                           / S(R'. ft) TAKS) MUM If WCI ~^U((A-~51'L?riJ I HAD MY 1~^?*-l.*-CCl\      c!    fK^M^5^* "For      -~ Soltcylato Alkalina Medication" I^at j wfc.it modern doctors say. That's what Alka-Selteer b.         of being  in two disagreeable doses, AlkaScltzer   medication in one pleasant drink Lr you ever used anything       ti-.cn Alka-Seltier far Acid Indigestion, Headache, Muscular, Khcum-Ttic and        Pair-3, v.e v,-ill refund tho  you paid for  fart . 'T -I. K\ JOB* diuM ftr^t w i^*1*"</t>
  </si>
  <si>
    <t>                                           WAGE LAW ALARMING TO MANY                 I'lic lf.-clcr.'l - law, which i.s W so "ii-o filial OeloCLT  1!UU MUhII InlblllCbS mc.i lo be if. ;i ( F'riday :is I my  ;i  willi Major A. L. Flclchur, ussi. '. Itoni Wa.).                 .ni cf them sawmill operators, c ll' while", w: lo know how the law  affect Ihclr businesses. They were concerned about Ihc 44-hour week and the -~.   cents per hour minimum wage, applying to ~!ulit2  and interstate com- j merce.  0:110 ol thf comments were: ~"Its just lite the prohibition Liw impossible to enforce." One businessman said: "I tell you friends, there ain't enough room in the Atlanta penitentiary to held the sawmill :; In' Georgia who are going to have to  tills law to  a;i honest living." The  was good-natured.^ .!^'. but worried. /Mxlnt Administrator Fletcher was asked a barrage or questions  tl-.o law. His answers were brief, and when possible, lo the point. The problem i.s difficulty, and it must be approached In the Hunt sort of way. The purpose of the law is to  Uic ; power of consumers, and by   labor practices, to protect those who pay d- -.v.isea. The only  Is how lo i-. Hie ," he said. Tim law stcs into effect October 24. ami  that dale it will be ?il for any employer  in  stalo commerce 1  pay an er.iplo.ve less than 25 cents per hour, and to work him for more than 44  week without  overtime.</t>
  </si>
  <si>
    <t>                                           The federal wage-hour law, which is La go into effect October 24, caused 200 small business men to be in a ... friday as they held a conference with Major A. L. Fletcher, assistant administrator, from Washington.</t>
  </si>
  <si>
    <t>                                           The president of Atlanta colleges are in conference here with Herbert King. National "Y" Student Secretary, for the purpose of discussing the participation of these institutions in the National YMCA Fiftieth Anniversary Celebration.</t>
  </si>
  <si>
    <t>                                           ALCORN, Miss.--(SNS)--Hundreds of Alcorn A. and M. College alumni from all over the country, and sports fans from all parts of Mississippi who assembled here over the week end witnessed the most colorful homecoming day celebration the writer...</t>
  </si>
  <si>
    <t>                                           Robert (Pea-Eye) Butts' slot-machine fOrward - passing was checked Letter Friday afternoon than on any previous occasion the past years here, but because his mates Were more gifted at sustaining an offensive march toward "pay-dirt," the Booker T.</t>
  </si>
  <si>
    <t>                                           Ark. Gets $250,000 T-B Unit                 WPA and State Join in Buildiny Hospital                 U.KXANUKk. i\tk                 Wu!l: 1,1: '.hi- :i-v. -Ihu.i,.,,. C.   'li.iv  '-' .i-, hu-; Kim lur Nf;Mo,-.'i In cui.:~l: iu:lfd  ly tj v - Wni ri i',j;i'.-.i Adiui:i;- ti.:i Liiiti ".1m- .Si.iU* uu'.rij'.nii iit ni :i c(j-,i u[ ;::."jil,(j(j;i t;ul u:   -: v.;-,v hf.l u-irk. V." 1J. A. til-.:U- Auinsii-. l-. .Sl):irj; :i:.'ci in                 .ill  Mi :i'-!:l. Tin- i- '.^l i-, snb-d:'. icU.-n I i;;lo thier. i ::;, v.imii  i i ::(i(!i;u,:: :;j '.hi- ;::c-.r:'.l ~:i;.-,~)il 1 1. j a r..:'.v i. mm iiim ar.u an :at;on ;ju:! cMn:)i:i'-c; v.i'.ll ;i :il-a- :     ' l:i..:a\  Jt'ii..l!'i';IK.ll i. n: I l.r buri.e -IIv    :he SlaU- :ill(! l:.r V.'i'.\ '.Vlll: j: Sll!5.~:0 :ii:ci". :::i.-i;l pi uvi;ii:d JV ixl): :i:'i-iic:i--. On ,ii;i;i;s: 'J, ;'i,-.;,:r:,i l-. I.). R.,.,-.rv.-:; :;p;j: if. nl Ihc V.'l'A  rivo .s Ti'.i- i MrlCir J Iuj.Jj: 1 :u:( v.'.i] iji- l-Au .-.^ u: :Clt-U- alul brick C'lIlNllllClioli \l.lll: iv.t-lvi- i);iv:iu- ri^uin-.. '-i;.: hi..;!!. i.'.J/iii;', [-m.iiii ;,:ul :;    .~'l lur X-i'.iy v-qu-.pnn-ni. :i-c j:ui   y.l'A Lit.- __ul ;.i:ui.U:: .y;;r/     ^ lion w;t)i oif.li: :.' rof-in?.. :-.Vl.-lVt' ^  .-:.fli \V.:Ui^ IW-I 'MH' ~:u; .-s. il:ni:-i; room, ki'-M.~'.i /in' ^'li  dil iccs. Tl:: in::.1^.-: j i;o!!~- w.ll vi-  li.iia-:-.:. loi .'~ix nur.^i.':;. a   . mc!i.-:ii do.-i*-:. ii-o.-: jnd .-.".-:i. 1 1)-!- Ti'.i-. :i -ill be 01 fr;i!!lr L'-l:i'.IMii.iH):l  l ATl~-:NTS As  :is !WI pali'.'lil.s 'Alii i^-d '.n Liu: -.;;bi.-:-;.-, ] ur.il. Ths cap-. il:~.:1.;; :-.o\v usc-d is pai'-p::'.--~ iil \\if laci.' Of a u-!!', !ls' (j! 1!-.") perrons ni.- ii!inn.-~:!0H; in.Tiil:li;r.l. Tin- WPA p:'(-. lO:i-.,y :iad cons'.  c) a -s' hoi;-e sncl j -rs for th-_~ si!i;eri:uc:H!i':'.l Tin- m-v: p.-oji i": "ill ::ivi- i-:-r.l to an uv\;c  j i 17S  :no.st of '.    - i-'.;.s'-il:..-(i as si::)lL cl a:it: Sfllli-skl.'U-li Conslruclion of     new unn a; tilt- McRau Hospital .ccs ay j an .n'. step me pace ti'.r V.'l'A h.as in i:\ i:i^ :-a*.i!tU I conditions : Mc^ro ;c-:li:'":!s (l-.:*:!iout tlu* count:'.-. T i i s i I)rOj^cl is :il-'o a pan ihi- State's t Np.m-ion pro;;:;!!:', ;i ;y. i:i!* increase hc-'Pi'.al "- lor lubi  inr.it nts.</t>
  </si>
  <si>
    <t>                                           Work on the new Thomas C. McRae Tuberuculosis hospital unit for Negroes to be constructed jointly by the work progress Adminstration and state Government at a cost of $250,000 got under way last week. W. P. A. State Adminstrator...Sharp announced in an official statement.</t>
  </si>
  <si>
    <t>                                           I Dr. '^1 DENTIST n.S IV..J,!r.-.-. 1'miI n,,,jr, I .it Aiii, Avr. DELAYED IV;,(~..f.N. Dcpl. (i3. 73-12 Avi-., i hil.L I'.^  i.d SI. (it'   i, ..II C.O.D. ~.     !..</t>
  </si>
  <si>
    <t>                                           VALDOSTA, Ga.--(SNS)--The South Georgia Conference of the A. M. E. Church opened its initial session here Thursday at St. Paul A. M.E. Church, Rev. A. D. Hardeman, Pastor With Bishop W. A. Fountain Presiding.</t>
  </si>
  <si>
    <t>                                           "I am debtor both to the Greeks and to the barbarians, both the wise and to the unwise. So, as much as in me is, I am ready to preach the gospel to von that are at Rome also." --Rom. ... 15.</t>
  </si>
  <si>
    <t>                                           THE SOCIAL SOCIETY SAVING CLUB was entertained by Mr. Goss at the home of Miss Edna Roberts, 388 Lyons Avenue. Business were carried out briefly. Plans were made for the Round The World Trip, which will be given on June...</t>
  </si>
  <si>
    <t>                                           They're Just Two Of 22,500                 I Typic.il ol seems ;itl  Atl-ini t;i Kriii.ty w.is ihis  made in (hr Kn^'lish class of Mi--. M. j Ittirncy at the D. T. )1nw;                 .Minim- H^'h S. 'Imiil. Tin'         .in- .M.irth.i ..nl :intl Tliinivis Gil- . Muiv ill. i.i 2'J.."iim         ''-- i.  i. illy  Ihrir v:li:Uii)lw i                 . illi' :i( ill liii' ni U                  ti-un.- iSNS Stulf I'hot.i by Mack.ly.)</t>
  </si>
  <si>
    <t>                                           Deaths                 Ji'rr.ts Taylor, m; :M li'-iC^T Wii! ni..juM. if.;;:' r'--'1- s' Ton; V.cC;i:'.:ii-.. 'Jfi. '.-''7 -.'~c-' E. Wi-.iw. M C!:.:l: "l S.-,:r'.:-.-l:-. S" i^-Mvi e-u-, SV,'. .1. i. K:l;--:'-. -!T. i.'l</t>
  </si>
  <si>
    <t>                                           "Maroon And White" Band                 The popular Morehouse College Band will be one of the features of Moreliouse" Homecoming          lion on Saturday. November 10, al Twice de Leou                 Purk. The - members of the organization arc IrJ by Drum Majors Henry Wilson and George Co.v. i</t>
  </si>
  <si>
    <t>                                           When Jesus stood in the midst of the people and read is ... He definitely explained His direct Aim. Jesus knew what He has to do, thereby sticking rigidly to His mission, He marvelously accomplished His aim. Now, the question is asked, "Why is it...</t>
  </si>
  <si>
    <t>                                           French Army Reserves Approach Border                 Shoe1*  of r ":nr.h *r Coincident wilS tl r op^ of t N-ri party coni^rcu at        -rj,        .          n '~        of her fl. COO. COO tr. f t'      (                        my m.rcl. n-.r n-..nr.~.n. rr.n,~~~..r,,l,i;,,n.r, .u,..-. lrr...~, l,~~p.  r, -en .l.ov, .1     ,  :(,n. !--r.nc-, if,.r Inn ..v "~nr,-r,,. II,,,, ,.nU. will l.r .-,1 CM.iJt.LIx.</t>
  </si>
  <si>
    <t>                                           Bible Program In Fine Opening                 The week-end Bible P'. nji-nir. which wa.s fL.iled laft night :ii ti'.L '.~'on Street M. E. church, will co:.ut n; the church  w.'.h Prcf. C. L. Gideons In chains. A . si/cd crowd nU'-'i dea Ihe fir;!, session. Dr. U. H. Stanton. divisional  of the Aracrrai. Bible Sccicty, addressed the group                 Mil! Robinson Is C.' d By Jury LW -.:.!-.5--B;!! Iiu:;ir..Ml:'.. lM -;.c. y-:-'iC ;.:p-('.w:L^r. v.^.s lie.i: ri: c.f -:-^ii cIku^-^ iii;:; \vc:;;: by i;!.1 C'~:n:'.v f.ir;i:'](l ji:;;-' v/; in.f.'l:n;i'.n! tin- :i(!hl l!'.:l!  ~.i*.:i.r;i: y.'.r.i ::r.cj;v::)i_: li:in .ih(i I';!i;' Mc:i.:!. '. .]'.ir.(\i. Mollc'.. ;i .sl::i!i']i: ;il UlllVi.TSii.v ol C.-.Uicni'Ki. Vuc.r-'/fl ;i(.iO::)M)ii u.f :: d i!.:i i:.t^ :ir Mrucr: ]:im ^'iUi it R';:;ur.O!l pk-.n:^!!  ipil-;!e.r''ir i'. Rims I'm Slu- In Now .k  ; city. n..i.- a n i'i ll'.f  i:i:i'.- liM- history ol N'.".v .kr:oy. ;i Nci::o will :'.p;)ear   ;i ill-.? ijr. in '.he ^t:in-i;;; u\vci ion ;i.s. i::i)K li1^ o!f:co of -~):cr:fr. T!u-  in i;ol in'.-.vny fi w -.vi i'V.s ;:i:u '. M .1 c!Ci-P ]in;:r.u.":v ci'.i:'/;]^   Alvaii S;~ii:(-y L^: as ;ii;:- cn:i(;iiJ.i;c.</t>
  </si>
  <si>
    <t>                                           CANNES, France. -- (ANP) -- ADELAIDE HALL who seems to be endowed with ... of youth is now in London ascend mg the ladder of fame and fortune under the careful guidance of her ... Mr. Bert ... who acts as her manager and who cannot be...</t>
  </si>
  <si>
    <t>                                           Mrs. Ellen Menone, Misses Elsie Winkley and Catherine Crittenden and Mr. Osborne Winkley motored to Columbus, Ga., Thanksgiving Day and were the guests of Mr. and Mr. N. R. Raines, Mrs. Raines is the daughter of Mrs. Mahone.</t>
  </si>
  <si>
    <t>                                           OtU. WA. 'i;12 l:  . UK MIS-K DR. I. G. LOCKETT  11 JS Al:~l'-    Rl..</t>
  </si>
  <si>
    <t>                                           Which Bezomes You Best? THIS OR THJ$ THIS TAKE YOUR PICK ANY STYLE YOU LIKE Use BLACK and WHITE HAIR DRESSING If you re tired of riri- you i- ;nul helps to l;  -p it. tii:il way ; li::ir in the sam..- old . :i:itl  it iw.-it., smooth and stylish. iKu-il lo -ss it in Uic 11.-V.". sii,:u-l s-.Lyl.-s Vol.,,, niK, w,)il(J ]Iai,. -just stan ; Uiacl: a,)d Ulntc ,)l.l.(r. it s  pei- and ll:iir '"'^si"!1.'-  to us.:. 'Ei y iL . But b.i This popular hair dressing lu-lpK you sun: lo ;.ri-t ;vi :  and White to easily ami quickly - your hair Hair l). Whitd, r,()c. Aujber, :i5e. in tin-  ' lh-it Ijocom.'S Vou '::l. Trial size, AimIji.t, 1 (Jc. Suld ~.'  .t;." .lefe. tf To ret  result?, hum M.ick and White Hair '/m.,  your hair 'regularly with  and White .Sfci'ii .ji/3 i. i- liar. 2Jc. 7V;j/ . jOc. I        5: k :!::ikK": 3 5c I cive Your Has^That "Beauty ParIor"'Look Bl^ck and White Pomade Dressing ]~j.(t.]; white Glossine Ili-lps ki-i.-ji ~!mv;i "" . ry r- Ih.-Ijis ))(;t your hair I'rom Trial si/.c, lUc i.-.n;r.-i:a' ^Jc Ijiiniin- and  out  liot iron:;. Helps  hair Black and White Quinine Pomade b.auty parlor" lustre and IMps you to l,.     .  .T -cal,, co.. -JC nin-cil. I. Can, only 35c. Trial ::izi.\ 10i-. l-ir;;.' i/.i- iJt</t>
  </si>
  <si>
    <t>                                           "The hand that rocks the cradle is the hand that rules the world." Or, at least the "church World", according to the women of Wheat Street Baptist Church.</t>
  </si>
  <si>
    <t>                                           SANDERSVILLE, Ga.--The Rev. E. M. May, Sr., minister and plan-term of Washington county, died Sept. 14 at a local sanatorium. Funeral services were held Sept. 19 from St. Paul A.M.E. Church.</t>
  </si>
  <si>
    <t>                                           Pea-eyed Robert Rutts was zipping em with slot-machne accuracy, A. C. Davis was snagging em like a Don Hutson, and David T. Harper was "shaking a leg" like a Hula maiden Friday afternoon on the BTWHS athletic field as 4,000 enthusiastic fans saw the southeasern prep champions bowl over a huge Tuskegee High School combination by the score of 28-6.</t>
  </si>
  <si>
    <t>                                           JLLliiSJJLwlJUli       '~I'*"" I'.'',1','." Vl.-.i.'uf.-lv C; Jr. i- ~;t;\i im: inn,,* .i: i\. t* 1 ~.i .\i( \Tii; i. '-MM. II I 1 i -TAN -I V a-6 i tu i:cii i'i:        . n.-pi. r.: i J lr.-n i: \:\m\ \.-x\-.,,-i.. Toke ALKA-SELTZER for } f /VD A C HE, A ci d In dig esl,u;i, C(~lds, Neuralgia, V.:u!ar, li !s i: m a t i c, Sciatic }'a:r^. Pifai^int,  like n i n r :i 1 v/, Noo-       .'i,rm:   , Xon-L-~:ative does  depre.'^; U:e heart Get Alla-PfllH r/* r*T 2t jour dr.   .r ^lore in ZOi and ~*iv"r"  7' Mt  tor .'^V]f7 lio^c u..~ or ; :iV' I     = ~'~m K^-^M AlU-Stlt;j.r ft?,    $3 *ny dru- star* ^.-l^.^'.t^l^W      .</t>
  </si>
  <si>
    <t>                                           Pipe the Beards on These Lads                 IIo.v Fitaiiimiiins  Mlin-i.v Wiener There tr.cn aren't st. a non-; strike. They arc members of U'.e  of Die liu-l-'-.. i'i1. ;-:  :;;:-rr- i'e--, li A. W. Clrteley u-llie-. m-'ii-l Ul :: in :lk- Ai'.-iic .I'.trl.v-.  vI.k-:: ;ii.-.." -.'-.el-   n,:i]- '.'ere sti!n:",i. Tin :ii":i ;ir:' i I-..;.-    'il.-~v.!",:r.i,s. In'l. anil Jin:-;.-; \Vic:n-f. :i"". iv-v :ire  io\v:i i:ri.M i.-lmn tu Now York. \Vilh i  Ii:le.:;l;;s ii:e :i--.' .v:v--l  vvc:il lifr</t>
  </si>
  <si>
    <t>                                           I LATEST SWING TIME I BIG DRAPE HATS  HB^DBfl SnOPOV. UP to.~i-BMH^fr'^-^mfl     d-ooe -.    .  E^L*^ fig ~-'H.~~d^ t- yot,. ^^^^^jj_j^^*f^7^  p1cm out) pi.~~t</t>
  </si>
  <si>
    <t>                                           DEATH RUMOR CALLED FALSE                 Tlii Si. I  i;'i* A' si'- -il f.ilM' Tlilir.-cMy iii,1'! :i r-^' r.ll:-(ili; l-ll . ; I: rl. tin: Ii'.-v. Iti.Tj.imin I'crkin-. Irrasiiror of tin- N:;il H:   . list ('(inv.'Mtiiiil. li:*il I"''" Killi-d ill St. I.nuis. Vlrst  n! tin"   in Memphis. Tcnn.</t>
  </si>
  <si>
    <t>                                           CIO Lauded For Its Fairness To Negro                 1', Pa. "ANPi I LaiuliiiB John U Lewis, ,  the Commltlcc lor Industrial J Crcanizallon. for lt-s   ol Winiesi lo Nctsro workers, Uii:        :il Nogro Congress. UirmiBU John P. Diivls.  last week sent a message of erecting to the I                 CIOv;  constitutional .Ion.  in  Orotto Here. Phillip Randolph Is  ol J-.C! Congress  ncl Ule "1 of" ;lcc Is In Washington. D. C. Tlic Congress telegram, addressed to Cliairmun    1s follows: -Cii Jxliulr of Uic Nnlionnl Ncuro Congress und Uic Negro people I end warmest, fraternal greetings lo ;Jie Committee for Industrial Organlzntions. In Uic short period  l its existence the C1O has pushed  many barriers which prevented Negro workers from joining hands with their white brothers :n Jie ranks or organised labor." You and the CIO have won the                 confidence of large  ur Negro men and women who wur*. The f'1"'    11~;1(;s   have served lo influence the American Federation of Labor to change certain of Us         toward Uie exclusion of Negro workers from membership. We mac you and the CIO lo write into your Constitution u guaranty of    to till          workers regardless of rx.e. creed or color.  The Negro people ask for coining more than n fair wid equal opportunity to  the burdens with all American workers in the struggle for decent wages, labor  and economic security for Uie American people." I "Please convey to our brothers m  hc committee for Industrial Organization tho pledge of I he N: Nesjro CHigrcss to  ils  endorsement :~nil support of Uie tilings you are tryIng :lo.</t>
  </si>
  <si>
    <t>                                           PITTSBURGH, Pa. -- (ANP) -- Landing John L. Lewis, chairman, and the Committee for Industrial Organization, for its consistent policy of fairness to Negro workers, the National Negro Congress, through John P. Davis, secretary last week sent a message of greeting to the...</t>
  </si>
  <si>
    <t>                                           John W. Bricker Repubican gubernatorial candidate, said today that if elected, he would "not continue a so-called balancing of Ohio's budget at the expense of the public schools and teachers."</t>
  </si>
  <si>
    <t>                                           SEEK DRIVER OF GAR IN CRASH                 Four Passengers Of Wrecked Machine In City Jail                 TRIPLE OFFENSE                 l-"ai\l paM-.^iH'.iT.*. :.H ii-vul'-m ciii' wni1 in JLiil Thiir:,u;iy v. i-oti' inut tl ;iu.-lr sni1. c-j i ini '.In1 chi VI1 ui liu' il;un:n',ci; m:'                 JC.) I':iiin!u;cii Milh-r :m; ll;ui -y ~; i;i'\v ;i) rot S.'-.1 , 'SI. :j7(J Ilf.UtirO 1j];ii-i NE, Anna Sauluid. 10. 'Mi"t Hu-.u;;nn;tn r.li i'l. NK, Kur.ar H'nv.-nn -1, '.'.ir.i Vi'iT."u , NlS. I'i'-'j Jiin-.i-s I-'iiv.:iici:., HH7 -*J Hun'fi Mi' SK. si-. : Uir r;ir ci  ii p.' )0i ir 1 !)far Uh ir.li-r..ti ni' Nt;ri!i :i\ '.-iiim1 ;ni i Pjnu i ri-t. T'.vii un fsl' tl p;!i".]i:-. v. :n' j:ii!i t! j:mi:. 'dini'-ly alu-v \.\w r:rli. Tlul t :-.   S:    i,1 :i  i :;vr 'Ailb (i. of he v.M'ik'J c:: f :i:ul i:;ini;lii i wo dj jit-tn mil, Ii: li- r-iln: T'.'/it (Mlicr iii p:ni ol U\r  * :u:c-M*'d Ja Tin- aU"''s in;; ' s .'aid Uicy -. m:ik:i:i: :m 1'fiH"!     j.'.il li: tin i' ol itu* i-.r. v.- Iivl's un Iii'cifi.i'd j j!;n-ft NU The  ri j';;] U-(i limt Hi- v ii.ici M0~)~)i.-d to lii iiS:   f:ni!.~ .oft .k*  O.H'y saw I'c 1-1 0ini; L-a:* :;; Uir live ];0opl". cul nv Miiiil ;i:ini\-(. r n*  nii"itJ\j\[c ai if cd:::','i u: A'.irn ita a'.'a1. Poniii'V.s a DC) run ;j 4j ;i;^i! TJ\~ :; \;.~\r cl:;  '. ]')]~f)'..r Dit* -S7.Vi* c:f   -Ml: .'i'.'L'ni.'i'. After j-. -^'i o-'^i rc-xi liR'^t *l(- t'1'' ]f:i* ~~'ctK ip.' /~Jcni ami .Vurui ', ihi; ii:-Jvi (h.-'-iy i-!':if.!ii-(J llu- i:'.".~lii:.i-        i lie 1 rli ;/nni)c \;   . u (Continued on Vugt' 5; Col. 7)                 Seek Driver (Continued From Ha(;e 1) was . Tin? damaged car contained an old battery set radio' and  .:I8 pistol cartridges, Patrolman Enilcy . Tiw driver, of thu e:u\ il     ;ht. will be chm-god with reckless driving,  red HrIus. and at .</t>
  </si>
  <si>
    <t>                                           Four passengers of an accident car were in jail Thursday while police continued their search for the driver of the damages machine.</t>
  </si>
  <si>
    <t>                                           Hypocrisy Hit By Jackson In Sermon                 The Wc.sl.sidi- Mission Circle  Its fifteenth Mission In blasi ol conspicuous (. sit the         ESn Street Br. church Sunday afternoon with Mrs. Mnrthunia Caller, president, in charge. The occasion featured a noble j sermon on "PIG LIFE"' delivered i ~} ~.he Rev. Hui'll J. . host I ;::i.sior. Hn warned Hint you can jft.ish n pig. but :is soon as he gets a c!mncc-     will go back 10 the mud !io!~\ Intinmllnn  many who prol:\ss to bi Cljiistians are often  In ( places even sifter  have united will) the ClllU'Cll. Al Ihe session, the Rev. Mr. Jacfeson was  assisted iby 'i.c Rev. C. Sawyer, who thrilled me group with a brilliant ordinal   em. Remarks were  by Hie Rev. Mr. Warlcy. R. P. Carter wits  ihc prize In the Red Box contest: Rob- erl Culbert vras awarded the  I In the  contest, while Llulc (Continued on Page 6, Col. 81                 Hypocrisy (Continued from pURe I) Miss Mitble Alexander was awarded the prize In the badge . Tlie  raised $28.73. Sunday night. Uio Rev. Mr. Jackson concluded a series of sermons on 'Love.'" He  from tlic Ihcme, "The Cost of Love." BoBlnnliiB next Sunday, this minister will begin ti new  on the general topic of "lime."                 Atlanta Pastor Talks Of Ships . Ox- (SNSi- TIic Rev. C. A. Sawyer, well Known minister of Atlanta, Georgia, delivered an    Me anniversary sermon here recently at Die Clark's Chapel Baptist church. Uic Rev. U R. Edwards, minister. The, Rev. iMi-. Sawi'cr.  on i he theme. "Three Ships Ncccssiii-y for Good Leadership."  Uirce main points in Uic matchless sermon. \i%: First, leadership: .-;. Iricnclship: Uilid. fellowhip.</t>
  </si>
  <si>
    <t>                                           Author of two of the foremost volumes of contemporary poetic thought, both of which have been translated into German and French, Frank Marshall Davis, erstwhile managing editor of the Atlanta Daily World and present feature editor of the Associated Negro Press, has just released a third work which contains four of his best and most favorably received poems.</t>
  </si>
  <si>
    <t>                                           CAIRO, Ga.-- The second annual 4-H Club State Wild Life Conselvation camp was held at Log Cabin Center in Hancock Country, Georgia. the last week in August.</t>
  </si>
  <si>
    <t>                                           Both Are The Same                 Tin- ii. ^ in Ihij .- '' ;     .UU'i" pii-tun- uus I'lul'. :uul j;ivi ii :ul(]cd  nul n-t- by ri pl.H'iliK Uu: "111     ' -i- vith :i ~!h:i11ct . The mim;-c! .i;:i-iI by (his                 v.is  lr.             ;i n-tri:Uiini    in; .~          Iti; li tint: .mil . W.ills. n-..  -,  Tr l   );(l I" ^ the Mi) pi .</t>
  </si>
  <si>
    <t>                                           Midnite Prom Tonight                 BKN  _ul, I-H...,y Ate". All.ui i':. n,-w r.;    . :.win,,- out  ;n ii-ciS l C.f.ii:'~':. l:rsl Su:h!i\ ir -~i u V I, I ({.~n-.--. f-.'.Uurin^ Willie  Crow) Simvo. I'll.- l..-.:iii ~-ili InH.iVil Ii.-i-c- every Suniisy Top ll;il ov.-ry 'i -..i.i v n:::!:l I'n'.il  notice. POM-, ,,f M-vcr.-~! omy.-;,:!.!e.l ...,r:i-. .-i,, ll,.:,~, -CLEARING ' BI.L'I'.S". -in .~~.fit li-.li..;; I.".!-... ..-I-.. D.iy. ^..vi^. ;     C.i.l- ll...--. '.VI, il.:! .,i,,l r u in pr I s    -; ,;s I, r; I I II d r .S 1 1 I i I I i 1    "!'~l"~ .i.  -~~-.i,ii .r-.: .-.I ^.-..i.--. M.-. C"f-i   l.    llic-..</t>
  </si>
  <si>
    <t>                                           Buy gloves with what i; saves fi t. I-  C't -l.:~        -.l-.r. 1 ...-rn.- 1... i^-. .r-*-!r !--.-..r ,.:.i^~ I,,- i.'l I. -'.I I'..'. k.,- ,i .~i.u.ilJ I c. )U^, :t..:.. M..   ~~.l.tji. r,    fr:,-.. L*ut I!, r.' V'1 w'^ -i;^^~           TOOTH PASTg 75r</t>
  </si>
  <si>
    <t>                                           Amateur Contest Offers Prizes To Capitol Patrons                 Alf Types Have Chance) At Awards                 Call nil  In Atlanta! The ;.nL or Hie Cnpllol 1 Thtwrf Is planning lo Kluge n gain ull-  contest In the  future ami you are requested to ri .'i- right now at Uie col  Uu* - lr you desire to enter this LuiiiLsl. There will bo iwo  Ijites warded,   will be $lil.uu and second,  will be S5.U0. The  In the Uiunlre Hi,- nit lit nf llie contest will select the winner by            . whs ~':~~il::cl I)'.' lln- C;  )lti:l u\: 1 1 1 1 ;ii;i vi Jly :  -ls ;irf i.-.pi-.V v.-, .'.'.HI, a-; :hi: .111:; l.;.-~n!:. 'l^sl ill'1 I'-l.'.l li; ~-l'1(.1''. ~.(.t i.i-i:.. ':     f;HUV li-:i!l^, Unrilinnv 1 1 in:, ami    .:iil"'i--, '-:- :ill..:ili la s 1 1 1 -i.ivi- Millli-;: i'.'iml I,, ill,.- i.-vi-al a 1 r  i-Ml,,,.-. i.-1-..-lvi-.l I-Iii'm: I:. I!"1'  i,.:..ll:i]il\1 ll;:il .-*".' id Ihc-Sc- i:unl,M:.  :-i!,~-. Allan::; i:'.l,ni.-i! la!,,:l J t I,,- :.la;;i-il. In II"' IIM-,,. I, iin.v in lln- ~;.     ] and i;r.i.I ,;.-.l in r  nur :;:' :;::t! add; ,-,i.. il. l a.-.! i-..ul w:ll an.-~,i;:i,-,-il J t</t>
  </si>
  <si>
    <t>                                           FAMOUS FROM ///SS COAST TO F'llf coast for Man ITS' FLAVOR Mgm PURITY. /a^^^</t>
  </si>
  <si>
    <t>                                           It happened the other morning over on Cain street. Two radio patrolmen who had been successful in raiding a whiskey den, getting nothing but bonded liquor, however, spotted two bootleg suspects.</t>
  </si>
  <si>
    <t>                                           Last Tuesday, LeMoyne commenced its second week of practice. The drills have been difficult due to the intense heat. Which has been in the 90's since the first days of rehearsing, therefore Coach Jack ... has been allowing a ten minute rest period for the squad...</t>
  </si>
  <si>
    <t>                                           Negroes Must Contribute To Nation's Social Planning, Says T. Arnold Hill In Booklet                 Head of Urban League's Department of Industrial Relations Outlines History Of Negro Labor: Speculates on Future                 YORK. N. V. "il. b 1111- i :i! thai. Kc^i uus assume Uit j ()bh'-;ai ion of ; 10 n  ]i!:ni nf v.i!ll  lor .ill j American dt t/ens,"  T. Arnold Hill, director of tlm Uop. :.~ri.il Rvkii-.on.s of ;hc Nallonal Urljun I.r;igi:r, ill "Tiic Ncr.ro anc! i                 Kcoiw.hk' RcomsUucUor.." a  t pi:l:li:.'.a ii this week by tin- A.:i!r".'i in Ni'kvo I-'oll; . Wa-'. n. D C. "Miner itie.s must contend continuously fii," ri;;l)[.s :iii(l privilege.1. not only because Ihr.'-c will co:nf no other way; but, also lMM:an'.e their  is necessary for - fulfillment, of the democratic ,'"he co:uint;e^. "Tlio Ktt^rc'.s ('.. exposure to American duplicity provides him occasion for discontent. Tlw Industrial .ilx of the I)ast tr:v.- years must have convinced him that he cannot, remain aloof from national affairs, lie ).v  bu .T^.irc of Die forces st work for  social .   He nr.iM -Li'.ow that his  and m.     :-..  limited, an- ,i  .source of Mrcnclli. With an  rich iu .in v.'usle. n rrm.--c j\:stly .Ir- recognition. ;i social sy.s- tcm of Incalculahle dl? racial . :i society of fas(ncv lnc , a minority with :,s . and a. hls.ory replete with matchless service u\d dt,u\\tlcs.s . the Ne^ro or he Twentieth Century has ample  to press forward to a fume or wider experience, and pow:r.'' i Mr. Hill outlines. In the book- I et, (lie history of the Negro 1'ork- :rs' In th- United SUics In - j ion to the economic development  f the CMin'rv.      ' rx",ier-  nc?i of Nrrrr- workers are f.r' irMi  to provide .d  nd . for the current ; of today s labor and   . A fatal blunder of the early  , ho savs, wai thp.                 sitn.il! pnlH while:- I'.i 'llC  I- p.uuv hi i hi-. Wi-i.l. hy Ncurocs. l;r- cr.us" .11 mi : I In: poor whiles played ii-.io  lu- hands 01 I. no plant- i ers. w;m v.ai.t'.'d !n  racial ::-.-- in  keep a cmi- i s'.ar.: supply ol black workers.   Jla(i    .-  WOr whiles pox-! i vision lo 1. t.neir .cs   ol Hi-.- Sfj.ro slave. wl:u..c l(^     \'-s to fie*- Iroin  lavi-ry ai:(i  f'.~i Irmiom wiih his  h:ul often b- , slavery would Ikut bi'.n .K'ii'il and i many of U'a: ^lini i^ '.s Uiai nci iort. : i.ho Civil War, mii;!~i- iml h:ivc  d L'r.uii- 0! ih.c    ai^ii isi tnc ^i;lvc-o'.l."Utl^ oh- \ - have t; ;l-.o l:\bor- j ir.g classes a - ;o-onc ::i!:iKC. I Coiucrva'.ivo and liberal labor I unions  lh:s :m- ta^e dial by  tune of ihe Civil j War -.v nal we no*1.' know as race j prejudice had become not- only an cl  I:;;.;  for Uu- per- i pe t nation of the slave  but hail  a feud between white ;u-.d \il ick ." Of today. Mi- Hill savr, that- "N'ecro wori'.ers are      "  v.'ih  Ins'x-ure as lo:m a:, j          ;i:-.l'. in positions    c..'" I habits  morals  adamant  afraid. 1'rivate .- and Gover:. cm; are both I In the  of persons whom I democracy is a .h and hot j a course of action." j As methods of  some of the most flagrant economic injustices  the Nrcrn. Mr. HiU  mass protest., both for   ion nnd for : employment opportunities, a further union with organized j labor, a wider educational devel- j .cnt b?th for Ncrroe:- n;irt for wh le ..,. nnd ?.n i.! ivc^ram of ^-cc;l.f!o!1.:~1.! Kii'.d^.nce fcr N'csro youth. I "The necessity for kno-.v):c nnd  lp. t- endeavors was never more clearly demon- i ." he concludes. "T.-sb dp-                 :i-.;iii i:; nf I;-:- jwt!'-.-. ill  v..!v::- j j);nl.s ill'.1 \vn;l(i frc rl] ;i i i.Mv.p;; Ir.hur m'.'.i 1:1 Hi'.' Ulliiri; S'al Olif ll:itl"ll,  j li:i.- :r,;ui': :.ip:rl m1'.- :;i      ;ii :-i- l";\i:.l.'.; mi:, i:- :l!ll f:i:- be-                 Ivi'.rl '\',c. ii'.scy.i] \i\nz. '.'~':~$ of :n;t:'.y i cmNt fonn'.i:i",: hu; n. iv,w:-\ a: v\ v.-;~] lh.utc j    "iv;i:ict.-.s 1:1 ;!;i v.'. fn M;-. Th1.* Nt^rn ir.Ui.-t r,o:. I or.ly     ro:;i:iv.!;jt of (iii.v, h:r. i)'? .'JiK.'-l :i!~.o .'. ii.'id I):"1</t>
  </si>
  <si>
    <t>                                           NEW YORK, N. Y.--"It is important that Negroes assume the obligation of contributing to a social plan of well being for all American citizens," says T. Arnold Hill, director of the Department of Industrial Relations of the National Urban League, in "The Negro and...</t>
  </si>
  <si>
    <t>                                           Dominating all intercollegiate social activities for the fall season will be numerous dancer to be given after each Morehouse football game at Ponce de Leon park during the next two months. Dormant socially since the local institutions opened in mid-September, the...</t>
  </si>
  <si>
    <t>                                           Atlanta JJl^World Published DAILY and SUNDAY at 210 Auburn Avenue, N. E. By ATLANTA DAILY WORLD PUBLISHING CO. Telephones WAlnut 14S9-148O Member of SCOTT NEWSPAPER SYNDICATE Established    . 8, 1928; Becama Daily March 13, 1931 VV. A. Seotl, I!. Founder and Publi.her, Aug. 5, 1928 to Feb. 7, 1934 C. A. SCOTT General Manager CLIFF MACKAY Managing Editor LUCIUS L. JONES AMociate and SporU Editor  ia the. Poll Office at Atlanta, Ga., as second-claw mail under the Act of Congress, March 3, 1879 DAILYi- 1 Year, S9.25: 6 Moin $4.75; 3 Mot., $2.50; 1 Mo., 90c SATURDAY ONLY:- 1 Year $3.00: 6    ., $2.00; 3 Mot., $1.28. Canadai I Year, $4.50; 6 Moi., $2.75; Foreign: 1 Year, $5.50. National Advertising Representative: W. B. ZIFF CO. 108 S. Dearborn St., Chicago, III., and 381 4th Am., New York. N. Y. Tie ATLANTA DAILY WOP.LD i. an independent newspaper non- and non-partisan, printing newt  and Mjpporting those things it believes to the interest of its  and   things against the interest of its readers. Addres. ALL COMMUNICATIONS to and make CHECKS payable to ATLANTA DAILY WORLD rather than to individuals. Jn* VORLD  repudiates responsibility for return of unsolicited *, manuscripts, etc.. unless stamps are sent.</t>
  </si>
  <si>
    <t>                                           Atlanta MlalmWorld II. N***\ O.lr Calonil               Published DAILY and SUNDAY at 210 Auburn      , N. Z. By ATLANTA DAILY WORLD PUBLISHING CO. Telephone!: WAlnut 1459-1460 Member of SCOTT NEWSPAPER SYNDICATE Established Aug. 5, 1928; Became Dally Marcb 13, 193* W. A. Scott, II, Founder and Publi.l.er, Aug. 5, 1928 to Feb. 7, 1934 r* SCOTT General Manager CLIFF MACKAY Managing Editor LUCIUS L. JONES Associato and Sport* Editor Catered in the Post Office at Atlanta, Ca., a* second-clan mail under the Acl of Congress, March 3, 1879 :- 1 Ye.r, $9.25: 6 Mo.., $4.75; 3 Mos., $2.50j 1 Mo., 90c, 3 ONLV:- I Vcar $3.00; 6    ., $2.00; 3 Mm., $1.28. Canadat 1 Year, $4.50: 6 Mm.,  2.7St Foreign; 1 Ytar, $5.50. N.nou.l AJv^rtl.ing Kcprtirnutivei W. B. Z1FF CO. 108 S. Dearborn St., Cliic.go, III., and 381 4tb Ave., New Yorlc. N. Y. Tu. ATLANTA UaTlY WOP.LD I. an independent .r non-~ a"d non-        , printing new*  and         tln iRa it  to the  of it. reader! and   Iliiugi against the  of ita readers.         ALL COMMUNICATIONS to and make CHECKS  to ATLANTA DAILY WORLD rather than to Individual The WORLD  repudiate                for  of  Icturej, manuscripts, etc,         are lent.</t>
  </si>
  <si>
    <t>                                           Passes Bar                 .  ItlCIIAKDSON. (if 11^ K. I'lll -l. f.llic.lL-". ll- he is asv  with Ally, fii  \V. I.Hwrcme. iiit  pr. -iil ni I'hi IirU SiKl'Ki . Mr. IticlKinlMin is ""ly : J"sl ! his license from Sprintfiilci in .- :if(~T ,- tin- !);ir in Marcli. p.i.svin- the  lime, lie is ::7 CT.:ilc of IIim-;ird l-niversity I.:t\v Srluu)!. ami ri-C'- (he A. IS. and A. M. ilc^-ri/s from thr l.' "f Illinois, u here Iw was an :ii-(        man will]  c li:ip(cr and a.s a Kraml ".</t>
  </si>
  <si>
    <t>                                           A challenge to our "Wes" Dobbs -- Since Mr. Dobbs has a Lincoln Zephyr and is considered one of the fastest drivers on the highway, the Rev. E. G. Clements, pastor of a church in Doraville, Georgia, in the Sixth Episcopal A. M. E District, hereby challenges...</t>
  </si>
  <si>
    <t>                                           CARD OF THANKS                 We   to thank our many friends and  for the kindness shown ur. during the illness anil i  ur Ol11" beloved sister and grandmother, Mrs. Maiilda Conyen. Mrs. Conic Stone, sister Mrs. nessie Prynr.   ';m:h1er IN MEMORIAM In ir. im .v of Mr.' Frank Thwralt. who departed Ilils year :il1o lod."  * Nnvo;u)jor ~.'~h.ill we gather bo. IV Whciv I      ' to Wlioro in all     - bright Ir. Sorrnvr  shall press 111 Vos. we shall mod  i When' Hie; -i cease    M:~. F.mina Snarks. frl "Mi's.'Lillic" Flakes, mot</t>
  </si>
  <si>
    <t>                                           Father Divine Is Not God-Williams                 -Vi\ LO'Ji.-:- i.-\.\'pi- OisSi r.ir.i:!1.-. c ::.i:! '.r:iu: v.ho p:ry i'.'!::;:vi:; ;r:iu!i:::c:0  of ii:i.- :v:.r;:v trim^. Dr. 1. K. Willi:;:!r; in !i:~  M::nr: i!rvi:i: 'j.-!y n: ;::r Xal"i)h:ii Br.~u::.i C'.::vc::[:'in. ^;::;;1: .~iK'.ir-1'-' :i; l!:" pst-,:i:n :i::ii                 "Cfliii" win;::! ;]-;;sf;U; r;1v!i: ~.'.r.i:,-: i:ii' i-!":i;: i.;  l ;i:T;r:!c:- hi l;._~ a c:iu:ch. c:;.nc-' uvs oil'1 nf liu- most  cu',v.i: i i c. l: ~'.-r:r.i:iis Pr'.-sidr::i V.'ilI'.iir.;.--' !Of.^ t:i!-cfr. Dr. \V:;i!;\:i,~  !'-.-':i;i Dr W:!l!.::n-. by ~:'.ym::.  1Gc:i in "Ur F;il!','.-r. K:i:!:li ID:.::i.' nci Cirul: or    \wo!! n::y h::ig. ;::cl n:;'. I've:; :::;ik'.- ;ii:y:l:i::f:. n :.:;;u:s ;i",o -oi1.1-.--: !iv 1 n s h-: cl iro:     . Th" Ciir!:-!i:i:-.v- Clod -GOD ALMIGHTY :Ic :i-,   :'"V!-:i!ui ~:ii                 i: you w.v.n :-:ik;'.v. look a; !i.-i!s C:.r Jesus Christ. ;var, lx)rn Hi--- Hi.lv ..::ci  ~.v !*u: :'i tho Holy Spirit. N"' "i''v iii idols i;iu S;ii:iLi Pirphcts al:   have -c! ihc ru'- sc: :ort!i in this !i-xt- ~'~"::rri' is thy Gccl?" nils (iiii-. i- :i cli:i:ii;ii^e to tlu- :': of  vcr who-'. David v.v.s a fi:i-.i::vc 'tyo:v. erK niic; r.nd  s-.::i.' uf .s me! him ar.fl ii!;:(!" 'up his ::;ce. Tii.: ;;\~   . i-.Cilc! is :,'oi:n; wrong, bin Gad I:, Hi!- ti-.r:;-.    yot. T:-.v Dr-vil ;n.; tiH-.-'j at. B:.-Hi of Je.-us mid lows Bant^t ;. Tlu; bi vil s  is to      Chils:i.':is oi :!-.o:r IkiiU and make  f. i The ch'.irth .-. p.n or. its -6 and protect itself :ir,t :"or.i inv:.Mo:- of Satan hut from 1 le.ui.'rship of cult.s.</t>
  </si>
  <si>
    <t>                                           ST. LOUIS--(ANP)--Condemning charlatans who prey upon the religious tendencies of the people and confuse them with false doctrines, Dr. L. K. Williams in his sermon the closing day of the National Baptist Convention, struck sharply at the pseudo bishops and...</t>
  </si>
  <si>
    <t>                                           Life Imprisonment For Convicted Man                 Not Guilty Is Plea Of Brown                 Defendant Tried For Killing                 c: yt;iy V.i iov u j n i cl-j .iHi.'i J. :-.l]'!i; To:nm.i; MiLcm.'li. (J; jl ]-l JliiiK.rc Si.. :i. I-'..U;u i::;;iu u] ri id.iy, Muy 0. v.lv.-n   Ivluchcil incd 10 slop  :)~    --f:: l::i:t ami ins v;::^. .h;r Hr(jv.:i u! oJ  f5i- S. Aj)iil;i'.( r.i. "A", v/as sc::  -'   .ci i.u                 Mltr ::i:pl .:~oi:mc:;l :li Ihe ~}L;te lV!i!'.vu\;'iy by Jud^c  M DJl.-i.y 1'i icJ.iV alli l lico::. K:iti.-.-; a pica "not !.;in!  ". LS:cj-.v:i v.,i.-; lor.nd ;;     :i:i:rc.er il; :i'.~' m^i ~!c:;ici:. but  jury n-;o;:i:iu*:)(ii il :r.~:cy. "WAS INTOXICATIilt ;\cco;di:ii; '.ds. Mrs. !'eu!a L.io'.v::. 'uie cu!i\u::ui mail s '.Y:!r. 1 .~~.liti lie  '.i: nU(j Uic .'.c '. j i-i 1 1 1 ciii:ii;m: a:ic: in I ii i:nl;i;i . Thty quaM^Jloii lii-. the \u.ni::n .  lie UC' ''is Pii'tnl v--ls ^i-;:1.:!;; n-;:;iy to ;;lio;~: lie:1 v.i:cr. MilCiH.-:-,  was vi^:;:ni; m il ia;.v-.)U-.UM,i.  bi-f.vi-i!:i . I  t-j- Inisijjia!  i.vt.' tinu.--. :i;r.: :l was later U'U'jl::l :!k-[ I'w, li'.c lK:li^'i.i i;)Or: in tl'.r pi'..a^ci 's i lu-:~[iiu.^'i1 to Ihi' Cira(iy t:!:nic .:i .ill :i!::Lil!a.ln: lll'.iv-'. .:!t. lllc '.l iii.:'. Tu; Mltrlii'li ~.'.as i;:o:iai.i'.ct:l .ul u;~on :. WITNCSSKh 1KV Lic. iw.L-VM'^ ;tst'.lii'(i it1, 'lie tri:ii .ii:d !):ir.iti;i  ,s:o;i cii tl'.c ':  i;;vi-m by Mi--- !~icw:i. The l-;:: County  jur. b:;L 101 U:     .; :ic.ui:ji. -\f.;:oi:s M'id.iy  ti.-~ \-ii:;tir.* :::*.-:or. A "t'.n hill" w.i;.  U Hl. iM)icmi:\   Lto:i C:i;:icii. 17. who li:id l)OI':i ! lor as'. v.ith  :ti'-r ki ir.t- .~~'-in^, .Jul.v JC. iJi.iil c:;:ori;i; Cro-ji-.li.  js in'.'oi i.i! v. nil ilic -no bill", while AllJhonso Asliky, 21, and  S'.ewart. 22, 'Acre  d lor larceny an!-). AslUey jko had into  .;;:;\ir.Vi '.'."U for ~;)L"j;:niv: and for opera: ins: a i-ar v.!i:l..  1 1 i  of wiu.-i:cy. l;:i.'h Milieu. 3'J. and John CV.un1,-y v.r.-e if.dit'.! for the :y of Joe , . :r.:)t:r 11. ".iir-n V.v.y arc said lo have., '! 53' i:i cash f'.oni him.</t>
  </si>
  <si>
    <t>                                           Indicted May 13 for murder after fatally shooting Tommie Mitchell, 33, of 31 1-2 Hillard St., S. E., the night of Friday, May 6, when the said Mitchcil tried to stop a fight between him and his wife, Joe Brown of 82 Horton St., S. E., Apartment "A", was sentenced to...</t>
  </si>
  <si>
    <t>                                           Religious Racket In England Discovered                 tV.M^IilDGRV K.w A.\i'i !':'S!'i:! uli Lly-  t:1 t:1..': ;:;. ue:c ;\-\r, :i: r-\ ::;;Ci::~:; iii*1 A:i;:^y  il  Ii:.::-!i c:;ili(.n ir.'.g ;r Camlj: ui;:r u::~                 vo:~;ty by Dr. M. Fo:   win. lr.vci :'or \v;i:\s :nno:ii; Oi-.ii Co. ;s: ;nbcs uf Afnc-;i AccurdniL.; to D; I-Vilr.v i!n- .niv;l-'j (~f - .UK'csio: c;;i:i'.- i:c::: ill v;ifr:ii-f(.'r conc^-ci  a rock in :i .-r.oa p:;irc. Tii'.* in :ict :it. v:L'li:ii '~v;i:~ iiu:::i.(.~i , : soim.- "r." v. nr.d be ~:iH';U"r(i   mini People iv:ivl'!U-(1 iiii'.ul: iv.:!c- to ::i!r: \v:iii jh:::' "V.u-r-.tors". T.it-  ;c;; H for *oc-;"i: ci :!)k: ];:-fi t;:1. "jU.*.. Ji .i.--!     lo consult  cir;ui i;iMi:dl.- ;i:k: ;;i--o ;i:or.iiM: ;   ::;mk inn of at least ?-"i ~"i :i!l f.ivn;~ nTi::Vi'il. r.\ci:~  i:it Even ;he!i. br o:-1 :ln-                 v/im;:u ;.r-'.' .uLv:ct'. virb:r::: W.uv. i:a-.i- -.\:io :;ii:v:o:;sly i.-:'(i c:i::u- !cr adva-'1 V.r. i-'H1'' h."V.(i 'I ::i: ~)ll^r;;!i v....  MMirti back, hli'-'li. -rt! iil.';;!~U'-r. A'/cn:;!:::;; lo .T.'i'. l-"'.~:'U-s. [n;'.n;.* c!.i:'.- ^rH- ".:i:;c \vo]'-:t-cl ;1: is  l. u:vKi:::i; ;i: ri'.ory ;:ii; li'.'.:]:--'-1^1.'.^ and ^ ;;i L:r \-j ro:*.\;i:-: ;)r:;s;K'i.-:..-- a:ic: K-! ~!i; !c:t:!n:- 1 ;~-.-  in.uiL' pi..il ::n;'.-. Tlii-ii: \t;i- c:-.m.-s i:i  pil^. 0:1 iT il v.ay lo ulu- .-, .- :-!u:;;;i'i: i)'.' a;:clK.^ '. ! lu la;k ,;-ia' if.'.;1 .1 l";\.il  liri"i' U'.iv "l .\i:Vl.;'.cv^ i'.VA;. 'ov; v.M'- ar.d '.va-. i::;-.;::r.;; o\c: S-J.0:;O hi:: Mini lor :ui'. i;i  hi- ;vr; i-i Al::ca. Even .-" i irn' h:,".'!iiv Kinca'.: chiefs :iv.:\ i;v:l.iv;i CI'.:Mi:i:l !i:l:f^ v.-rr. lh:-- racki". Or. :aa:.</t>
  </si>
  <si>
    <t>                                           CAMBRIDGE, Eng. -- (ANP) -- Workings of a religious racket, based on the belief that deceased ancestors could grant wishes to the living, were revealed before the recent meeting of the Anthropology section of the British association meeting at Cambridge...</t>
  </si>
  <si>
    <t>                                           Played With Symphony                 Miss Cl. K. Thomas, pi.-.nist nnd associate professor of nusic nt Soulli Carolina Stale CoIIoitc, OraiiKeburi;, S. C, wlio was recently !;u;~sl soloist witli Kl'yl's Smyphony Orclinslrn when the  appeared is concert at the Carolina school.</t>
  </si>
  <si>
    <t>                                           LITTLE--Friends and relatives of Mrs. Lethia Little of 85 Hatchin street, Mr. and Mrs. Ragsdale, Mrs. Alberta Brodry, Mr. and Mrs. Manning. Mr. and Mrs. Moore, Mr. Mann, Sr., are invited to attend Mrs. Lethia Little's...</t>
  </si>
  <si>
    <t>                                           Human Welfare Conference Target Of Demo Women!                 Honorary Chairman Asked to Resign Party Group                 . Alu. (    - Tlic Southern Contcrcncc for Hu- i  Welfare, which closed  Wednesday Tilglil after passing resolutions supporting tho  antl-l. bill and condemning Jim' Crow laws ni the smith,  been severely criticised litre                 day by the Democratic Women's Club of Alnbama. f. At u mass meeting  by Ihc club, a resolution was adopted asking Judye Louise Charllon, of Birmingham and honorary chairman or the Human welfare conference, to  from the state Democratic executive committee. TERMED "INSIDIOUS" The women s club termed the Welfare conference one of "tin Insidious nature" !~nd charged 'I with "greatly disturbing   in  ami Alabama.'1 AnoUicr resolution adopted at Uie nici ting  to know how the conference originated, who  it and how delegates were chosen. judge Charltou sold Saturday                 Hint the meeting was sponsored by "200 southern lenders" mid  from the pockets of those  it. Scvprnl hundred colored delegates attended the conference iind there was much to do about segregation, which wns carried out nt most of the meetings. The conference went on record as condemning this, and voted never to convene In  city upholding Jim Crow practices.   .' Charllon  resolutions condemning the conference were "an attempt to mislead the people of Birmingham about a g cat movement.'1 "The truth Is it was sponsored and attended by Uic                  i'i Ilii- south  America." ;.'    said, " financed tram their i  The  hen: i accomplished f.rca; mid splendid things r.iwl lias opened up n way of ree  co-operation between Iths  of tile south  will li.ive    ;s have been lost  of In the heat or sensationalism. "nil? purpose of (lie conference is to bind the southern people together in n concerted program to improve public health, the  of education, the level of income for laborers and farmers, nud to work  a progressive solution of tlie economic and human ills which have mafic Uic south   the nation s No. 1 economic problem.' "As to tiie  of (lie  Hitlers held Friday, all  j people will read between the lines  mil discern their motives. The hands were the hands of Esau, but  voice vns Ihut of Jacob."</t>
  </si>
  <si>
    <t>                                           BIRMINGHAM, Alu.--(SNS)-- The Southern Conference for Human Welfare, which closed here Wednesday night after passing resolutions supporting the federal anti-lynching bill and condemning Jim Crow laws in the south, had been severely criticised here...</t>
  </si>
  <si>
    <t>                                           Aboard the T. S. S. Awatea En Route To sydney, Australia)--Concluding their stay in New Zealand by accepting the invitation of the New Zealand Prime Minister, the Right Honorable Michael Savage, to be his guest in his office in the Parliament Building, the Lemoyne...</t>
  </si>
  <si>
    <t>                                           Mrs. Roosevelt Speaks Before Atlanta Women                 Developing the subject. The CU..tu* Rc^ to tip Community,* Mrs. Franklin D. RocmvcU addressed Uw Atlanta Leagwt i-r Women (whits) Vbten in tlie Kemy Orady ballroom Friday.  l:e urged a - program or  under, landing ol housing or.dil:ons, sanitation and educa:ion. Electrocuted At Tattnall Friday ^LLE, Ga (SNS)- Frank Knlfht, tt, of BttMdd. 8. C, paid with his life to the   chair' at TattnaO Frtdny. He rat  at Panbroke. Bryan , and sentenced to death for   a .  DIES NATUltAL' LA GRANGE, Gil.- (S N 5)- Seninc a U-month ' en the county road camp   on a  of  . Willie Ortr, 38. died of natural caum Tojadaj at the Troop Oounfy . a coroner^ jury declared.</t>
  </si>
  <si>
    <t>                                           We move into November with Dixie's paramount football inquiry ringing in the cars LeMoyne's "Mad Magicians" or Florida's "Men in Orange" ... which do you prefer? Which of the two seems a better bet for the 1938 crown?</t>
  </si>
  <si>
    <t>                                           MORRIS BROWN. FLORIDA IN GRID WAR TODAY1                 Two Undefeated Teams To Clash                 Fontl.-ull  will reign during the hectic (j! battle between the Morris Brown Wolverines and the Florida Rattlers today at 2 o clock, in historic Ponce de I.e.on park. A crowd of (i.000 fans is expected to he in the stands when the two  elevens kick off in a game that may later decide the championship of the S1AC.                 Florida, with its speed und deception, will be onl to keep her shite . She will rely upon a  that practically every writer cf nole in the country says is "Tops." IT.cy even boast a much better point in the fncl that their (.rd wall has yet to yield a sin- i :le UJIy during their last three games. For this  eat they won the I monicker of "Seven Rocks." solid i is those sr Gibralter. Mfris Brown, with a fighting  1 of youngsters trying to         themselves for the miserable tic ''game" they played with1 Tusko-' lee. may find  fighting  their backs against the wali. j The deadly faints of the mighty j  who coiled 10 strike the fe- j  Wolverine down last fall is j gain threatening.  GAME j j Many sons and daughters of j Morris Brown will be looking down ;pon ihc field of play today. It will )c Homecoming, and  occasion  strikes a final note of fever in its  pitch. Many added  have been arranged for the fans' enjoyment. Between the halves, Miss Daisy Dunn, a junior In the college department, will oe : "Miis Morris Brown," i with all the pomp that goes with a coronation. A parade to the park, with ninny beautiful floats in evidence, will be held shortly after neon. The prom -it Sunset park beginning promptly at 8:30  will j write finis to the most colorful homecoming celebration ever held at Morris Brown. Larry "Gumbo" Douglas and his Detroit Swingsters will furnish the music. NICKS AND lti:U. I Close observers here arc saying thai     game will be a battle of wits from Uie bench and many will Slue  eyes upon William J. Nicks of Morri.s Brown and Bill Bell of Florida. Both men are well known as outstanding strategists In football skill and this alone may menu the difference in victory or defeat Morris Brown's fine young band will be one of the features of the I game. Jimmy Redd, drum major. I has been limbering up ull week and will give the fans a real treat durI ins half time. Prof. Earl Starling is director of the band. j Tlic I'robable Lineup M.K.C. l os. Kla. A. M. Kooker LK JIayes Powell (C) I.T Neely (C) C. Brown LG Travis I). Williams C Griffin I.. Uussiy KG Wriffht I C. f  RT !         Slrickl.lml KK Malison Walker Q Butler Ginsles LII T. Joiies English  TTurris Urouii FB Struchan OFFICIALS: Knox (TaUadeEal. Rcleree; William O'Siilelds (Minnesota). Umpire; B. T. Harvey (ColXalr). Headlinesman; E. E. Farley (. Firld Judge. I</t>
  </si>
  <si>
    <t>                                           Football carnage Will reign daring the hectic gridiron battle between the Morris Brown Wolverines and the Florida Rattlers today at 2 o'clock, in historic Ponce de Leon park. A crowd of 6,000 fans is expected to be in the stands when the two undefeated elevens kick off in a game that may later decide the championship of the SIAC.</t>
  </si>
  <si>
    <t>                                           ff^-i^ M '1 JWT^Bll</t>
  </si>
  <si>
    <t>                                           Union Bethel Independent Methodist Church during the past weeks has celebrated the pastor's ninth anniversary in grand style. This successful celebration culminated with a banquet at the church Monday night, November 21.</t>
  </si>
  <si>
    <t>                                           'WM M EN         \js$    You're never out -yim ve  f- . mV Sot a hlB- job  a n Lucky Heart       !       Xgcnl. Jurt. chow Lucky HoartH bis suar- ff  [^MBtok.  line of cosmetics, medicines. flavor- R,?.Mft* Wlsyi'fiw, Ings.        lo everyone. Watch them buy. \wy        Wr    Lota of men and women who come  im }  H$$S$i b^-~ /IISl make up to $5 a day spore -timo-    a W/v    full Umci You can do tho same: Work "  - M / when you feel like it We show you how- J*9 MKH y*^"~NBBto w. -Tiarantcc your success. It's easy- out ^/^/  ^   "S-L en  by return mall- set you '^"."-^Hi         'ai once on Ihir. .bl6 -        - V^~       - s*011 -namo 'and            ^.   ^r teas '       Co, Dept t-in.r? Memphis. Tenn.-fe^ \^k W^Not now/ W^B* ..,;BWi!K.DRAUGHT. W Often that droopy, tired feeling is caused by I constipation, an everyday thief of energy. I Don't put up with it- don'.t neglect it! Try the fine old vegetable, medicine that simply makes the lazy colon go back to work and brings prompt relief from constipation. I Economical?- yes! Less than one cent a I dose. And you know BlackJDraught is re- M liable, because it s --~m I of the family} T '~~^9 ll BLACK.</t>
  </si>
  <si>
    <t>                                           R ^L I s j H H   .^8^^^^~</t>
  </si>
  <si>
    <t>                                           l:~. .-..I-!, I" '-1 p."1.. -"'S-'5 Dr. Chas. E. Jenkimji DENTIST 30 'i liro..~i St., S. w.  vi:i- l..~i';i.~ .li wi-i'.'y Si.u-ui Buy  with what t! saves r*     r^ l^ Til.'rfT MA I-.-::-':..-, i. i i i'v:.. a.- h;:~ Ofi I -I :.C=.~..^~!-j:.f. N"~ T ,,',-l. Vl.. ,r.'".l' = I:... ^~J --.i li.v ~..~-~ta.~ LfSTERSNE TOOTH PASTE 25C</t>
  </si>
  <si>
    <t>                                           Atlanta M  SPORTS</t>
  </si>
  <si>
    <t>                                           KASH KARRY l(!2 Hunlrr SI.. S.W. I.XMT.  10c 1'OKK SAUSAGE- 1 C_ IMG SHOULDERS- X ump, i,kgs- 1 e LAMB CHOI S- Morrcll's I'i'Ide l , tf'.ir I ROUND- j LOIN-  sl#~   , 9(\r I  PORK CHOI S- 90c I FltESII I'lO HAMS 8-I.U. NET I AH.- QK_ PUKE )- OOC</t>
  </si>
  <si>
    <t>                                           CHEST COLDS! Here's Quick Relief from I Their DISTRESS! Tlw   of n   M In i-  r ,   im!  WHilhini;,  M - !m . IKtliT (Imn a  -r. Minterule tt ld action b^; 'I"~J* SOT  . Il'h a "-": ' Jalinu, ii pcni  the  akin nml . n-lii!vn Iwal ,  and pains     to roWs.    1 by  (or 30 .              by many doctors      . In -o KirenKthii: Rrcular,           'a (mild) and Exlrn Slrons. 40~. Approved by Good  Ilurcau.</t>
  </si>
  <si>
    <t>                                           Tlic Roman Caljiollo Church, ui 1888.    -.~ Its . Negro .s in I lie United States.</t>
  </si>
  <si>
    <t>                                           j CHECKING AND SAVINGS ACCOUNT SERVICE g I First National Bank j j ATLANTA j CAPITA I., SURPLUS PROFITS *9,000,OOC I Member Federal Dcpo.it Iniuranco Corp. i TUSKEGEE INSTITUTE High School And College Both Accredited WITH CURRICULA DESIGNED TO I'REl'ARE STUDENTS TO MEET THE VOCATIONAL AND SOCIAL NEEDS OF SUCCESSFUL LIVING. COURSES LEADING TO THE DEGREE OK BACHELOR OF SCIENCE ARE OFFERED IN THE FOLLOWING SCHOOLS OF INSTRUCTION Agriculture Physical Education Home Economics Education Mechanical Industries Music Education Commercial Dietetics (For Chefs, Dicteticiuns Cnfo Mutineers) Complete Courses Leading to Certificates and Diplomas in: NURSE TRAINING, SECRETARYSHIP, AND SPECIAL TRADE COURSES SPECIAL;SHORT COURSES IN COMMERCIAL DIETETICS FOR PERSONS IN SERVICE STANDARD HIGH SCHOOL COURSE WITH MANY TttADES FOR BOYS AND GIRLS. F. D. Patterson, President FOR INFORMATION ADDRESS: A. L. Turner, Registrar TliSKEOEE INSTITUTE. ALABAMA</t>
  </si>
  <si>
    <t>                                           CAMERA DAREDEVILS AT CAPITOL                 'I'l.~* Ittn  il--c^iV    ]~- t            ^i    !  *i.s, I5ri:ia DtntlfVv      WuMy \'~TiHtut l:tki* tune ~*ut tor r.ni"i ttr                   *..~ri in I                    -I* "( l* :il    * i':*       Tltrjin-. I'roriilrtl  n IIm* -I.~  * is  KhvtliMi   ICf.it**". j</t>
  </si>
  <si>
    <t>                                           Cheer up. Dig Bov, Don't Be Sick AlKA-SEUttR does the Trjic* Why don't you try. Alka-SclUcr for the relief of- HANGOVER Stomach Gas, Headache, Acid Stomach, Colds, Neuralgia, Muscular, Rheumatic and Sciatic Pains? ALKA SELTZER, makes a pleasant, sparkling drink. Containing, an analgesic (), it first relieves tho pain of every-day ailments, then by helping to restore the alkaline balance, tends to        the cause when due to Excess *~t Acid. ;vi jr. li i r nV. 'ii-M JmT Vftl .j.  wda , yB.*tf^5 B CM packages CHEST COLDS Hire's Quick Relief from Their DISTRESS! Tho   ol n  in chest or throat, Kencrally raso when nothing  Mtatcrolo h . Better  k mustard piaster, Mus( ecu  because ( NOT Just a . It'a a "- . it penetrates the surface  and helps to quickly relieve local ,  and  due to colds. Used by millions (or 30 yean. Recommended by many doctors and nurses, la three strengths: Regular. Children's (mild) and Extra Strong, VH. Approved by Good Housekeeping Bureau.</t>
  </si>
  <si>
    <t>                                           Still Coughing? No mailer how many medicinal you have tried for your common cough,  cold, or bronchial Irritation, you may get relief now with Crcomulslon. Serious trouble may be brewing and you cannot afford to take a  with any remedy less potent than Crcomulslon.  noes  to Uic sent of the trouble nnd aids nature to  ami heal the  mucous membranes and     loosen nnO excel  . ErenlfoUierremctlicshavefallou. don t be discouraged, try Crcomulslon. Your druggist Is authorized to refund your money It you arc not thoroughly satisfied with the benefits obtained. Creomulslon Is 0110 word.nuk Tor it plainly, sec that tho nnmc on tlie bottle is Crcomulslon. and you ll Kct the genuine product and Uic relief you want. (Adv.)</t>
  </si>
  <si>
    <t>                                           Won First Prize                 .   ^ mm:v k r. . SOW i:..u^hl.r ui .Mr. and .Mis. Chat-lit 1  nf  Kim    - t. Milhbrrl. won       pr:xr in tin* ~-o!*~~t*          f Uir r. Oirrja !'.i I'lii Fratrrnity IXsay Contoi. S!~r\  at Florida A. -uC M. C'nllrsi-. TalLilussrc.</t>
  </si>
  <si>
    <t>                                           I 1 "T"T T'k Put 2 Ji'opo of I 2-DROP I -t  Nose Drops I rAin I oach nostril to I UWI.II I i- congestion,  secretion In head  - Every breath -you feel relief. PE METROS Dr. C. A. Constiintinc DENTIST 68 Penchtrec, 2nd Floor, rt Auburn Ave. the "MAGICIANS" Are Coming (STtAK.AT MID- If SORE I'M AK [WHAT AMANlJ f-^N J ^*O0IHDICtSTION J1, ACID STOMACH, CAS ON STOMACH? Have you tried ALKA-SELTZER? Alka-SelUer makes a sparkling alkaline solution. As it contains (acetyl-salicylate),it . relieves Uie pain of everyday ailments, . by helping to restore the alkaline balance, tends to remove the cause when due to hyperacidity of the .     Allu-Stlttiore li.</t>
  </si>
  <si>
    <t>                                           OUT in Dallas, Texas, they have recently been dreaming of the "Cotton Bowl Classic." In Durham, N. C. there is talk about the "Cigarette Bowl" and in Atlanta the citizens have already rubbed shoulders with an idea called the "Peach Bowl Carnival."</t>
  </si>
  <si>
    <t>                                           THANK YOU, FOLKS- I j v^y ARROW  STORE j Wishes lo  Iliis -!;.- to  ils i-u^ r.- for their splendid  I K'.'ll k fj        'Ji!   )Il. W K ASSl'iMO OIK I  THAT WI-: WILL CnN'I'IME TO STOCK THK 1 .MUST CO.MI  -XriiON" or  MOTORS Only Liquor Store on the West Side Wholly Operated and Managed by Colored       Appreciation Features I ~^^K j  OF ^i f^: J I [~;s.e,  ^^^1-2 pt. .55 pt. $1.05 qt. S2.00 j GIBSON S PA WILKIN S DIXIE DEW Club Special .Mj.ji.iw I Ye;ir Old PT. S1 -00 Dixie's Favorite Reduced from $1.25^- .85 r- %\ .65 Mild and Smooth CORNFIELD CORN THREE STAR GIN OIK ~-ASTi:ST S.lCi.l.KR pt. .95 1-2 pt. .65 While It Last I Most Conine Line of Whiskies in the City  LIQUOR STORE I (THE KI51CHT -SPOT 01' THE WI ST ) j S18H ..v.if.er St., Comar - St.</t>
  </si>
  <si>
    <t>                                           Now that the Xavier game is past, the Morris Brown squad gets a much-needed rest. Coaches Billy Nicks, Art Graves and Joe Lockhart have been "on the go" since early September with no breathing space anywhere. Nicks has been writhing on a players' bench every week end, while Lockhart and Graves have alternated on the bench and in Ole stands watching Purple Wolverine rivals unfurl their formations. The talented triumvirate is well spent. The...</t>
  </si>
  <si>
    <t>                                           VETERAN* CHICAGO HOVEL  DIES                 CHICAGO- (    - FS.U! White. S3. for more than 30 years a doorman  Congress Hotel . ind in his   as  n         . dice KKldo^y Thursday niter a liar', attack DurtaK his loss rears of service at the Congress White  acquainted  Kith ^eds of</t>
  </si>
  <si>
    <t>                                           . UNDERTAKERS    bow in  lo write Um CLARK S FUNERAL PLAN CONTRACT Taking the entire family, r*.  to age, under on* Contract  t a Reasonable rate, parable monthly or weekly. For fall information call or write COX BROS., Undertaken at 378-80 Aabarn    -, N. E., AtlanU, Ca. Pbona WA. 1553. Good *  wanted.</t>
  </si>
  <si>
    <t>                                           The Students of the Booker T. Washington fought ... 16 years aki and under, are rejoicing over the fact that they can rude the street cars to and from school between the hours at 6 and 10 o'clock for five cents.</t>
  </si>
  <si>
    <t>                                           32 Colleges Represented At Atlanta University                 Grciduntcs Uiiily-iu n colic:;;..'* and universities in the Untied S nlo.s  :ibro;id :.rc enrolled lor gr;itli;;iU' A'liru in Atlanta           .  lo  lin-' a: the  of  for Uv  si '                 While 1J10 Bi'.Mlrsl  nl                 dents arc yi-.Kiiuilf.s of llic five -jcs nf liberal nrts In Atlanta, stii1 dents have emit this year from  of   locali d ii: eighteen . tho District, Columbia and Franco. Tile northern and western  (t! are Iowa Stiile, Arkansas Smtc.  Smith College. Nortliv. University, Illinois Stalt! Nonnnl. Cbctlin.  UnlvnrMly. Hunter' College, the University ot Pittsburgh, nnd Uic Universtiy M . Smitiitrn universities which  .via one- or more graduate '.s It Allalitn include Knoxvlllc College. Blucricld State Tenrhers Colli-f.n. LuMoync, Louisville Muncfroil College. Livingstone College. Leland College. TIlloLson Collcec. Johnson C. Smith University. South Carolina Sinu- College. Hnmpion [. A. jis T. College in Orccnsfcoro. North Carolina. Talladecn ~'.'. Alabama Stnlc Teachers Collegu- Dillard University, and Tennessee A. t. State College. Thirteen graduate  arv Citrrying: full-time work in English, eleven arc cm oiled as majors in tho department of history, and ten are enrolled as  students In the department ol biology. education, economics, nnd so-  arc the next most popular departments this year with       In er.ch  In  . Five   arc working this year for their mnster s degree In Prencli. Full-time graduate work    being done also in the departments of chemistry, mathematics, and art. Registration or pan -time  is largely in Uic departments of education, sociology, and economics.</t>
  </si>
  <si>
    <t>                                           Graduates of thirty-two colleges and universities in the United Sates and abroad are enrolled for graduate work in Atlanta University, according to tabulations prepared at the close of registration for the first semester...</t>
  </si>
  <si>
    <t>                                           MADAM MINGY Atlanta's Greatest Palmist DO YOU NEED HELP? Never fails to point tbo way to success. Cause speedy  witb one of  your ;          unites tbe ^^KI ed, locates absent KmRJO , sms yon IT$~.4w luck to attain your -fU  desire. Tells yow  yoor nw* rates are and bow to overcome . Answer* all questions of life.   *a.  and Iswsoits. TELLS LUCKY aai UNLUCKY DAYS. Satisfaction guaranteed. $2 reading. 50c 9 till 9 daily and Sanday. Talcs Federal Prison ear to end of line. Look for Neon Palmist Si(n. 638 McOonongo Bird.</t>
  </si>
  <si>
    <t>                                           p Rev. I. N. Demy says i'l   not/iing in the pott 20 years that can take tht place of Dr. MUbm Anti-Pain Pills. They are a tan relief for my.h*." Sufferers from Headache, Neuralgia, Toothache, Backache, Sciatica, Rheumatism, Lumbago, Neuritis, Muscular Pains, Periodic Pains, write that they have used Dr. Miles Anti-Pain Pill* With better results than they had even hoped for. Countless American housewives' would no more thinks of keeping house without Dc Miles Anti-Pain Pills than with, oat flour or sugar. -Keep a package in your medicine cabinet  yourself needless suffering. '-At Drug Storjj- 25c and (1M JiMl-PAih PIUS j</t>
  </si>
  <si>
    <t>                                           I I Atlanta  Pebli.hed DAILY and SUNDAY at 210 Auburn Avenue, N. E. By ATLANTA DAILY WORLD PUBLISHING CO. Telephones WAlnul 1489 1460 Member of SCOTT NEWSPAPER SYNDICATE Eatablhhed Attf. B, 1928; Became Dally Marcb 13, 193* vY. A. Seott, II, Founder and Publi.her, Aug. 5. 192S to Feb. 7. 1934 C. A. SCOTT General Manager CLIFF MACKAY Managing Editor LUCIUS L. JONES   . and SporU Editor {~tared Is tba      .Office at Atlanta, Ca^ at .econd-clau mail under the Act of Congre... March 3, 1879 .-1 Year, $9.25: 8 Mol, $4.7S; 3 Mo.., $2.50, 1 Mo 9fe, SATURDAY ONLYt- 1 Year $3.00; 6 Mo... $2.00; 3 Mo... $1.28. Caaadai I Year, $4.50; 6 Mo.., $2.75; Foreiim 1 Year, $5.50. National Adverti.ins Representative: W. B. ZIFF CO. 108 S. Dearborn St., Chicago, 111., and 381 4th Arc, New York- N. Y. Tho ATLANTA DAILY WOP.LD i. an independent new. _nan-. and non-partisan, printing new.  and   thine, it believe, to the intere.t of iU reader, and appoint thom thing, again.t the intera.t of it. reader.. Addre.t ALL COMMUNICATIONS to and make CHECKS  to ATLANTA DAILY WORLD rather than to individual.. The WORLD      ..ly repudiate, re.pon.ibility for return of unsolicited , mann., etc., ..            tent.</t>
  </si>
  <si>
    <t>                                           n Here's       . _-~1np cold relief. Put 2 drops of WnCnYoUr M       :ll u ^~~!il:        in e.-     nostril. See )~  .9 quickly the vlu inking action of   on [HILD B l'~C tiasa' ')ra n- permits freer  _l H liow promptly Die irritation and  arc HnfiP7PCB  ja-'H''~' lnu    '  (;.   uf Lite    oils. Always keep Penctro Xosc M "CCI I        handy for both children and adults.  I IBS Penctro Now Drops arc also effective in       Hie excessive secretion in watery head . ^^w Be sure to always ask for quick-acting Penctro Now Drops It's different. Sold by all druggists.</t>
  </si>
  <si>
    <t>                                           Baptist Group Opens Training School Today                 Tuduy. the sixth  Uiimtng school of the Atlanta District Sunday School and  Convention opens up on Morchousc  with the Rev. C. N. Ellis,  or Rccd Street Bupt'st Church, in charg: or' I he institute. The SS and - group conducted a flnc public program .nt Bethlehem Buptlst Church, the Rev. W. M. Jackson, , yesterday afternoon nl 3 o clock. That group" had appeared Jointly with the Atlanta Sunday School Association over Station. WATL in a program on the air Saturday evening. Meharry Professor Gets Research Grant NASHVILLE- 'A K   - Trie commute? on  research of the American Medical Association announced a grant In aid has been  to Dr. H. D. West, associate professor of chemistry at Meharry Medical college tor further studies on the synthesis of d-e- one rt the  acids necessary for proper growth recently - cred at the Univers'tv of Illinois. Dr. West is co-author of four papers which appeared in Ihc Journal cr Biological ChcmlMry on this subject and wti lc working at the University of Illinois resolved d-1-  Into Its   Jwmerlde It was the excellence or      work that caused tho com-  to make this Kranl for fur- I UiOf study. ^_j. .L i</t>
  </si>
  <si>
    <t>                                           EDITORIALS</t>
  </si>
  <si>
    <t>                                           New 5-Cent Coins Honor Jefferson                 WASHINGTON, D. C-      - Tcaay, new five-cent pieces bearing the likeness of Ex-U. S. President and Eminent Statesman Tttcmos Jefferson will be put Into circulation as fully U .000.000 of the coins have gone on sale at the na.'ion s banks. Gne side or tho nickels are to l.ave a profile b\ist of the third president and author of the Pc. of Independence.     , en the other side, his picturesque Mnnticello home is represented.</t>
  </si>
  <si>
    <t>                                           Hell Named Consultant For WPA                 New Yorker To Coordinate All Race Matters                 Aubrey Williams, Acting WPA Administrator,  today ihe appointment of T. Arnold Hill, of New Ycrl: City, to the national staff of the Works Progress Administration as consultant on Negro affairs. The appointment Is effective at once.                 "Mr. Hill will seive     adviser to the- Works Progress Administration on all matters affecting the Negro race." Mr. Williams said. "lie will coordinate its activities in the interest of satisfactory employment for Negroes on Its  and will assist in the development of new projects for the benefit of the Negro community as a whole." Mr. Hill has been Identified with. Negro  work for me last twenty-nve years and comes to the WPA from the post of Director of Industrial Relations for the Nationol Urban League. He has served with this organization in various capacities since 1914. In addition, Mr. Hill has been a member of various important public committees and conferences, among them being the New York Stale Board of Social Wellare: the New York State Advisory Committee for the- National You! a Administration; Advisory Committee on Welfare, Now York World's (Continued on Pane 4. Col. 21                 Hill Named  from Pagr I) Fuh: Proliant's Einenjency Com- i mil' re for Employment Mu:   : WM'.e      .' Confcrunw on  Health and Protection  183  . and Advl.-ei y Commilti-c on Survey Of Vocational Education and Guidance for Ni- (Office or Education*. Up V.f. also  on various  lor  U. S Depjirt- ini tn nt LiilHir uwl is tin1 " -r fil '.1- :uid   nb- j i -ons  lo       . j Mr. Kill vr.s born in Richmond, Va.. Ai:;ust S3. 1888. He was cdu- j  in thi- public schoola there and n- his A. B. Ueercc nt Virginia Union University In 1011. He Inter took graduate courses In sociology and economics at New Vorl: UnivcrMty. He is !d and     - hither of tut) I'lulilrni. His   is 194S Pcvculh Af:      lir^v V..lk l!~IV.</t>
  </si>
  <si>
    <t>                                           Aubrey Williams, Acting WPA, Administrator, announcer today the appointment of T. Arnold Hill, of New York City, to the national staff of the Works Progress Administration as consultant on Negro affairs, The appointment is effective at once.</t>
  </si>
  <si>
    <t>                                           If you haven't yet decided what to give those friends you are Positive will remember you Christmas day, why not take a tip from this column and rush to the nearest record store? (Naturally this doesn't count if your friends have no record players). Nobody has...</t>
  </si>
  <si>
    <t>                                           THE "MAGICIANS" Are Coming</t>
  </si>
  <si>
    <t>                                           Dr. Compton, Famous Scientist, In Lecture At Atlanta U. Friday                 What promises to become one of h'.1 most significant cultural programs sponsored by an institution In the Rouih is the   presentation by Atlanta university in honor of Or. John Hope, fifth  of the University, nnd the .'Imt  of the Atlanta                 tfty system. The lecture  begin? this  when on Friday morning, November 14, at 1!:OO o clock, in Sisters Chapel, Dr. Ar'hur H. Compton of the University of Chicago, will discuss "Science, Religion,  n Stable Society." There will be no  (or. admission and the public Is cordially invited to  bc present.                 SCHOLARLY DISCOURSES I Only individuals who have become distinguished in some field of knowledge will be Klcctcd by Atlanta university to deliver the lecture*. It is the him of the sponsors of the .series to present scholarly  uhich will not only further the  and cultural program of the , but also servo as a reminder of the great service to education rendered oy the deceased educator. FAMOUS SCIENTIST The first .~peaker In Uie Series. Dr. Arthur H. Compton. Is one of the most famous scientists of the present day. For his great                 buttons in the field of physics, he has received many honors, includ-  ti-e Nobel Prize in 1927. and thi Mnttcucci gold medal by the Italian Academy of Sciences In 1933. A member of the faculty of the University of Chicago. Dr. Compton has taught also at the University Minnesota, at Washington University, at Punjab university at Lehore. India, and at Oxford university, in Cnmbridge, Encland. This will be Dr. Compton-s second visit to the campuses of the i affiliated, . in March, IKS. he visited Atlanta University at the invitation of President Hope.</t>
  </si>
  <si>
    <t>                                           What promises to become one of the most significant cultural programs sponsored by an institution in the South is the annual lecture presentation by Atlanta University in honor of Dr. John Hope, fifth president of the University, and the first head of the Atlanta...</t>
  </si>
  <si>
    <t>                                           The Atlanta Forums Committee of the Statewide Public Forums Project was organized in the National Youth Administration office at the Butler Street Branch of the YMCA, Tuesday night, October 25.</t>
  </si>
  <si>
    <t>                                           You're Invited  j I TO A'n'F.ND A I FISH FRY I .MONDAY. Seiil.- 51 li LAHOR DAY j Ezra Church Springs j IN HUNTER TERRACE j</t>
  </si>
  <si>
    <t>                                           Atlanta . TU N*   *. Ottf CwUni Dtir      .pm Pabli.hed DAILY and SUNDAY at 210 Auburn Arena*, N. E. By ATLANTA DAILY WORLD PUBLISHING CO. Telephones: WAInut 1459-1460 Member of SCOTT NEWSPAPER SYNDICATE EiUblkhed    . B, 1928; Became Daily March 13, 193S W. A. Scott, II, Founder and PublUher. Aug. S, 1928 to Feb. 7. 1934 g^ SCOTT General Manager CLIFF MACKAY Managing Editor LUCIUS L. JONES A. and SporU Editor Catered in lie Po.t Office at Atlanta, Ga., a. .econd-daM mail under the Act of Congra.., March 3, 1879 .-1 Year. $9.25. Mo.., *4.7S; 3 Mo... $2.50; 1 Mo 90c. SATURDAY ONLY.- 1 Year $3.00; 6 Mm, $2.00; 3 Mot. SUB. Canada. 1 Year. $4.50; 6 Mm., $2.75t Foreign: 1 Year, $5.50. NaUonal        .inf Repre.. W. B. Z IFF CO. W8 S. Dearborn St, Chicago, III., and 381 4th Atc., New York. N. Y. The ATLANTA DAILY WOP-LD b an independent  -non-        and non-parti.an. printing new.  and np porting tho.e thing, it believe, to tbo intere.l of it. reader* and  thoM . again.t the intere.t of it. reader.. Addr... ALL COMMUNICATIONS to and make CHaCKS  to ATLANTA DAILY WORLD rather than to            . Tbo WORLD .ly repudiate, .ibility for  of unsolicited ., ., etc^ ..        are .ent.</t>
  </si>
  <si>
    <t>                                           Atlanta  World TW      *t Oalr CtUn 4 Dtilr       ^?t Published DAILY and SUNDAY at 210 Auburo Avenue, N. E. By ATLANTA DAILY WORLD PUBLISHING CO. Teltpboaesi WAlnut 1459-1460 Member of SCOTT NEWSPAPER SYNDICATE Established    . B, 1928; Becamo Daily March 13, 1931 W. A. Seott, II. Founder and Publisher,    . S, 1928 to Feb. 7. 1934 C. A. SCOTT Gener.l Manager CLIFF MACKAY Managing Editor LUCIUS L. JONES AiiocUto and Sport* Editor   In     Port Office at Atlanta, Ga.,    .econd-elaM mail onder the Act of Congreit, March 3, 1879 .-1 Year. J9.2Si 6 Mo... J4.76; 3 Mo... *2.S0; 1 Mo!. 90c. SATURDAY ONLY.- 1 Year $3.00; 6 Mo.., 52.00; 3 Moi.. $1.2S. Canada) 1 Year, $4.50; 6    .. $2.7St Foreign: 1 Year.  S.SO. National Aftrertuing RepreKntativai W. B. ZIFF CO. MM S. Dearborn St, Chicago, lit, and 381 4th Aye.. New Yoric H. YTl. ATLANTA DAILY WORLD it an Independent now.      -noB-Mctariaa and non-, printing now.  and   things it * to tha interest of iU reader* and   things against tbe ?        of             . Addres. ALL COMMUNICATIONS to and make CHECKS  to ATLANTA DAILY WORLD rather than to individuals. Tho WORLD  repudiates responsibility for return of unsolicited  Ictarea, , ete^ unless stamp* ara_ sent.</t>
  </si>
  <si>
    <t>                                           1 Still Coughing? Vo Twfl^ bow many medicines you have tiled for your common { . chest cold, or ! 1 . get relief now  Creomtiltton Sertoas trouble may he ' asd yon  afford to take s chance *rith any remedy less potent      * Cii*1,  cocs  to the scat of toe trouble and aids nature to soothe and heal nod to loosen aod          t -.  t    . try Cr??s!~i!~K7S. Two-  is  to  yoor  U you ere- art   with the benefits obtained. Creomulslon is one word.a.'Oc lor it plainly. s*e that the came on the bottle is Creomulsiouiza  get the  product and toe relief you want,</t>
  </si>
  <si>
    <t>                                           ED I T R I A L S</t>
  </si>
  <si>
    <t>                                           HAMTRAMCK, Mich.--Hiram Crawford, well known for his work in religious and civic activities, and William Lowe, 10331 ... St., were held for investigaion by the Hamtramck police when the protested because the proprietor of the gas station located on Dequindre...</t>
  </si>
  <si>
    <t>                                           Golden Globe Social and Savings members met Friday at the home of Mrs. Drewey. 418 Currier Place, NE. The popularity contest at the Hanley Halt last Sunday was a success. Miss Ollie Mapp was a the winner. Alton Kelly, president: James Williams, acting reporter.</t>
  </si>
  <si>
    <t>                                           Mitchell Re-elected, King Loses: GOP Gains Increase'                 Concede Vann As Power                 Republicans Add Governors And Representatives                 WASHINGTON. (SNS) Shrewd political observers, slid  their heads over Hie power shown by Republicans al the polls Tuesday, " up a new   Wednesday.                 In. Pennsylvania where me state went .Ropublic-jn after    ;iir^~.~      )-. rule, a prominent Negro politician became the object of much conversation. VANNS POWER CONCEDED Astute minds of political wars quickly concluded that Robert L. Vann, Pittsburgh publisher, was one of the forces that  Pennsylvania to jro Republican. It was reasoned that the heavy colored vote had been influenced by Vnnn. It wna  that Vnnn threw his power .to the Democratic ranks in 193G,-  President Roosevelt, but this year, it appeared as though Vnnn turned the colored voters in Pennsylvania to  . Tlic  Democratic l  saw Judge Arthur II. James, Republican, elected          . :ind George 1 1. Earle. Rcpubhwinning !V  contest I MlTCni?~-EI.ECTEp In the Illinois election, the house s lone colored member. Arthur W Mitchell./ Democrat, was returned in office/ Up  York .Dr. Lorenzo II. KfcW... /republican, who opposed CnnArcssmnn Gnvcgnn for n seat In the      from the 21st district. Now Yorh^vns defeated, it was.  Woa^. ^ GOVERNORS Throushout *ihc country In the "off-year" , the Bcpubllcniis \ 17 of UioJr.~ into . 12  previously  by Dcmocrals\jri,r two by  parties. 1^  , Dcmocrab  15 of their Aon" to gubernatorial positions. ^ three previously held by Republicans. 'The Hcpi*  also  in eleven sen^ con(Onntinufcl on       fc, Col. I)                 Wins In Illinois; Loses In N. Y.                 CONC. ARTHUR W. MITCHELL                 REV. I.. II. KING                 Mitchell Re-elected (Conlimied from 1'age 1) j tests, involving eight seats now!  by Democrats. The Demo- crats elected 21 . six whom arc from     South. 1940 TO BE "HOT" I This new p:c:p Republicans! led some to believe the' Pre--n-  ir.l race in 1(1)0 \r- certain to be a  contest. The voting Tuesday -gave the lie- j publicans an additional 70 scats ill the house and at le.-iSt  mor.-j vr.tes in the senate. It was pointed out that even  the Republicans foiled tc  a winner in some states, a I powerfully large number of G. 1'. votes were cat"., indicating Hint the Republican.* have n.'ition- . DEMOCRATS STILL RULE j Tlie Democrats v.ilh much lost. I came through with flying colors j in New York. California. North Da- j kota and Maryland- The Kepubl!- j cans have iiu;re: their \otes but I ,the.. Democrats still   'ballots to rule the 'house r.nd sell nte. Senator Vanderbur^, Jiichigan (Republican), wf.o is dc-ing considered us  . hnd this to say about the election. "An amazing defeat lor the j ]~ party and .'tm." j HOOVER COMMENTS Former President Herbert Hoover declared, 'The -tfo Republican party is now in position to j join effectively with the anti-Nun Deal democracy to check these policies in the congress and   lo restore  ond ORrictilture. to re-t::t:ib!ish con  In . ::tid  all to restore  in. America." postmaster Genera! Farley, chairman of the Democratic  C, s.iid, "I Ihlnk the   tlie .statement that the  :is ;i whole is still str.'. behind   of President ." NEW   Political fireworks really exploded in New Yorlc. District Attorney Thomas E. Dewcy. young racket-buster, lost a brilliant race to          LclunDn. Tlie winner had a margin of 70,000 votes out of the 4.700,000  c;ist. Those surviving the primary election were Senator George, of Gcorglii- Senator Smith, of South Car"if. and Ssnnor Tj-dings, ol 'Maryland^</t>
  </si>
  <si>
    <t>                                           WASHINGTON. -- (SNS) Shrewd political observers scratching their heads over the power shown by Republicans at the polls Tuesday, dug up a new angle Wednesday.</t>
  </si>
  <si>
    <t>                                           Hears Death Sentence Five Times; Finally Pays Price                 Two Slayers Electrocuted At Georgia's New                 REIDS VILLE. Ga.- (SNS)- The state of Georgia took the lives of two colored men at the new Tutnall state prison Friday, one of the electrocuted persons being an Atluntnn. Ralph Bout on died in the electric chair for the slaying nf another All;mt:m January 2, 10:57, when he fatally wielded a pair of scissors at the Sandy Springs prison camp on fellow prisoner John Jenks.                 had heard the death sentence pronounced live times. Ho was saved (Mice when the electric chair wns moved here from the Milledgeville prison. Supreme court justices hoard his case twice. Also executed was Walter Mellon, of Folksion. Melton had been convicted lor the strangle death of Jailer Prat Mizel in an  tilt1 Cliarltoii (Folkston) county jail. Tlic 28-year-old man was -charged with gagging the ased jailer January i, 1938. one year  the Benton-Jenk.s anair. The supreme court also heard Melto.i'.s . ruling against him.</t>
  </si>
  <si>
    <t>                                           IT S EASY TO BOX THE SHADOW                 Boring with a picture and" clashing with a Brown Bomber the squard rin[ are entirely two different things. Loo. Nova, the latest in "white hope." will find out providing he by mU ll1* others rated in front of him to (et a chance at Heavyweight Champion Joe Loui*. Max Bear    next for Nova, who recently defeated Tommy Farr to (et in the big money.</t>
  </si>
  <si>
    <t>                                           i Alonzo James WillBe Back In l%v                 Aloiizo James (here seen adjusting 3 placement for the clever toe of Ail-American Hank Butler) returns to Florida in 1529. He is ~*r and away the greatest punter in:' race football.... never                 had a punt blocked rod a long dis* j lance man. too. Along will) Tom Jones, Butler and Glymph, punt and placement experts, he  Florida (lie -s No. 1 kicking team in 19J9.</t>
  </si>
  <si>
    <t>                                           The fifth Sunday in every month ... five Sundays is observed in the calendar of the First Congregational Church as "Youth ..." The custom inaugurated by the present pastor. Rev. John Clarence Wright, has developed into... ...the really outstanding and...</t>
  </si>
  <si>
    <t>                                           Dr. E.G.~Jriffin Dr. L G. Lodcett- f 'DENTISTS*' M I Hn.: 8 to 6. SawUjr, 9 to 1 1 113K        St. Wm. 1612 i</t>
  </si>
  <si>
    <t>                                           The 11th anniversary of the Rev. B. J. Johnson as pastor of Greater Mc. Calvary Baptist church continued to gain in interest. Tuesday night with a large crowd in attendance to bear a powerful sermon delivered by the Rev. J. D. Sims, pastor of Piney Grove Baptist...</t>
  </si>
  <si>
    <t>                                           SMITH--Mrs. Lillian Smith the daughter of Mrs. Leola Webb of 92 Davis Street, S. W., will be sent today to Musella, Ga., at 6:15 p.m. for funeral and interment, Ivey Brothers, Morticians.</t>
  </si>
  <si>
    <t>                                           Homecoming Grid Queen, Attendants                 'MISS I." (.Miss Beatrice Ilolmo)                 MISS JO LOUISE- LATTIMORE                 MISS Kl. I. If nil   rs an-      fi.cusd mi Ihr players when KriiIi:~:    SUIi: Thurnltrrils ;    .Muynii'N Mull     ;iri.     in Ihr  lilt nt Memphis Arnilsllrr , .ill  Isnagliic lli.it  ll I"1 roaming Otr  nf Ihr   MTtlnn wlir.ir M-i-krrs will"  Ihrw   nhy Jt.: mm lil.r to  ;ll Ihr Illurt" City Insliliillon. Tin- n^vin.s fur nil Uie  will 1~' "Miss I." (Miss  .^l.     : : h.-r   "  .lll.s, Miv.es .In l. l-, ; nml .Mis.s Klulsr</t>
  </si>
  <si>
    <t>                                           Got Any WPA Trouble? Here's How To Get Complaints Adjusted                 A.-i li 1 ANI'.i I!iv;iiim- llu- inking-;! n:iii.ni;il i.rii^Mm  \\i..U Pn.iMV^ .\.lmi:..ii. involving Imii'!u-~;1- "i       -      ~.v:       a -r   i .npU- i.'nil.l..-   i:.-.-:iM.~.'ii-il V. i'.\ -i-. Alnv.i K. Siiml'. mi!     :iii\v .   .-i;iiii in iiu- Mi'i.v -i \1' i'.\ AJinini.-n- I lurry I.. ll.  .     lln- wi-ri: l"lc; ul '.lie ~.i I'lVilmv ;i        ; \ - i.iUi' in h;ivi-          i-un- i ii.                 Mr. Sniiii! r-.ii.l Sirii'.n  n-.   ;nm n:j;iii;. cover.-. ii:r -. -hlv ;i!i.i iv:n!~ ;is        :                 iii: roi.o Sc;;ion U PROCKDUHl! I'Oli ADJUSTING COMPLAINTS: Com- plaints mi.siim in lilt: operation of r.tiy project shall be . sub- milled to the foreman. I 11 (lie  or the .m is not acceptable Iti tin; complainant. Ids matter -should lip submitted lo Ilic  of Ihc Division I ol Employmi'iH in Hie locality  by the SUiic Aciminis- i  lo handle hibor . i II a complaint,  bo satis- I  r. in the locality. 'he worker  appeal,  I individually. or  his or- .. .to the Stnte Works  Ac'lmi'iislratlon for ad-  oT the- complaint, by Um Slate Division or Employment. In the event that the decision ol the Sti.tc Administration is not acceptable lo the ., the -r may Ik- submitted lo the Assistant Administrator or to the I .ill I-          : "I I III' IJIVUiimi                 nl Employment. Works Progress i   !              :. Washington, D. C., I'm- review. j SliNIi TO  j I On notice by thi; worker Hint Uiu decision of Uio Stale Adtninisiif.ui.iii is  acceptable to h'.-rthe entire matter, together with j all documents and information I j shall be -dcd by the State Works Progress Administrator to I j 'ho Assistant Administrator, or I l^ibor Consultant, Diviiiion of Emi ployment. Works Progress AdminIsli'Ation, Washington, D. C, for i review. I It shall be the duty of the Stale Adnilnlslr.ilor to Inform workers or others presenting grievances ~.hat: j (U Worker.-: ;il all times have j thn nght or appeal from the de- I  of local WPA ;, to State WPA officials and from (Ciiiiiiiiiu-il "ii rag i- l'~y                 Got Any WPA (Cuulinued fruin VaKt U State WPA  to the Works Progress Administration a I Washington. D. C:     In  cases, names nnd locations of sill WPA   are lo     ; and i:n ir study  f a    ' any  cnsi:  to the Works Pi-cress Admiiilstratioii at. V/ashi,...ton.  thai a  is -a .. a Iwariiii: in         may  and  -s concerned shall i.c  accordi;ij;ly."</t>
  </si>
  <si>
    <t>                                           WASHINGTON, D.C.--(ANP) -- Because the enlarged national program of the Works Progress Administration, involving hundreds of projects has prompted a number of employment complaints by dissatisfied WPA workers, Alfred E. Smith, administrative assistant in the office of WPA Administrator Harry L. Hopkins this week told of the procedure a complaining worker should take to have his case considered.</t>
  </si>
  <si>
    <t>                                           Farm Security Staff To Gather At 'Skegee                 Pfe'mUTE. Ala.- (SNS)- -A national meeting of headquarters and field representatives of the Farm Security Administration Is  held bete thj$     , in connection with Tuskegec's",  to annual Negro Taim and Home                 IWeeS Conference.                 Forty Negro farm and home management supervisors, projects . community managers and cooperative store managers, work- ing with the Rum Security rehabilitation, ^purchase and  program, who have been attending Tusfcegee conference sessions early tills week-, .via meet. Thursday, to discuss Fana Security   with representatives from the National office of FSA. Regional Director R. w. Hudglns. I from Fifth Region headquarters at i Montgomery. Alabama; Director j T. Roy Reid Irom the Sixth Region: Major .T. Walker, director of the i ResettJcment Division FSA: Joseph H. B. Evans, administrative assist- ant and Race Relations Adviser at Washington: Mrs. Constance E. H. Daniel. Information Adviser. Dl- I vision of Information. FSA. Wash- j (Continued on Face 6, CoL 7)                 Farm Security i (Contibuea from page I) i in;ion. D. C.. :ind Mrs. Nellie K. J H"  .!:iiw;. secretary to Mr. Efans. 'ill meet with the field staff j Tiui.Mhi/. -leech H. B. Evanx. Race Rcla:t. will preside  j tine of Negro stal: iday. when special :tiro; the Negro  Security Advill be . I</t>
  </si>
  <si>
    <t>                                           TUSKEGEE INSTITUTE, Ala.-- (SNS)--A national meeting of headquarters and field representatives of the Farm Security Administration is being held here this week, in connection with Tuskegee's 48th annual Negro Pawn and Home Week Conference.</t>
  </si>
  <si>
    <t>                                           FOR DELICIOUS I SNACKS o\s0\ KRAFT ^~~3?S CHEESE SPREADS 0 Just bring out  van* died of Kraft Cljru:~u S[ire;nli uml * mul  4 urn till read* 'JVtc Sfirrwln uro  Utf *, *~          and , too, Nolictt  knurl new cirt   nu llin Swanky it wig ^       Kr^lt          in.</t>
  </si>
  <si>
    <t>                                           . UNDERTAKERS I* now it*  Ic writ* tfc* CLARK S FUNERAL I'l.AN CONTRACT Taking ll" entire family,    *       under on* Contract al KcaarnaUe rate.   7a.bk  or  . For                  call or  COX BROS.. Undertakers at 378-80 Anbnrn     , N. EU, Atlanta, Ca. Phoa* WA. I5S3. Good   wanted.</t>
  </si>
  <si>
    <t>                                           FJaSfsfEiBS-     r  i^      ^^B^^^H^  ^^^^^^TF ^mM1B^ jff^L  7  m^ I l i m Bi^b^b^b^b^b^bt  *'*^5@Si* ^111 'B^B^B^^iBB^BBBnBBB^flB^B^B^           ^BB^B^B^BB^B^B^B^H IX^ i ~*5   !^p^~^^B^      ij-^ i t*J*fr { \  Xi l^^b^b^bI GET RELIEF OR GET YOUR MONEY BACK -""^ToM /^J^S^^3R\ Buy a box of Black ami White 1 -"^"""LTerOMrO**1 /4fiB55pi#t*   /A I Ointment; if it docs not  to fl I TTiiMG   ^ JL 4 ClTlC I WEfe^^ JB7 bring you "relief from the discom-      ^^ 11, 1 t ^ ^.^  'Ji A 1 forts of skin irritations" as  lc- fri  "^-^VinWS I WtJ ~"=MH^^\O V  in this announcement, the MB Iftl''  J ^^V/ retail price of tho box will be re- SB ri/lM 1R.R1'  J**"^ V^VVOw O\^r^'^ funded at once. M B 1\ ^000^       - 'Arc any of  skin irritations printed above pimples, blackheads and acne of - fr^^^^WEft making you  and unhappy? If "yes" is nal origin. Be sure to demand Black Ls2KSp!^2  ?aS your answer, mid of the  Ulack and White and  Ointment and Skin Soap. W^~S?i2 f^ Ointment and Skin Soap help to : Dot,.t  a substitute. First you go to your dealer right now and get ^^M^^ yourself this famous combination treatment '''he SOc size of Black and White XjgSF"' The mild super-fatted Black and White Skin Soap Ointment contains more than twice as much as the 26c size, is used to cleanse the affected part of dirt and other \TFTZv a wJl" n     !kin f SP? 2oC' Tnal  f material. Then apply Black and Wiite Ointment ?~h ,BI*(? and }Yhlte  2 and Stan Soap are sold for according to plain directions within the package. 10c at all five and ten cent stores. Sold by dealers everywhere. Black and White Ointment helps to relieve the If yon want a -acting preparation, me Black or simple ringworm or minor parasitic skin irrita- WMmuWKT^TL 1 FAwvA. f f JTiTObi Black and Wliitc Ointment also acts as an anti- B^^^^^Hi^Br^HvViVB^B^ septic dressing for such blemishes as !        )   ,l-             *XtJ 'k *^m,! L^JjbtBbwI^</t>
  </si>
  <si>
    <t>                                           Atlanta Jfflft World Published DAILY and SUNDAY at 210 Auburn Avenue. N. E. By ATLANTA DAILY WORLD PUBLISHING CO. Telephones: WAlnut 1459-1460 Member of SCOTT NEWSPAPER SYNDICATE Established Aug. 5. 1928: Became Dally March 13. 1932 W. A. Scott IT. Founder and Publisher. Aug. 5, 1928 to Feb. 7. 1934 C A. SCOTT General Manager CLIFF MACKAY Managing Editor LUCIUS L. JONES Associate and Sports Editor DAILY: 1 Year. S9.25: 6 Mos.. S4.7S; 3 Mos, S2J0: 1 Mo, 90c SATURDAY ONLY:- 1 Year S3.00: 6 Mos, S2.00; 3 Mos, $1.25 Canada: 1 Year. $4.50: C Mos.. $2.73: Foreign: 1 Year. $5.50 Entered in tho Post Office at Atlanta. Go., as second-class mall under the Act of Congress. March 3. 1879 National Advertising Representative: w. B. ZIFF CO. 608 S. Dearborn St. Chicago. 111., and 331 4th Ave., New York. N. The ATLANTA DAILY WORLD is an independent newspaper- nonsectarian and non-partiran. printing news unbiasedly and supporting those things It believes to the interest of its readers and opposing those things against the interest of its readers. /^dr^S. ALL COMMUNICATIONS to and make CHECKS payable to ATLANTA DAILY WORLD rather than to individuals. The WORLD expressly repudiates responsibility for return of unsolicited pictures manuscripts, etc unless stamps are sent.</t>
  </si>
  <si>
    <t>                                           CAPE TOWN--Mrs. Lucy M Hughes, president of the Women's Home and Foreign Missionary Society of the AME churches, was warmly received on arriving on the shores of South Africa.</t>
  </si>
  <si>
    <t>                                           Church, Newspaper Vital Forces In Negro Life...Barnetfe                 Claude k Barnett's Address Over Air Treats Aspects Of Race Press                 Says Negro Church, Newspaper Foremost In Development Of Varied Life Of Race                 ; Asmro ok NKGItO NEWSrAI'KltS                 ISy CI. ix BAKNLTl', Director, The .Associated Ncsro I'nsis                 S NOTE:' Due (11 popular , wo   n:~  nr Un:    Mr. Unriicll on "Wines Over .Ionian" . (Ktolicr 10. A* you ma}' l., aside frum IicSiik  ami  of I he Axsoclalcil Nreru I'nanvMr.                 licit Is   : ami u  nf Hn Biinrtl  r Tmslrcs at well ;    or (he Cliioagu 'I'tiskcRcc lull. He is jil  nf I'rovi'Jcllt Imsilllnl's Truslcc . ;is well as a member of Hie Board of                 of (Itr Council  r Social ARcnricci (tl Chicago:  ol Ihr Executive Committee nf Ilic Health Council tiT Social Agrnrirs, mill a  of the ISmirri of Directors of tlic ChinaSo Kcrrcalinn commission.                 Tlicrc nrc two forces foremost, in it; Uic development or the economic, social nnd spiritual life of Uic twelve million Ncin'octi living In the Oniicil Stntcs. Tlicse are Uic NcC!0 church  the Negro . Tlic . by virtue or H-s  ami direct, approach mul                 11* long nnd  service, stands first. Next In  nnd Imporlnnce is Mm newspaper. To those not  with our im-                 d;il . i he extent and wop? of (his  of the country s press,  mid primed by colored pi n. pit"  colored . may Itu .. lor it I onus Ilic :cnl  "-!" ^mup     ~:i(           .s being  by any  mu%      \  in Ainrrico. Tl!~ Jrwish ?roup of soir.o 70  is next.                 ONE  Turn; tire more than 300  nf  types published h.v Nitrous. Kiiiighly n(U)ul ISO are .. newspapers,  weekly 'I lie . :irc inM^.i/.lncs. religious. Jniii.- nr    lo some        . Tlicre (CNiiilluur,! on Page 3, Col. 2)                 Claude 'A. Barnett's (Continued from Fage I) in one dully, published In Atlanta. Georgia. Wlmt hits brought about the lined for these separate papers? What Is their function? DUAL LIFE Tlieru are twelve million 'black citizens in the United States who live what might be termed a dual existence- n circumstance developed as a result of color and race. The great multitude lives and thinks nm as Americans- but. faced on every bund by disadvantages,  chiefly on color, they look out upon the world  a glass darkly- al-  forced to consider Its foibles :  from another view- j point, that of Nocro Americans us well. tii:i,rrri.i: : Tlii! dally papers which chronicle Ilii! world s  rarely e v~!  to the achievements  progress being made by these dark-  r Americans- who live so often apart segregated, If not . Custom lias  that the i principal space devoted by the genera! news .sections of daily .s to tile doings of Negroes shall I be given over to reports of either I crime or comedy. That is why xo many people regard most Negroes  as criminally Inclined or as simply funny. This belief springs from     type nf news which is constantly served them. HACK PAPKItS NECESSITY In order, therefore, to  what constructive developments arc goIng on among his own people- In order to     a viewpoint of national I and world events as they may afI fret his own particular and  environment, the Negro reads  the dailies for their general information, and then these special publications which make a business of reporting the economic,       , religious, sporting and political  or the world us they occur in relation to this somewhat separate existence which he if  to live. NOT NEW These  arc not by any menus, of course, n new development. It mis 111" years ago. back in 1827. when Samuel E. Cornish uml John B. Russworm began the publication of "Freedman's Journal." The Weekly Advocate.1' DavUi Walker's Appeal.' 'The Ram's Hern" und other early publications .vl- -h appeared at intervals during the next 20 years, bore little resemblance to the newspapers of today. They were almost solely organs of -v end protest. Published m the north, they fought against the institution of slavery which then had sh. most of ihe  black people living in ihe south. One of the most widely read papers of those  days was "The North Star." later called "Frederieu Duiitjinss' Paper." Douglass was the bluck American who, though born a slave, played so great a part with his oratory and writing In moulding public opinion  slavery- and who rose to become an inU motionally revered statesman ana a public . representing this verv country where he had bee  in bondage. Booker T. Washington  d the value of the Nc^ aid at one time _,wned a considerable Interest In an important  published in New York. BETTER NOW Today our papers are more nearly  of news. They si 111 vol.:e the protests of the group and lead the van in fighting for civil rights, but they serve to paint a complete picture of racial progress as well. What are these vital factors in Me. of which Negroes muse be made  and which would be lost sight or were it not for the Negro newspaper? CHURCH ASSET First, there is the church; separate organizations and churches arc the rule in America Knowledge regarding the far-flung activities or the Negro church, touching as it does every section of the country and reaching even into                 , can be obtained only through these  newspapers. Second, Negro business; In particular fields, we have ventured into commerce. In insurance, for example, there are some 30 accredited companies, , controlled,  and staffed by our racial group. These companies employ 9 000 people, have Insurance in force amounting to $500,000,000 and assets equalling 20 million dollars. There are 24,701 retail businesses owned and operated by this group and scattered throughout the north and south, whose sales for the year  $101,140,043.  ItIG AID The publicity, encouragement and . which make these enterprises , the education of their clientele, so that enough racial interest will be engendered to encourage the development of such Institutions, come . from the Negro newspaper. Third is the field of labor. Trw greater proportion of Negro workers are laborers. Faced iby barriers erected by organized labor, banned i from many unions on the basis of color, the Negro faces the insuper- able  of  to earn a living in a world where unemployment is rife and all but the most meagre iind menial opportunities closed    him.  INFORMATION lie turns to his newspapers in an attempt to i.nd information upon Ihc.v:  which face him. The most effective method *u v.' the Negro public I:; enabled to know of instances of cross Uisu'.  Ihe nice or or violations of   which occur in various  oi the country, but which  the group as a whole, is through its newspapers. Without, these organs of  and were it not for the united action on the part of organizations and individuals which they make It possible to marshal!, the rights of  Americans, so often trampled upon, would have very limited protection. Politically, the Negro for decades since his emancipation has been        to one party. The tradition of Abraham Lincoln and the dread spectre of southern domination ot the opposition political organisation were  to keep him in that political groove. 1 CHANGE NOTED But a change has come about. The defection which during recent years has caused Negro voters by the hundreds of thousands to change  political leanings was led by Negro newspapers. It is upc:; them Iliai he must depend for an evaluation of whatever benefits the shilt has brought. It If lite publications which must analyze the dangers inherent in tile relief program upon which so many of the rues are compelled to depend. It U these mediums which must point out She v.'lde variety of discrimination;: and Inequalities which exist in s  and quality of relief and  :.lri as dispensed In various section.-;. Arc events shaping themselves so thai the 10.000,000 persons whom experts say will always be unemployed in this country are apt to be chiefly black Americans? Where does security lie for tile Negro? How  he vote? How can he help emancipate the millions or his brothers down below the sun as well as the millions of whites In :ho same general economic class? NEWSPAPER INDISPENSABLE Again he turns to his newspaper. He docs not get the final answer, perhaps, bui he knows that nowhere else is the same guidance and solace  his own problems to be found. What about the remarkable educational,  II ic and cultural progress which has marked the Neyto's life since he emerged from slavery 75 years ago? Dally newspapers carry nn occasional story- the unusual or , but it Is ilw constant urging toward greater learning through the columns of Nesro newspapers, the examples of accomplishment which they hold up, which nave inspired Negro youth to go forward. 1*. is the . the protests, the pressure of these newspapers along with a Growing white liberality in the south and the moral leadership of northern friends and foundations which have caused southern states which maintain  .school systems and state colleges to increase appropriations and I open a little wider the doors or opportunity to students in these Institutions. Wherever a battle for racial  is to be fought, whenever a plea for fairer participation In American lite Is to be urged, whenever  must be laid to secure constitutional rights, even the fundamental American rights of life, liberty and happiness, it is the Negro newspaper which is in the van. VALUE UNQUESTIONED Recognition of their value on the part of the people has brought strength. Circulations have grown, advertising revenue, lias increased, until in the case or a dozen of the foremost papers, they represent Important investments, employ Urge staffs and offer advertisers the most effective channel through.                 which to reach a tenth of the nation s population. These papers maintain the Associated Negro Press, a cooperative membership organization for Uie BalherinR und dissemination of news. With the church the newspaper constitutes the rallying point In Neqro life. They look toward that day when this great black minority, accepted by the rest of their  on a basis of equal citizenship, may no longer feel the need for particular information nor special pleading Until then, the Negro newspaper constitutes the Negro's bulwark, his protector,* his Inspiration to a better, higher life.</t>
  </si>
  <si>
    <t>                                           There are two forces foremost in in the development of the economic, social and spiritual life of the twelve million Negroes living in the United States. These are the Negro church and the Negro newspaper. The church, by virtue of its intimate and direct approach and...</t>
  </si>
  <si>
    <t>                                           TB Deaths Show Decrease                 NEW YORK CITY.- (ANP)- A new all-time low in the tuberculosis death rale for the entire country is indicated for 1937. according to Dr. Kendall Emerson, managing: director of the National Tuberculosis association. After a slight rise in 19.36. data submitted by state I health departments show that 69,151 people died from this disease in 19.17. as compared with 71.239 the preceding year. The death rate per 100.000 population for the country dropped from 55.3 in 1936 to 53   in 1937. Tuberculosis continues to take its greatest loll, however, between the ages of 15 and 45. It is the leading causes of death in this age group.</t>
  </si>
  <si>
    <t>                                           Give A Year's Subscription to the Nation's Only Colored Daily Newspaper Give the Atlanta Daily World It wfl! last 365 days! For Information Call WA. 1459 Or Stop at 210 Auburn Ave., N. E.</t>
  </si>
  <si>
    <t>                                           BIRMINGHAM --(SNS)-- Mrs.Nettie Brown, wife of Attorney E. A. Brown, died suddenly Thursday night at the home of Mr. and Mrs. Henry Davis Lee. 301 Fourth avenue. N.</t>
  </si>
  <si>
    <t>                                           Are your feet in bondage? Or are they free and in coed slant? Have You imprisoned them in cases that bind and pinch or have you housed them comfortably in shoes that conform to their contour and build?</t>
  </si>
  <si>
    <t>                                           IN MEMORIAM                 Nineteen yean, ago Cod's       .'l  Into our Garden   And plucked the  Dower Then vanished from the seem: lto made a wreath among the AnjteU. Where there foils' not snow ur rain' Where He  our' many sorrows And cures, our  .  Twus Mother whom we loved so       find culled her front  To -dwell in Heaven fore er where All Is peace and love Fh- of cur        , Mrs. Lenu At Brurtley. who deportee!' UilS life November 11. 1919. Helen Jt Hill S. Grace Brailey</t>
  </si>
  <si>
    <t>                                           Tip To Police Climaxes Raid I                 Acting on a lip Saturday night, r.  or officers listed as Jones. Burden. Beany, Nasli and Lieuten:-ni Reggie McLean, raided a residence at C94 Dekalb avenue where  arrested lira men  gave their names as John Thomas. 23. of C2 Piedmont avenue, and Albert Butts. 41. of a Dekalb aver.iie address. According to police records. Thomas is wanted by Detectives Moss and Scxtoii as being an escaped convict sml wanted on various other charges. Butts was jailed as being an accomplice.</t>
  </si>
  <si>
    <t>                                           Music Lovers Await Kryl Symphony Orchestra Concert At Spelman Saturday Everr                 All unusual :~it-ri\'ji!on on (he  iii    )l-1iu:iu Kmcrtiilnmi-jit StTlcs  i j car.will be Ihe  by the famous Kryl Symphony Orclicstra. under tlip  of its organizer and conductor, Eoluunlv Kryl. .in Sisters Clinpcl, on Samrdny evening, November 12. at S:W o clock. Known as Uic ' s .-. ti'.st cor:" because, or Ills mastery or "Mils instrument. Kryl : nart; distinction because lit; \v:is l-lio first major conductor to ii. Hif iiv or the Ixitan in Tlie Kryl Sympliouy Orcliestm.                 America's only to /, is   -  i  .-tRim1' foremast  ui l''c .'thc . .1 be  in a well  .fram   to 1  one^of the outstanding  of  tit Spelman. In conjunction with lits S. Orchpstrn, Mr.  l Is ; two well known a.i^ials, Josrpliinc Marri'ld, . and Barhnra'IiU Brmi. . wlio will .    ;lnl i\j,l ructions on Saturday's .</t>
  </si>
  <si>
    <t>                                           CHARGE FHA HAS JIM CROW RULE IN MORTGAGES                 Colored Americans Forced Into Black Ghettos, Is Report                 Rigid Residential Segregation Upon Negroes by Federal Housing Authority Revealed by NAACP                 MAV VjORK (SNS)- 'flic Federal Housing Amltorily v.  . Jiaci. this week 10  definite rules  : riK J   .-~   .niti;il x.-           upon       -~.                 The Xatiuiui Association lor the Advancement of Colored 1       luo M.-      a copy of "Underwriters Manual" issued by the I- HA which, in effect, prevents Negroes from   nton^aces in any   "Scrrn ^"                 Two months ago the tf. A. A.*c. P.. which had had complaint* i bout FHA . wrote Washington an* r.-as assured that there were no  discriminating  Negroes. ~'M. Kcce However, persistent  I from the Jamaica. U I. branch uncovered the fact that the FHA ha* in its -underwriter.' ManuaT a rule which prohibits the guaranteeing of a mortgage for a Negro home buyer in a neighborhood which considered "whit*.- j The PHA lias turned down Ne- 1 Cro  buyers In neighborhood "here as many as W per cent of the residents are colored people,  to the N. A. A. C. P. In Jamaica, the PHA local ad-  admitted to .Tbur- I good Mar lull. K. A. A. C. P. at- . that in each cty the PHA has marked out certain districts s -5 - and . -Negro." Any area, between the two dbt-  are known as 'cushion" dis- Wet*, j No Negro U granted a guaran- i teed mortgage In the while neigh-  and no white per. on is I Jlven a guaranteed mortgage In i the Necro . In the ^cushion" area, neither race may I secure a FHA .  j U home bU7    are able to secure a  trom a bank or loan I . thC7\may _~lo. so.. j PKOltST LODGED Brandlnc the PKA a'  racial residential se^ as well as   of race I Mfrecation in  where it    -n. the N. A. A. C. i P. lias sent a strong protest to Stewart McDonald, director of the Pedernl Housing Anthorlty. Tiie N. A. A. C. P. points out that iu Jumatca. 1. I. for . a       non- located la hn area r., has been  over for luoi clearance for Xtstoo wl     to build elsewhere. But the "Negro" district Is full and he is sot able to secure a PHA  in  a white" or  cush- ioo" ULiuict. Therefore, he Is un-      to 50rure :eia          * to building a home. Tne N. A. A. C. P. alo  out thai 'Jic prosperous N- of the - who may  to build line  are pri:\     -~d from doing with PHA    Ulance      amount Uicy arc  and able to Invest in a home U greater      amount . in    :  "Ni^ro" . Supputc Uie home", in the average colored area arc valued at 33.000. A colored nun "bo wishes to build a $10,000 home would not V  PHA i!        lor this area. Neither would he be permitted to build In a $10,000 area inhabited mo-Ur by whites. The on- ly xeay he couM solve his problem - be to build a three or four thousand dollar home in thej Negro district or to try to  private           for a more ex-        horce m a so-called white j area.  MADE I The . letter  that the Federal Housing Authority Is  the public tax  of an  to force Kesro Americanc into black ghettos. This policy 1% a definite discouragement to Negro citizens who wish to improve themselves and secure better housing and better environment- for their children." the letter stated. "Colored  hare been branded as slum-dwellers without ambition to lire in good  and yet when they seek better hou ing. they are told by the ( that they must remain within certain areas.' The N. A. A. C. P. letter  the cancellation of Section 333 of the "Underwriters Manuel" of Uie FHA and the establishment of a policy or guaranteeing mortgages for* colored people on the same basis rut mortgages are guaranteed for whites.</t>
  </si>
  <si>
    <t>                                           NEW YORK--(SNS)--Federal Housing Authority was discovered this week to have definite rules which enforce residential segregation upon Negroes.</t>
  </si>
  <si>
    <t>                                           Impressive rites marked the laying to final rest Tuesday afternoon of the Rev. T. J. Linton. pioneer AME minister who had preached more than forty years as an exponent of African Methodism. Funeral service were held at Big Bethel AME church at one o'clock...</t>
  </si>
  <si>
    <t>                                           EDIT</t>
  </si>
  <si>
    <t>                                           Mobsters Face Trial November                 Trial of Murder Suspect Also Slated in Term The 33 white .suspects Jnllcd UiLs week on charges of taking part In the -NcBro riot at Smyrna, Georgia. Monday nnd Tuesday nights will be  In Mnrioltti during the court term which opens November 7. A few ol those alleged to have   part in the outbreaks arc .out on bond. Bonds for the suspect* were fixed at $2,500 . Tlie mob violence. was the - of the double  'me Kuliirdny night of a Smyrna while  and her nj;eil . Willie Drew Russell,. 3), of Smyrna,  arrested  he is alleged to Imvc admitted  the brutal clinics. If lie Is tried In Cobb county, ins trial .may come up about tlic same time the white mob suspects face the -JudBC. The while youths, still in Jnil are being        "on  of disorderly conduct '" . Cobb Residents In Pro-Negro Moves MARIETTA. Ou.- 'SNSi- Eflorl-s to blot out memories of the riot In h , which resulted in the burning of the colored school MonOcy . were started here Friday. Some of the moves were: 1. Huvsnge ot a resolution by Hie Murloltii Klwunis Club .deploring i in; disorders and   for their good work in  order. The Klwanis also pn;  id  Unit leaden! in thi;  would be brought to speedy justice. Ueelsiou ol      Marietta notary Club to sponsor l- ol the IJollul School house, u  wooden building which wns burned (p the ground. n. C: . by Mayor L. M. Blulr. to the  that In the *::5U.0CO public' works   out lor Die  there arc  ior a $40,000 Ncsro school house. Divorce Grounds A FiiHcu County superior court jur". proi'.dcd over by Judcc E. D. Thoimis. ruled Friday that ;ni5 and lottery operations are ~.(rounds for divorce. Forty-two cases, muny of the complainants r.   . were cleared up r.t tl\c Friday session.                 ReadYour Bible By W.H. CAMPBELL                 The . lire           .~l  and by mnn.v people wh i rule themselves  readers. I recently  a good   ILputc with a  who -.td that Jesus Christ called a rich man.  In Luke 12:16-20, a foul, when verse 20 3?)'s: "CSiiil  unto , (lion tool." A fool In the scripture not a mentally deficient perron, but - know-ll-all who acts  In opposition to Cod'st programThe rich man was fool  he supposed that his soul could live on the things he   In his bams, Klvlnic no thought to his eternal well-being. Man can not live by bread alone</t>
  </si>
  <si>
    <t>                                           Luther King, the noted American tenor who is to be heard in recital at Spelman College on Wednesday evening, was born with the love of song, and his earliest recollections are of the little farm in Georgia, where at the close of day, he would listen while others...</t>
  </si>
  <si>
    <t>                                           The Royal Ace Social Club entertained with a cocktail party Thursday night at the home of Miss Adkins, 951 Parson Street. We wish to thank the clubs and friends who helped to make this affair a success. The regular meeting of the club was held with Mr. Dabney...</t>
  </si>
  <si>
    <t>                                           KEEP a cooler house this winter for added comfort and health.</t>
  </si>
  <si>
    <t>                                           Jesse Owens Sued For S748 Income Tax By Government                 CLEVELAND.- CAM') Uncle Sam accomplished Wednesday what few  have- been able to do; catch up with Jesse Owens. A federal tax lien wiw filed  thu star sprinter for S71G.50 in back income taxes and  for , based on an income for the year of  $20,000.</t>
  </si>
  <si>
    <t>                                           In Times Like jg^ Who Wouldn't Want New Shoes? We Will Guarantee To Do The Right Job, in Every Pair COMMUNITY SHOE SHOP :U3 Auburn Ave- Cor. HilHanl SI. Tlie Hou.e Where Courtesy and Service Prevail FREE DELIVERY PHONE JA. 8599 I i I  MODERNISTIC 5 i BEAUTY SALON ^jl^ j I SPECIALISTS IN ALL PHASES ^^^SSt\ OF J1ODER. BEAUTY tj^i^W! CDC C1 A I i?*V*w3yr I Sh:, Press, Wave $1-0" j^K1^^ Expert Operators To Serve You. \J!*Lr\ MME. LUCILE . Prop. H J Mrs. Florinc Turner Cameron, Manager v; 707 Hunter St. Appointment Call Ja.jV'~l ^                             *A*AAlAAAAAAAAA.1.^OVl</t>
  </si>
  <si>
    <t>                                           KY. STATE-TEXAS, P. VIEW-WILErtiltS TODAY</t>
  </si>
  <si>
    <t>                                           Atlanta  World ES^ The Nation's Only Colored Daily Newspaper Sdstn/ Price Five Cents 2 i- J I VOLUME 11. NUMBER l J-S ATLANTA. GEORGIA, TUESDAY, FEBRUARY 14. HI31) L</t>
  </si>
  <si>
    <t>                                           Sponsors Democratic Rally                 JACKSON. Michigan.- Mr. Ben- i Jnmln E. Linton, employed in the House of Representatives, who is  h Dnr..c Rally *t                 w 5. Principal .- will be Joseph A. Cruiscn. John P. Young. Chester Grcluo and Lcrny White. Frcu   a dunce ore other  of ? .. All are</t>
  </si>
  <si>
    <t>                                           Now that Florida's flaming "Men in Orange", Le Moyne's "Mad Magicians", Lane's "Crimson Dragons", Morris Brown's "Purple Wolverines", Xavier's "Gold Rush", and Alabama's "Hornets" have turned up with representative ball clubs with fine rush lines and talented backfields, of the real he-man type, you can hear more and more dyed-in-the-wool football fans back at their old "hot stove" pastime of weighing the relative merits of today's...</t>
  </si>
  <si>
    <t>                                           With the unerring showmanship vision that has been responsible for several of the ... entertaining and successful ... 20th Century-Fox has again ... its production ... and resources to the creation of a new series of action pictures...</t>
  </si>
  <si>
    <t>                                           The Alhambra Social Club was entertained by Mrs. Gretchen Stone Thursday, October 6. Mrs. Aclas made a report on purchases made for the children at Battle Hilt Plans were made for a Halloween partly which will be discussed later. The next morning will be with...</t>
  </si>
  <si>
    <t>                                           SALE SALE INTRODUCTORY SPECIAL White Gold Filled Framu Finest Quality Stock Uiww Ground to Prescription</t>
  </si>
  <si>
    <t>                                           HowardPrexy In Red Pro he                 WASHINGTON. (SN S A report recommending dismissal of Dr. Mordecai W. Johnson, president of Howard University in Washington, for teaching Communism, was suppressed by Secretary of the Interior Ickes. it was charged Saturday before the Dies committee in its investigation of un-American activities. The committee was told of the alleged report by James                 A. Cobb, former professor of Law at Howard, which receives heavy appropriations from the federal government. The alleged report was made by Louis R. Glavis, former special investigator for the Department nf Interior. According to Cobbs' testimony, the report was ut first adopted by Ickes as the basis .for a recommendation that Dr. Johnson be ousted from the presidency, but Ickes "afterwards changed his mind."                 Cobb was a former law instructor at Howard. He once served as an assistant Attorney General for the District                 of Columbia and in other capacities under appointments by Presidents Theodore Koosevelt. Wood row YVibon and Calvin Coolidge. Introduced into the committee record were speeches purportedly made by President Johnson advocating Communism as "the new religion." Cobb's testimony came following testimony by several Wisconsin witnesses as to alleged activities of pro-Fascist and anti-Semitic movements in thai state.                 JOHNSON</t>
  </si>
  <si>
    <t>                                           1 1 HAVE GOOD NEWS FOR YOU Rccsrdle** of what your trouble may be, you can look the world ia the  t Face; Solve all problems: Get what you Want and Fear no Man or              *. Vonr Happiness and Suece*- demand tli*i you print vour name clearly and send it to: REV. CHAS. P. COLBERT 545 OWEN AVENUE DETROIT, MICH.</t>
  </si>
  <si>
    <t>                                           Puts Ban On Segregation In Projects                 NEW YORK. N. Y.-  c N Si- j T!:v Howlnt: Authority ot Pitt? ~-.i:  be a p^iy lo anr I plat: for the           or         I In Hit lovi-tort          - ment Mial a u planning to build, t Lec'jirr* b. J. Hovdc, Its - . in nu article  In                 ~)ic December  of Opportunity. J Journal ol Negro LUc. I -J-'or inar.y       Nejroei :uirt wh.tcs Iwvc lived door to door in Utr HiU District of Pittsburgh.* M.-. Horde . -Why should Ibis    :  '  be         by rnr act of Uie local Authority? U nuv Iw Uwt MupW prejudices Kill brin; pressure to bear upon It to adept a  of : jo he Authority win rout. At any rate, it is determined not to  ;            ."        majok  In t-.is 1^* frank  of  * of th* 5. i Holies Authoriiy to     ' * for         or low income. Mr. Roxde  out that a   )or  of Uie    Is that  Irw  and WPA peop ie vUi be able to occupy the Itomes { tutu under the present . Tortunately by law only those i i (CMitinuem *n pace C: e*L Si I                 Puts Ban On (Continued from Page I) T'ho netc adequate rehousing will be ." he says, "but  the siua aristocracy that Is the regularly employed- will occupy the  horn ft Considering the very Urge proportion of Negroes on re1'e' and on WPA this is a very  problem, and indicates that ^'t- must seek Joint action with T.htt:  to acquire one of                 'wo thing.-.: "1. A degree c: public i-- i"n which will lower  to Uic point   *; the least privileged i  may , or j "2. A definite and higher rent.  in the relief buds^U probab y paid directly to a Housing j /. I If Negroes wish to achieve these i 'Rj-.gs." Mr. Hovdc concludes. 1 "they nj ist organize themselves I :md cooperate with other similarly I Interested groups. The most prom- i biros      or attack are to Join labor unions and to organize poi 'ik-ally.* i</t>
  </si>
  <si>
    <t>                                           NEW YORK, N.Y.--(S N S)-- The Housing Authority of Pittsburgh will never be a party to any plan for the segregation of Negroes in the low-cost housing development that it is planning to build declares B. J. Hovde, Its administrator, in an article appearing in...</t>
  </si>
  <si>
    <t>                                           He Can Talk To The World                 With   X5 0 power plant. Dr.        - I**1'- ly r:n  ? to his mother in Camto,, of t- on Ulk to the world. Thr short ,~.-n. C. II- has   in nearly all parts of ~-   - : and  sol is  on U.r 3rd u,- . II. is known to his listeners as the "Kine.                 Moor of his home in the Quaker City. Almost night-     ." il-hoto by Harprr).</t>
  </si>
  <si>
    <t>                                           *V**^r ?7**^ ?;     TpT* ZTn***~,1  ^"t it^**"'*lT^*"''i?tf Xmas Cheer Fund Will Run Two More Days; Total Now $136.72                 The Atlanta Daily WORLD Xmas Cheer Committee. Tuesday, submitted the names of the almost 200 needy families which have applied to it for aid this year to the Christmas Bureau where they will be checked against the Social Service Index to weed out the Ifct to those persons who are in the most dire need of the newspaper s aid. The stage was also set Tuesday for the actual wholesale purchase: of the huge   of foodstuffs be  to these       ami  families again this year. The order will be placed this morning by Lucius L. Jones. WORLD associate editor, who is director of the project. Donations to the Xmas Cheer l-'uml yesterday arc given below. For the benefit of those who have not given yet but who are desirous of helping the poor people the "World" attempts to serve, the fund will remain open two more days. PLEASE GIVE YOUR BFT ! Here are Tuesday's contributors b DONOR AMOUNT Jolly Matrons Social       (Mrm. Either M. Boll.        ;   ) .$2.00 Denver Savings       (Mr. S to  E. Core, president) SI. 00 A Friend (Anonymous) tt nn Mr*. Ella Folk '.Slloo Happy Syncopalors Social Club .Sl!oO McD?niaI Sixteen Social Savings Club, per    . Paw line Warner    . Ucuk       . pro'.) .$1.00 Mr. J. Neal Mont-omery so.50 Total Received Tuesday 7.50 Total Through Monday $129 22 Grand1 Total TW Far in 1938 $136*72 Grand Total in 1937 Campaign '.SI 17^73 Increase Over 1937 Receipt* .$ 18!99 Editor", Note: Mw. Tlirlma F. Daniels 1. president of the I Atlanta Beauticians' League which, Monday, donated $2 to ^tne Xmas Cheer Fund.</t>
  </si>
  <si>
    <t>                                           I HAVE GOOD NEWS FOR YOU RenrdkM of what your trouble may be, you can look the world in the     ; Solve all problems; Get what yon Want and Fear no Man or Circumstances. Your Happiness and Success demand that you print your ^^fe^'^^rS1 - CHAS- p- COLBERT 5f?Jj^^AVENUE DETROIT* Mrry</t>
  </si>
  <si>
    <t>                                           Bailey Theatre* I 81- THE NICHT HAWK"      "PmroJ'. Twin Brother" I      Comedy and New* ROYAL Kay Fraaci* Jattm Lttrl in "MY BILL"      'Thp Lone Ranker" ASHBY -RACE OF PARIS" wirt. Dcmic. Fairbulo, Jr. Daaielle Darrie^ix AUo "Th* Lone Kanjrtr" LENOX STACE SHOW- All Day Abo "IN OLD CHICACO" 'And Comedy</t>
  </si>
  <si>
    <t>                                           Effective Wednesday, the management of the Rosy Theatre announces a prices to colored patrons. The balcony will always be fifteen cents, including Sundays and holidays.</t>
  </si>
  <si>
    <t>                                           KASH KARRY 162 Hunter St.. S. W. Pork Lard Kat rrK. Frenh Pijr Heads Pitr. Shoulders 1 :.c Frciih Pie Sidi- Pork Sausage Pi(T Backbone I  Picnics IT1.-.: Fresh Pork Chops "1 ftc Fresh P;c H.ims Rronkfield Butter "lie J-lb. Carton PURE LARD</t>
  </si>
  <si>
    <t>                                           Atlantans Await NAACP Emancipation Program                 All read*  nU lead to tKe       Conpt  church  afternoon at 3:30 o clock, time sad plae of the NAACP*~ annual Emaacipatioa  . Dr. Ovaries Leander Hill. Jean of Taraer Tkeolojical I Semiaary at Morri* Brmm colle(e, %r3I deliver tKe . Moaical  for tKe  will be offeree" by tKe Libel ty Baptiat church chon-  2. aad tKe American RoyJ ,</t>
  </si>
  <si>
    <t>                                           "AND SUDDENLY there was with the angel a multitude o the heavenly host praising God. and saying.</t>
  </si>
  <si>
    <t>                                           Week-End Cleanser When Energy Lags                 \Y:i:i! wit:: .1 v.'i^b ::::ii. :noy h.'tVu vnu ! in :ric b:i1h-tub Sui:~iay -.K'.' J"i::    ' \\\rk-E-u! C!~b !ii:i-.:il Cii-.-'.-i.-   : J"i*'. n-.'rcr wi L lv-'-i.ri ir     ; h:is y.ii; l:^     . dull, v.irh'-ut en-! ray. If 11 h:   y..i; hu.'.~ichy. oil-; i JU.-. !MT'iU.\ V.ith fOul bl-Kilh.  . in TONIGHT!                 Ti.kv spicy, aromatic BLACKDrtAI.'GHT. By simple directions, i; \viH :icl  to %"e souring v::    . lls  in^n^ is an ir.:tv:in:il t"nic- that  in-.purt tone tc lazy  muscle:. YoulI like ALL, vegetable bi-ACK-:</t>
  </si>
  <si>
    <t>                                           Regents Will Move S. T. A. College                 . Ga.-       State Teachers' and AsricultunU ?. located hens,  be transferred to Fort valley iy the board of      :s next Septctrdcr. the Monroe county board of education announced Thursday. The board of resents has decide:) that since the center of the colored population it. nearer Pori Valley. four-year college can be more                 maintained there. The institution is    - a junior college ot the University of Georgia System. II was not made known, whether or not Port Valley Normal Institute, which is located in Fort Valley, would bo Involved in the deal. Plans nrc to continue operating a high school in the school buildings at Portyth.                 Race Juror Defies Texas Judge's Order                 - (A S    T h e question     Nf groe* Nerving* nn Texas juries was given n lest her* last week in the 101st DbMtl Cenrt of Judge Claud 1 -MeCallum and after a.  j  fire Texas Rangers were called .in u. a C*ard a*aln.~t  . MonHay, bef*re thr    Uwre colored - C A. GaUoway. -TEd Bryant and T. T. SbnoMns presented themselves for service. At the done of preliminary  of white Tenireman by an attorney. Judge MeCaltam left the bench I and ordered the Negroes to leave the . :                 "We  l"n*t need you  n the Jury, that s all  is to it." Wilremni Simmons *  to be  an MonlUy       next day     . brine  t* Juilice Ttwmion's. . After  of other      *~iwn. Sinurnnt and five        I*  to Uw      '   Uiry werr diplomatically  from . Because of the protection afforded by the Kufers it is expected that other colored \ scheduled to be railed it the future, win report for Mulct.</t>
  </si>
  <si>
    <t>                                           The corner has never subscribed to the idea of one- man mythical honor teams where that single observer is unable to get a first Land view of all the players named on his teams.</t>
  </si>
  <si>
    <t>                                           IN MEMORIAM                 In memory of our father and husband. Mr. George W. Cannon, who left us one year ago January 2S, 1937. No one knows the lonely heartaches Only those wno  can tell How they miss the one they love so well. Mrs. Ain.- Cannon. ~- Kalliry". Haacl. Susie, Sara. Howard, Hilda, Children.</t>
  </si>
  <si>
    <t>                                           Trick' Thief Is Held Under S1000 Bond In Burglary                 A suspect who  :;      "J a pocketbook containing SI.SO anJ ran up to police screaming thai someone was after her.   to bcut her up. Thursday      bound wcv to state courts on $1,000 Sond. chai-Bt-0.  -. Tlic suspect, who ga\T htr  as Nancy Rvtd. 23. of the rear of 832 WteLuntrton Street. S. Vf.. wns accused of taking the purse from Mrs. Jessie Scott of 245 Hill Street. S. E, at a Cilnier Street address. Police said '.lie woman ran up to     with a Hill street  her heels. In her hand she carried 2. purse, which      said- the claimed to have only picked up. It contained no mci:ey whin examined. SUIT REqpVEBED A suit stolen from Vf. P. Tbomaa. ul 08 Chapprl Rood. Thursday      o-cu ^d from a pawn shop, police v ~.rds revealed. "Hie suit had    ?:t for cleaning  ul an  Avenue         : ^at 'and' was - from thcr^ was stated.</t>
  </si>
  <si>
    <t>                                           AUGUSTA, Ga.--(SNS)--After the Thanksgiving games, grid togs began their march to lockers and store rooms to await spring practice, footballs were deflated, chains were wound us, and efforts were started to complete schedules for next season, but in reality the...</t>
  </si>
  <si>
    <t>                                           I  STARTING uNE-urs  POS. IIOUSp Itron-n LE Blnckcr              (C) I.T MalUicws (Cl Pelti-Min Crowcll Wjllc C          1- RC Ward U'rstlirook RT Neal C. rink-stun RE Wllllnms TlrKidmt Q Allen W. SnJth LII Wash'eton Hall RH Evans Henry FB LeValn - J. 1J. Brown (VaUnion): USIl'lKK- B. T. 1- (A.U.); - W. II. Aikcn (Hampton). TIME OK GAME- 2 o Clnck.. PLACE Ponce dc Leon Park.</t>
  </si>
  <si>
    <t>                                           I.378JW LETTERS PASS  P. WEDNESDAY                 I Letter cancellations in Atlanta set an all-time high Wednesday, according to Postmaster Lon P. Livinpston. who said that 1.378,572 envelopes passed through the cancellation machine. The previous high  ras on December 21 of last. year, .'~when a marl: of l .220.91+ teas reach- i led. i j KAIN PREDICTED The Atlanta weatherman indicated ra;n ror today in his official forecast Thursday. Sides will become increasingly cloudy and there probably will be showers, the prediction read. Temperatures are slated to increase.</t>
  </si>
  <si>
    <t>                                           Hull Makes StandClear To Japan                 Chiang Kai-Shek To Continue War On The Invaders                 WASH1NGTON_(S .N S)- Tile United States docs not intend to abide by Japan* strong desire to link Japan. China, and Manchoukuo together for political economical bc-, Cordcll Huil,  of . pointed out Friday.                 He ako pointed out thai this country would not accept any denunciation of Japan by the  treaty which guarantees China's independence. Mr. Hull denied reports  he was consulting with other countries to Induce them to denounce Iheir er. treaties with Japan. It wn.s mentioned thai China might sec peace by direct negotiation. CHINESE FIGHT ON -  S N   - Gcncr.il-  s- Chiang Kai-shek and the Qiir.csc have not given up In their light  the Invading Jnpa- j nesc. Sources revealed Friday that he conferred with a croup of Soviet j Russian advisers and has chosen j southern Hunan province in which to make a new stand. Tlie leaders will also resort to extensive guerrilla warfare against. I he Invaders, he indicated. 1' LEAH I  Traiilc Poliix Bureau figures Friday revealed that more than half people killed In  accidents this year were pedestrians. Figures  by the  show that Use 42 tr.iiir   year. of :1 billed wi-ru pedestrians. J Seven people were killed in   "to :. two were killed by the col- I Ivnm of  mid  ob- t vi1 ;n             '~.!i::.s ::rd .. iv.o in -Mreci j rar ci  :iiid two in crashes be- -ii   :i-.vc1i.s : aii'.o.'.</t>
  </si>
  <si>
    <t>                                           WASHINGTON--(SNS)--The United States does not intend to abide by Japans strong desire to link Japan, China, and Manchoukuo together for political economical benefits, Cordell Hull, secretary of crate, pointed out Friday.</t>
  </si>
  <si>
    <t>                                           I PARTLY CLOUDY: temperatures low of 48 .</t>
  </si>
  <si>
    <t>                                           Slayer Pays With Life At ReidsviJIe                 REIDriVILLE. Gu.- (S N   -  McBiidu. 30-  --iu--oW convicted slayer of Sheriff Carey A. Thomas In Clinch county, paid  his life Friday             chair. McBride, after the state supreme court turned down his appeal for a new trial, was ro- in Clinch superior court by Judge W. R. smith. He was convicted of killing tlic officer on January H ol this year when Sheriff Thomas attempted to servo him a warrant. McBrlde escaped, but wns captured In a dense woody section In a gun bat- I tlr In          J. B.- Davis or Waycross district   was wounded. McBrlde . wns shot by i Uic , the bullet breaking his arm.</t>
  </si>
  <si>
    <t>                                           Atlanta ., World Published DAILY end SUNDAY at 210 Auburn Avenue. If. E. By ATLANTA DAILY WORLD PUBLISHING CO. Telephones: WAlnut 1459-1460 Member of SCOTT NEWSPAPER SYNDICATE Established Aug. 5. 1923: Became Dally March 13. 1932 W. A. Scott H. Founder and Publisher, Aug. S, 1928 to Feb. 7, 1934 2. A. SCOTT General Manager CLIFF MACKAY Managing Editor LUCIUS L. JONES Associate and Sports Editor DAILY:-! Year. S9.25: G Mos_ S4.75: 3 Mos. $2J0: 1 Mo., 90c SATURDAY ONLY:- 1 Year S3.00: C Mos- $2.00: 3 Mos. $125 Canada: 1 Year. S4.50; C Mos.. S2.7S: Foreign: 1 Year, $SJO Entered in the Post Office at Atlanta, Go, as second-das under the Act of Congress. March 3, 1879 National Advertising Representative: W. B. ZIFF CO. 608 S. Dearborn St. Chicago. Ill- and 381 4th Ave.. New York, N. The ATLANTA DAILY WORLD is an independent newspaper- nonsectarian and Jion-      .in.  news  and supporting those things it believes to Uiv interest of its readers and opposing those things against the -st or its reader?. .^dr^.ALL COMMUNICATIONS to"        7 payable to ATLANTA DAILY WORLD rather than to individuals. Th* WORLD  repudiates responsibility for   pictures, . etc.. unless stamps arc tent.</t>
  </si>
  <si>
    <t>                                           TIM TYLER By LYMAN YOUNG                 *FELIX, THE CAT By Sullivan                 DOROTHY DARNIT By CHAS. McMANUS                 . Bv JACK RABBIT                 By CY                  HARRY *'f ~~^~P^wws-^-^~r^r3v7~^p.-(wJ:</t>
  </si>
  <si>
    <t>                                           TUSKEGEE INSTITUTE, Ala. -- (SNS)--In an exciting game that constantly shifted the lead. Tuskegee's Golden Quint defeated the Morehouse College basketball team, 22-19, in Logan Hall, Wednesday night. The sensational shooting of Allen Scisco, who accounted for...</t>
  </si>
  <si>
    <t>                                           Begin Finer Womanhood Week Sunday                 F.   .-~:~. Zetn. Psi aii(l Beta chap- :rrt oi ilw Zf-ta Plii Beta sorority \.i'.\ b.-vir. annual observance of i *i;~~-:- v.Vir_ir.!iowl Wsft Sunday j j niRi-nins e!~vr-n o"clocK bv wor- i I siii. :-.in5 a'. AUc-r. Twnplc" A^IE ~-'iT!  -h. Rev w. R. Wii:~f.;  j T.-jp Mr. WiUccs will deliv-i  r n Fjierial sermon 10 the vom ai'~l:orice . His subject utU lw Swpin:; with tne -~!)^.ce I of M".e large r. of Creek  women .'Of- ?uor.(--. i At. i:^;      : during the ween,  ihp  chapters ~'iii i.. Jeciures. qu.    ,     vf. i "Kinrr Womanhood" at- "~; i :ti:d  ?       ami b^torr- o'^pr</t>
  </si>
  <si>
    <t>                                           TIM TYLER L^"                     By Sullivan FELIX, THE CAT                 IT S A GREAT LIFE IF YOU DONT WEAKEN By JACK RABBIT                 DOROTHY DARNIT By CHAS. McMANUS                 ^M""8^                 HARRY</t>
  </si>
  <si>
    <t>                                           ION SALE ONE DAY ONLY! I SALE! BOYS' I I ~/?%~~$!!*$ 9nQ I I routers I H r^K^ife \ + Corduroys! I li-f^^~:^li ^B^W Denims! I J^S^^^W ST**t sale of a!I we h^vr left rf these well-made good 5 I /~~*~~~'''^m trousers! Clearing the decks for summer! Sizes generally I ~*  $mSi 6 to IS! Conic early! H ^1 ^^(i^^P^^- *^y" *^V* I SALE! Kiddles' 10*19c ^^3, I CREW SOX! T illi^iPL 1 5-8 SOX! B?^ ^l^ilK^ I ANKLETS! 9%^    ^^ H K^   -v p;it terns and  o!id ^^B ^B^^Br^^2 3@i H   hi thi*~ especially Pi* ^KB^r^ ^^^^S 1^ H I'inr lot that n*c*vc just ^^HH^^^^^ ^^^^^r ^^^^St ^3 I J^?~ Saturday SALE!- 59c I ,/J$() Dobby Satin SLIPS 8 F ^f 'l Popular share of teaH x\ 1 9^H M^^^B r0Se'      ^ scams, H 1 IB ~^L_ ^W^ b as cut    ^           "v^fch^ m^. ^tt^EJE ble shoulder straps. H V "V^B^k. ^^^.^B^^kv Fu^ cut anl* "V ^B^l wL ed fit- Sizes 34 t0 v-^r, '^L, ?.^-'V fc^WWL^^B 44! Remember, Sst. B v 'Wl V^^^B^F  ouly at tbis I if/ $1 UNIFORMS Er. H y  f^ cH.Tn-cU bis model* j*^r ^r SALE! Genuine "ELDER"    tn Famous $ 1 .65 HHtmnimM ^^nT^^^^^^* Shirts I^;W? Nationally - Wov- ~^-~B r ^jfl3~{              [    / f f3** en , figured         ^^H w W/w^' I 1 and clipped dots. This sale ^^^K \T N i 1 of new fresh shirts possible ^^^9 7 1 I I only because of   I 11 1 changes tit  s MmiMRKnMHMRm I l^" I 1 These Great Specials On Sale Saturday Only: I</t>
  </si>
  <si>
    <t>                                           Use only one level tea- ft U spoonful to cup of sifted H flour for most recipes. j/ lWf BAKIKGj  H^        U Same price today n as 48 years ago II 25     *fcr25^ n II    [       ~^~      Ci 1%  f         i*~C*iMt fll</t>
  </si>
  <si>
    <t>                                           Sing Gospel Song* I III Tell It WWeTer I Co lOr Preeietu Lord, T.Ice Mr Hand 10c How Aboat Yon? 10c Send Orders To I THOMAS A. DORSET 755 Oakwood Blvd.. Dept C, Chicajo, HL get Money LovS I          * to  700 set B*w-~s*rt te USm. K6 csm  hoM. St^p       lot! Wriu id* today. Inforetttfas 1 M. WILLIAMS, Journal Squara Sta.  City, N. J. Dept s I</t>
  </si>
  <si>
    <t>                                           i ltls Conscientious l\ Completeness Sl Which I urns work into art. The smalliS est .   und  pathetically well dune, becomes artis- tic. a Our  and f our experience are K for your use and J service. ;</t>
  </si>
  <si>
    <t>                                           f EVERY WOMAN^ y^VlKttOW  OK jjt^^LlSTERINE Clinics prove Usterine Antiseptic reaches and kills dandruff germ       is no carter, more delightful, or  way of  dandruff under control than with. Lbttorioo Antiseptic.  for more than 1*5 year* as a  wash and . Just rub it in and follow  witn  . LJvtcrlno Antiwpttc gem rid of  because It. kills  Rcna that  dandruff- the queer little houle- baci  (    * ) toat  tbo hair and cover* tho )~calp. Don't waste  with  that I merely attack *. Uw Uxtfrlntk I AntlHc- tho proved  that s^t* at tho cauM. Thn  treatment wo know; of that is backed by ten year* of  I and a clinical  or  In tho groat majority of case*. 1 Lambert Pharmacat Co.. SC Louis. Mo LISTERINE THE PROVES  FOUj</t>
  </si>
  <si>
    <t>                                           Bus. Wa. 1012 Res. He. S37S-P DR. I. G. LOCKETT DENTIST 113!: Alabama Street. S. W. THE "MAGICIANS" Are Coming John Scheer     Fred Scheer Jffl JEWELERS IpZTyi "Strvina My PUnm sinu ~^W^2!       In Simt Locttign. W MOVING TO M 120 Peachtrc* Arcade TUESDAY, NOV. 1ST</t>
  </si>
  <si>
    <t>                                           IN THE SOCIAL REALM</t>
  </si>
  <si>
    <t>                                           DOROTHY DARNIT By CHAS. McMANUS</t>
  </si>
  <si>
    <t>                                           4 10^32ib  1 JJfL^.  - ^^^SSy  i^</t>
  </si>
  <si>
    <t>                                           Funeral Notices                 DANIEL- The funeral of Mrs. i Queen Daniel will be held in Eo- i i gart. Gcoiriu. ai 2 PM. The cor-  wll leave the  par- j lOr at 10 AM. .  M ~:ird. Murdaugh Bros. OLIVER. Misj Idii Mac- of Bc:i Hill. Ca., passed at her sister'- rc^. 43 Asliby Street. S.W.. Sunday. Dtcombcr 18. at eleven . Her funeral a.Ui be announced ay Ivey Brothers Morticians, i THOMAS- Mr. Handy Lef j Thomas of 792 McDanicl St.. S. W., passed Saturday . j Funcml will be announced lat- cr. David T. Howard Co. BROWN*- The funeral of Mr. John Brown of 595 Ponder* Alley, will be announced later, j David T. Howard Co.</t>
  </si>
  <si>
    <t>                                           FELIX, THE CAT By Sullivan</t>
  </si>
  <si>
    <t>                                           Christmas And Hew Year Holiday Fares. Effective December 10. Central of Georgia Railway mad its connections will establish Holiday excursion fares  the Southeast on basis of 1 'i cents per mile in coaches =    2U tents por mile interstate in Pultmaret, plus Pullman chaw. Excursion tickets will be on sal? December 10 to January 1. inclusive, final limit January 10. 111311. Thes* low excursion fares will enable everyone to  friends and relatives during the holidays at low cost Ther; will also     excursion fares to the East and parts or the West. Ask Ticket Agent for further information. Central Of Georgia Railway</t>
  </si>
  <si>
    <t>                                           Where Help Is Needed                 It's people like thru-. living in titter squalor  unable to help Uirmwlvt's thai Christmas Clu-rr Funds Ix-lnj raised     newspapers all  the        -. are  to help. These scenes were made In a slum area ft Indianapolis Ind. Thej- could be duplicated a thousand times in similar sections of practically any city in the I'nited States. Why not do your part to banish poverty and hanger lor a day by  to a Christinas Cheer Fund?</t>
  </si>
  <si>
    <t>                                           An International Christmas Festival in three part: Will be on Friday morning. December 23 by the students of Atlanta University Laboratory, High school. The program will begin at 10:00 o'clock and will be held in the Assembly room of Giles Hall on the campus of...</t>
  </si>
  <si>
    <t>                                           CONELY? Lrt un  you find y,mr 1.1ml .        r p*-n put by our            nit* rru .      * it        Ifttfr irl Inic tin*  uf companion you wmi lUtU     -  4 irr full . uf.             i*~#~Mi; ntm) It to un wll ?3~- MM] M 34*          d     Will PU IIhIi It III   \WI. whirl, will Im r*uU t  .mly. m)I       tft*~  Hurry,. JhU                mity not     't . SrN I'MltllMhlnr , I "U V     ! Str^-t. N*.w Vark City.</t>
  </si>
  <si>
    <t>                                           They Take Stand Against Fascism                 A pledge to stand firmly for the democratic  deal was taken by this group last week following a cocktail party at which Aaron Douglas, eminent artist, wai guest of honor  n New York City. The affair was sponsored by Rockwell Kent and at* tended by more than 100 guests as part of the                 movement to aid the Spanish Loyalist.. Pictured here 1 to r arc Richmond Barthe. noted sculptor: Roy Wilkins,  of the       : Mn. Muriel Draper, author and lecturer: Aaron Douglas, and Walter White, executive secretary of the NAACP.                 (ANP).</t>
  </si>
  <si>
    <t>                                           Songbird With "Wings Over Jordan"                 MI** Martha    ., soloist with "Wing* Over Jordan", which will         in Cincinnati, Ohio, Wednesday, March 1 5th.</t>
  </si>
  <si>
    <t>                                           THE SENIOR DEPARTMENT No. 2 --of Wheat Street Baptist Church invites the public to a debate.</t>
  </si>
  <si>
    <t>                                           Returns To Motor City                 ~~*       E.  i*   *y   f Aibnl-, Wttu  b            lit   *Ii*~*il aft*r six w**  '       iu U*r I.**,..*- t..  * A fura*          -~kt ai Morn* BrOWii       ?~~.      U^ h^*** .11 tit a          ^~  in    - Motor City . li*-r i..</t>
  </si>
  <si>
    <t>                                           pOO  UCX  JUST TW II TO tKT-MO I TMC TO       I He felt ~*UTrotf mm acxt 4^. Vhy don't ytn talar AQaocitzer tor Gas on Stomach, Headache, Soar Stomach,     , Fatigue, Muscular, Bfceaoaati* or Sciatic FaissT Aika-Seltcer maka a -i-iHi^  drink. Aaiteontaissas .. V^~y 1 Salicybte). first -3 the      at -?er\-day .then by  to restore the ^Hr^?^. ^gj. Ace,  to remove the oat*  Uen due to  acid.</t>
  </si>
  <si>
    <t>                                           %^^1 BUT *^   V- otf     1 til- n lii^BAKINGl     Saroeptketoday fl Jas48 years ago fl K^5*fcr25* fl</t>
  </si>
  <si>
    <t>                                           Atlanta ^Wbrld SPORTS</t>
  </si>
  <si>
    <t>                                           XMAS VISITOR                 PHOENIX,                 )                 Miss I/.'la Mao . Hit- UilonL. od daughter of Mr. ami Mrs. James L. Davis,  in the city Snlurday evening, December 17, to spend the holidays with her parents. Sha ; spent the Thanksgiving holiday at home, coming over at that time for the purpose of being with her mother who underwent a serious major operation at tlie St. Joseph. Hospital. Miss Davis is :i sophomore student at the University or Arizona nt Tucson, a pledgee of the AKA sorority and a native of the baby . being born in Phoenix, "The Gold Spot." Miss Davis is active in church and has been for many years. She served the church In many official positions and was  for the senior choir of Ihe First Baptist church, colored, before goin gto Tucson. She is now serving- the Ml. Cal. vary Baptist church as organist ol the Junior choir, an office she acci- shortly  arriving in the "Sunshine City." Miss Davis is loved by nil who know her.</t>
  </si>
  <si>
    <t>                                           The game Saturday promises to surpass the Morris Brown-Clark Thanksgiving classic in interest. When Morris Brown and Virginia State square off at Ponce de Leon. ... going to be some battle.</t>
  </si>
  <si>
    <t>                                           Often I have grown impatient while trying to render service to humanity as to the swiftness of God's blessing upon me but after 1 wonder ever the matter I solace my impatience by taking a view at the conditions of others.</t>
  </si>
  <si>
    <t>                                           THE BYPU OF THE OLIVE BAPTIST CHURCH Will meet Sunday at 6 o'clock, Devotional services will be in charge 01 Mrs. Goodloe and the lesson will be discussed in the usual manner, the subject--"Why Have a Conscience About Liquor?' I Cor. 6:19...</t>
  </si>
  <si>
    <t>                                           NEW BERN, N.C.--St. Joseph's Catholic Church. with its Yuletide decorations, made a beautiful and colorful background for one of the city's most attractive and elaborate Yuletide weddings among the cities of the city, when Dr. Waverlyn Nathaniel Rice. Jr., head...</t>
  </si>
  <si>
    <t>                                           MACK S TAILOR SHOP TAILORING. REPAIRING. DRY CLEAN1NC. PRESSING Reasonable Price* N'ck- Address: V(9 Ash by SI.. S. W.- RA. 9173 (Furnn-rly 7S7 Cordon St.) M:ic H. Musi-ly. Prop.; John 'Kubber' Kinuhan. Philmore Kti-I.- We Call For Delirer</t>
  </si>
  <si>
    <t>                                           Five Score, Seven                 Willie Ward, - Atlanta figure, who Sunday celebrated his 10. Hi .Mr. Ward h;is papers i    prow Ihut lip was   ti the proem  r  Georgia Sta'.c Cttiitnl In    1. II.- now draws a small pension from tit? stale I</t>
  </si>
  <si>
    <t>                                           A "SOLID-SENDER" "JUMP CHILDREN'1 (New Floor Show) Tonight, 9:30 Till 1:30 Sun. Midnite Music l.v  TOP HAX 40c HIGH S BASEMENT Offers This investment S49 to S69.50 Values! Fur Coats PRICED AT OHLY- ^^y^TO^^y LOOK AT THE FURS: XjjBKWKsSHf SK Did you ever  you could ^   fMr co*t for   ly *2S7 flH^HMnKB But     c*"' *  "'* *l**l( BB^Bfl^BMBHIi lovely, cut to (Utter you.... *      ]HmpMf and each comt with a. CUARHhI^^Bb  LINING!           ^^^^^~K^K ' "~uch   ~^^^~  ^S^Hr9I t'"ry are.... don't watt I f^^     ^K Select your* now! 1 I i PAY ONLY A SMALL I AMOUNT A WEEK.! I b 1 1 y t i hw *^^B*W^y*J iJ T B ^J h aJ'</t>
  </si>
  <si>
    <t>                                           NEWS OF THEATRES</t>
  </si>
  <si>
    <t>                                           Round Trip Railroad Fares Greatly Reduced A C C 0 U N T- Christmas Holidays You can buy these railroad tickets on December 10th. and each day thereafter, up to and including January 1st. Tickets will be good returning up to and including January 10th, 19:19. For further information consult your nearest Ticket Agent, or  to: W. W. SNOW. A.G.P.A. J. A. HIGGINS.      4 Hunter Street. S E., Atlanta. Ca. Atlanta And West Point Rail Road Company Georgia Railroad</t>
  </si>
  <si>
    <t>                                           "NO MORE" FOR MOTHER OF 21                 SHREVEPORT, La. (AMP)- Mrs. Melinda Parker. 38. whose  is a $9 weekly WPA, worker, .sold Saturday when coming out ot the   giving birth to her list child, a hoy: "No more." She was married at 17 and has hurl four sc:.s of tv.ins. Bight  are living, the oldest brine \3 years . State Tutors Meet At Paine College Today The I3ih :i:;nu:ii hkc:ii".j of ihe Georgia Ai..:  u" Ni-Kro C'Jlleees and S-.- Scliool.% will convene .: i-.; m p^.lne Ccllcg!-, Aususiu. Ii. T. , or MorehoiL'.c College, pn ~.~ or the sL^. vill -. Among speakers  lead  p.ud their topics are: L. M. Wr. Associaif Dirt'cior stati:  department. "Tin Nee Stat.- Ciirrimlmn lo.H:?h School": Cr. \V. H. Maddux,  in child care, state Department of Health. "HeaUh Service in' thr- Sialc of Georgia": Miss Fannie ?. director of health . slate Department of Health. "M,Mlih Instruction through Inl*ernt;.-i \rtth other Subjects"; Miss Frankle V. Adams. Atlanta School of Social Work. "Croup Rccrc- in School and Ccmjmmity"; W:  R..Chivers. Atlcnla University. -Men ml HvCiene in Schools." and Miss Susia Buckner.  DepartnW u Health. AuRju'ia. "Personal and Community IKsicrx-'.</t>
  </si>
  <si>
    <t>                                           Fashions change and the girls change with them. It is astonishing how figures can be molded to suit the mode. Road about the beauties of the 60's. It was the ambition of every woman to have an 18-inch waist. Some died in the effort. Few could cat a...</t>
  </si>
  <si>
    <t>                                           1Z ^0</t>
  </si>
  <si>
    <t>                                           The Rev. James Maddox Dickerson, pastor of Asbury ME church, died early Monday morning after an illness of several weeks. His wife, Mrs. Josephine Dickerson, was with him when the end came.</t>
  </si>
  <si>
    <t>                                           As First Lady Visited "Mikado'                 Mm. Franklin D. KomeveK b shown as she attended the hit colored . "The Swing Mikado*, now Flaying at' the New Yorker Theatre on Broadway. Shown to the photo. I to r are Mr*. Florence Kerr.  WTA administrator: CoL Barriscton. WPA  Mrx.         : Harry Minlram,                 director  f Federal Theatre, projects or  Gladys Boacree. who plays the part of Yam Yam: Mayor LaGuardU and Herman Greene as Ko Ko. The play has been a seU- since it  in      York on March V</t>
  </si>
  <si>
    <t>                                           They Will Direct Big Zeta Boule In Atlanta                 These member, of the Atlanta chapter  f the Zeta Beta Sororitr. who form the steering committee arc hard at work these days com.   for the annual Grand Boule of the Greek letter organi. , which is to be held in Atlanta December 27 to 29. Ffctnred left to right at top are Sorars  P. Carter,                  chairman; Catherine Kembert. secretary, and Sadie WatMn,  lion. At bottom. Sorow Margaerite Jones,  lM*t* *MgK . and Mayme T. Lockhart . At center an       (Mtjf tyne      , souvenirs: S. Grace Bradley,  director,  and Jnlia Belle Fountain, courtesy. ^^^^fS* v</t>
  </si>
  <si>
    <t>                                           WHILE CLARK, Xavier, Alabama and Morris Brown loom as the big four in the fortheening SIAC tournament at Tuskegee Institute. it is a hunch of this observer that either Morehouse or Florida, or both, might spring a few surprises. Florida has a real bunch of fighters who can shoot that ball with the best goal-ringers in the loop. Improved defensive play and the Famcee entry will be able to meet nearly any team in the tournament on even terms.</t>
  </si>
  <si>
    <t>                                           Overalls Coverall* 79 Alabama St. Duckett's Army Store  BBBjj4     .^3~;^^BHBi ":.     W. Demy-says: V  7-~~   ' found nothing m Ait pa^'20 gears that am       "    place of Dr. MOta Aati-Paim PtOs. T7    ore a      relief far my headache." Sufferers from Headach*.         , Toothache, Backache, Sciatica,* Rhemmtfom, X^, Neuritis, Muscular Pains, Periodic Pains, write that they haw used Dr. MUes Anti-Pain Pill* with better -results than they had even hoped for. Countless 'AtiwiV^ti  would no more think of keeping house without Dr. M3cs Anti-Pain PtDs than without flour or sugar. Keep a package m your medicine cabinet and  ave yourself needless suffering. At Drug Storst- 2Se end  OR.MILKS' -</t>
  </si>
  <si>
    <t>                                           NEWS OF TH E SCHOOLS</t>
  </si>
  <si>
    <t>                                           i You can travel  anywhere. .any t^f*l day on the I BF-4hB SOUTHERN f TflflB in coaches at .^      7 Air-Conditioned Coaches on Through Trains ENJOY THE SAFETY OF TRAIN TRAVEL CLAUDE T. HUNT, Asst. Gen'l Passenger Agent, Atlanta.</t>
  </si>
  <si>
    <t>                                           Baby Boy Born' To Emel J. Scotts The stork  an -naU pound boy to Mr. and Mrs. Emel J. Scott, 1355 Hunter Street. SW." FrMay- -st 1125 o clock. The baby was bom to Mrs. Scott at DwcUe's Infirmary where both were "ratting well" at midnight. The mother Is under the professional care *T Dr. C. Waj- Reeves.</t>
  </si>
  <si>
    <t>                                           LEATHER JACKETS 79 Alabama St.! Duckett's Army Store j i</t>
  </si>
  <si>
    <t>                                           TATUM: Mr. willie-Funeral announced when arrangements are completed. Dunn's Funeral Home.</t>
  </si>
  <si>
    <t>                                           JACKSON, Mich.--(SNS)-- gained his success by the money he found or she won her success be the fortune she inherited or the, won success by a political putt I don't think these words can be justly used, for no man ever gained success by any money he found...</t>
  </si>
  <si>
    <t>                                           DODDS, Mrs. Exie--Friends and relatives of Mrs. Exie Dodds are invited to attend her funeral this Saturday afternoon at 2 o'clock from our chapel. Rev. E. Webbs will officiate. Interment, Moundview cemetery. Dunn's Funeral Home.</t>
  </si>
  <si>
    <t>                                           Models And Bridal Party At NAACP Charity Bal[ Models And Bridal Party At NAACP Charity Bal[                 These young ladie* formed the bridal party and model* at the NAACP Charity Ball held at Dr. Moines, Iowa. Pictured I to r i.re MUs Donnah Graham.    , i- Bexheart, Mrs. Betftie Creen. Mr.. EIU WillU, M;~~ Nettie BourUnd.     Marguerite     -n. Mix Delia Chapman. Mix Annxbelle Payne. Dorothy Elainr Paine. These young ladie* formed the bridal party and model* at the NAACP Charity Ball held at Dr. Moines, Iowa. Pictured I to r i.re MUs Donnah Graham.    , i- Bexheart, Mrs. Betftie Creen. Mr.. EIU WillU, M;~~ Nettie BourUnd.     Marguerite     -n. Mix Delia Chapman. Mix Annxbelle Payne. Dorothy Elainr Paine.                 Mi.t V*     CarUna. Mr.. Ro.ic B.K.     June Br*d.    , Mr.. A!cyn*    Millrr. MI.. Cl.r, Wchb. Mr;. Lcn. KioC.     Evelya drook..     Sy!    Ro.~.                 . Mi..       Fant, Mn.            Tull. Mr.. Minnie McCuirr  nd    . A.     Carr. Mi.t V*     CarUna. Mr.. Ro.ic B.K.     June Br*d.    , Mr.. A!cyn*    Millrr. MI.. Cl.r, Wchb. Mr;. Lcn. KioC.     Evelya drook..     Sy!    Ro.~.                 . Mi..       Fant, Mn.            Tull. Mr.. Minnie McCuirr  nd    . A.     Carr.</t>
  </si>
  <si>
    <t>                                           HOW TO MAKE HAIR LOVELY AMD ^ KEEP IT THAT 'WAY ^Hj^BS^ You, too.     bare ? hair hair tint  (BltjSHbt^          - admire bjr using Godefroy's           Larieuse.DrabJifdcjs.sr^-Kreakedhairiakes BI^^^HkSsSHd on nor color and lustre when Laricuc is *^BHraK . Color  cone -~, craft. ^^^BT^3  Brf Lmrieoje -won t rob off or wash oat and a T^L       t color the scalp. Lcarcs th* hair oft. J^BSr^^W  . ^ Choice of 18 colon. Get a boole of Laritm* VW    7. Dealer  your  if TOB'n ^ESf not satisfied. %~?.?? ^^5  + hair COLORING  QBiwwT m*             io owl it. it. wb. wo.</t>
  </si>
  <si>
    <t>                                           DECATUR, Ill.--Indignant over what they regarded as an attempt on the part of the city to introduce segregated playgrounds here, a committee of citizens; headed by Jesse C. Barton, passed a resolution upholding "one recreation system to serve all people regardless of race or color."</t>
  </si>
  <si>
    <t>                                           THE BEST EYES NEED ATTENTION GLASSES        as tow as     SCOO or-du           Eltmted  r. f. W.                . LtnMi            onm. co. Yoar Fatranace Srtlcitcd Next to Rialto Theatre 84 FORSYTH ST. MA. 73M</t>
  </si>
  <si>
    <t>                                           Many Lessons in Health Are Taught In This Class                 Miss Magsby Gives Folk First Aid                 H.v '.VCI.l. VA1.KNT1SK                 Do you !:urw .- in .ikr   -r.~.o.i's :mii.v l 1. yr.K  rcr. ihc d"tto: I..):- v.^i-r: ik;:iv ;i:i:c. v.l!~ i.i hi':ul :  :  i ' .-'our mis', dc  0 i k:;ov.-                 Will. II'::, ll.U-s h Gllb U UV. M"r..:.i Uv.m 10 a.m. N-JOH !~v    SI. Mas by. R.N ai t tl'.f Ni.'l^l'. Unie.i. u:   .\- Uv: rus^:tv:. ..i Amcncan I!     Orc-si. l-.ot n '.i to not 01:- ly tak-? one s puts? ind :~.-m!~er..- I f.Ti-. h\.i m^ny o;l-.or . U"?- sons i.-. li^:i!i!\ ,     home relation- 'hip. Mas; of us l:no v of ; KoU C:o.^- f;r.ioi:s  Aid" coi;rse. ')U1 this course 01 instruction.    through ASircn j 10. acc;u;uiu:- the   with far more instruction on how to stay veH ami I-.appy. Among Ihc inter-  i topics .-'d.v discussed and i r.' i;nc.wn to rhc class by Kun: KfufsSy. .is ;~W 10 Uiis. reporter, is I i he manor of training one s self or j  nnf   of your tamily. v.'. thr advice of your physician. N'ur.'o Maf..sby Is down" on Prople vri-  niec!*: (Continued on  S; col                 Many Lessons (Continued from Page 1) 2".d  Iheirselvrs with one cf '.'s ..u.s home remedies,  as  oil. There are n.any couLs who even so so far as to take- a few drops on a . cf sugar for the soar throat. The average patent is unable to di^ his own illness, according to   .:r.sc Mas-shy. What is thought to be common .--oar   be a dangerous case of . or the pain in the- side may be the symptom of ar. acute appendicitis. In the case of the latter :;. if the old hot water bottle . you may  your :di.v to our=t in short order, and i!hn-.. Se;ah. Kursc Mags'ov. who is highly esteemed by e;~.cr. me.-nber of this class having been  at length about p?tont  by the "-y reporter -declares that rhc Sas never hee:i in love with patent . She pointed out  such medicine is always j; by tl.i- ., . ui:on the advice of home well r  friend. ln;t never by a physician in excellent professional standing. Whili- she is instructing hoi* ,-ioss in firs" a^d until tin1 r!vj --iii-.a arrives, the           can r.tily be n^acie by the physician.                 AB0U7 THE  Til's U.iM was  the "aily part of January and will meet ?ach  on Mondays '" March 10. at which time i a public graduation exercises -a-111 j? held and certificates  to . and faithful member;. Tlif.ic women  been taught the proper manner to make up a. led: how to  !.  nnd palatable soups for tlie  how to administer geed o'.d -.y hoi mustard-water footbaths and the like. And many I  that this reporter doesn't know about, because he hasn't time to attend the . and if he did. male  are noc allowed. Nurse Magsby has been a practicing nurse for *~n years and was \ale: of her class at Grativ Hospital. Duvu-.s her matriculation "t the . she ~-as senior nurse. She stresses a Gouly bs.c!:.d for .   .'vrs of the family aid home. Kt-r class, vhich ;.~numbers more 'hau thirty students, is composer! cf youn? and  . sr.inr are teachers, others Imuscwives. Class and teacher are nil one   .ppy family.</t>
  </si>
  <si>
    <t>                                           Do you know how to take a person's pulse? Though you have seen the doctor take yours many a time. ... week in one hand and the other in your wrist, do you know just how it is determined?</t>
  </si>
  <si>
    <t>                                           WHEN WOO         m SASB RTSC j TAKE JUST    *M ToiAUCAUZE Gas b fine in year  er , but if s both painful   in your . Why don't you use ABa-Seltcer i for the relief of ACID INDIGESTION, Colds, Headache. I Neuralgia, Muscular, Kheiimat- I ic. Sciatic pains? Alka-Selfzer is pleasant to      and unusually  in *ction. Non-laxative, Nan-bah-it- does not  the heart</t>
  </si>
  <si>
    <t>                                           M^QSw i^benders MONEY ^k NEW TYPE LOAN ^'y^^R Colored People a/        $500 p ^flf 4 MONTHS TO REPAY! NO ASSIGNMENT OF SALARY SINGLE SIGNATURE Also S'c       - SSO In $   () Lincoln Loan Association 719 GRANT : Cor. Wrilton Broad SUs. \VA. LUlfi</t>
  </si>
  <si>
    <t>                                           SfcSBt ...IT S EASY TO WlH 10VE AND r -1 LIGHTEN SKIN  J6?fg  **.            ^c^      . H*)           *                 rtm  l.~A'#      ikm. ^iKV Try    . ~'   Whit#iwr. ^W^y_ .             . Fr- a-  U- IwiUM Or.   #Nf i*i*   *~rt. .\t1. lin. SNOW- PETROLEUM  *-   /</t>
  </si>
  <si>
    <t>                                           AMERICUS, Ga. -- (SNS) -- A continuous downpour of rain failed to dampen the loyalty of the Campbell Chapel AME Church congregation, Sunday, who rallying to the call of their dynamic pastor, Dr. T. J. Davis, raised a total of $1,316.58, setting an all time record...</t>
  </si>
  <si>
    <t>                                           RECORD BREAKING      M VALUES IN QUALITY MERCHANDISE H^ 4 k I THAT WILL CROWD OUR STORE yH^ g On Sale Saturday! ON SALE SATURDAY! Women's Women's 49e outing HANDKERCHIEFS GOWNS f\ jf 31c 2 1C W W LIMIT: 10 to a Customer STRIPED OUTINGS Sizes ie-17 While 3288 Last! A SENSATION . Finest New $1.00 flf x WOMEN S OUTING $$:. PAJAMAS .^__t_^_ a -m -m- s\   ' ft^ Lovely styles that must ~% ^^3%. U 1 1 I M se*n         a-/~~f 11 #m J ~-~d- Great Bu-vs! f 3 f I, ;V Boys and Girls Regular 50c WX\ OUTING PAJAMAS ^%'.~^ Nursery patterns and ^j ^~''irV--'^'jPi solids ^  6 GIRLS' 8 to 18 ^igf SUEDE JACKETS Zipper and Button mod- M M els: Made to sell for 44 C S1.9S. Rack mussed! Fine New Lot Fancy, Solid SALE Boys Ages 8 to 16 ANKLETS LONG PANTS SUITS           and 15c Anklets, but ~%~~ Brown. Blue or Grey! QQ I, Ruck mussed $4.98 Suit. .%}~) great buys! W0^0 from our  stock. Shop KESSLER S for Many More Great Buys Saturday!</t>
  </si>
  <si>
    <t>                                           Arnold Deplores Black-Hearted Men Who Disgrace Children                 "Some men have hearts so black U.at they arc unfit to bs around Uieir children." the Rev. Toscbcreau Arnold, widely known  and religious leader, declared in toe prelude to an able  Sunday morning' at the Butler Street Baptist church, the                 I Rev. J. R. Barr.etU minister. I The Rev. Mr. Arnold warned that  the heart is pure, u-c arc apt ts do     Uilnes that moke for an integrated social order, stating that tro are Irrisir in a day  (Continued on      4, CoL 2) J                 Arnold Deplores (Continued from page 1) one can hardly place trust in many ol our people. The Hev. Mr. Arnold was ably introduced by Dr. Eamctt. who lauded him for Uie contribution he is making towards racial . Lathing out at the remaining funds nd-dod w complete the 1938 budget, li-.c   :v. Mr. Barrwtt staled that he needed on*7 575 to complete the same. Most of      departments bad completed their budget. It war: pointed out that  the  years pastorate of Dr. Burnett, the church membership has increased over 1600. Qt this                 amount around 100 united ith the church this year, it was revealed, i The ei ficc is a beautiful brick structure, out of debt and equipped j with a steam heating system. I The Sunday School is  rapidly under the able leader-  of C. A. Watklns. who is j putt in? over creat program. More than S250 was raised "by the Sunoay School without staging a i I rally i       .   . Watkins stated that the school win distribute bas- I keU, Xmas to the eld-rly members of tlie church Among the protein-  nt wark^r in the Sunday School i are: Mia Z. Watkin? J. Tnomp- j j son, i he latter raising the highest j  of money during the year. 1</t>
  </si>
  <si>
    <t>                                           "Some men have hearts so black that they are unfit to be around their children." the Rev. Taschereau Arnold, widley known evangelist and religious leader, declared in the prelude to an able sermen Sunday morning at the Butler Street Baptist church, the...</t>
  </si>
  <si>
    <t>                                           THE WEATHER PAR1XY CLOUDY;  low of J2 Cepse*</t>
  </si>
  <si>
    <t>                                           NAACP'37 Executive Body Reappointed; Meets Today At 5 P. M. At Butler YMCA                 This afternoon at five o clock, nt the can of the newly elected president of the organization. Prof. K. Luther Brooke*, there  1U be n meetins of tho Atlanta NAACP Branch V executive committee. The .- will   sii the Butler Street YMCA                 According u. ^lr. BrooKcs. lie lws :c:i ppor.Hctl Ihc entire 1937 execu . Tlic purpose ot to^..u-'s mct tini; will bo     lay plans for the annual Em.- Day :;rc;ram. Evcrv executive  :ia.N been  to consider a lavor.ibic day lor the occasion, inasmuch :is New Yew's Day comes on Suni':iy ihis year :~nd a big football la.~-'.:c is :-;         'tri the ncx: day.  1!ic Emancipation . ordinarily. is held on January 1 of each                 year.) Thi; !?          of the executive committee Is Father H. J. C. Bowdtn. the Revs. D. T. Babcock. C. D. Hubert. M. L. Kin?, and John Ouircncc Wilght: Attys. T. J. Henry. T. W Holmes, and A. T. Waldcn: Dr. R. A. Bllllnps. B. T. Harvey. L. D. Milton, and J. B. Blavion: Forrester B. Washington. C. L. Gideons. C. A. Scott, S. . T. M. Alexander. J. W. Doobs. M. M. Dovdell. Stanley S. Core. Robert P. Johnson. Lucius L. Jones, G. P. Lowe. R. B. Perry, Robert M. Ratclilfc a VI. Russell.         W. Rtwscll. H. A. Sayles. S. G. Sellers. J. Thorns*. S. W. Walter, J. R. Wilson. Jr. E. M. Manln.  nd S. L. Vaughn. Still other members of the committee are Mesdames Margaret (Continued an Face S. CoL 3)                 NAACP '37 Continued from page 1) Curry. Ida p. Henderson. John Hope. Sr_ M. Agnes Jot.es. and Mae M. Tales. Misses S. Grace Bradley. Katde V. Feger. EUa Ranuer. Hazel Rocker. Ruth Wheeler and Laura Pally,</t>
  </si>
  <si>
    <t>                                           This afternoon at live o'clock, at the can of the newly elected president of the organization, Prof, E. Luther Brookes, there will be a meeting of the Atlanta NAACP Branch's executive committee. The session will take place at the Butler Street YMCA.</t>
  </si>
  <si>
    <t>                                           FOR LOW RATES Painting, Papering and Carpentry Work FREE ESTIMATES WORK GUARANTEED H.HL INGHAM MA,- i tin; KHI7 McOANIU. M'REEt</t>
  </si>
  <si>
    <t>                                           DO YOU NEED /JfejT-^ MONEY.... :3    CHRISTMAS? ~^3!    WE HAVE 320.000 IN CASH TO LET OUT IN SMALL LOANS BEFORE DEC. 25TH Your's Is Here- Come And Get It! Have money with which to buy home needs, gifts, or Santa Claus for the Children Get it through liberal loan service. LOANS FROM $30 To $1OO Repayable in easy weekly or monthly payments ONLY 8 PER CENT INTEREST Immediate Service No Red Tape No Waiting SEE US TODAY LINCOLN LOAN ASSOCIATION "LIBERAL LOANS FOR COLORED PEOPLE" 719 Grant BWk'.. Cm. VValion and  Sis. A. 204</t>
  </si>
  <si>
    <t>                                           Cto* r te mit^       ^B^M^M BIC MORST OT^B^TH^^SS fall      .   j Lsckr K^rf*     or zvi -: I^3r3L          . e* A"JtJ?j^ 'no*,        )   . flavor Rn)^jK; '        -8/CSJiiga3      tree 8    -               ^ '~SNT AT ONCE. FTtEEMaBSSwajfel Book fKM  of             %~hjf 'Laok*       pn*      na BHi (n*~9  CAST OFTER  SfiflSj Writ* Lueltr     * ~'f"-^~-~ I ?~\$~</t>
  </si>
  <si>
    <t>                                           Atlanta J9^Vftnid FDbUahed DAILY and SUNDAY at 210 Auburn Avenue, By ATLANTA DAILY WORLD PUBLISHING CO. Telephones: WAlnut 145~-1480 Member at SCOTT NEWSPAPER SYNDICATE BrtabUshcd Aug. S, 1828: Became Dally March IS. 1B3S W. A. Scott, H. Founder and Publisher, Auc 3. 1928 to Ttb. 7, ISM C. A. SCOTTT         Manasot  MACKAY Manajjlnj; Editor  U JONES Awoclote and Spurt* Editor DAILY:- 1 Tear.   2S; 8 Mos, M.75; 3    ,  2J0; 1 S, 80c  ONLY:- 1 Year $3X0; 8    , $Z0O; 3 ICoc.  Ui Canada: 1 Year. -. 8 MM, C.7S; Foreign: l Year. 85.30 Sotered in the Pott Office at Atlanta,   , at Mcond-     under the Act of Congreg. March 3. 1879 national Advertising Bepresentattve: W. B.      0. MB S. Dearborn SU Chicago, ni, and 381 4th Ave, New Yort; If. t. The ATLANTA DAILY WORLD Is  n independent -                 *. non-. printing news unbiased]? and   * It  to the  ot its reader* and  these , against the  ot it* readers. Addrea ALL COMMUNICATIONS to and make CHECKS payable to ATLANTA DAILY WORLD rather than to individual*. The WORLD   nm8ty   for return ot unsolicited picture* . etc,   are lent.</t>
  </si>
  <si>
    <t>                                           Atlanta  7W      . Oily       ' Published DAILY and SUNDAY at 210 Aubum Avenue. N. Ii. By ATLANTA DAILY WORLD PUBLISHING Ctt Telephones: WAl.iut 1459- H60 Member of SCOTT NEWSPAPER SYNDICATE Established Au?. 5. 1028: Became Daily March 13, 1932 W. A. Scolt. II. Founder and Publisher. Aus. 5. 1 28 to Feb. 7. 193-1 C. A. SCOTT General Manager CLIFF MACKAY Managing Editor LUCIUS L.  Associate and Sports Editor Entered in th; Post Office nt Atlanta. Gti.. .-.s -dass mail under the Act of Consri' s. March 3. 1S79 DAILY:- 1 Yi-ar. Si i; Mus.. S4 .75: 3 Mos.. S150: 1 Mo.. 90c SATURDAY ONLY:- t \\:~r .00; 0 Mos.. S2.00: 3 Mos.. SlJS Canada: 1 Year. s-l.SO. i; Mu.-.. $;"."~: Foruiitn: 1 Year. S5.50 N'atioial AdwriiMi:^ Kepresvnlalivc: W. B. ZIFF CO. 608 S. Doarbcm S:    -.:;.v 111., and 3S1 4th Avc.. Xew York. X. Y. The ATLANTA DAILY WOP-LD is :iii  newspaper- nonsectarian "and i:on-         .  news  and : those        it -.-ve.-.    \iK interest .-f its readers and opposing those thing-; o^inst the intern-'. ...1 its -rs. Addm-s* ALL COAIMLWICATiONS ty ana make" CHECKs"   -abIc to ATLANTA DAILY WORLD rattier than to individuals. The WORLD expressly repudiate.-, responsibility for return or -d pictures. !s. etc.. un!es.s s^ :ire sent</t>
  </si>
  <si>
    <t>                                           Troubadours' Cab Hall Says "Hold Tight" Tomorrow Nite                 Billy DeLyons and his famous Troubadours will again be the feature attraction at the lamed Sunset Casino, tomorrow (Monday)    ;ht.  at 9 o clock, when lire l*7ys will 'be featured at ffic .-~ Monday night dance. When the Troubadours strike up the band it fe truly  iu Oixic as till* -; bond is                 orally ranked with the top  bands in ihi; south and is  Atlanta's leading dance bond. Mucstro CaC Hall says "hold tight; boys because  be plenty of  mamas" on  to siring cut with. The bani has added  r.i\-: Pico's  will Bi featured .'tht lor thi*  time.                 Tiny Bradshaw To "Kill 'Em Bead" Tonight At Top Hat!                 Svmgtixne Is r"""^ to order t . ladies and gentlemen,  will be called to order might, starting at 12-01 o clock, nd tomorrow night, starting at 9 ' Then the inimitable "jump. lg jade maestro.'' Tin? Bradshaw  d his  CBS orchestra will  lay dance engagements at the .~ Top Hat Club. Bradshaw    a  favorite vith the "jitterbugs" and dance ins here and has earned the                 mation of ; one the best croad please:-.; in the  ame. A lew champs have been made in tbo orchestra which has       it one oi the top      ::it .!  oj' ihc nation. Recently when the boys played an engagement at Harlem's lamed Apollo Theatre tin-  danced ail in the -s while ill': band tras on the slave. Tlir orchestra has added on a nt-.v  anil  be a  to hear some or th* !ien- numbers.</t>
  </si>
  <si>
    <t>                                           The Adelphi Junior Club of the West Side is sponsoring a citywide amateur basketball tournament on the Morehouse College curt starting this Saturday, April 1, with first play among junior-Intermediate teams beginning at 9 o'clock in the morning, Admission...</t>
  </si>
  <si>
    <t>                                           The Peach Bowl situation is gradually taking on a new hue and its difficult to predict just where things will end. In just a single day, there have been three major (although unofficial) developments regarding the impending January 2 classic.</t>
  </si>
  <si>
    <t>                                           THE WEATHER FAIR.' Tcmprrature "low of Si deF**,</t>
  </si>
  <si>
    <t>                                           THE YOUNG MATRONS MISSIONARY SOCIETY -- of Mt. Olive Baptist Church met recently with Mrs. Ethel Fowler with Mrs. Lessie Bickett, president, presiding. Devotions were led by Mrs. Carrie Anderson, Business was transacted briefly.</t>
  </si>
  <si>
    <t>                                           Mr. and Mrs. Jos. Brooks and Mr. and Mrs. Lewis Russell formed a congenial party attending the recital of Mrs. Naomah W. Marse, lately they attended the darce at the Top Hat.</t>
  </si>
  <si>
    <t>                                           WILLIAMS. Joom^S^S!     City. M. L Dept. S</t>
  </si>
  <si>
    <t>                                           Turner's Condition Listed As "Fair"; Bell "Ven Poor"                 Conuit:n:: n:* Tumi*:* "a:uc!/ known Auburn ;.'-i:i.c . who Icll ivn: thr  window or tnc Odd F.-::(i:' h.i:Miiu;  il j::c:iv :::04':nt.4 w,~~* ^ivi-n :.x o:.:v fa:r" by c::.    lia-pit^l doctors  Tucrfii-.y Turner *.vas an.ivT*.t.*U Kilix n   /::;:1! and  .s   : :iir kit 1 S5. Uirtin Bi!i. lore I ;    :nan.  lio Mistuiucd ;uu-. :r..u:   *~ *Uen  by :~a .'r.fy.w.y.:- 1:~: week, was         :l :ti a ""- poor" condition O:.n'.y Ho.-p'.ta!   : r..</t>
  </si>
  <si>
    <t>                                           Held For Stealing Money From Mail                 Henry Sutton. 32. employe of the Union Station. Saturday had been hound over to the federal grand I i . accused or stealing money j i  with films to cover cost, of j t'.evi loping. I A preliminary  Friday I AiSeinoon    - Postal Iriipector L. j A. Stone testify that he caught Sutton cutting iz\U- mail bags unit j extracting the packages contain- ins  and money. Sutton ^'as  on the technical charge of "injuring mail bass." I</t>
  </si>
  <si>
    <t>                                           Institute Head                 E. \V. D. ISAAC  WKkpondbie  of      National  Board. NarfivlU*. Tennessee, who Kill be in charts m Mid-winter Inttltate at th*     i  Bapltat Chan*. Kmmd I  Vettatiw. .  I Jt-aday. Jaaoair ami   January JS. (See  on paje two. I                 Mid-Winter Institute To Start At West Hunter Baptist                 Institute Wilf Begin Monday                 By  GALANTI                 Wliai olds loir tu be a  event ur urw.ue  tu tile ! public, will get underway at tii*      Hunter Street Baptist . the Rev. S.   . PvUasrue. . Monday . Junuaty if.  continuing UuiouKh January Si. At this Ume the west side                      ship place will conduct a midwinter  featuring advance courses in religious education under tne  ol able Instructor... K. VV. L). L-uac. corresponding secretary of Ulc National  Board. Nashville. Tenn.. will direct U.c institute work.  some ol'. tin- instructors will include such mcii as the Rev.i. C. N. EUla. pas. tor of  Siren Buptisl ; J. ft. Burnett, pastor or Butter ^in-ct BaDlixt church and S. P. iv..       . ::uu VOICE HOlu  flu- illicit i\uc: will be  m by Clevont Derridci. widely kiH.wu   hik writer and  or Cluttar.oog-.i. Triui., wbo lus  in *      for  u week v mfw.ui: i" ^~      a huge  i-;~~-Kl      two Hundred voices     music Tor Uie . OIuks Wbik will Uriein ut 6:30 p. in :~uU will continue lo 7:45 p. m.. 10 Lm- .iwi.-o    a .special class in                 music by Proll Isaac and Prot. Derrick*.   art urged to      Iran1*11** en mass to hear and see our "National  executive, wbo is -an able authority on  -work. Dr. Isaac -worked out toe plan, for ibe BTO program now used Shmany of our * throughout toe nation. CITY-WIDE  According to Mrs. Geneva Hougabrooks, president of the City-wide . the urbanization will give Us support to ibe meeting,  Uie City-WMe Sunday School As- . under the leadership of John C. Coley, will also support the strive. The meeting is Itr Baptist workers In general. Climaxing -the drive on      fourth Sunduy. the institute will hoar the Institute choir sing at mas meet. More than seven choirs (run the local churches are participating in the big musical designated for practice Sunday. January IS. at 3 p. m. at the Union Baptist church, the Rev. M. J. Jackson, minister. It was poin ed out that there will be no special charges for the work, which will be of- great beneto  workers in this section. Ine oration is a rare event for Baptist church workers, it was re .</t>
  </si>
  <si>
    <t>                                           What bids fair to be a religious event of unique interes; to the general public, will get underway at the West Hunter Street Baptist church, the Rev. S.P. Pettagrue, minister, Monday night, January 16, and continuing through January 22. At this time the west side...</t>
  </si>
  <si>
    <t>                                           Startling news comes to us that sharecroppers in Missouri scattered their families and belongings for more than 150 miles on highways 60 and 61 Tuesday in a protest demonstration against the AAA cotton reduction program which they allege has made...</t>
  </si>
  <si>
    <t>                                           1 WANT f .IMtKN?       ' r*         (          In      4nn Of ~-~~PT ~*f *     li*w**~ Coolrwf.  i           - m,wry wf Mrth. lnf*r.    "rr h^*  now  f..r    * . Churl- ~.h*m- ~-tMt i m^^I unrf f^      im^^hI- of  . T'im^v \    -Ii run t*** prut*n Ity anv . af!**r runtime H*u*k, r\* I ***** In *       ^  4 M*l UupWC- }       till* ;nf***~n.          n^v^r  Ifc. v^n.1 UlltTII   \TK iumI   for ~).       l n~^~'n (oni rot TuMi- c**- I A. lu.x -.*i:t.         [    *. In.t.</t>
  </si>
  <si>
    <t>                                           Where Score Died In Hotel Blaze                 More than a   of  wcrp lulled  nd nearly Iwo- unaccounted (or when fire           the old Quern Hotel  t Halifax, Nova i                 I Scotia.      ra(Ml for         b.   . .. w.r.  U. I*    ,</t>
  </si>
  <si>
    <t>                                           Handicapped considerably by the injury to Henderson's ankle. Clark University will enter the game with Morris Brown Monday night with no more than a 50-50 chance to win, according to close observers of basketball here. The narrow decision which resulted front the...</t>
  </si>
  <si>
    <t>                                           Sigma Gamma Rho Meets; Names Elizabeth Lemon As Its 1939 Executive                 Saturday evening at the spacious borne of Soro Carrie H. Connolly. Eta Sigma Chapu/r, Sigma Gamma Rho Sorority held its first meeting of the year. This meeting was of particular Interest to Slgmas because (1). tf.cre was the report of the delegates to the boule                 which wits held In Houston, Texas: (2) it was the time for the election 01 officer*. Sorors Rubyc B. Wise and EUzabctn E. Lcnion represented Eta Sigma Chapter. The report which the delegates brought back this interesting, challenging, and Instructive. The three-day' period was scarcely long enough In which to include all the necessary legislative and social affairs which -wera scheduled. According to the report of the delegates, the sorority has voted to continue its support of the NuUonal Association for tho Advancement of Colored People: every delegate was instructed to see that her chapter seat letters and telegrams to its senators urging that the AnU-Lynchlnc Bill be brought to the floor sad voted upon: life membership -was taken out. with the National Association for the Negro Life and HIstorv. The Sorority also sent a "letter to Mrs. Bethuuo. President of the National Council of Negro Women, commending her for untiring efforts and notifying her of the desire to become affiliated with and support her organization. A committee u-os appointed to" Investigate the feasibility of a boot shower for the WUberforce extension at Cape Town, Union of south Africa. This committee Is to have                 I its  ready within the next I Wo months. The executive board will then pass upon the  and the chapters will be notified concerning what actions to take. c racers tor ;nc national  j veu- 1' as : Bennu I       . at. i_ouis, Tirana Basurus:  i:2      Lemon, .  i  Oruna ;  Uur- uer. . second AntiGrunu ;   smith. Crucngo. j  Grammateus; Bcuuii t-almer. New YorK.  in Coici of thp Aurora; Rubye Peakc, I SI. Louis, Grand Organizer; Hat- I I tie        , Indianapolis. Has- i ; ana Leslie Tayior. Mem- i phis. Chairman of the Board. The delegates gave the understanding that the whole period j was not taken up with business as things  appear on the sur- j lace. Those three days were well j punctuated with social affairs, i An.ong the  were the welcoming dance by the AJ- phas; the cabaret party sponsored or the Deltas: a reception at the YWCA; the Inter Fraternity Council dance: Sigma Gamma closed banquet, and dance: and a { sight-seeing tour .sponsored joint- ly by the hostess chapters and some of the citizens of Houston, j The Sigma Gamnu Rhos were I (Uic guests of the Business and Professional Men's Club of Gal- I -.eston, Texas. "Kic  went by j motor to Golvcston SO miles away and after seeing the city, with  U I its Jowcrs in bloom, a. luncheon was enjoyed at a restaurant facing Uic sea wall at the Gull of Mex Two very Important awards were made at the . Tile BUncne Edwards- award went to Sorr Mercedes Colbert tor her J (ConUnncd on Page 6, CoL 2)                 Sigma Gamma (Continued from pact 1) j book. -Aunt Sara's Wooden God". Alpna Theta Crupter - i r^i'.t'i received ihe silver loving I tup ior ihe best and most out- I   effort for the year, i When me national affairs were i ail  and nicked away for i fu.uro i-Urencc. the local chap- i ter held its election of officers. Incse v.hc were elected for tha ensuing year are as follows: Elizabeth K. Lemon, basileus: Jessie Mne Jones, Antl Bisileus; Kate CzzJjs Crumley, '~~^"~^"ilt .'trj-: Edith Gibson,  secretary; Annie   . Ware, treasurer: and Evelyn Thomas, chairman tlie social committee.  was made or the ReCional meeting which vOl be held here .s  month of April. Soror Ernesttoa Stcelc of St. Louis. Missouri, was elected Regional Director for this year.</t>
  </si>
  <si>
    <t>                                           Saturday evening at the spacious home of Soro Carrie H. Connally. Eta Sigma Chapter. Sigma Gamma Rho Sorority held its first meeting of the year. This meeting was of particular interest to Sigmas because (1), there was the report of the delegates to the boule...</t>
  </si>
  <si>
    <t>                                           Weather Continues Freakish Pranks On Eastern Coast                 Tt-.c weather con.jrii ,d   act vit;.- r.tcr   Tcur^cay as  -.vir.di  i!-.e .~cxs 3::anr.serias s=u'.l  c:f :h- -.;l?nt:c roa-n and in  pvr:.-, 01 -Jio  Ihero v.-t.- :ipi- .c:  a::d Uircdt or r.. ai ii-a.'.;                 "vit uear.is had .-;! fr-.cn the . of Uic elements Thirsday. T!-.c New Er.g;   .~-: cca.u ar.rt California ex;;?a  thai on chr  rMc of ihc country  a  velocity or '20  an 1-cur lute Worincsday. Snav.;     .lv       ?        :s 1^ th^ storm it mr.ved     -.\-aid from the .Uis -Rwrpi. .  nil      .-iiic ;h? ria^I  in hi- u^-or Ohio valley. Ciiii^s In tilt Ohio Vallfv wero :-.r^ by . In Paducah. K.v.. Wiiioxs of     Mississippi  ary      already   'U.-'ctr.. ilic - b?:ns r. Icet  deed slase. BUndlnj .~now- nnJ ;.~.-y roads resulted h:  lo five iu PecntOontinued on pa*e S: cot. 5)                 Weather Continues (Continued from Page 1) sylvania. Other accidents caused c'. in New Jersey and New York. More snow was forecast tor Cl'icugo. Floods inundated bottom lands Tennessee. Arkansas  nd Misscsippi. One death from exposure was r6        :n Arkansas and another in Mississippi, whew the Red Crcs; was caring for refugees In three communities Marks. Sledge anu Darling.</t>
  </si>
  <si>
    <t>                                           The weather contained for freakish activity over the nation Thursday as high winds whipped the seas endangering small crafts of the Atlantic coast and in other parts of the country there were gains, freezing temperatures and threat of floods. At least sixteen...</t>
  </si>
  <si>
    <t>                                           AS JUDGE CALLOW AY HEARD RAID EVIDENCE                 Cary El I toll* who a* one of the proprietors assumed  for the "dive"  lodged by police ag. the Elks Cltth in Atlanta, u shown in center as he told Judge A. W. Callo- way hi* version of the affair Monday. He denied that any law had been violated. He drew a $44 fine. Fines against 73 other* nabbed                 in tlic raid poured S982 into the city s confers. The Atlanta NAACP li.is lodged a  into  of police brutality to innocent peI , who chanced to walk along the street, while ihc raw! wa*                 in ** Sunday night. (SNS Staff Photo).</t>
  </si>
  <si>
    <t>                                           Kf^-^~gi QUALITY ~^gal B Wk (fj pH *ffl III BM^ ^J WfOOD SHOPS t^^^A^^M^^LM'^L^^^^^^^f PPP^HOPgW tart*: or .VrtcA.'cs* I Kl 1 I Corned Beef %' 15C  Hohuzi Macaroni or Tel lam S Spaghetti 2s5c HtJT Tea /Vps Yoa Up J b^ a Upton's Tea jsf 21CS Butter Tan Camp's 2-I.b. ^^T^C  2 15C J- I Starch 3 k" 10c St/.- s Spaghetti or CREST BRAND 'M JB __5 ^% #%~~~* Ctaee Fruit* nod       in Vour i Macaroni 3 ZSirsrsa^1-1^ * I CITRON is. 29c Egg Noodles 3- 2SC SKI  OCC PINEAPPLE xa. 3Sc  Juice ^3 c zo sherries HWj,,  -iw ~~-  .  oz tko 1Oc TiSSUe 3 R0"S 13 CURRANTS 2   , 25c ThomPton heedless Imtrc or Medium Grade B RAISINS 2 IX). 15c SrAKaorA Forore doz. 7Qg almonds   .53c  eggs ^9  u853c Chase and SJnborx sn.iua Dated Coffee a 25C  5* We are co-operating with the Producer- Sa. tI-- lw Consumer  to move I Vegetole cu.' 1 1 C q^ 43^ lorge quantities ot Ciepp's citrus Fruits Baby Foods 6 4^ 45~^ I Sweet, Juicy Gcrter (yac Baby Foods 6 4 4 i iu ranges 2*i*2'1 I 5^_ Stone Cake  a 25c I Z D0Z- 1%; Olive Oil ^20q; :H   "~~ Cleans and Bleaches  I U. S. Na. 1 White Cobbler I Potatoes 5 13C Hy-Pro 15C ot 27c; I Ga. Yams 5     15C H Juicy Movy IfiSKftH* Meal     S2lc .1^ "25C SaVer Kraut -y 9c  LeJI.rce Dill Pickles 2^r2S? IQninarh Lt- 7C cSp.nacn i potato  9 CarrOtS C^^0""? Boacb OC Si;* Baton m vmm  Malt Cvrun 3"Lt- *~QC 1 Tangerines ^10^1 5??J! ,     T           P Extract IQc ^lSc</t>
  </si>
  <si>
    <t>                                           Still Coughing? Even II other  has la:lcd. don t be . try Crcomulsion. Your druggist is authorized to refund your money if you are not thoroughly  \rtth the benefits obtained Creomulsion Is one word, ask for it plainly, see that the name on the bottle    CScomSston and you-n cet the   and ^thereto* you want. CAdvJ  ForCoughs or Chest Colds</t>
  </si>
  <si>
    <t>                                           2S% Reduction In Ceach Fares EFFECTIVE JANUARY 15, 1939 On and after January 15, 1939, the Central of Georgia Railway will have bargain fares in Coaches every day. 1 Vi Conis Tor Mile in Southeast. You will enjoy Traveling, by Train. Air-           , 3ir-  Coaches. Toilet facilities, free ; cups, smoking compartments, Indies' lounge. TRAVEL SAFELY AND IN COMFORT Fares, Schedules and other information will be cheerfully  by any agent of Central Of Georgia Railway</t>
  </si>
  <si>
    <t>                                           I "Nuthin' But Rhythm, Nuthin' But Swing" GREAT PERFORMERS (Direct from Knuxvillc) i Tomorrow, 9:30 Till 1:30 SUNDAY MIDNIGHT TOP HAT Adm 30c</t>
  </si>
  <si>
    <t>                                           LINCOLN Wolverine Playboys' Orchestra on Stage BIG VAUDEVILLE Today and Tonifbt Featuring Cabby Kemp. TapDancer, and' Alma Jtdoon, Torch Sinter (3 Performances Daily) "THE LADY OBJECTS*' with Lanny Rou On thr Screen</t>
  </si>
  <si>
    <t>                                           Weathcrspc:! Stirs Congregation With Fierv Sermon                 By MILDRED TURK                 Sunday morning found the pews ol the AM. Olive Baptist Church practically tilled to hear the first of a series of  s  the. last or which will be delivered at the Euslc:- morning . For his text Sunday Rev. Weathcrspool chose Uic last clauses or the 67th  68th   or     sixth chapter or St. John, which reads. "Will ye also go away^". und Thou hast Uic words or  life-. The people v.4io followed Jc.mls were divided into four    were those who followed him. (1) For wlmt he. hud to offer, Brcau.sc or       -  get oia   r him.  3  Just lo be in the crowd, ano (4  Becauw!      were anxious tc carry ou: Uiclr Maslor"8 wIlL The .i was so powerfully and forcefully delivered those who heard tWs  .minister were moved by the beautiful thought  in      message. The vivid . painted with the eloquence ol ?n electrifying sermon was plain, simple, and down-to-earth, evon II ic " children understood and appreciated it The night s services wore equally Inspiring: anil . The pastor  has something out or the ordinary to  his congregation.</t>
  </si>
  <si>
    <t>                                           300 RACE WORKERS CONTINUE STRIKE FOR BETTER SALARIES                 In Eighth Month Of N.Y. Strike                 Mayor Urged To Take Hand In Ending Fight                 SEW YORK. (ANP)_ Unanimously rejecting a compromise settlement callng for a wage cut and an open shop, more than 300  N'egro members of the Unitd Furniture Workers union. Local 91, vigorously pushed                 'heir eight months' strike .gainst the Spring Products corporation this week, as al! 'he forces of the CIO rallied to their support. T2'e open shop settlement, offer* i by Samuel s. Marcus president the Long Island City . alter conference wuo Nathan ankel. Mayor LaGuardlas labor Jviscr. was  rejected by the .- Saturday evening at an - union meeting at 308  avenue. The mayors office f- 'id attempted to settle the 'derate i request from the Citizens'  to "aid the Spring Products ." Iarcus. who     been cited by union before the National Lar Relations board for refusal to "Tata in good raith offered to .-~tie the strike if the union memers would accept wage cut rang. J up to 40 pe.- cent, and waive cir demand for a closed sn^j . ^ INDIGNANT The strikers, indignant at the -  "rejected "the .~rms of the proposed agreement -nd voted to push the Uoor dispute a successful conclusion. Encoi- the stand taken by o-Ueu Furniture Workers, ...Mi., .-uan Kaywood. regional  U-ctor of the Co-, -r* . moue ^lans this week    -A a cty-xide conference of all i-~  to give full ^ to i s- *ho have been on the ... lice since last August 4. At the same time. Charles A. collier Jr.. ^aa of the Ciucc^.  the mem. jrs ui his group and planned i.ew measures to aid the strikers. -~ CONDITION* In  the aid of the may-r.s  in. an attempted sct..li-ui- _i im. w^s^^ie. collier .~Mii.lCu out. t^.c  .. cut u-ure ~~-*u UOu ..     u. ^-.eg.0 fau.  a  rious social  in , .-ud  that the city s chief executive take part in  the fight. Organization.* represented in -he citizens' committee included he . the New York Urban .. the Harlcn: Association of  and Commerce, the Dining w ar Employes union the New Vork CIO council, the Metropolitan Council of .WA. locals, the Workers alliance and many other              . The strike, involving the largest ..umber of Negro workers in a labor dispute In the metropolitan _rea. broke out last August at the expiration of a ten-day extension to a one-year contract between     (Cantlnaed on Page 6. CeL 8)                 In Eighth {Cratinacd from Pace 1) union and the Spring Products . Union official* at that time  Mucus Of stating that        workers did not deserve more than $12 weekly wages, and of In. timating that Negroes  not make good union numbers because they wouldn't pay due* Or stick together.</t>
  </si>
  <si>
    <t>                                           NEW YORK. -- (ANP) -- Unanimously rejecting a compromise settlement calling for a wage cut and an open shop, more than 300 Negro members of the United Furniture Workers union, Local 91, vigorously pushed...</t>
  </si>
  <si>
    <t>                                           Congressional Opening                 VICE PRESIDENT JOHN     \ IN XEW MF.                 CoucrciMoiul opt-nine in        ;lon takes the news  in the United Slates. Here is Viw I*          Jo'in Nonce Garner ~\vear- In; in the new member*.</t>
  </si>
  <si>
    <t>                                           Here's How  Can Help You To STRAIGHTER,                HAIR WHY worry if your hair looks short? and curl to make hair LOOK LONGER.. Don't give up in despair'. Perhaps when applied with a massage movement you can still get some of the thrills that this massage with Mogro increases  long-haired beauties enjoy. Here's a ficial blood  to the scalp blood bit of advice that will help hair appearance.  nourish the hair and aids in  THIS NOW Massage your scalp with ing it from excessive thinning or falling. Mogro work it briskly through your hair Mogro also aids in removing scales of  how it seems to give it a softer, druff. is a hair beautifier and helps you to smoother look. When Mogro is applied arrange your hair more becomingly and properly and worked in contact with the easily. Be sure to get Mogro (a Black hair, it helps overcome the twist, kink and White product). Large can, only 35c Use Black and White Skin Scap as a shampoo in  with Mogro. Black and White Hair Dressing and Black and White Glossine. Black* and White Skin Soap is super-fatted and soothing a delight to use. Large bar. 25c Trial cake. 10c. blackand white K^" yom 1 1 Give Your Hair Lustre, Sheen HAIR DRESSING SJ?AiSfcT!??. .25c Use famous Black and White Trial size 30c. Glossine. Helps protect hair from hot irons- gives it that soft, smooth. BLACK AND WHITE  P   T glossy appearance that attractive POMADE DRESSING Lanr* ?ize.' ZOC women desire so much. Large can, 35c</t>
  </si>
  <si>
    <t>                                           Grand Officer                 Soror EliKibetli EJafnc Lemon,! who was Mecfcrl .infl- Tnnili'ts of thr Si^ma Gammu Kho sorority at ibi     -la in llou,t..n. i She is - of tho Eta Si-- I ma . Atlanta.</t>
  </si>
  <si>
    <t>                                           There is a cloud of happiness perched over the Carter's home-place on Tatnall Street. The richness of the occasion which causes it is one as rare and as beautiful as jewels. On Wednesday that benevolent, gracious and beloved gentleman who has touched the lives of so many of our city, Rev. E. R. Carter, will quietly celebrate his eighty-first birthday. A beautiful thought, and one which embodies a nostalgic charm.</t>
  </si>
  <si>
    <t>                                           TIM TYLER *         YOUNG                 FELIX, THE CAT i^ t By Sullivan                 DOROTHY  By CHAS. McMANUS                 IT S A GREAT LIFE IF YOU DONT WEAKEN By JACK RABBIT                 -ByCyttoM^f^i                 HARRY</t>
  </si>
  <si>
    <t>                                           Several months ago, while toying with my radio trying to see how many different stations I could "pick up," one station came in strong, with such pleasing words that, for a while I thought I was in touch with some heavenly ... but soon I...</t>
  </si>
  <si>
    <t>                                           Roosevelt Presents Budget                 Proposes to Spend $8,995,663,200 Next Fiscal Year WASHINGTON, D. C.- CSNSl- Pniddrnt Rooaevelfk budget  to Congraa Thunduy .to upend $8,9(5461200 during the  year  Juljr IBM. and ending July 1. 1M0. The proposed expenditures would lun the  debt total up to 44J.46 in IMO- on all-time . Fiscal  it  came an additional deficit S3.326JM3A0O.  up toe  debt clew to the M5.000.C00 040  m by Congrot. An $S75.COO.0C0 special appropriation to supplement The S1.425  (W10.0CO already provided fo- WPA il)K year wis proposed in another         . The special fund is de:cn. d to run WTA from February through June. Tne Ijud^ct . read by dirk-; 01 thr  iss, for.     !    - :^ theme of ;he I'rcsjclem'b .il address lo that  \Vfdin.--d^y. The- P:csic!vnt  th" administration s curit m "!s    "th;* ;iris upward .c-ni. !~LMr.t'.~ ::nd .nl" :.r.d id it .-Jioitld not be cur'.um*d ":iib:ir?ri!y violently". He suis n.nner thai mn--t or thi:             el the ;:ov:- re^^ ir  ie::ci:~ hud been for tar.Ribliddiuons io "Cur national wealth. A r-. u* .sy.st."*ni  teas Joe Black To Know Fate Today A gallant plea will be made to a-e the  uf Jor BlacU. defined r. .---.- of Andrew Par!  . Pui:"bu**^Ji -st.  was ,-~hui   - d.oth May S. 1036. timing an ! holdup, when tne Sur. Brard convene.-;      . : tile Siatc t^ at lei. A I'.ni'.y day         -d the for-in i- Aubuni Avenue ;u;u:~- will        . M and. unless ilie I'rison Doard             mercy or ill- KPi-.r  the :r.\ Dlick will die- in the  ri i.i ir a:          \ Oeorftia. Several leading while  fi-cm Ccv.etr. County, native home i:f the convicted man. will lead a -cation b; tile ^ j i. m 31;iclc"s behalf. i Others seeking ^' today, aci  lo cour-. records arc Mrs. i Lillic Mae Burcieii. who was con': in DccemUer. 1937. on i  cf assault and battery and I  a ~-5 year sentence-: Miss Murie BurdclL convicted for lottery in October. 193S: and Walter Perfcins. convicted on        ; of assault with Intent to murder.</t>
  </si>
  <si>
    <t>                                           Arnold Shares Limelight With S.C. Minister                 Prcaclung on the theme "An Open and Shut Door4. Dr. J. W. Colcman. pastor of Mt. Sinai Bap. list church. Spartanburg. S. C. pleased his hearers Sunday morning at Bethlehem Baptist church. Dr. W. M. Jackson, pastor.                 Dr. Coleman. r.ho is here conducting a great spring revival at Bethlehem Baptist church, based nis matchless message on the Biblical injunction centered around the story oT the ten virgins. Itvs of which were foolish, while five  wise. The invading divine urged his hearers, especially the unsaved, to come into the  of the Lord Before they met the fate of the five -sh virgins, who let the oil nf. out of their lamps and when thr bridegroom came they were shout out. His preaching was so  that two people united with, 'he Summcrhill worship center. He  will continue the revival throughout the week. why  wi-:n Giving ii tcn. highlight on the Sunday Sc!..:ol. \lv Rever#riU Taschcreau Arno'd. ic   of the Atk'-u'-a Dnilv WORLD, said Uiat it w:is bad enough to  for   you ai'* (Continued on Pace 6; Col. 4)                 Arnold Shares j (Ontinord tram Tagc i  of. but It was worst to I fer for something that you arc not guilt}- of doing. I The Rev. Mr. Arnold UsUKl sis i reasons why Christ died. vU:     because of class distinction:     . because of mob violence:   . be. cause of base evil: because of j political trickery.    . because i ingratitude: and  6i. because it was the will of Cod. A special program was rendered by the Sunday School under lbs efficient direction of w. M. New- I art Representative* from several Sunday Schools appeared on the j program which featured readings and solos. The Jades, awarded Uw contest prize to Triumph church of Ccd and Mt. pleasant Baptist church i South Atlanta), while the j prize for the largest donation  to Tab^mac'.-: Baptist church. Superintendent Newkirk is veo* grateful to the following Sunday Schools for sending representatives: Allen Temple AME. Tabernacle Baptist. Bethel AME. Mt. Carmel Baptist. MU Olive Baptist. Salem Baptist. Triumph Holiness, and  West Hunter Street Baptist. AUXILIARIES BOSY The Junior  is  nicely under the direction or Nathaniel Foster, president while C. Smith is the chorister. The  is moving; forward under th- able leadership of Deacon W. J. Thompson, president, while the Junior department Is being lead by Thomas Atkinson. The divisions sire: . Intermediates ana Juniors. Under the leadership of Mrs. Sallie Wilson, the Woman's Missionary Society it  rapidly. The Junior department is on the job and tht. study class is regularly In session. The meetings are held    Monday  at o clock, Mrs. MRttlr J.     Is secre.</t>
  </si>
  <si>
    <t>                                           Preaching on the theme "An Open and Shut Door", Dr. J. W. Coleman, pastor of Mt. Sinai Baptist church, Spartanburg, S. C., pleased his hearers Sunday morning at Bethlehem Baptist church, Dr. W. M. Jackson, pastor.</t>
  </si>
  <si>
    <t>                                           Colored Actors In Four Of 10 Year's Bast Films                 HOLLYWOOD      . Although no colored stars wet* list- ta         ttw top flight Uucinaries the year J938. colored acton ww* featured m four of th* 6e- i credited best films of the year. In "Old Chicago", Madam Sul- Te-Wan. famous 65-year-old  tm3Utic . played the  p*rl of "Battle" Tht. v.-a:: o U  of Twentieth Crnturv-  s Rreat^st spectacles. In -Jezrbrl n.aa^ by       's First National ^ Bi-  - Davis. Tli*  =a flar. and u-w TfV.vUn both  Julpoitaut parts, v.      15ft ot)i*~r *a players had bits  w         hi  roles. "Vuu Can-t Take It Witli Yr.           compl^Uxt  LiUun -Billie- Yarb,-. into the !      ;ht as a screen comedienne and     Eddie Anderson  he fame : begun two years ago in Thi- Music Goes Round", both at Clumbu :.n.dio In MCM's "Test Pilni". sr^,. Clark Osble. Myrt:a loy :inj Speiuvr Tracy, a num(.1  ^s  m                 til.*:      .(  fh# widely Knouii     *d,sn Saui</t>
  </si>
  <si>
    <t>                                           The recent announcement from the National Tuberculosis Association headquarters in New York that Eleanor Bell of the Atlanta University Laboratory School had won honorable mention and a check for $5,00 in the 1938 National Essay Contest of that...</t>
  </si>
  <si>
    <t>                                           Sing Gospel Songs m Tell It Wlwnnr I Co 10* PredotM Lord. Take Mr Hud 10c I How Aboat You? 10*   ,d Order* To THOM.AS A. DORSEY 765          Blvd.. Dent. C. Chicaco. 2L GET M  T.N E Y I.OVK i   !~r- !r.~sr!rs!irr J M. 'WILLIAMS. J a) Sqnarp Sta_ Jerse: v'--1 2^?t. 5</t>
  </si>
  <si>
    <t>                                           /"5i /""every woman ~^NLl   OM I ^U^ Clinic*   n* Xnriaepric  and kitU dandruff germ Tbrro b no .   oc effective way of  (        with Lixtcrinn AntiwpOc.  for more than 1*5 yr*r* an       and . Just rub It in and follow with prolonged . Lbrtfrtnc AntU- icru rid of   It  ih^  that cbu*tm dandruff- tbo     (Pttyroaporurn ) that  too hair and covers tbo scalp. Don't   with  that merely  j^. I' no Uxtrrlat* Anttorptic.  treatment that rots *t the . Tbo only        *nt    know L?** i6*6?0*1 ton 7c*   of  od a  record of success in too  rt*t majority of cm*w. XAmbcrtPbamaeal Co; ST. Louis, Mo LISTERINE THE PROVED TREATMENT FOR j DANDRUFF</t>
  </si>
  <si>
    <t>                                           Up in Harlem, they re stomping at Savoy: Tonight, the jitterbugs all will be "ROCKING IN RHYTHM" 9:30 1:30, Also Sunday Midnight, Monday Night, 9:30-1:30 With the brand new Boor  by "Stove Pipe" TOP HAT Adm. 4Oc</t>
  </si>
  <si>
    <t>                                           -y ac t i vtt i g g     y B s j</t>
  </si>
  <si>
    <t>                                           25% Reduction In Coach Fares The Central of Georgia Railway now has   fares in Coaches every day 1'/: Cents Per Mile in Southeast. You will enjoy Traveling by Train. Air-Conditioned, air-cooled steel Coaches. Toilet facilities, free drinking cups, smoking compartments. TRAVEL SAFELY AND IN COMFORT Fares, Schedules and other information will be i cheerfully famished by any agent of 2 Central Georgia Railway</t>
  </si>
  <si>
    <t>                                           "WINGS OVER EUROPE!"</t>
  </si>
  <si>
    <t>                                           Grady Stephens Will Be Funeralized Wednesday                 C:.:c:y Etc?!;.. t C, well ii-,ov.:i .Uliuu.in. will be  Iioin the Cilli  J".u:ch \V-:iI:~-.su.i.~. accc:.:1 \\t announcement. ste:.t:~.::.- v u ."*..^.~i c::~ii! M\::*t:.i L'i\ Liroic.jis. :*t,i;:c:s. ~?'.-i;l'.~i:s. vhc -d Suiv. m^lit, l ol;ov. iny a bru-i  s^. \v:ts the uS^ sen of Wrs. Mutuv Hoo'iei He was .1 i;:.    :a'.c of HitDuvid T. Hc.  and alti-!~    Tcski-see Iiv.. i-Ic is  cd by Mrs. Hooper. t*'o . Mis. Howard Wuters :~jiii Miss M.iry - Jolu^on. l!o:h students  i 3 T. W-.      .ston high school. Tl-.i: 'ooi iy of Uie cicci-.ised wii: remain at his  s residence. 154 Aulium Avenue, .V E., unii! \\"H: at 1:30 H. M.. when it will bo carried to tlie church i tor .                 8 \~j</t>
  </si>
  <si>
    <t>                                           So ought men to love their wives as their own bodies.</t>
  </si>
  <si>
    <t>                                           Just like the Florida A. and M. Rattlers, the National Champions, the B.T.W. Golden Tornadoes have recently finished the most successful football season that the dear cid BTW High School has ever had on its record. Out of season of eleven games. they were undefeated, untied and scored upon only once. that being the case of Bartow High School scoring upon them in the state's championship game at Lakeland, Florida.</t>
  </si>
  <si>
    <t>                                           CHECKING AND SAVINGS ACCOUNT SERVICE First National Bank j ATLANTA 1 CAPITAL, SURPLUS PROFITS  3.00!~,00v Member Federal Depoail Iniunitcn Corp. EARN S5O.OO to $75.00 WEEKLY OTHERS ARE DOING IT- SO CAN YOU AFTER LEARNING THE APEX SYSTEM BF, S^OP ww    *r time. Start now learning a dignified J3t[ profe*~io* *k which there if more money to be made KBL titan  ay       legitimate business. Your success in life \kS?~ depends upon your own efforts. You have the ability to    nek* en independent . Others are doing it so can you. ' AHood Jay or waning  Syf Cost of Courtve Reasonabla Wa 9tmM Down Paymant Balanca Weakly ffl Ap*K         Diplomas Awarded f^ POK *B INFORMATION CALL OR  % AtPEX COLLEGE Herndon Uldp  g'^Bift f^a^V)*. Auburn at But Kffisji Jackson 8255</t>
  </si>
  <si>
    <t>                                           Dillard Prexy to Wheat St. Sunday Morning                 Wil!i:im S'.jart Nelson, president of r:ill;ird University. New Orleans, La., will be        speaker Sunday morning nl eleven O'clock al the Who: it Street Baptist church. :ht- Uov. Willian. Holmes Borders.  ns:~T. President Nelson is ck* of Uie must  of colored Amcric:*r. educ;itors. Ivivins de^rcti and ccr'.:*ic:ites cl  from some pf^tln* most i".s institutions Uiis nation and Kvropean countries. He Is a former instructor in  and assistant     the president of Howard University: and former president of 51i.ivv University. Raloluh. North Carolina. Dr. Nelson hns been president ;~f \Xi\lard since 1!'36. He sa*.v service overseas durini; tlic World "War. He is fellow of the National CVunfil for Religion m Hiphcr Education, member of the American Academy Politic? 1 .ind Social Science. ;~.:id the Louisiana Teachers' Association. Tlur L-Kiisiunian is hi AtlauUi  i:i a pic; i chin:*, Tiiissiun on the eam;jU.; ci Atlanta Ur.i\ this  ve*:k.</t>
  </si>
  <si>
    <t>                                           Screen/ I ^Stacc^^^^t "  *    I h-Z,,, I     Km, I HoaSIIno Art. I I V0DV1L I "Society I -with- I Smugglers" j .Myles- Bell L ~:    -  '" J'i   in, J ROXY Atlmision Always ).    In Person! MILT BRITTON! And Hi. Band America's Craziest Orchestra" "The Family Next Door" Bailey Theatre* 81- "SON OK "FRANKENSTEIN  with             -Dicli Tracy Return." ROYAL " WITH DIRTY FACES" with      Cagncy al.o "Scout to the Remc" ASHBY CLARK CABLE NORMA SHEARER in "Idiot's Delight" also 'Scoots to the Rescue.* LENOX "SINC YOU SINNERS" with Bine Cro.by Fred MacMttrray *lso "Dick Tracy Returns" ~^^.Tb_e Cbanpioti   4 Hair Dressing         Club Pam*6 1     m.     *a but It 4    not rob ott a hinds or say    's . ^Tiplftnt Toado      Pooado. 10c sas 3% at   *. mo . Kowbra Co, Dipt. S-~."AtUnta. Co. IPO YOU WANT 1</t>
  </si>
  <si>
    <t>                                           Leaders Should 'Harmonize' With High Court        -TKomas                 Urges Youths To Continue Applying For Admittance                 Negroes who are qualified -and have a demo to do so. should continue to make application for  to .universities in all the southern .state, where . pm- is not made for them to secure training in he state otherwise." Jesse Thomas. Southern Field Secretary of the National Urban Leaeue. said I                  ,,."?f           admission, suits should"be*instituted with sufficient frequency," he added. ^f c.etin8 con"~ent to the recent decision of (he united States Supreme Court in the case of the state of M is? soun versus Lloyd Gaines. Mr. Thomas     fX                 "PiTiw;~ no .-. majority .ii'.n of .1 .il where   v:u.in. !.!.-.lu.5 of Xritroc.* formed  cif consideration has      f'.  ii)-::;5 .vs-  Ir.i'      millions of No- j ^roo.s !iv:rR in ilic FOpJralo school i /n;i".? ili.v.i tin; recent  ot I Ml" Uniiccl Stolos Suprnm: CCurt I m lln- cusc cf the St-.itc of Mirrom-l 1 versus Lloya Galnc.-.. i 1R1VEI.EO THP.V SOXjTll j T-mr  dc.lsl' n was :~.f.Ocr- I id, tuc  has     icv- i                 er.il southern states r.;iu has bcc:; very milch interested in tile anxiety expressed by ; r-? r*!y those connected will! Stiitp Ui- of Education re.r.live to how tt\c mandate of the S-Jiwrwo Court shall He met in thc*e several states. "In Kentucky. Virginia. Geori-Ia. Ssutn Carolina. Louisiana Texas and Oklahoma. Negroes have been asked to appear  whiU: committees or to  .-.s with interested  pen cos where an  Is                 made to work out a program  to Negroes and  ole to thf whit? ? in the lis-'l of "separate but  ~: opportunities for the . I                 The :i-v.*~ s;uni:.- ihii  :ir.;?v: 0:1 N.~:*n:; a n?spc'.ui o:l:-.:- .im* or.ois tl;. in :m 1 ;ua::~. \v!...!i Ni l:av.I Ot  p:.1: !~..i:~., ...iu.- Lv ii.:\:i (ii j Rccons::;:ji!'in. ci-r;.i':'iy r.u; since Ihr :i::tlu!'' ?C;iu::ls. i[o:.l ui Use divi.-:ou..   ',.i: i'..v.- .,i-c:i c:;     :r...ke hi \u 'mil  ha\c t'~\ii: ui;li '.;;-.i! situ.n:u:y; :;nu i.-.v-^iv^; u\  v. :;.i:v itr.us oC N*Ci;rck*s in u ir.k.:.- ty. county or st.ac. MUST   For iho first Him- 1:1 a Treat many ycr.vs w an- bow  j IT'On U: .uc u prc;::;mt ',r I adopt a  .Ui't: con.li- J lien the aSu'..il toi unos Nocro  ii;  I sou:ht"TO states . Bo- cause whatever i^ accepted ty Ni--s in cue staic is apt to become tlie pattern for oilier slates. On this account, it fs important I Unit Nei;ro  shall liar- i I moni-t' tis   :  w;c (ioc:- I slon of ilie S'ipromi- Court and whal it contemplates. "Already it has boon reported tli.it  ome Ncrvoos  pone into tiie^e com   led otr 0..* , "Wo realize that the University of Mississippi or oC Texas .(Continued on Page 7, Col. z\_                 JESSE                  Race Leadership           *d from     * 4) I cy r/. Vi'- r'.i:1 i:. nal j Oiilt? Io :iuI n:ii. Kir.-jrt.^:. tc " ^..: I :.ncl      -:~:~iOn il .sdw!:;. Anv Ne-re who ::r.aw.s Uiis KNOWS TOO i MUCH. H may ai- ; GuS. Hint !h::. mi"lit, be irnr. lor the tr.cim-nl. hut. r.O NEGTtO has .my Iiiimih'j-s Aii^.'. it in ;;*.cr "-mlj-. I !i;:vc Mmikir ^ ti^ncL'.s with red cups ui rail-~\i:i Mutmns. 1 :~n!;iU ihc red err.j to in!:~i my  u:l *w;' or hand b-.r.'- 1 1" k:iov*s "1 oi 1: in a Jiin C:o*.r C::r." ::'u! '.vill^ thr- :.jA C*;i of Ji.'K.v* Owuns. lik- a Martin io h's rtc.ii tl. ho mr.kcs :t leap .ic! li:f Jim   "~w C:~r. Anv rod r.-ij)  knows wiK-i** l.'.ic !  'f;rn ,):;.v-i  b*-!on::';. I:!:~ Hi" Nr;~ro IruiitT. KNOWS TOU . ii Llic vir. uf tnc Stule Dcj3UJ**::m* Eaucaltun . : tu  Noyiocs do gr:tu:;nie work -.-o stale :.      . Hie Negroes may have la ;i'.ce;)t tins  . ::i v-l)idi event it sl.ould hu dene ~'.vcr ni.1) . "A lot oj di:iji!;    arc Liking r.Iuce in iiie mii^s  today. m Up.*  ol v.hat ii yoing en in    ? v.o;2(i  u.s. Netrofs ai     \\hite in-opU* in Marylana  i:H:.*iT:tci:il        :*  Murn*y wiw i*^ u])un   d lo the Lm\v Dep.-CPt vi' the Ciuvt-r.-My tA Maryi.i Ml. Mr. Sidney Holi.ind. ;t very prominent white clu/(.n there.  me of th? - and  - him by i( j n:m:bc-r of his white . who i v.xie sure  ,m ir..cial *.rnj:   1y would result if Murruy in- M.leci on comply iny with tlie dc- j  of -he Suijrc.iir- Court of M.?i\lu:id. 12; his c.i.so. M;:rr:iy c::iMi d the University M. i.vt-Mds L".v." Schooi r.nc!      '.iy d:Ui:"L !iic?i. :.:r.* Ii.: .ti!" n!ti::-'i- ~.;i r,i purl 01 the si:kU"U.s u.r c;ime one or tin* ii/'M .', on ihf carr.pu- "We have t:~U:ec! .1 m cci deal in i!;.- p:.st ; thi* extent 10 which ::;ncra:icc- iins  it-.' for nW'.'.r.c in': j;:is*.!:]U', Wf  {*      if \vi*  iht . of tlu* t.vo races on a rrr;..c \c\v\ tli - how Uicir .i 110:1    \ the  ol - i mss and r.nl:v^unis:n. Tliere would be ;- few Xctt rot s j ? for admission to tlic dif- j  s*t:itc Uruv- nnd Uirv (Ouhl b-' m (- ;il)- j^rbc! thr.r Hu*  *  v OiiH! "CiTCClv nr  !~i:c*i-sro\ is  "J''ortu.ir.U-ly the Supieme Ccurt'.-, doci.Mda in tiie  a: .Mi.: vcr.-i;^ O. ir.ade it clear thr.t. Ga:::cs was ^ his p.r.-onal r^-iii:, :ii Uit premises. Tu:- is  it::n!ic:~  : "N't'^u) l-.uici.s, thru, zc-.v.z into liu-M' tcn.'i n li'.f.s o;:::lu tu make clc.u* ;li:t: w.uIi Vit  .::~v :: 1 r i- Hi. :r iht.sOh.iI i-;nii'.::i ;i:ki       ~::i\v no                 'y or ni-lit lo commit t.   rac'-- to :t:;y decision they may make. t Ir.cii.- Negroes who arc - lied arid have* a dt sire- lo do so. should      animation lor admis:,.on to .ilies in all the ~. Mates where i equal .uo.-i is not made lor them to secure, trr.ming in ;he stale otherwise. If .sed ad- ini.ssion. suits should be instituted I with sufficient, frequency as to i  commitments by these Nt-- I  rc?s 7.-ho KNOW TOO MUCH, in- j effective and non-opc-. j "In justice to ihe  of j the on- i;~--;);oii. boils I while- ^i"U colored, there is only oi;c logical position lor Negro i  and Ui:n is to make it clear to thess -mind- I er! white rri-.-    mat the supreme C'.nin ha.1: raac-.' i'^, cii- and  are standing by the decision j cf the Supreme Court. IS list- while j citizens insist on ? I      decision of Uie Court and         find themselves helpless to anything about ii. they  at least ^  records clear. and though feebly. n:ake a pro- t test. WOULD BE INSPIRATION j "It  be an inspiration Ui the grai: dre.". 01  to j it-ad :iie  that their Brand- father.-;  to stand by the Supitmc Ccurl's d'.- ::nd     -pi ar. to the contrary with ;.'"t. To do . it would  like a weight of :i over the  of  grand- j ;ii:! to discover th.tt their .. when called into in-  conferences opened ilic i cii.~cus:;io:i by  thc-ir superior .-Iedcc of what could or j  not be done. j "No member of the group car. ;io quite Ihe  injury to j the race today as the- one vho  into interracial conferences KNOWING TOO MUCH</t>
  </si>
  <si>
    <t>                                           "Individual Negroes who are qualified and have a desire to do so, should continue to make application for admission to universities in all the southern states where equal provision is not made for them to secure training in the state otherwise," Jesse O. Thomas, Southern Field Secretary of the National Urban League, said Saturday.</t>
  </si>
  <si>
    <t>                                           Answering a burglar alarm to a store at 84 Fort street, SE. Officers Haynes and Scarborough reported that they nabbed a youth listed as Albert Kemp of 492 Decatui street coming out of the store with a quantity of cigarettes while another youth escaped.</t>
  </si>
  <si>
    <t>                                           Mystery Veils Death Of Driver                 Youth Dies T f h. After Reacliiing Grady Hospital                 Police arc investigating the death of a youth listed a* Birdel Mathis.   . or 54 Raystond street, who died around 1:30 o clock Tuesday morning a* Grady hospital after he had been rush ed there oy officers who reported binding ; profusely amid                 1 otis circumstances. j I According to police- records. Ofllcers Pceplcs and       answer- ed a call to Tecbwood and Simp- son streets around 1 o clock Tucsday morning and upon reaching the scene the officers stated that Radio Patrolmen Sloan and Finlcy liad already arrived at. the scene. SLUMPED UNDER WHEEL i Ma', his was found slumped un- der the wheel of a  which had jumped the side walk and crashed into a fence. Mathis was bleeding from his . mouth and a small hole in the bade of bis head, and was unconscious. The lights of the truck were still  and the truck was not damaged.   The pockets of the deceased man contained only a driver s license and some receipts and one pocket had been turned outward. Officers Payne and Peeples stated that the victim could not have been injured seriously enough by  cp oif -*x  Ma-~walk to have caused his death. Following the report of the officers. Detectives Johnson and Taylor were assigned to investigate.</t>
  </si>
  <si>
    <t>                                           Police are investigating the death of a youth listed as Birdel Mathis, 19, of 54 Raymond street, who died around 1:30 o'clock Tuesday morning at Grady hospital after he had been rushed there by officers who reported finding him bleeding profusely amid...</t>
  </si>
  <si>
    <t>                                           Alleged Ticket Thief Bound Over                 Alleged to have been caught sell- Ing tickets to the Lincoln theatre j  n Mitchell street, a youth lifted as Willie Lee Brown. 21, 0: 186 Ellis street. NE. was bound  to the grand Jury under $500 bond In Reeordert Court Friday. Officers testified that they received a call Thursday that someone had broken into a car belonging to Mike Schnjne. owner of the theatre.' and had stolen a roll of tickets valued at $15 and a box of candy  at $1.20. During the investigation, the officers said they  Brown with Some tickets in his possession.</t>
  </si>
  <si>
    <t>                                           Mooney Marches Past Old Sights in San Francisco                 As Iw Mouiey lea pande T street :b Saa Frssdsco                 Past the historic spots which  so  in his lift. 22  ago, Tom Mconey ** up Msrket street in San Francisco at tbi head of a  of labor s rank and fil*. Moocey,  fey Gov "Cuiiwrt U Oison ot Caliicmia alter   r^- I Ins 22      ^i  for          Sia                          Preparedness Day bombing deaths, has announced that "I dedicate lay life to freeing Warren K. Billings (  ith  In the bombing which killed 10 persons) and to working *or a powerful. united labor movement."  s nght tor            v.--v.ide labor *.</t>
  </si>
  <si>
    <t>                                           Dr. Worth M. Tippy. secretary emeritus of the Commission on the Church and Social Service of the Federal Council of Churches of Christ in America. will be the speaker at the morning service of Big Bethel A. M. E. church Sunday.</t>
  </si>
  <si>
    <t>                                           SAVANNAH, Ga.--(SNS)-- operation with Dr, H. P. Stuckey, director, Georgia Experiment, station, Experiment, Georgia the Agricultural Department of Georgia State College, this year, will increase its experimental activities.</t>
  </si>
  <si>
    <t>                                           AS ANDERSON BAN WAS FOUGHT IN D. C.                 i 1 .ES H. HOUSTON; Irish t standing) dear. oC I he Howard University txw School and special N. .V A. C. r. counsel, voicing his protest before the Board of Education in Washington. D. C ThnrsAiy. March Z.  its action in barring the use of the Central High School auditorium to Marian Anderson.                 contralto. The board later reversed its  u:d and \ to permit Miss Anderson'* appearance. A similar bar from an appearance in Constituticn ll;~ll. owned and controlled by the Daughters of the American Revolution, is said to have caused Mr?. Franklin D. Roosevelt to resign from the                 . "~H\ TOMo).</t>
  </si>
  <si>
    <t>                                           GROSSINGER LAKE, N. Y. -- Shucks, there ain't no feud between Max Baer and Jim Braddock, Max himself says so.</t>
  </si>
  <si>
    <t>                                           False Propaganda Is New Target                 NAACP Trains Guns On This Most Insidious Of Practices                 WASHINGTON'- (ANP)- The ago of miracles is not done! One of the most splendid fights yet organized by the well-known NAACP is the current fight to arouse interest :n the false propaganda being spread through the country relative to Negroes this propaganda being ingeniously dispensed  text books used in schools.                 Unit most popular fallacy that Netjrues ? an unbridled passion for chicken,  chops and  luns-    tails into discard, for . thi; countless n:eu and  too. for that matt-r, who   public servants, waiters, v. Hilrfews known too well that                 ? - foods uri:  - j ites with inure whiles  Ncyroos. I Ic.ii- chu.se delicacies, it   as u boa  :i -r of i; .Uviug and of good foods! Our own wri;ers  aided in i 1 (Cuntiiiunl on fact- tf: Cut 1)                 NAACP Trains Guns IContlfturd  pace IF furthe:C:iK that joke   laughing in spite of -. That they are u Happy race :ir.ij know how to sine and enjoy  Once written in a Negro newspaper by a well-known -social worker in Harlen: who had aspirations toward social and journalistic leadership. Was she .seeking thr favor of some person of another lace? Crap-shooting lias become a ri. Indoor pastime. 71 anyone thinks the Kcro invented tht.s     \ he s      * they  hot        for Jesus' . anci  i.-, nc  that says Roman :.ol-  guarding the Master's ascent to the Cross at Calvary w:re NeRroes. Now the game Is a favorite oi the white gaar. who pass  sums nightly in such enterprises. Ever hear of Nick the Creek? The           which spreads over a white persons' face when fie                 i nii*:~rr:tsS'*(!!y confronts :i Ne;;rc whose achievements have won r-c-  without the fanfare of publicity is apt'.y illustrated in the story told of :i New Yorker whoso ::.:r:i- k w-. 11 known to :,11 who read cur newspapers. Sueh u:i impression was : on c:v of his pupils that she constar.:ly told stories at home th*:-ma7.:n3  capacity this teacher. Sh- told     parents thir.ost marvelous stories that a ch:!i!  brin^ home. praising her teacher to the skies. The  was grateful that the school lv!d such interest :or its i;:: a::iJ because the teachers   wn.s so  and yood. a:id the  s  sent u '-n invitation to thr teacher to visa their home Ilr accepted ami . he walked in. me maid was  d. and you can ^me what Ihe -r . but with the  and culture -a reul lady. ::e KTeeted her visitor cordially, i i.ly later m the conversation telli.i Klum most ^. 'DocJur. I had no idea you</t>
  </si>
  <si>
    <t>                                           WASHINGTON--(ANP)--The age of miracles is not done! One of the most splendid fights yet organized by the well-known NAACP is the current fight to arouse interest in the false propaganda being spread through the country relative to Negroes--this propaganda being ingeniously dispensed through text books used in schools.</t>
  </si>
  <si>
    <t>                                           A veteran in baseball who spent 12 years under the big tent. Got his start under B. T. Harvey at Morehouse when the Tigers were ruling the collegiate baseball roost in the SIAC 13 years ago.</t>
  </si>
  <si>
    <t>                                           L JZor. L rL Dtarry says: /$ hav*   eCH=i5 in po*r 20 yean that eta  the  of Dr. KZca ^=~~-P-=~ P^Lt. TKey arm a      ; jar Sufferers fron         ^          , Tootiuiche, Bi., SoatJca, Rhe-^na-Os-. Lu^baso, Neuritis,  Pa-ns,           Paiss. : th^:  have rard Dr. HUcs Aati-P^ii ?;LU wSii better res-alts than Ibry had  hoped for. ^Cooctless Ajnerlcaa -  wives would ao sore think c^?  without Dr. Jdes Anti-Pain PiEs  with-I out flour or . Keep a package in your medicine cabinet and  aye yourself needless suffering. At Drug Store*- 25c end JLflO</t>
  </si>
  <si>
    <t>                                           Survivors Of Submarine Disaster Aided From Diving Bell                 Paralyzed by cold, survivors of the disaster that befell the submarine SQUALUS are shown : aided from                 '.he top of the diving bcl! to the Heck of the rescue ship                 i KAI.CON. OIN).</t>
  </si>
  <si>
    <t>                                           World Of Women</t>
  </si>
  <si>
    <t>                                           U.S. THREATENED BY ''STORMS FROM ABROAD" ROOSEVELT                 FDR Asks For Strong Defense                 Chief Executive Says Peace I* Not Assured                 . C-  3   - President RooacreK told the notion s. Coiisrcjs and the entire  Wednesday that peace U not -assured'- and that the United States la threatened by "  abroad", u he lashed out vigorously at tlic dictatorships of                 Killer. Mussolini and others which nominate Uic old world. Addr.-; Hi- joint session or the Senate and House in a capacity House .bcr. Uie chief execu- I live, .  a single  or . pleaded lor a .trons national defend against -undeclared wars-, "deadly armaments" and "new " which lie said threaten religion, democracy and international good  three institutions ;     America:!* He said that only through a. nation united both physically arid  can these storms be l:    from American ^. i Tiic .' ui the '1 talic waj  Iti^Uly by Uic '^.ric- present as radio broadcasting facilities too.; :t i:i six Ian-        .d the  world. It was breun  tlie silent reverence ol      newly convened TOth Confess. .T . Mr. Itucsvvclt v.a:-      not ot outside diu'.^er^ j!o:ic m his annual H.Ci^.uc. but ;id\ ised the Congress art ic it thai, i litre was smooth ; in th:s land. He advocated "the ; down" of some of (!ic "5 ew tool-' 01 tlic . Urged by the New Deal:  oi . legislation, :iv: u! !  ,it:d ]r.      ~'tid factional la.bor ,~ a:'d - dis- putts"; . of :i farm pro- tram, and a revision of tax rela- I   federal, state I and local governments "and con- i t- of relatively small tax i increases to adjust  I without - with Uie - gate income cf the American ." I: spending would be bal- ?nctd witli the government s income, he said Congress would I "logically have to reduce the presI cnt functions of government by j enc- third." He warned, however, that -The congress will have to j accept i he responsibility for such reduction: and the Congress will have to determine which activities ire to be reduced." Concerning the "adequate " against outside factors which he warned threatened the American shores, the President said ConUnneA on Page 5: CoK T-3                  Roosevelt Pleads For Strong Nat'l Defense                 ft '' i rum Vnzr 1)  i; ('.~.ic.'.ii.t. ''I 'i.f..^-r 'torn '.vi hv. I'ii'.i;: v ;:.n:n o:ir it.- at:*.'.: i r i .1:    *i :u,rj iji Mw .,i:::ir:.-  .  X.'lt. ..:;r;fj.-:i at r.iri;" .t'.\fi .til u;. Dr:.iil.s hi.-, pi jji i --"i ;i;.i:;n :i:  ni.'. \v ~;r.(l ;v:~~ in a    :cwi n,**.v...v t;rxt {~[.  :*Lw :i -'ifr.-.-j. n:;-: ;::i;;-~- mm: ion" to n.~- :i;- .-~i::)l"~ :h.* work;. Our p:..- .:n ,~-,,-uu   en:.~i;:i:(; .~*or:r. ;s. i':v or**, r.:' !j;  :r ;~s .in'.r P.Ls tin::::- -Iv-*-," .~.:;c! TI1 HINT II:::* :i: ;:o-^.b!c :t;-:~--:r-% said: "V.*.- nTV.rn :':\:i'. C.Or\l'':i:m:::^ ct ij-.fi-T.r.-'-s ol' world v.i'.ic:. c!;-~ vv tiv -Nnrirti'v of *:r:i.':'s :if,ff '.:nn(J  i:\ !hr:r h-* ::;r::;r*Tfi:* ro :in; :^":~i ';i is:      aiv-'v i:t':*i*. "T::*\v .".tnr.ot :or-*\'-r Ir: pa.^. Aitho-j: ('iTi c: prot nets of ;.::;:ri:     : ;:'^;i.::~f M.-.:*r nations ;ic'.-- #.vl;:fi; :i;:t-"::::t::c; -jv.'.;;.-ly :':vy m:i-~t p:ot a  p::;il.  l::n*~. But    - :..c: :in' *~v  ric::i . pt i'V'-tir ;iriN Ml .iq-r'- no.*, rii'-;-- v.vfi. ur( :i-.'.'Tri :.-.~Mjt ,,r .ill V.*' rn:~v In* *. :~n vv.it :i"t i li" ":i!v no-iin:. n: r*.~j;:::.t:;dm^ n.-rrr.i .(vi*1. :~~t* tit** ;i:t:i'i1)~, ni :n.;:in. 'I iKT** iil i- t'.v ' i;~tr:~ .-:int v -ii*. bu* .s* f'1!1.*!' r -1 tui iD ii i* r'. :-     - :!i;u; :r."rt* v.or,:-.. 1hi:;ui: u i'.f-j:;-.* t'~ ;i^-r.^ m-   :V'-:*:::::^:/s :i:-- :i*4j::tu:i:'* :i: "I ..-.vri -'. "A: v- rv i..: ;v- r.~:: .n/i ;;Mijifi i vi'.-i -~i;v :i"::, of :.h:i!i v.::i ;i. l''i;M ":p -~U-r- p.rl;.i.-.i i;i;i* r;# ,i:i: Mr R'-ti.i Vi:. :v*r-.r A:;:~*   :li.* A:n-T!- --n ;:.*.!p:.. -a-i:: -r !i).' .-  ,' .~i;r -;~.i:*i;~1 v.ii i'-s T!:r*    Mi- h*.*. ri^'n* "t :v.IV4     '* I" "A't* pli*:i.-'* Tn^ nv.i oi ::~*-- r^ii-imt: Ti:.- rr-.i n\ v.,:- .v:- r.,pi::i! r-:: Tli'  nisi nT   **;:m r.ivt iti n .i **iM',r-t*f r;i* m*~) ;* The cos: hi*;:-i: ..fr.n.l v.tlk    :i tin* ..:r.vr *a-::1i -aT MV^ n*Muht.   . Tii-* h;*vj:,^ our i"hii irv!*i iv ":i-.:!r up !;nt :r-v :n'.~i - lt:n::.in   *i:i^.-. h:i: :   ;.c'.d.-i: ur.tl i*!Tis;:l'. by i tti:H'h:r,'' "I: *:u* :;inci% nl -h-sr cos'..i:-1.-". *:i\'^ on tnv i:;~*'*m'*: riu-- in^ans LiS^s .in :nv  st.-h.- h: H..-.,:h. I \vo:*]rl i:;.(.i* I;iX'*s *.: :is     :nv hr^:. thins :i:iri my 'ni i: hr**:i tiling t:ro air "t ;t , as tin* price m ;t  ..::ri a tl-ad world." WCU1.I)  SMALL Ti:-- President warned ih.il Amorxa's ci*.*:i;iat:on to "do our hart* ..-*- s;or:n.s from any *' (i:~l no: by any means imply :hat ilv Americas stand I :tu.i:r..-r :hi* world or dissociate rh'*:       :ro:n *.. :Miions.     .-:.    *av v. ill  r:tnd W. :m oiler frt Thr ptn:unl t. ^KhT ro::~    *s : work fnr 1*0^* and '!:mi;:i^Iht1 .tim: IJr * ii.'  * '~iiT i   * n/~rW ho*      { mall. :i:id w*'-a,inn5 :(c so   .*i!r :h;ii no nation con br safi* I m its ui l   "  so  as any j other  powerful nation re-       to 5r-ttle iLi grievances at the council table. "For if am"  bristling with inml merits of war insist'; j upon       :os force, weapons of r1   *nsr cive the only safety. "A strom; and united nation may h^  if it is                  i(Vrtii:.~l Mid-Jell ." Tin.'  ,,:;fi ourselves h;ivc '.i:ir::itl iv.wh in       pa.st. few v.irri in i:iii'-n:         relations," he -In :i military icn.se. and also ::i .in c:no:mc :*':w\ methods of ,:r^rr n\irf h:r.   been revolutionized 1:1 tlv past JO vi-ars- m the speed '~   :inu:ii: "I .iti.icks. which fol1'As preliminary- 01 ,  rx-r.e-.     . 01 ju-judic- ;itn! -ni of .io:;". Ti: c:im-J' cX'.x   :b.ii ;:;    our ^.'* but ~-*::d. -.vr nrc u \vi,*,or and toucher r.::on than were in 1929 or :C32 Tin- .il problem of           : was recognized by Mr. Roose-.vi:o        1 hrtt America's r:       :m.'- lias a. (lr.st duty of bi-.::^i!i^ c.ipr.:t! and man-power ;c.^c:hvr. "Oa:r;i:rr.-!       io this by main :-~ci-."" -.v.d.. "By  main :'i;rcr Hi- v  pp.-~r; succeed at i.1- 10.. momon;. Hca-. wo   me:. we are  to ; t!iat they have .cc! v..i! utilization of all l-.i-.r rr.:   -r:al and resources-^ "L:;:e or not.  h^.ve solved. for :i ::n:f at Irn.s1.. the problem ot :*i--r'. and : cr.pir.al. -r.ii: ~-        -  Ihrm h: i:*;:-.- :.eck:ns n?-::; of -n :i:~l   tov Ji'-r ind. :if rhi%  time, re::..n:i  f!iin nur American way v. our bill of . '.ii- rhi-      .is of what is. ::-":r. pom: of view, civilization   l  ITES LINCOLN Til- Pr.\-.;ci-:it :u.ide it clear that i.iv ir; Hi.- ..chool thought i:i \v..;::~l have 'he United :i;-. w)-        -: country i: :.\Ki -.i a '~O--doUar na:;"ti n.  deferred i...i:ii'.- :-i4 ni the l-vi.-ral . I "ii :^ ins . the r---...ie:v. qu i'i-d :i portion ot r':-:rfi-:* 7 M*i.^ip.'~ message to ~~:r,r on 'in-'''. ~"Tii pr:v.!tion --vill 'nobly save  i Mn-anly i'l-e Ihe      best hope ..i irth T:w way is plain, "i     '""iis. just. :i way which ii :'      - ri 'no world will forever ...d .ind C^kI must forever )a Ss' A:r--:.u :h' in the packed Knn-- .iK-r :ii the time the Pti :i--nr-. i:i*:oru- address was df^ ir'-tl wi-iv diplomatic ". rs - na..s. .^ Mi-- J.'p:   -sf. Ambassador. X H'v.":n iiic!i'. and Dr. Hans Tl'.orn.rn. itw- G"Ttnmi charge    :iCi"~'~'i x s;nd that Prewdcnt iU^i.-~".~-ii ' not - ;i single time durine the .. deliverance uf iiU r.~.-.-~sat;e. Indicatiru; an I   ole:. I</t>
  </si>
  <si>
    <t>                                           WASHINGTON, D. C.--(SNS)-- President Roosevelt told the nation's Congress and the entire world Wednesday that Knee is not "assured" and that the United State is threatened by "storms from abroad", as he lashed out vigorously at the dictatorships of...</t>
  </si>
  <si>
    <t>                                           ~-7 Try I., LUCK7   *" T i-m4      .n. -v .s c u..     ;ia.     . Cllr. Mo.</t>
  </si>
  <si>
    <t>                                           VILLA RICA, Ga.--A splendid literary program was rendered at Mt. Prospect Baptist church by the ... Sunday at three o'clock. Rev. and Mrs. J. H. Dorrey entertained the Parsonage Club at their home Tuesday night. Several members were present. Mr. and...</t>
  </si>
  <si>
    <t>                                           I Every woman w.nnis 10 make her hair Black and White Hair Dressing -will more attractive wants to give it a nivc your  an appealing fragrance, sparkling appearance so that ii will be a enhance its appearance and help make it    crown of beauty" for what- a  "'charm asset". Two kinds: ever costume she wears. White. 50c: Amber, only 25c. Trial If you want to make it easier to ar- size- Amber. 10c. Sold by all dealers. range vour  in many of the smart n, c,. Lnv W.ick .ir.J \\.hiw Skm Soap aj i shampoo in con1 Styles tn.lt are definitely in this SCa- motion     Mogro. Blatk ind White Hair Dronng and son. use Black and White Hair Dress- .Wjck      u h;lc G'~~~'"~- ~'~k and      SkimSoap up*r-    ! .iad soothing  to uk 1 arse ing according to directions on package. iUr. :^c. Trial  ic. lOc. Sold by        . Black ond White Hair Dressing Black and White Pomade Dressing Give Your Hair Lustre Sheen !,i;':::,;~-l\v.:,Ky?o:.Ii:i;r ot- ^^n Mr. s:rP:'^'  (iKi I I.,-,'.- Amln ZDC T"j1 mc- lOc-  r   u   ooth.  myI ioc. '.^    25c. ro r~?h:h-i/^r,:r.37?~.</t>
  </si>
  <si>
    <t>                                           Si Atlanta c^^^^^World edition jag^^."^,^ The Nation's Only Colored Daily Newspaper W5 VOLUME n. NUMBER 236  r.EnRfiii"           .ddh h. io-~o Price Five Cents</t>
  </si>
  <si>
    <t>                                           Organized last year in celebration of the silver Anniversary of the Southern Inter-collegiate Athletic Conference, the second annual conference track and field meet will hold sway this coming Saturday afternoon, May 20. at 2:00 p.m. on the Atlanta University Athletic...</t>
  </si>
  <si>
    <t>                                           Rose Bud Saving members met with Mrs. Pitts, 457 Johns Street. The next meeting will be held with Mrs. Shye on Lambert Street. Mrs. Ora Pitts, president. Mrs.--C. M. Edwards reporter.</t>
  </si>
  <si>
    <t>                                           I DO YOU WANT 1 *tti m Mr. tmii-iii I M. WILLIAMS. .G JOURNAL SQUARE 91W. i JERSEY CITY. M. X I</t>
  </si>
  <si>
    <t>                                           BLOODSTONE or Aquamarine :Tlw Birthstoaci for MARCH! Get Yam At Jas. L. Holloway JEWELER 172 Auburn Ave.. N. E. WA. 2772</t>
  </si>
  <si>
    <t>                                           oi R ;ary f3K HOME AT YOUR MR DISPOSAL RSI We shall be pleased ftu\ to open our mortu[     ary home and all of UmI the facilities of our  establishment t Unl you. We have am^2   pie accommodations  MM] for the services. No  extra charges are EuEh made for these         .       All tl C friz-acy nf  t3/Sj\ hn:nr; all the con[Slj  of a thorough</t>
  </si>
  <si>
    <t>                                           IT WAS EVIDENT at a glance to all who perceived that 1939 Xavier University basketball squad that those youngsters didn't just happened upon the scene at the Gold Rush stronghold. That they were handpicked was obvious.</t>
  </si>
  <si>
    <t>                                           Headache, Bad-Breath Tell of More to Come                 Just an Paul Reverc's famous ride warned of the Redcoats* . so Nature's messengers headaches, biliousness, bad breath -often warn of faulty elimination. Neglecting these signs may cause a host of constipation s discomforts: sour stomach, belching; no appetite or energy: mental                 ness. It's so easy to wake up your lazy insides. Just Ukc spicy, ull vegetable BLACK-DRAUGHT. Its un. usual help  from its principal ingredient an intestinal tonic-laxative which imparts tone to lazy bowel muscles. Millions of packages used testify to BLACK-DRAUGHT S merit 1 Try it.</t>
  </si>
  <si>
    <t>                                           A Credit To Alabama                 DR. GEORGE W. CARVER -who was honored last week when his p. and sketches of his work were placed alone side other oat. standing contributions of Alabama In the Loveman. Joseph  fc Loeb Department Store windows. Just above Jtis picture lit  too words "A Credit to A'abaraa". Dr. Carver is Uie only Individual to receive an entire window in the unusual display. Blrminchamians verc moved to treat appreciation by the fine store window display. J</t>
  </si>
  <si>
    <t>                                           In Perton! On the Stage! SHIRLEY ROSS Screen mid Radio's Sinjcintr Star       _THE JONES FAMILY in "EVERYBODY S BABY" fc:m -7 ni -. Jl. .^~~~.aJ    A 'V V Admit. ion K U A. X AIw,,, 1Sc In Person! Atlanta's Own DIXIE DUNBAR  "BOY SLAVES"</t>
  </si>
  <si>
    <t>                                           j^ReadYouv MB Bible The Lord told Cornelia* (Acta 1C:4j that his prayers had been beard and promised him a           answer. Now. Cornelias  u net  vcn a church member and     not , for  for . but for his household. A recent  bat Woodless  accident  thn* Criends oC nine, whoa I ~*vlA  to lose, sad only    * Ik responsible for Ibrlr bains aUm today. Anyooe who u the  m* of the, ear Blettired ta a     lane of the. AtlaaU Daily       win bear roe oat. The Blbk says. -The  effectual prayers of thm     onek." The only  I caa  to  tor nty friends oat to. inc WBed or   that  of MOe      *n tar their mat    nM much to this , aa4 III to* It go at that. I mate im WimMM to Xm  af thoa*</t>
  </si>
  <si>
    <t>                                           White Planter Out On $3000 Bail In Slaying                 ~;KKE.. Ct.- (SNS)- Bail of 53,000 was  John Wallace, white planter and dairyman Saturday, in tin- fatal shuttling of 27--old Willie Reeves. The Im)ikI was  by Judge Lee B. Wyatt, of Laj'ranjrc    ;!~t remembered as the jurist, who seven years  nro  the IS to 20 year sentence on Angelo Herndon.                 UUuita. communist loader. Wallao- iim! boon held in jui; hiTc Mi-.cr Justice the Peace C I C. Tmninicll tad held a commit-                 I :u'-:i: hearing last Thursday. Ht i w;i: denied bond at that time. pending action of the grand Jury. *hich convenes in August. The . the prosecution I charges, was the result of  dew) num s attempt to persuade several !:        to leave Wallace's plant*. t ion. Krwcs: tt was . hoi ben t- tn keep a unit  Rom I Wallace'* (arm after he  talked I iiw workers, lest Ik be Uk victim j ol foul play. I Simduy ni$ht. March 13. vbea Rf.'VK. '.vas killed, . mM tu r.-jr \\g to drive two colored 4irls  at Wulluce's  tu another place. i The  stated Utul            lie  In scU-.  Rce\-es           ;o -jerk I  n-.ic lib car and had hit him over the head two or three times.'                 Turner's Condition Given As Improved Pvy TuriiT.       !i avenue bar- Ur. ~~*~}~~ iv.ii         last Monday :i;; nli ii  Iron: :t  -'orv Aiiiiiuv. ill Hie Odd i .W:.   ::li!!i!': ;in:.f.s. w;i, re. i        )ro\-.-ir s$7   i! C:            )ii:  . Tiirmv .NUltrnd  Iraoliirc or tlw let". Vnt ;.sul    ";iii i::\, in ihv t;ilt. I HELL - Th..  of Lai-kill Vrlt. in- i cul  carrier, who ~:   struck j bv :m automobile ten      ago was ll.-tcd sis "critical" Saturday night at thc city hospital. Bt-11 uus struck while crossing As4iby .street  Fair Mruet, it K:   rt . II.VII M GALLONS     colored men who  when  put in their  -.ee on Yonge Street between Oartrell nnd Decatur  were j being sought Saturday. The officers wonted to know where the men goC the SO  of  I whiskey left behind In their            automobile.</t>
  </si>
  <si>
    <t>                                           Money When MONEY Is Needed Quick. Projnpt, Court-    Service      SigoAloro Coed WALTERS FINANCE COMPANY  AT FIVE POINTS 3M Edgewood Ave. OPEN UNTIL 7 O CLOCK SATURDAY NIGHT</t>
  </si>
  <si>
    <t>                                           DETROIT, (ANP)--Defending segregation as practiced in the dimag, hail of Emanuel Missionary college, Berrien Spring, H. J. Rlosster, president of that well-known denominational School, last week disclosed the origin of his policy, involving T. H. Allison...</t>
  </si>
  <si>
    <t>                                           Presidential Possibility Signs Lincoln U. Bill Despite Protest                 Governor Stark Would Not Comply With Race Requests                 JEI- CITV.                 ANP'                 Completely diM-; pica:, Negro 3        the slate that he veto the measure. Gov. Lloyd Stark Missouri. Democratic presidential  m 1940. Thursday signed the Taylor bill for expansion of Lincoln university in line with the                 court decision in the j Caines case. I "Schools fur education and  in law. medicine, - try. architecture, engineering and other professions should be cs-  Immediately oy the new I board of curators of Lincoln university at St. Louis. Kansas City. Jefferson City or elsewhere in the state when needed." Cov. Starks i  uid ia signing Uie bill. "Xliv                 Guines decision must bo compiled with by this state wiU: :i  spirit of . in  out the law of the     mi-  by that      .il ." Nckto leaders opposed the Taylor bill :~t public hearings  m  or conferences with . bmr.dlnR it a "^c" and demanding  to the slate university. Tlicy contended, thai it v. ix  to i.:   ;s Uuwln ...u a pur  MLj-                 .~O!in 17-  .siH- num^ millions of  ana bankrupting tlic .</t>
  </si>
  <si>
    <t>                                           Completely disregarding pleas of Negro ... throughout the state that he veto the measure. Gov. Lloyd Stark of Missouri. Democratic presidential possibility in 1940. Thursday signed the Taylor bill for expansion of Lincoln university in line with the...</t>
  </si>
  <si>
    <t>                                           ATLANTANS made a great showing in the thirteenth annual running of the Tuskegee Relays. In the college section, Joe Allen, Madison Lee, Ulysses Amos, and George (Bubber) Mitchell ran to victory for Morehouse in the classic one mile relay, but the feat later was disallowed. Earlier, Mitchell won the 400 meter hurdles in 56.6 seconds. John D. Lewis figured in a three-way tie at 11 feet, 6 inches for first place in the pole vault with John Holmes...</t>
  </si>
  <si>
    <t>                                           MEMBERS OF BIRMINGHAM, ALABAMA BOYS' CLUB ROYALLY FETED                 iin: *ii\t^ii v*i. AIj                 I u.- i;..- hi'/ ii.l.1 ...i { l.,i .1... l.~ ii I.* 1.1    * .*.,i,., :.,.u .,i u.. ...w'.. I.-/.: i j.i. i n-r.i it., t i It.* V...1 '.Kr.l ..I K.,.Ji.c rtr,,l   ,.v,,Ktl I., u...1 1.' ..f-.; :iti. ...~r ii.it.. iti.-t II. r n..U;. ..I 1 ,-  . r...~- t tut* in- .r*-i. j. (r.~ itli,r I., ll.c I.. i.. 4,1 .i fti.i.r- .I....... till. ^11 tt.r ,1. r   ..t                 lit*- ;*.   , n'-l'.lii,- a -i.i't. t lf f-0.. I fn iii'.fli          * ..ii ..i i...... ,,i i,.,. i. ,i,".J .1 n.ll. Jl .,v...r .I..!!...;- ii, ,.i ii,, ,.luS. ...i.i .,,..1 .,,.i,i..,.u it  i,~ lite- I*    I '1 I *,tr"r* .1 II. r I I,. I. ,,,  , ,1..,.^~,. ...J.-, ..I 11.. .,l,'  r</t>
  </si>
  <si>
    <t>                                           Newspaper Week Speaker Announced I                 E.-T/. Hercules, feature writer tor the Oalvin news service nnd Morris Brown press agent, is scheduled to speak today at Morehouse collect on tho occasion of "Bigger and Better Newspaper Week". He will discuss "the Negro In Journalism at Borne and Abroad." Sponsored by Delta Phi Intercollegiate Journalistic Society, the campaign sot underway Monday and will last through Sunday.                 LOUIS-GALENTO FI6HT IN THE BAG MIAMI BEACH. FU-~ (SNS)- Tho.o in tl, know eame          with the information that Champion Joe Loais  nd Tony Calento bare all but pot tbeir  on *fce dotted tine for tie anticipated             battle in Jnne. Promoter Mike Jacob* U  to make the announcement official           moraine.' Place of tko  is ret to be elected.</t>
  </si>
  <si>
    <t>                                           Week-End Burglar H as Appetite For Ducks, Records Reveal                 Woman Arrested in Connection With Thief Claims She Bought Them From Youth Whose Name She Doesn't Know                 A r:i:r-: \vi:h :tn :ip;xrt.it'' :ur ducks     Xi to - :on; i : n Mire    1 Saturday nir.ht or early Sunday  and stole   va!- ucd at SS from Mrs. Sudie Grish.im. I of 563 Humphries street.                 IiivcstiKatinB officer arrested a '~"ran who i-ave her name as Miss Beatrice Jenks of 580 Humphries street in connection with the    :r ns-r after it wa-   .she was in possession of .some ducks. The  stated that she h.-.d Purchased them from a \      whoso iiam*1 she rl:d not know. Caught inside the Green Tap- room at 23 Exchange Piace. a 13- i year old boy listed r.s Willie 2.-~ch- r.v of S83  street. u-.u; I  m the )  heme or. suspicion of . Tile   stated that oe iud been detailed io  the i p:acc because of n        so often previously and I that while on duty he  I  come in tin- place with a i  ;.;;d started -r(::K with I ft pu-.ball . Zachrj-                  (::j; he rr.. the place       \ While li,. was  a sack cf wc.-ti nu Golden street. Mclvm Mostly of 576 Whitehall Terrace reported to police Sunday that someone !i;~d stolon his bicycle  at ST.50. Harry Williams of 1136 Fcirtrcss Aver.ue reported to police Sunday j that  had entered his car which \v:is parked in front of 471 Bead Mmi r.nd stole .1 "itit of tools  :tl- S25. BurRl.irs believed to have been locked ir. ar .j: time are re- f  to i::'V.. looted the Arcade Cafr a' 272 Auburn Avenue of (~l-.cwi:ii: i-uai and ~:-Raretttfs valued i at S3 a::ri S3 in cash. Tliicves are        *d to havo !  ntr.i::cv to the Acey Cafe at S.iU Irr:;e Mreei o;xrated by Ru- fus Arev by !i tr a class in a j roar  :md          an un- j :!ed amoun: of cash, ac- '.:.t to Sunday's police records. Fra:.:-: Ar. -t' 84 Lucy street  ]^      Sundav that someone I 1 ad i'-'.iwS lii.- residence and stole $1 70 1:1  and tno sliced hams valued    $S.</t>
  </si>
  <si>
    <t>                                           A thief with an appetite for ducks is reported to have torn through a wire feace either late Saturday night or early Sunday morning and stole five ducks valued at, $5 from Mrs. Sudie Grisham, of 565 Humphries street.</t>
  </si>
  <si>
    <t>                                           PwvERSAWAMyTHIHGK^J ^Jf i Butt LUSTER-FOAM H_ ,eJS ^TO      TEETH J8 "7^N M Amazing NEW "Babble Bath" j rids teeth of ugly, doll film I     )ron*t Incredible            Tooth Pasu:.:             Haemal. mavis twin glisten and . i ThcliMM:3           *o^za . It  into a foam of tiny, active bubbles, vhich set8 at  and decay         : amn that even waur may not . And xs it     over           and into  , yoor "whole        ^ your I vecta ukc on new polish and hater.                     2~.ButTourbm i buy uc the Ms tube  mom 1 than y pound or this .  .-r.i i . At all drug  Lambert Poansacal Co.. SL Louil. Mo. I  hi NEW     0    TOOTH PASTE:</t>
  </si>
  <si>
    <t>                                           HOT TIME In The Old Town SATURDAY N I T E 8 to 12 P. M. JITTERBUG CONTEST FOUR HOURS OF FAST FUN ATLANTA THEATRE Across from Hurt Bldg. 500 Seats for Colored ADMISSION 25c MADAM MINGY Atlanta's Greatest Palmist DO YOU NEED HELP? Nerer fail* to point tho way to success. Causo speedy * with on* of WErW^k Tour choice;  unites tho ^~(   ed. locate, absent IlSRC3 friends, gives you  .TO lock to attain your         *. Tells you who your enemies are and how to OTercome them. Answers all questions of life,     , marriage and lawsuits. TELLS LUCKY and UNLUCKY DAYS. SatJ. guaranteed1. $2 reading. 50c 9 till 9 daily and       - Take Federal Prison car to and of tine. Look for Neon Palmist Sirn. 638 McDonoogh BItJ.</t>
  </si>
  <si>
    <t>                                           Bailey Theatres 81- i TUE 8 J BUCKAROO" wiO. i ALL COLORED CAST I Abo Comedy *nd I "Dick Tracy Return*" i ROYAL I ~-JOAN CRAWFORD" I in "Ice Follies *f 1939" j      "Scout* to the Rckm" ASHBY MICKEY ROONEY Sp*!~ccr Tracy in -BOYS TOWN"  Un 'ScovU to the Rocuv' I</t>
  </si>
  <si>
    <t>                                           CHcotup.ei6 8oy.OoMr Be Sick AUCA-SEUttR Does the T(?(CK Why don't you -Sellzer for the relief of HANGOVER Stomach Gas, Headache, Acid Stomach, Colds, Neuralgia, UuscqIot, BJbe^EBatic Sciatic Pains? AT.TTA Sf3.TJ.VM makes a pleasant, sparkling drink. Containing, an analgesic (), it first relieves     pain of every-day ailments,  by helping to restore the alka18"~ balance, tends to   cause when doc- to    *^^* W^il^^^ff aoda fountain, Fg^fl * ta*</t>
  </si>
  <si>
    <t>                                           LINCOLN</t>
  </si>
  <si>
    <t>                                           Most of the stars which will represent the United States in the 1940 Olympics in Finland have already been decided upon by the National Amateur Athletic Union. All told, 83 athletes have been selected tentatively. When the final list is drawn up in February, 1940, it is almost certain that the entire list of...</t>
  </si>
  <si>
    <t>                                           Ga. Interracial Group Considers Gaines Decision                 Members of the Georgia Committee of the Commission on Interracial Cooperation discussed ways and means by which the state might meet the recent decision of the United States Supreme Court in the Gaijies (Missouri education) case in an Atlanta meeting Monday. The meeting was called by the committee chairman, the Rev. R. L. Russell, white, of Gainesville, and Mrs.' Jesse Ames, secretary of the Interracial Commission.                 A committee was appointed to oring in recommendations as to how uic decision that states must furnish equal education for all within their borders will apply to Georgia. The committee was empowered tu enlarge itself and    solicit opinions and suggestions of i the public. It consists of the lot- lowing: Judge OvIIIe Park, white of Macon: tile Rev. Lester Rumble, white, i.r Atlanta: Dr. J. C. Ward. law. white     the stale educational department. Atlanta: the Rev. R. E. Russell, white, of Gainesville: President M. S. Oavage. of Clai* j University of Atlanta; Colonel A. T. Wnlden of Atlanta and Prof.                 I Aaron Brown of Fort Valley Nor- mal and Industrial School. Fort Valley. The committee meeting; featured discussion of the educational issues oy those present. Amons other entered persons j present braid'.- those mentioned :  H: Fegcr. Atlanta; C. A. Sc.,tl. Atlanta: Prof. C. V. . Brunswick; Mrs. A. S. Chtrk. Cordcle: Dr. W. F. Boddle. Forsytli; Miss Camilla Weems. Sa- : Pi- W. A. Fountain, j Monte Brown Collesc. Atlanta: j j President W. M. Hubbard. Forsyth;  Edwards. Forsyth. and the' Rev. James Gadson. Macon.</t>
  </si>
  <si>
    <t>                                           Members of the Georgia Committee of the Commission on Interracial Cooperation discussed ways and means by which the state might meet the recent decision of the United States Supreme Court in the Gaines (Missouri education) case in an Atlanta meeting Monday. The meeting was called by the committee chairman, the Rev. R. L. Russell, white, of Gainesville, and Mrs. Jesse Ames, secretary of the Interracial Commission.</t>
  </si>
  <si>
    <t>                                           JOSHUA JONES                 By L T. RaynoMs                 Brother BeO             make a ," .bat     -- 3? omi    -y</t>
  </si>
  <si>
    <t>                                           Just Inches Away From Eternity                 Knvrri::;;         * brink nf a      ;jo r.u feet  :t Bf'.ton. AfjiRS.. direct is this auto *.vhich ski l N*cI on ice and smashed thro'.i^n a stone and steel raiL  Campbrll. *J5, the driver, escaped with .slight injures.</t>
  </si>
  <si>
    <t>                                           TUCKER GETS 4-10 YEARS IN KILLING ATTRACTIVE WIFE                 Tucker Is Convicted In Crime                 Jury Returns Manslaughter Guilty Verdict                 ComirWt! m :t Pulton County superior t-Mu:iii;il court hr:U:iy  c:: :i ::i;ttis!.iin:l:trr cluing*, til;:;      -r ;v:i:. :*'tiU-:: t.j ~/ri.son lor u p*'ri.oa f.i lour-ro-u-ii ~~-ars. The dc: wu:.           !iLs  tiv*'  l;t;it April in thr ':. tm:ir:iTs located or.                 the Stroihcr C. Hi1 1 1:11; property ;at 14 PalLsut!^ rmd. NW. 1 Petition for a iww ln;.l ms  I by Tuckers It^ul   -prt*M:ni:. I (Continued on      " 6 1 col. 5) I                 Tucker Is iCc=tiss*S ft-T Tzge i)       LASTS C.Vt            early '.-^ ir.orn*  me  Iksum  the day with the Jury getting Its final instructions late  afternoon. After reaching a verdict late Thursday night. tV decision was "ordered held until Friday  Judge John Humphries presided at the trial .-uid Ar-Xstunt Solicitor Qulncy Arnold prosecuted. i Mrs. Alma. Tucker, wife or the defendant, was killed almost In- I stantly by a bullet that entered I her mouth and took a downward course. There were no witnesses to the shooting except Olln Tucker. CLAIMED SELF DEFENSE Mr. Tucker  self-defense, declaring that the pistol fired while he and his wife tussled with the weapon. He admitted that there had been an argument prior to the shooting. In which he slapped his wife and she hurled an ash tray at him. Tucker said his wife took the pistol from a drawer after throwIng and breaking the ash tray j against a piece of furniture. He insisted he was attempting to take ihe weapon  his wife  she was shot. SPAULDlNG EMPLOYE Mr. Tucker, a former employe or the late Colonel Jack Spauldlng. received several thousand dollars recently from the latter s estate. At the time of the slaying, he and his wife were living in the servant s quarters on the. Fleming place where his wife had been employed several years. The defendant had worked there about a week as oddJob man. Mr. Fleming said. Tucker said he and his wife started an argument when she came home In a drunken condition on the night of the fatal shooting. He admitted he l*~d been drinking beer. CLAIMS AID TO WIFE I The convicts nun told the court he did all he could to save his wife j after .shooting her. He said he ran to the Fleming home and told them he had killed his wife, and niter returning to the servant s quarters, went back to the Placing residence and asked Mr. Fleming to call an ambulance and doctor because Mrs. { Tucker was still breathing. j A white ballistic export told the court he believed it impossible for the woman to have .'hot  under conditions described by Mr. Tuckor.</t>
  </si>
  <si>
    <t>                                           Convicted in a Fulton County superior criminal court Friday morning on a manslaughter charge. Olin Tucker was sentenced to prison for a period of four-to-ten years. The defendant was found guilty of killing his attractive wile last April in the servant's quarters located on...</t>
  </si>
  <si>
    <t>                                           I BdpThaTcteBuwtheBIood I of Harmful Body Waxtfr 1  i.. r</t>
  </si>
  <si>
    <t>                                           Rev. Paul Fountain, a young minister, has passed into the Great Beyond. "Paul," as he was familiarly called, came from an illustrious family. A large number of "boys" who have made marks in their various undertakings of life.</t>
  </si>
  <si>
    <t>                                           ANOTHER ARMISTICE WANTED IN EUROPE</t>
  </si>
  <si>
    <t>                                           1 "Wings Of Song" To Climax MBC's j Founder's Day                 The Alumni Assoejtst**! of Morris Brown CoUf;-.1 present :lv Department Muiic ir. 'Wjnss u( Stubs', a JiusH.al . on March a. as a srs::d -- ui tli,. i::.-.ti:.-i       .er'.s Ooy cxi*  ;ibi'.~. 'I'h^ :i!!;tir i.~ l for Bis Bethel A.M.E. . ; at S-Su p.m. The inu^k ul  ;nv:      to cxc-1 all utl:or .such presentations in tli..- history of thu collect-*, according ty official*. "\Viiij;s wf Souk" will wind it.s flight from thr :._~ folk        !~-s. l,a,;!:il :,v.a .iri*, tu Uie  music of days 01 war. a wide scope or classic.-, ati l  n to Karl Starling's *'^:i i^cN'-.-." . around WaencrV fell knotty . Tannhauscr. Week.-, of training haw bci-ti put into  prp-si- and every organization of the music department is . The Kvneral public is invited to witness the spectacle. JAPANESE STUDENT TO SPEAK AT GAMMON KiycUn Tnnimcio. JapOQcsc Muatnt at Emeroy Univcriity, - r.ptak lor the International TUUxtc.-.i Club of Gar.'.mon Theoloiic.il Seminary at 6:33  this  Taniaicto will  on the situation in tin- Orient. The meetIng Is scheduled for Ganunon Chasct.</t>
  </si>
  <si>
    <t>                                           NEWS OF TH E</t>
  </si>
  <si>
    <t>                                           David T.Howard In Baccalaureate At Wheat St. Sunday                 The David T. Howard Evening School will have its    ;cal2 services at Wheat Street Baptist Cnurch Sunday morning at Uielcven o clock hour alon^ with the  Mother's Day service.     pastor.     Rev. Wiiiiam Holmes .Borders. via dis:uss Civ subject. "Discovering CKd*. The  People's Choir or eighty voices will rentier appropriate music for Uie . Read Your jfi^ Bible jBmj: By W. Campbefli HSf   but win sire unio  handmaid 3 man . I will live him. Knto Ihr Lord all tlie days ^f h^ life." I Satnurl 1:11. I wonder if Hannah could, fn thU day or pw\'      wirk. . take 00 such an. order and keep her promise to God.    she did In. her day. Motherbood is still sacred-  s sacred as. It was in SamneTfc day; ard Uwre arc just as many cor.d  in this  axe as there were Own. X carry the torch, high for food mothers because I know so many of them aid so few bad" or poor ones. -It Is a dirty bird that will foul its own nest." So It is a bad mother who win throw temptation la her offspring s</t>
  </si>
  <si>
    <t>                                           In The Screen Spotlight                 JESSE JAMES Tyrone Power Iiu* the Iodine  in the j exciting picture    - llin*~- day run .-.t Bailey**       Theatre today. Henry Fonda, Nancy Carrol and Riindolph Scott  have )      .                 I ST. LOUIS -Maxinc Sullivan put* thin film opening a Cferce-dAy run At Bailey' t theatre tod.iy on "your must see list". Lloyd Nolan and Dorotlty Lam our Irnd olor -md romance.</t>
  </si>
  <si>
    <t>                                           NEW FORK--One of the most talked-about legitimate plays on Broadway is the "Little Foxes." starring Tallulah Bankhead and finding place among the stellar cast for Abigail "Abbie" Mitchell and Johen Marion, both famed Negro troupers.</t>
  </si>
  <si>
    <t>                                           Regular services will be held at the Antioch AME Church. Decatur, Sunday beginning at the Sunday School, The pastor.. Rev. A. A. Hightower, will fill the pulpit at the 11 o'clock services and during the morning message. League at 6. At 7:30. Dr. Charles Leander Hill...</t>
  </si>
  <si>
    <t>                                           NEWS OF TH E THEATRES</t>
  </si>
  <si>
    <t>                                           F.D.R. To Deliver Annual Message Today                 President Roosevelt Will Address Both Branches Of Congress i                 Dies Committee       Attack At Secretary of Labor; Would Impeach Lady Cabinet Member                 .OiV.- (SNS)- Both branches of the 76th Congress will - President Uoosevclt deliver his annual  this morning, setting the tenor of what is predicted to become one of the most turbulent legislative sessions ;n history.                 Tuesday saw Hie  of the Ssnate and the House and the assertion by strengthened Republicuns that they will form coalition with anti-New Deal Democrats in opposition to further huge spending and                  From the time the Congress convened In the historic  build- I lne-ln u spirit, of back-slapping Jovially, tolerance and good will, there, was launched a feeling that discord  soon pervade the  atmosphere. The Dies committee investigating ..un-American activities threw I the first blast at Secretary of Labor Perkins, charging that, her department s laxity toward alien  3itors has fostered spread of Comlr. and other forms of-un- Americanism. The committee seeks more- money to perpetuate its activity. In several quarters i', was indicated a move .v.ill.bi;  to impeach the  labor "'. A proposal to "scrap" the crop control system wns made early by Senator "Cotton Ed" Smith; who  withstood the "puree" attack or President Ilaosrv.-u.. S)!  Is .-in or the senato agriculture committee.                 The problem of national   Icok Us  from position  is Chairman Pittinan, Democint. Nevada, said he favored 'ostracism" of Japan tmd announced that his committee would review nil statutes relating to foreign . A special  0:1  d" tense will be sent next week to Congress by 1- Roosevelt, he indicated Tuesday. He Is also  to touch upon die yir.vc subject in his annual .go . Tliruc -v. idc           will carry his message about 12 o clock  (Atlanta time.) Althciusli it is expected that confirmation of Karry Hppktas en, '1 of  aOT^Jrme? Governor Murphy as attorney  will be made, the report on WPA alleged eaii\pait;n ; nini ihn political life record of the two will come under severe scrutiny or both congressional bodies  committees.</t>
  </si>
  <si>
    <t>                                           WASHINGTON--(SNS)-Both brunches of the 76th Congress will hear President Roosevelt deliver his annual address this morning, setting the tenor of what is predicted to become one of the most turbulent legislative sessions in history.</t>
  </si>
  <si>
    <t>                                           COLA DRINK, p fcj REFRESHING STIMULAnNGiW</t>
  </si>
  <si>
    <t>                                           Funeral Notices                 CARTTER. (Mrs. Maty (Lowe)- Friends and relatives of Mr. and Mrs. Arthur Jackson and  arc invited tu attend the funeral or Mrs. Mary        Carter  at 8 o clock from Bethlehem Baptist church. Ilev. W. M. Jackson, officiating- Interment       . Ca.. KriUay. Pollard Funeral Home. HEARD, Mt.          away March I. Funrro)  Inter. Murdaugh Bros.</t>
  </si>
  <si>
    <t>                                           Atlanta         )rld Pobliihed DAILY and SUNDAY at 210 Auburn Avenuo. By ATLANTA DAILY WORLD PUBLISHING CO. Telephones: WAlnut 1*59-1460 Member at SCOTT NEWSPAPER SYNDICATE BrtiMWwd Auc. S, 1928; Became Dally March IS. IBM i W. A. Scott. II. Founder and Publisher. Auc 3. 1928 to Feb. 7, ISM C A. SCOTT General Manager CUFt" A1 Managing Editor I LUCIUS L. JONES Associate and Sports Editor i DAILY:- I Year. J8.Z5: 8      $4.75; J Me*.  t50: 1 Mo, 00c 8 ONLY:- 1 Year J3XK): Mob, $2.00; 3 Uet, $Ui Canada: 1 Year. t4J0; 6 Moa.  2.75; Foreign: 1 Year. JS.50 Entered fa the Post Office at Atlanta. Gil, aj -         undo tte Act ot Congress. March 8. 187  I Nattonal Advertising Representative: W. B. ZOT CO. i W S. Dearborn St, Chicago, m, and 381 4th Ave., New Yorfc, If. Tt. Tbe ATLANTA DAILY WORLD is an Independent newspaper-uon5^J?  wt non-. printing news  and                ^SBgs?   .'2i assess i</t>
  </si>
  <si>
    <t>                                           Jury Verdict In Gunnell Case Today                 Leo Giuinell. of "42 Pyjuil Street WE was tried Tu^iday ma Ful'on Superior court lor Mie fatal stabbing curly this  af James Floumoy. 26, of an unknown .                 After  tile jury tnr the       2 tim*. tin- pr^ * .-fd court until 9  t this . tlu-.      an    ^n verdict.  VERDICT TODAY Tho jury s  ^m tie read  morning Stabbrd in thu   ^t. Plournoy's (Continued on page 6: col. 3)                 Jury Verdict (Continued iram Pace Oml body \hu found by the side of  Belt-line Railroad ?iear Virginia avenue. Our.nell and defense  testified that Flournoy liad threatened Ounnell with a gun several ) prior to the fatal stabbing. ARGUMENT OVER TOBACCO Flournoy told thu court that he jud the deceased met again on the railroad and  in an  when Flournoy refused to return a sack of ranking tobacco. The defendant uld lie reaches for his knife when Flournoy made a play tor his back pocket. W. J. Helton represented^ the defendant and Assistant SoUcltor Andrewj prosecuted, i</t>
  </si>
  <si>
    <t>                                           Leo Gunnell, of 742 Pyrant Street N.E. was tried Tuesday in a Fulton Superior court for the fatal stabbing early this month of James Flournoy, 26, of an unknown address.</t>
  </si>
  <si>
    <t>                                           WHAT WILL THE HARVEST BE?</t>
  </si>
  <si>
    <t>                                           j We wish for our PATRONS FRIENDS A HAPPY j PROSPEROUS NEW YEAR! j j Pilgrim Health 8 Life Ins. Co. j I 250 Auburn Avenuo i</t>
  </si>
  <si>
    <t>                                           A CERTAIN Atlantan, a man who has been sucker enough to spend $1,000 for a bus that can be used only seven months of the year, who has spent $500 for a name that was a memory just a few years ago: a man who has spent $50 for an American League franchise and hundreds of dollars for uniforms and bats and balls and "no account" players; a man who has wasted at least $100 in train fares for ball players from hither and yon .. wanted a man do...</t>
  </si>
  <si>
    <t>                                           C. M. S.--Would it be best for me to make the change I have in mind or wait later? ... there a chance for an improved job in the near future?</t>
  </si>
  <si>
    <t>                                           GREEN STREET CLUB of Wheat Street Baptist church is sponsoring an Electrical Wedding Wedding presented by the 20th Century Saving Club Thursday, April 27th at 8 o'clock. Come out and have plenty of fun. Mrs. Mattie Freeman, president...</t>
  </si>
  <si>
    <t>                                           Sins Gospel Song* I'll T.H It Wfa.rmr 1 C.lOr Preeiou. Lard.      Mr Hand How Abo.t YotiT      Orders To THOMAS A. DORSET 765 Oakwood Blvd.. Dent 0 Chicago. 111. SPANISH LOVE DROPS \m  *  x. ~*r*. Chum iIh-        : Flm f     !       to, unlit..     t^ ha          Hltfa ^Tfvy . Wadl Nil Perfumes ^MimiiTPK DENTIST y 68 fit-M: 2nd (Iso'rVat Aabara  prs THE WIN-NIK, ia town  J. town- In blind,         6ed Tuts Tnaof Indiag coU . Try       Crown radar-  arc rou U like i( better. And tou get two full  ia every bottle 6- carton, 2Sd 218 Whitehall Ja. UU</t>
  </si>
  <si>
    <t>                                           Al Simmons Kayoed by Baseball                 AI Simmons, veteran Boston Bees outfielder, receives first aid from a             being rushed to a. Brooklyn hospital for          . following his being  by a ball  by Pilchtr Van tangle Mungo ol BrooklyiL                 International Illustrated News Pbor.ephoto</t>
  </si>
  <si>
    <t>                                           DEATHS                 Ijzae Cook. 64. 981 Martin Street. Frank Jenkins. 30. 591 Larkln. James Head. T l-S 593 Dcldrldgc. JohnftTC Hunter. 34. Indianapolis.' Indiana. Andrcn- Austin. 76. S3S Stonewall. Calvin Presley. 41. 179 Randolph. Richard Harris. 41. 133 Lore St.. JLE. Charlie Porter. 43. 772 Old Wheat Street. Ccphalis Wntkins. 21. 30 Daniel Street. Willie Wills. 44. 381 Houston.</t>
  </si>
  <si>
    <t>                                           ATLANTA has heard nothing like the red-hot, lightning-fast swing, rhythms to be heard here Tuesday night, May 16, at the city auditorium when it hears the sensational Count Basic and his world-famous orchestra, who defeated the touted Benay Goodman...</t>
  </si>
  <si>
    <t>                                           In a determined hid for victory over the touted Zulu Cannilbals here this Sunday afternoon at three o'clock. Manager Edward (Kayo) Fuller is working his Atlanta White Sox overtime this week has earnest intentions of sending his righthanded age of the 1938 season...</t>
  </si>
  <si>
    <t>                                           The grave issue of world war or peace was in the offing (though none seemed to realize it) when, one Fergus, a secret British messenger, was assaulted and robbed on route to Sir Ronald Matresser, who had just returned to his lordly county estate after another of his...</t>
  </si>
  <si>
    <t>                                           SLOWLY BUT surely rising from the ashes of an unsurpassed chaos, rural Georgia affords a sight at the present time that would make the artists' fingers itch and the lovers of the beautiful hie away to her pastoral scenery.</t>
  </si>
  <si>
    <t>                                           On a wharf in Patuxtown, Maryland, ex-Colonel Donald Colby, late A.D.C. to General Gonzalo Gutierrez, beats up Tod Ferguson, burly oysterman for insulting Geneva Benet, daughter of Capt Benet of the "Amerika." Ferguson was fired by Bener and infers some...</t>
  </si>
  <si>
    <t>                                           READY MONEYf FOR ALL NEEDS No Endorsement A Job is atl you need FINANCE INVESTMENT CO. Foartfc Floor. Pato.i    . 7 Pcaehtree St..  t VUdoct</t>
  </si>
  <si>
    <t>                                           Lauding the great work done by Dr. John Hops in building up a great university system in Atlanta. Marshall S. Cabiness of Gastonia. North Carolina, president of the Morehouse Student Body. last Friday, paid high tribute to the deceased educator at the Fourth...</t>
  </si>
  <si>
    <t>                                           Fight Discrimination                 Fight Discrimination                 NAACP Wants Jim Crowism Stopped At Illinois Univ.                 CHICAGO  ThK week, xs  and local author]. Uts at Cbampalcn. nL.   vice  near the University of IHinoU . Ira W. Willlamn.  Ohlcaro branch NAACP, ur^ftf     Jim Crawism and di5.                 practices  colored students be  iu the official quiz. The grand Jury Inquiry foi_ lowed the recent fatal shooting of Student William Spurrier (white), allegedly by Mrs. Staricu-et Strothers. proprietor of Champaign's Tollman hotel, scene of the crime. Assisting Attorney General John E. Cassidy. Wallace Butler hax been appointed special prosecutor in  of the probe into vice renditions at the state  iwin cities. Champaign- Urbana. I'o taw-EiJorcerx Cassidv and BotJer and to Arthur C. Willard.  University of Illinois. Prrsidrnt Willianw of Chicago's NAACP wrote  treatment of Necro           on the campus. Typical  r the three is Williams- letter to Attorney General Camidy. which follows: '~The public  relates that you are conducting an investigation inta law violations in Champaign and Urbana. We wish to call your attention to the fact that practically every S- of public accommodation consistently. constantly and daily violate tbt- criminal code of the SUte of Illinois by                 ill? tu give equal accommodation and service to Americans who happen to be . Students of the university ubo  colored frequently have to walk, lone distances in order to find a place where they are nat Insulted in addition to ; refused, contrary to the "aw. accommodation and service in such public places as restaurants, taverns, theatres and places of amusement. A* Attorney General of the stale of Illinois, you are certainly familiar with the statutes covering such  "We are reluctant    feel that it requires the violent death of a citizen in order to make apparent to Iaw-ea0  of Ihe sute that laws or the  are beinE violated. We see. . {he possibility of further violent death in ChampaiKn and Urbona. ax well     in the slate of (111nois  out of these refusals or service and accommodation to colored citizens. We reel that this is an admirable time for you to  the matter of violation or civil right* of citizens and particularly of students iii Champaign and Urban*.  We are asking that you utilize the same personnel and legal facilities which are probing vice conditions to probe discrimination made on account of race or color in public places in Champaign and Urbana."</t>
  </si>
  <si>
    <t>                                           CHICAGO -- (ANP)-- This week, as state and local authorities at Champaign, Ill., were investigating vice conditions near the University of Illinois campus. Ira W. Williams, president Chicago branch NAACP, urged that Jim Crowism and...</t>
  </si>
  <si>
    <t>                                           IN THE NEWS                 JAMES A. JOHNSON Dim-tor ..r tli- - or Uusi.      at TllNkrgrr  : Kllunrr Orrkrr of U:c Kriltuji G. MrKtrir/.ir I'osl    . IZi)    * Aii? I.. win* ri*i fiv~*d a  uld sUr Truni flip SLiic Ufparlmrnt of Alabama ut      .~      -an Lesion in  Mi   l his  in thr  ~]    - Juriti^. the t     -nl                 XV. WESLEY Publisher at the Houston In- 1 former, who quit the practice of law and became one of (lie fore- 1 most           -ni Neeiw-  ism. Mr. Wtslry, a Fixj; and Northwestern ^. practiced i law in Muskoiw. Okli, before to- inr lo   -xa-i. lie is militant and fearless, recently defying the Ku                 Kluv Klati in hi* city. (Calvin Srevirrl                 1  DOMENICO i  i Sum as a  choice for pa;~al my  of  tale. the posi-   by l*  :^ Pius Xtl  i his elevation la pontiff, is 5](- nor Domcnico T:. Titts XII     to raise Monsicnor Tar  to thr rank of cardinal at  .</t>
  </si>
  <si>
    <t>                                           The Morris Brown Baby Wolverines played the role of Good Samaritan for the Booker T. Washington High School Bulldogs last Friday afternoon at Sunset Casino when they substituted for the errant Ballard Normal School quintet from Macon, Georgia. But...</t>
  </si>
  <si>
    <t>                                           PHILADELPHIA -- Fighting to stay within reaching distance of the league-leading Newark Eagles, the Homestead Grays overpowered the Philadelphia Stars, here, Sunday afternoon and took both ends of a double-header.</t>
  </si>
  <si>
    <t>                                           The outdoor present an irresistible invitation to all of us during the summer. There are so many things to do--swimming, games, sun-bathing, motoring--that we rush headlong into the sun and fall to take the proper precautions against its disastrous effects. A...</t>
  </si>
  <si>
    <t>                                           jp^"K  INT ^4F ll Oit enly ens     1 If II  to cup of  U  Im meit i*c!      l If Wf BAKING fl II IVV POWDER (I Same price today A II as 48 years ago II 11 25*s^r254 II H MutiluteiW W WUlf mAi H  I         MMI kul ll IB MUlIf f*d9t-tt*4*t  IM</t>
  </si>
  <si>
    <t>                                           JACKSON, Ga.--Sunday was a great spiritual day at Bethel and Isreal with Revs. F. L. Ridley and J. E. Smith filling their respective pulpits. All members and friends are asked to come out and hear these newly appointed. pastors, Dr. C. A. Wingfield will hold...</t>
  </si>
  <si>
    <t>                                           Enjoy the taste-favorite- ROYAL CROWN! IT* TMt WIMNtR io city after city; the teM yourself- compare Royal In blind- impartial CertifieU Taue Oown with any other cola drink.      of  cola drinks. Royal It's the winner! Two bi*         in Crown      banJi Jown! Make       bottle. A quarter  w! 21S WHITEHALL JA. 1SU 2 FULL GLASSES ^^f 0~~^</t>
  </si>
  <si>
    <t>                                           GREEN--Friends and relatives of Mr. and Mrs. Samuel Green are asked to attend the funeral of Mrs. Mary L. Green of Rome, Georgia, and formerly of New York City Thursday at three o'clock. The body will lie in state at the Dunbar Funeral home...</t>
  </si>
  <si>
    <t>                                           City Ministers' Council Meets At Bio: Bethel                 Thi- Alla!it:i Minister* Council    Monday at Sis Mclhel AM3 entires. Or. D. T. Babcock. pastor, with the !. Dr. M. U Kins .                 Dr. W. R. WiIUcs. paster of       Temple AME church  tht ministers with a fiery talk in which hr lambasted jealousy among minister*, statins "ministers should nrst get this narrow spirit out ai themselves st:d with patience tackle the problems l^etd bv our people.' SEEK LEADERS OF LEADERS President King told the -men     the cloth" that tie was definitely i certain that there was a real  for the organization, and ae      sincere in hie  to see the ministers set behind some one man. and who will be able to present our I cause before she proper * { Upon   by the Rcr i Ta'chcrr.m Amo'fl.   . the  voted to make    - membership fee in the  ;~\ live .  Dr. Willws  a ..n which    tune as Mondays  thr arst :ind thirl Tiinda.rs. at 12:30 o clock. Dr. R B            Council was one of the  forces in Atlanta . whit* remarks wore made by Revs W. W. \  -nl i . R H Milncr. W. P P:    ::i:.  Dr. T Murphy.    - assistant (Continued on      6. Col. 5)                 English President                 Prof. Cecil A. Blue. he*d of the English department of Lincola University, Jefferson City, Mo^ who      elected president of tne Association of Teachers of EnglUh in Negro College* its recent Annual session  t Knoxville College.                 Citv Ministers (Continued from Pare 1) . was lauded fcy President Si=5 ior the very spies/Sid iray Ja                 which he notified the ministers I about the meeting. Dr. Porter net. -d as secretary, j</t>
  </si>
  <si>
    <t>                                           The Atlanta Ministers Council met Monday at Big Methel AME church, Dr. D. T. Babcock, pastor, with the president, Dr. M. L. King presiding.</t>
  </si>
  <si>
    <t>                                           The Red Sox were forced to play a picked team from the Kansas City Monarchs Sunday when the scheduled game with the Whiskered Wizards was called off at the last minute. The Sox management considers itself fortunate in that it was able to secure the team that played...</t>
  </si>
  <si>
    <t>                                           ARMSTRONG DEFEATS DAY IN 12TH                 Halt Fight When Foe Weakens                 Welterweight Title Retained By Little Hank                 NEW YORK (SNS) Working with the same methodical precision that netted him three world s championship titles within a brief  of a year. Henry Homicide-H a n k" Arm*      trade his sixth                 defense of his welterweight belt Friday night **y winning a technical -Vnodcottfr--BsTey-t-    .fter two minutes and 49 - of the' twelfth round.        hv many sports.   .  5 as the favorite. Day, fa". frail  Tew'sh I'd. -    in ti*     aln^.ot    *   ~^-(~-   *\\. hnt through ~"rr;"  *   and deter:'h +   ^a^pion until he    f^rr-o^ tn      in. Onlv in            was the  challenger Atf to TmTwsh      7  1            right. It was in the fifth and ninth rounds where he uncocked the  deadly weapon, but Anost-onz. bobbing and weaving in his  style, took his opponent s h^rd  to the jaw In his stride,  to even slow  to a  pace.   FATAL MISTAKE The Jewish lad made the fatal mistake of attempting to light the same style that had previously proved disastrous for former Champion Barney Ross, who sat in Day's corner a* his second. His efforts to counter punch were tied up by Homicide Hank in an .-i\-Uanche of rights and lefts to the body. jaw. ribs and face that wel* thrown fast and often and from every possible angle. Day. as did his predecessors in their effort* to (Continued on      4. CoU S)                 Halt Fight            fmm r^r Orw) l;;.lt Hctirv. w.-is p!;  !y baffled by the . . - t ins style SKit is Henry's. I LOW BLOWS COSTLY This style, however, cost Henry i two rounds, the fifth and the eleventh, when Mcfcrec Billy Cav- I  awarded them to Day. after i Armstrong had delivered two j punches that brought a round of boos from the fans. A hard left to the challenger s right eye. left him with only one j Rood orb after the fifth round. Armstrong was in a similar plight when a small cut appeared below his left eye at the end of the ninth. Armstrong opened up the affair in a fast and furious first round with a series of short lefts and rights that forced Day to the ropes almost at the beginning. Bay moving in a style very similar to that of the champion s crashed a left to Armstrong's jaw. followed by a hard right to 'he body. BARRAGE OF DYNAMITE Tt -was in the second round when Ari-.c lot  his b-vir.-^? or , his anas working ukc                 Distons to rain hard  and lefts to Day's chin and jaw. forcing the  to the      . Ray was  to wrap his arms about tho champion s neck as protective measure when the bell rang. It was Armstrong's bomb-Iilled left that cut Day down. In the fourth round tho challenger was plainly hurt after the champ had uncocked his left in four hard blows in succession with the section just over Day's heart as the target. ARMSTRONG ANGERED It was in the sixth and the twelfth rounds, when Hank apparently angered because he had lost the previous stanzas by low blows, really put on the pressure. Day's seconds worked feverishly over the challenger at the end of the sixth after Armstrong's pounding in that round almost forced the sad-faced Jewish boy to his knees. Day, however, came out with renewed determination in the seventh. "Day's head was constantly pumped back with a blast of bard, paralyzing blows Dial left him virtually helpless when the bell sounded. .   '     Armstrong kept his game opponent constantly crowded to the rope, while never slackening his inhuman pace. The referee was forced to step between in the seventh, when Day, bewildered by the pounding blowy, tried to grab hold of the ch; with both arms. In the final stanza. Day found no time to deliver any blows, he was kept so busy covering up from the cyclonic pounding of the champion. Three crashing       to the ribs a nil body, fallowed in rapid succession by three hard lefts    Uti: mouth and jaw ot the challenger ended the affair in the twelfth.</t>
  </si>
  <si>
    <t>                                           NEW YORK -- (SNS) -- Working with the same methodical precision that netted him three world's championship titles within a brief period of a year. Henry "Homicide-Hank" Armstrong made his sixth...</t>
  </si>
  <si>
    <t>                                           SIAC Standings TEAM WON LOST PCT. Alabama 1 0 1.000 CUrk 2 1 .M7 Morehouw 2 1 067 TaUadfra 1 I .500 Tuskeree 0 1 .WO g* 0 1 .080 Florida 1 -O0o Morris Brown 0 0 .000 IicMbyne 0 0 .000 8. C. Slate 0 0 .000 Knoxvllle 0 0 .000 Lane 0 0 .000 RESULTS TO DATE Storehouse 30, TaUadefa 19 Alabama 34, Clark 32 Morehouse 30. Tusketee 26 Clark 42,. Florida 24 TalUdera 40, Fbk 21 Clark 45, MorelMuse 34</t>
  </si>
  <si>
    <t>                                           I ^JEFrattON Ft  H^S^J MY OLD DESK MATE Oh he sets the house a-reel. From basement up to attic. An' from the head down to the heel That boy s full of : He makes our news -dong With ballyhoo he d fill us. Wish somebody d come along With a club and kill us. Tangent ' is his       Violent an' erratic. An'a mellow temper meant For ' static: An' then to listen the lick He brings forth to greet us. We'd rather  d take a stick Bend tt.s double an' beat us. There he is. brim full tricks.- That muz/.!.- y,,u, confound you, He winds up his politics Then calls Hitler 'round you: Then down the border    - roc.-; off Like an automatic. He's a cl.- of the - Ain't he full  r .-. He slams   .-  k$k M\~k^~ hi*      AshrK on     i'~~  .v. Then he (^lU tup in ;i 2      That my -  Then rr;,.~s l,,.~,jn.l I An"  his (is!  ,. An' I ~;'ii h-.-ir him .-ill Pawin' out    :.t</t>
  </si>
  <si>
    <t>                                           TWO OF. A KIND</t>
  </si>
  <si>
    <t>                                           REV. PAUL FOUNTAIN PASSES                 Ry KKV. t:. X .D                 -v. Paul fountain, a brother of Bishop VV. A. Douiitaii\ died in ValdoiUi. Tuesday morning  u brief illness.                 The Rev. Fountain, oar 01' the younger ministers of the state. was recently assigned to the pastorate or the St. Peters A.M.E. church in Valdosta. by his brother. Bishop Fountain. Although Rev. Fountain had had charge of this  for a short time he reportedly had raised his educational money and all ceneral and district claims were reported at his district conference. He also h:,d paid several notes on the church in advance it was said. Bishop Fountain and other members of tile family left last nisht for Valdosta to complete funeral arrangements. The funeral *ili be preached there Wednesday. Pollowinc: the funeral the body will be brought to Atlanta, for a  Thursday. 10 a.m.. at Bit; Bethel church. Rev. D. T. Babeock and others officiating. Later the body will be taken to Elberton, his native home, where it will await the arrival of other relatives and when- the funeral will be held Friday at one- o clock Iroin the A.M.E. church. I Many ministers :u:d  arc expected to accompany the bishop.  President W. A. Fount:tin. Jr.. and (Continued on Pat*e 6. Col. 7)                 Rev. Paul Fountain i (Continurd from Page I) o'.her relatives, both lo Valdosta     to the last resting place of the deceased. He leaves to mourn six brothers, two sisters, and a hast of other relatives and friends. Other relatives and friends will leave Atlanta Friday morning for j Elberton to attend the funeral.</t>
  </si>
  <si>
    <t>                                           Rev. Paul Fountain, a brother of Bishop W. A. Fountain, died in Valdosta, Tuesday morning following a brief illness.</t>
  </si>
  <si>
    <t>                                           Screen! Stage,' I  AffirjSfoM VODVIb I AN VOTft" OrthMtrs I</t>
  </si>
  <si>
    <t>                                           Rer. I. N. Dewy says I   nothing m Hit pest 20   ecn take the place of Dr. MUes Anti-Pax* Pilis. They are a sore relief for  my headache* Sufferers  ron Headache. Neuralgia. Toothache. Backache, Sciatica, Rhcusiatzsxn, Lizcobaco, Neuritis, Muscular Pains, Periodic Pains,  that they       Dr. Miles Anti-Pain PUb with better results than  ha^ *^cn hoped for. Countless American housewives would no more  of  house without Dr. SElcs Ant-Pain Pills  W. without flour or sugar. Keep a package in your medicine cabinet and avc yourself needless suffering. At Drvr, Stores- 25c and SIM OR. M1UBS'</t>
  </si>
  <si>
    <t>                                           Money When MONEY Is Needed Quick, Prompt. Courteous Service Y.ur Signature Good *t WALTERS FINANCE COMPANY  AT FIVE POINTS- IH Edseuood \vc OPEN  7 OCLOCK  NIGHT f*O SUNDAY If  1 ^^^^EBj^      .OUP.Cuy 1 CAME OVCt WAV j ^HHBfej: v '^'-/ffl^MKH       , AcU BI^^^^^^^H i IndiSGStion' ^. MoscuBe*. LN. Deo* say* you of healthful . I fo**d . in. A. i Aft*--      Kind out jxi** 25 . that      y01113*1*  it will place of Dr. Mile* Aati-Pam I                   -day  . They arc a son relief for I masts. "^.^"tL rr Ato-Sete" P*in be6           rom Headachy cause it contains as  n^.m. Neuralgia Toothache. Badoche. (acetyl-salicylate). Alka-Seliwith better results than they had "t  m even hoped for. 2J#x^Bt'*2 Countless American house- ^S^T irfa         wives would no more - TT.i*t?tWf of keeping house without Dr. UfiwSSSfc/ ST_zL^ Miles Anti-Pain Pills than u ith- KSySgj     out flour or sugar. Keep a pack- !lrV"-^5         age in-your medicine cabinet and f^~       '  avc yourself needless suffering. I ^jj^ar^iii;' At Bpig Stores- 25c and $1-00 ^^^KBfiMtf^^!*) ^4Mn- * HJ'.'JUg.ll.TTlFTa</t>
  </si>
  <si>
    <t>                                           " ^'^'^""TgfTmtnP</t>
  </si>
  <si>
    <t>                                           SPECIAL COVERAGE! I LOUIS Vs. GALENTO I BT RIC ROBERTS: I Nationally Known Boxing Authority I Will Be at the Ringside I FOR THE Atlanta . Full Story/ in Thursday Morning's Issue</t>
  </si>
  <si>
    <t>                                           Tour Shoes AMI. I. LOOK  AM) WB.Mt I.  DONE BY- EXPERTS Our   satisfaction on every job. Coll" Shoes Repaired Sjr.irt Shoes Refinished While Shoes Whitened like new. BETHUNE WHISENANT SHOK  3G PEACHTREE ST. Do your eyes          ~^to' ^3H tired, uncomfortable) Try y*Wj Murinc 7i)c/p- 'j^^^-i^l ful * which   S^~~  and clear eyes rtd- '^^L^^ ^jA dened from Facicue make .^^^^^^B %-our  feel clmn. fresh.  alive' Much more effective than boric add Send for  bottle. Mail 10c ( or coin) with your name and  to     aw/^aaU^a^^^a^</t>
  </si>
  <si>
    <t>                                           King And Queen Attend Church With Roosevelts                 T-' .Thil w*~ the             St. Jamei' EpiicopM Church in right  th.- church, the Rev. Frank R. Wilton. RUhop Henry Hydr Pnrlt -r Ih^ir  . KiiiK G^orn* and Qurm Elliuliclh, St. Gf-arRr- TiicUrr,       Elinhrth, King        -, I'r.- .ill..l u  with I'miilrnt mid    . Franklin D. Raotivclt Kaoievrlt. Mn. F. Raaievrlt and Prrmlrr Mc.-Kcmlp. King of *nct    .    -A            the Chiff Executive's mother.      to CnnAdA.</t>
  </si>
  <si>
    <t>                                           BIG, bad, "Beareat" Obie, who has never been floored for the count in all his life, winds up his heavy stuff today for his heat tomorrow night against Leroy Haynes.</t>
  </si>
  <si>
    <t>                                           i do Yoy j^^1? I I writ* u* l^ Vm. IfcLW'LLIAMS.  G l.          ^ tt-rK i</t>
  </si>
  <si>
    <t>                                           The world listened to Marian Anderson on April 9, singing from the Lincoln Memorial in Washington. Her appearance represented fatal and complete victory over the Daughters of the American Revolution, who refused the use of Constitution Hall for her recital.</t>
  </si>
  <si>
    <t>                                           JOSHUA JONES                 By 1. P. R.yuM*                 ir bread    the lUff at IV,   (hew hird  I'll      tw limp right on,</t>
  </si>
  <si>
    <t>                                           HARLEM Presents "There Goes My Heart" with an A I.I. STAR CAST also I ISIC NEW STAGE SHOW Today. Mon.. Tues. Wed. 1'lus News and Comedy</t>
  </si>
  <si>
    <t>                                           Revwar services at Creater Elm Street Baptist church, Rev Hach J. Jackson, minister, are reported in attracting large crowds, nightly to hear the Rev. W. H Radney pastor of the Hopewell Baptist church. ... Alabanso who is conducting an evangelistic...</t>
  </si>
  <si>
    <t>                                           Two big, burly, bronzed giants named Obie Walker and Leroy Haynes meet at Ponce de Leon park tonight. Haynes, big dynamiter from Philadelphia, is the most renowned of the two but has yet to score a victory over the Atlanta "Beareat" in two previous heats at Miami Florida.</t>
  </si>
  <si>
    <t>                                           IN THE SOC IAL REALM</t>
  </si>
  <si>
    <t>                                           Siays Brother! Of His First Murder Victim                 Following up a tip. radio patrolmen arrested John Reed, 18 ot 65 Woodward avenue. SE, early Saturday  ai 70G Foundry" Mri.et. NW, and booked him at city Jail in connection with the murder of Burdell Chester, IV. of 32 1-2 A'oodwurd avenue. 3E.                 City Detectives Johnson and MEUis. who were assigned to the case, reported Saturday night that Reed was convicted 18 months     and  a 12-month sentence for killing Chester's brother. CLAIMS SELF DEFENSE Officer Johnson quoted Reed as -Uyniy he stabbed Glister in . after the  started an   the slaying ut his brother. Chester was  In the 'Karl .d midnight at Ule  Terry and Uaw;~on       . SjE. where Radio Patrolman Roy Wall  lie found two - knives. One of the Weapons vas  with  while Lhu  knife showed no signs of  ben used in. a light. Offlivr Wall reported. A large crowd     ml. about U:e dji:iu youth w-ien Radio *~ Wall and W J. Slullings . bin .none  Icxivw;r.e      tiling about, the  stii,L-Ln;;. OiSicer StaUlmja  C'hister to Giady hospital 1c a po ice car. bu*. the youth was dead hen a Girdy    Jim. CAUGHT AT HOME Radio Patrolmen J. "1. Mitchell ~:id L. A. .Cardcll, who received he tip that    -i at the r  street udt-ress.  Him shortly after the death of Chester. Chester's younger brother told. Invrstlsating officers that Reed and Chester hod been together i uring the evening  id. hud been .K. The slaying  Uic 3O'.h, .~ ^ ox the year.</t>
  </si>
  <si>
    <t>                                           Following up a tip. radio patrolmen arrested John Reed, 18. of 65 Woodward avenue, SE, early Saturday morning at 706 Foundry street, NW, and booked him at city jail in connection with the murder of Burdell Chester, 17. of 32 1-2 Woodward avenue. SE.</t>
  </si>
  <si>
    <t>                                           Enjoys Georgia Sunshine                 Ibttir Olivrr. . Kalljrd und         .il        .  ni lh^ invi:..r., -u,,   ,r ,-unp,,, at )~M; (.                 institution while ; the Uclt to  t.~    *. .SNS *taff photo.l</t>
  </si>
  <si>
    <t>                                           BookkeeperForNumbersBaronLeavesSoDoes$12T 000                 Bookkeeper Missing, So Is $12,000                 ATLANTIC CITY. ( lister Monday to notae was very; Joyous, but to Austin Clark, alias -Dici" Austin, alleged number: baron, it turned out to be a blue! Monday  he returned from a Philadelphia trip and. found that lib bookkeeper. Marie Boyd. 26.                 nad evidently skipped town  SliOOO in cold . Police said that, according to . the Boyd woman trans, acted most or Clars business including his cafe, and had full access to all Bionics before it reached him. Captain of Detectives Prank Ferrcui also stated that on a previous occasion she had  Si. 700 but at a later date return. Pd and Clark  to prosecute her. At the present time Clark is under federal indictment for invasion of income tax. and is termed by I State Assistant District Attorney William F. Smith as the " number banker in the East. Following the disappearance of (Continued on Paee 8. Col. 5)                 Bookkeeper Missing (Continued from rase 1) j the Boyd . police took into j custody for Questioning Miss Chris. tian Jones. 30 a public school teach. er or MartlnsbUTR. W. Va.. who was j spending the holidays here as the house guest of Miss Bovd and also 1 the . Gcraldlne DunI lap. vho was said to hare bees with her up  the time she left I Police are  every effort to apprehend her.</t>
  </si>
  <si>
    <t>                                           ATLANTIC CITY, -- (ANP)-- Easter Monday to some was very joyous but to Austin Clark, alias "Dicks" Austin, alleged number baron, it turned out to be a blue Monday when lie returned from Philadelphia trip and found that Ws bookkeeper, Marie Boyd, 26.</t>
  </si>
  <si>
    <t>                                           HOTEL MACK AH Modern Convenience*. i 548 Bedford PL. NE. AtUnta. Cm. i .K I1KI.I* W. U OMI'.N IllvriCIItt      ln% ^*l . Kr^f U^~u H-. rtc ti^t I.lun. I'Miinl ~*    -i' lit*-.. '~'r''. Mm        If. M U-.</t>
  </si>
  <si>
    <t>                                           The only "public, appearance' Joe Louis will make aside from his regular training programs here, before he steps into the Yankee Stadium ring the evening of June 26 to do battle with Tony Galento will be on Thursday night June 22, when he second his stablemate...</t>
  </si>
  <si>
    <t>                                           May Get Next Assignment                 '-lane -  on  1TSS roster of Uir Atlanta. Black Crackvrt who is  me uf tuo nii-n brine considered for Ilir  roU  Uir Saltimorc  Cunts,  Sunday  on Uir  -tK- firt^ Kictibourj. i,, i,-N three .  Kir- . Artfx-o. last Sunday. Juried shutout . Ibwnvr,. lii* Marline assi^n.nmt at-ainst     NVero Natlnnal Lcaene entry, which i plays  Sjnday and Monday hi  the  and Eddie (Bullet) Divan, fast lull artist ubo was Uir ace of     1J2X ! . i         from . Fla. and the same applies Dixno. Uic              . I</t>
  </si>
  <si>
    <t>                                           WORRIED? D17 Don't nUr ~%. writ* D-VOI.I. Today. No ra.tt-r what (be problem or trouble I*, h- raa h lp ftrn. Ur will thaw ,on Ihiw to  -1   - of . No . Write U.. 4*07 No. Mlrhlma At... Chlraiu. III. Moihersijls wt^B^BEEM^b SEA. AIR tfm/ r DONT  HAIR ROB YOU OF YOUR CHARM Doll, foiled, off-color - it DOES  jour ! Bat h attia A .Quickly,  - wich Godtfny'i Lm'tmst-fon c*a color your  to   stud* of Mick, brawn or . It won t rob off or wub oat. It  t Intcrfer* with curling,  or  wmT*. Ask fbr and m* toil ran     Laricas*, tht hdr  In du RED BOXi If tow dealer can t Ripply Too, nn4$1.71(~tt*jp*tsst) S10 OHv* St. St. loots, Mo.</t>
  </si>
  <si>
    <t>                                           Five members of the Atlanta Black Crackers made gains in their batting averages Monday afternoon as the local nine was nosed out 11-10 by the Baltimore Elite Giants. The Crax were also eked out by the same team 13-12 the day before.</t>
  </si>
  <si>
    <t>                                           ROXY Id Penoa- BEN BLUE "The All-Amenom Half .Wit" IS-  16 Heuffiu. V.* Jsck Oakic Lucille Ball"Aon.bet TaJc A Tour" SO-GOOD HAIR DRESSING Mn Coail IlMir Dirvtapi tain- btm       * ami i- U  lln-~t      pn* that     1     .     lav* SO  ram. Ibnv ^KS^.  the XM^A IM . Tfc. ~~^^B Miljr     IlK F ^^^^^^B MUM TlH^~ X4     I*~^^^^^B  lll    Ota!  aKj^^^^^H tUrr       ** ^^^^^^^~^k It N  mon! ^^^a^^m/j^m tkv it . V. ^^^K^H skk oik . /^^H^^H         w      am      MI                  Im    * *)** wlM     If. Writv     at         *r          wnd  MM^HIII  Dn -luc SIN!~        I'rf      WU SOr         Curxa. Soap I3  Wf  all    ta*~.   *4       r ^        4lr . SO-GOOD CHEMICAL CO. TS KAUt XT. S. K. .Uhwta. Ca. Flush Poisons From Kidneys and Stop Getting lip Nights Be Healthier, Ibppkr_ JJve  \\*     yi.ti *:m ii K**t Cur M c^Uf ~*tf*~. *rfi**W*nt  Mtltuulanl' un*l  *flf l tint            yt.nr knl tier h tin*        .                 itr* now  ~'~*u harm,              dWp by f^ up thru  ? ItNM't 1- MM  MARK AMI NT. lUt-rVM "Oil ~-~t^wl^.        In          .  O4 VU  .      Irritntrtl *^ may 1 v 4* n.ii  ^.n. *tli(   *   .  r  -.</t>
  </si>
  <si>
    <t>                                           They Teach More Than 300 At Jackson                 More than 300 students of the Jackson High i School, Jackson. Georgia, are being prepared for J useful fatal* Uves by these ardent members of the fatuity. Pictured 1 to r. they are Mrs. Mary Gaston                 Henderson. Mrs. Doris Mayfield Freeman. Principal Arrhi.- T. Berrybill and Mrs. A. T. BrrryhUI. J. Barber, also a member of the faculty is not shown                 on Ihp picture. (SNS staff photo.)</t>
  </si>
  <si>
    <t>                                           Atlanta  Published DAILY and SUNDAY at 210 Auburn Araiuo. Br ATLANTA DAILY WORLD PUBLISHING CO. 1 Telephones WAlnut 1 59- 1  0 Member of SCOTT NEWSPAPER SYNDICATE  Aug. 5. 1928; Became Pally March 13. un W. A. Scott IL Founder sod Publisher, Aug. 5. 1928 to Feb. 7. ISM C. A. SCOTT General Manager OUST  Managing Editor LUCIUS L. JONES Associate ond Sports Editor DAILY:-! Year. S32S- 8 Mos. H.75: 3 Mos- ; 1 Mo, 80c SATURDAY ONLY:- I Year $3.00: 6 Mos, $2.00: 3    .     Canada: 1 Year. H5Q: 6 Mos.  2.7S; Foreign: 1 Year. $5.50 Botered In the Post Office at Atlanta, Ge, as  econd-        undo the Act of Congress. March 3. 187ft National Advertising Representative: W. B. ZTfT CO  0B S. Dearborn St. Chicago. HI. and 381 4th Ave^ New Yor^, IT.  X. "Oe ATLANTA DAILY WORLD Is an Independent newspaper- aM apo-.  news unbiasedly and  8 those thing! It  to the Interest of Its readers and      thing against the Interest of Its readers. ft^uv o*k Addre*~ ALL COMMUNICATIONS to md make CHECKS payable to ATLANTA DAILY WORLD rather than to toT ^f WORLD WP^^. responsibility for return of unsolicited plc^i           . etc unless stamps are sent.   T*</t>
  </si>
  <si>
    <t>                                           THE CURRENT Opportunity magazine carries an article by Prof. L. D. Reddick on "What Hitler Says About the Negro". The The open admiration for Hitler expressed by some Negroes 15 doubtless the reason for the publication ... the article.</t>
  </si>
  <si>
    <t>                                           ^^m^*^^ 1,500 PAIRS MEN S 4^ Famous "ETOWAH" Wash PANTS ^^** I Co- known for fine panH. /  3   t j have discontinued their AriF"?!l4p"   * "1 ^K*^ I """"fa^urc of      !         - III  pir SAVE YOU ONE^THIRD^rld ^       S/.49-S/.98 Vo/ues ^H^wK^M I'^ht 4nd          # in       ^B^^ r:~'d^. ~*   j solids. Every pair ^W^^H^^a    ^     nd f^otf of tf)~rn       *d. VSS^I          ;Ves *    .    *S 2t ^Tfijai Othtn Priced $1.49 oik/ jf^S  Proportionate Swings! f boys- ZH-rrn boys' 1 rtS l-^Srl Shirts Slyntl, cou-.t-r.-o,i.d to C. Small l:9ht .nd          ;cT';n ir.. Uryc. lui'   iort-.  nd b:    . 2 to U  H 1-</t>
  </si>
  <si>
    <t>                                           EXPERT B BATTERY SERVICE no n't Ti?  ::~ wait! nir^:- v I BPjBWHBHjHSHHj I ^  ami ,pAY YOUR WAY</t>
  </si>
  <si>
    <t>                                           The McDaniel 16 Social Saving Club met with Miss Ethel Keith at which time plans were completed for the Heaven and Hell party which will be given Thursday, June 15 at 435 McDaniel ... 8:30 p. m. Clubs and ... he ... The next meeting will...</t>
  </si>
  <si>
    <t>                                           The City-Wide BYPU, of which Mrs. Geneva Haugabrooks is the president, will meet Monday night, June 12, a Mount Olive Baptist, Rev. W. W. Weatherspool, minister, at 8 o'clock.</t>
  </si>
  <si>
    <t>                                           THE CHAT AND CHEW CLUB met with Mrs. Lloyd on June 1 The club thanks its many trends and the various clubs for helping to make its musical of May 28 a success. Next meeting will be Park Avenue. Mary Highley, rep: Mrs. Virginia Freeman. rep.</t>
  </si>
  <si>
    <t>                                           How one man's ballot affects th? result of a nation-wide election, is is the hilarious basis of "The Great Man Votes", in which John Barrymore has his latest screen success, which opens today at the CAPITOL Theatre.</t>
  </si>
  <si>
    <t>                                           TEST WE FORGET, we are in the midst of celebrating the twenty-fifth anniversary of the establishment of Negro Health Week. This anniversary celebration runs the whole month of April, and deserves more attention than it is actually getting.</t>
  </si>
  <si>
    <t>                                           Two Negro Democrats Elected Aldermen To Chicago City Council                 Republicans Show Splendid Gains, but Democrats Sweep Chicago Colored Districts                 Bv ALBERT G.       AM"                 CHICAGO Last Tuesday for the first time in Chicago's history, two colored Democrats were elected  i\w city council- Earl B. Dickerson to represent the Sec"iid Ward. Benjamin A. Grant, the Third.                 Dickirson. an assistant state attorney general, won over COP Candidate U'm. E. King, a former state senator  Republican committeeman of the potent Second Ward King's defeat at the Primary of GOP Alderman William Oawson fanned anew the blazing feud between the two. result being that at the election Tuesday Republican Dawson threw his support to Democrat Dickerson, handicap too  for King to overcome.                 'm thr Third Waru. Benjamin A. Cnui*. deputy coroner and :i  in local politics, pulled the up of victory from COP Veteran Ociir Lvrrk-M.  or many u politic::! b: and :i former  from the First. District in U. S Consrcss. The Second WardD.\w:.o:i-lo-Dickcr^'~n maneuver was (.ued In the Third, whew j CCP Aldi- Ruben R. Jackson. :(! ;it the Primary by Oc- .      .upport to Demo- I c-r.it Gnuu. a handicap too great I lor DcPncxt to overcome. With  of 23 years' service as RcDublicuit alderman.         -s :.~itch to Democratic ranks was called "!e" oy old-time j GOP leaders uhu . dts-  the theory thn'     j :nt     love, war and .OuWaiuilng feature of the city- - elect lor.  the remarkable showing  by GOP Candidate fr Mayor   -i?ht H. Green who i uas  by Mayor Edward J. i Kelly by 183.000 votes- the  i : Kelly. 820.517. Green. I 1 637. 1C7. out of a total of 1.478.637 I ballot*     . Tlie size Of     Green vote was "manna from Heaven" to i the GOP fonts,  leaders de- J daring its prophetic of a Repubh- I I can vm lr tMO fnr  and I the Nation. At Green* Hotel La- I Salic headquarters. leaders said the bit; vote  in history for a { OOP Bb'"Wty O'nrlltinte n?                     ilu-    * Dvni m.u'.mw has di- ly nil Ui,.- ta..in. COI. VOTERS Political observ-:*** und *tuo c:ns uT      *i: on Chiouo's ium- vu Suuthslds. former banner GOP ( ol tlie .ry und -    '.'.-d in   .- RvPUbllcsui  i   Uiv  were casi I  rc  t.j     !act Uiai  Tuwdays Dcnuicrath: sweep        thut  organization and I :i: rate cjn  among  voters. m j!w oW. OOf l. day* ol Eunurd K. VVrijih'.. astute  leader. chuT.y VrcsporMblc- -  Mayor IVm. Hale Thomp- i son- for dev.-.-ni of the Seconu mid 'Riim Ward powerful COP -.io iv a smooth-   Had       built          -Awurd* "to tlie '  education and oratorical  for support of American principles ar.d               Ubrrtv.        and alr- w*re tin- Negro OOP  of thut era  Cemccr^u paid little attention    tlw colored voun. regarded a NtKr;. Dcniocmt as thv eight won- der of the vorld. At the height of hu career Ed Wricht was Ward Coranulteeman. u I (Continued on Pace 6, CoL 4) i                 Two Negro (Continued from Purp       .ity ..r. member of i i In- COF- Count;.- Central Commit- Tinally a S10O-:.- real estate j  for the city and the only Ncurn st.v.O commerce . With hi.s . factionalism developed within GOP ranks, the hi each widening because no Icar-                 i less. diplomatic colored political I Joadcr was available to follow In i Wright's . i With advent or the New Deal,  on the IiceLs of Dcpresi .~:cn which brought Chicaco's col:  -d  lo their lowest   l..  -i in his'-ory. a new -  on thc local political .'. Controilir.c . county and i"t;.     * Drmocr.tts wvc ;i?p iit   to Negro :.-.. As Hi,- :~~)cui-d :   ; continued to ;~ur Ketro Dcm'.~:r.itit vote.-, in ";         , I he Scutliiid^ du;trict "*ils  thrown -A-id.r open. Bookies, numbers and       - sames. brothels, n:-.d shady  A-ere   s ' unmolested. Then, in recent months. States Attorney Courtaey 'defeated in the Primary by Mayor Kelly fcr the Democratic nomination) bcg=-\ to stage sensational city-wide raids on booking Ptace' and other gambling establishments, makin; sci cral trips tr l!  - Soutlvsldc *.. It remains undisputed that Mayer Kelly has espoused many causes ccar to No-ro . ::dins . them ; appointments important city positions. his ' that they sot their  share     r^Mol ar.d hia  .-.upport of the South Parkway TI'Pa Ion -cost housing project r N^rocs.       last Tuesday was that whi e Republicans made  sains in the" rest oi the city, hi the colored district. Mayer Kelly's colored Derrocmtlc candi- (  victorious.</t>
  </si>
  <si>
    <t>                                           CHICAGO--Last Tuesday for the first time in Chicago's history, two colored Democrats were elected aldermen to the city council--Earl B. Dickerson to represent the Second Ward, Benjamin A. Grant, the Third.</t>
  </si>
  <si>
    <t>                                           Urge Antiiynching Bill Be Placed On Congressional "Must" List                 Wire Is Sent To Barkley                 Biil Not Among Ten 'Desirables' Named by Senator                 NEW YORK-  SNS) V-A   that the Anti-Lyncbiac bai be included "among those ir. which smist be voted on b}- the Senate before adjournment."  va.~ sent Friday to Senate Ma- .v Leader Alben W. Barklty v the National Association  or                 Advancement of Colored Peo- ?  . The telegram, which     signed by Waiter white, executive secre- ary of the association, was sent i following publication of Hartley's t:              netting early June 1 ns the probable time when Con- res* will adjourn. The Senate majority leader named ten "desir- We" projects which he said i should be passed before adjourn- mcr.t. No mention was made of the Antl-Lynehias BUI in this list, i The  text or the NAACP telegram follows: "We note with  regret that you did not include Anti-Lynching Bill in list of ten desirable pro- jects which you think  be j passed by Congress before adjournment, "Despite protestations by  -rtrs. reinforced by written assurances from Governors of Southern  lates where lynching! j are       frequent thut states were I amply able anJ ready to Prevent - punish  se7cn American^ xt;re lynched follow, ins adjournment of seventy-fifth Congress. -More than one thousand persons  and brazenly participated in these . Not one lyncher nas been arrested, much less punished. Since January first, several lynchings are alleged to nave taken place but news about them has been suppressed. If experience of  years is followed lynching outbreaks will begin a* soon a* Congress adjourns, if Congress does not act. "American* or all races and sections of country are asking if Congress Is planning to adjourn without acting against lynching while We tell other countries what they shall do about persecution of minorities abroad. We urge you as Majority Leader to place Anti-Lynchlng Bill among those measure.* which must be voted on by Senate before adjournment." I</t>
  </si>
  <si>
    <t>                                           NEW YORK--(SNS) --A telegram urging that the Anti-Lynching bill be included "among those measures which must be voted on by the Senate before adjournment." Was Friday to Senate Majority Leader Alben W. Barkley by the National Association for...</t>
  </si>
  <si>
    <t>                                           At 19, Christopher Carson--Kir Carson, as he would be known-found himself, with a price upon his head, in Taos, New Mexico, to which he had fled from Madison County, Kentucky, his birthplace. Apprenticed by his mother to a saddler. Kit had run away, drifting...</t>
  </si>
  <si>
    <t>                                           MACON, Ga.--(SNS)--The Quiz Club, C. W. Moore, president has launched one of the most intense movements seeking to increase registration and voting of colored citizens in the history of this Central Georgia city and Bibb County.</t>
  </si>
  <si>
    <t>                                           Social Work School To Graduate Largest Class In History Tonight                 Mrs. Crystal Bird Fauset to Address 38 Class Members                 Kcpresentative Crystal Bird i ir:      will deliver Ilie commence- . address Ionian wh-.ii thirty-   rs of the Ki- :, (.'I' Ihe Atlatuu University  til Modal Work will  Ilieir di- ~::. Mrs. i-:,us:l will speak on -I tn-  of Soeial Work Under                 ~- /-.L-:, ;i MIMJl-ia mat j sill- is Wl-ll             111 discuss 111 tin-  of 1 t louts and  i -.-r in I In- lii-lils of sin-ial work. I t-c:iic:itM)ii .it-inl -nu-ui ami . I An i-xi-ilU nl mn:,k-;i]   rui; lias bfc-n :iiT:iiii;c(l un  Ihc Har- j ri-lil  Qiiart'.-th-. Mrs. Edith J Kuyiifki -. m tli.r Atlanta Ititiwi-sily School or S.n-ial Work. I ami Mr.      ;Ias W. Muui-i-.  f Fnii ry UniviTsily. will . Minx                 Kli. u M. IVail uX           Ol1  tie will oiler ilu* iin . ami Dr. Ullllls K. Clen.i/iit. pir. 01 Alliinlu Univi'tMiy. will -i'      iH lli . Ur Tliunias II. Shitcr. Cli::in nl tin- Bixinl ui . will pri - :ii tin- i-- i*  .":-. Tin? jj  is i-i. in\ ami .sU d     hf tin h:uut promptly at 8  at SisliT:, Cli:    -l mi Spi-Ini.in Cumins. UiriTtur loiR-sliT 11. Wuslimi:-      fs Dial - '.ram will bi*  )'. tu Illr                 t lal public us well us to social v.-:cr.~ :ind 1 1        ctal  ~*'::il \intl  fin li s, Mill Illal it will nul br IniKlliv</t>
  </si>
  <si>
    <t>                                           Representative Crystal Bird Fauset will deliver the commencement address tonight when thirty-eight members of the senior class of the Atlanta University School of Social Work will receive their diplomats. Mrs. Fauset will speak on "The Future of Social Work Under...</t>
  </si>
  <si>
    <t>                                           WHETHER OR NOT Donald Reeves blasts out any smoking drives today againts the Birmingham nine there will be hundreds of Atlantans who believe this will be "his" year. Friday afternoon, the sensational clutch hitter, swinging from his conventional southpaw stance, wove a spell over all on-lookers with three or four 400-foot clouts high ovcr the rightfield bank out at BTW High school plant--drives which dropped at the base of the...</t>
  </si>
  <si>
    <t>                                           "WoifiaTiVOay" Observance Proves Brilliant Event                 Female Leaders Gather At Liberty Sunday                 "Woman's Day" was observed           5- a* Liberty- Baptii- the past Sunday afternoon -Trith impressive exercises which included a. masterful address by Prof. Stella Brewer Brookes, head of the Clark University English Department, who * on the                 Ject. "Living Up to a Great Tra- ". At special morning services in celebration of the day laid aside to women. Dr. C. A. Talbert. professor of theology at Gammon Theological Seminary, had appeared as guest speaker, being presented by the Rev. B. L. Davis, pastor of Liberty. For the afternoon program. Mrs. Ida P. Henderson was presiding officer. Invocation was offered by Mrs. Jesse Thomas,  by touching musical numbers and a number of - speeches. MUSICAL FEAST Included among those making possible the truly enjoyable musical selections were Mrs. Willa McKinney. pianist: a trio from Greater Wheat Street Baptist : Miss Leah Under, who contributed a pretty piano solo: Miss Nolan, who led a  of the appealing Nesro spiritual. -Couldn't Hear Nobody Pray- and the Young People's Choir of Liberty BapUbt church. Constructive and well-received short-length messages preceding (Continued on rage 6. CoL                 "Woman's Day" (Continued from Tf* 1) the main address by Mis. Brookes." wife or the president ot the Atlanta Branch of the National Association lor the Advancement ol Colored people, were delivered by Mrs. L.   . Craig-. National Director of Young People; Mesdames Hattie Green. J. S. Flipper. W. A. Fountain. Sr. Georgia A. Washbum. A. D. Williams, and J. L. Robinson. City Director of Young People, along with, Mesdames VT. A. Scott. Sr. and M.   . "Walker. Past State President. CHALLENGING MESSAGE In her challenging Tnr^iag* In which she glowingly spoke ot the traditions of love, honesty and cooperation. Mrs. Brookes stressed the Importance or early  In the home and or fundamental lessons at an early stage in life. I The speaker urged that promptness ever be a virtue and emphasized the necessity for all to "find their places".   OF BALLOT -Women have power", the scholarly **~      professor of Clark University, asserted, "whether used or misused'*. Women, more than ever, should exercise the power of the ballot, she urged. The adoption or a. spirit which caused one to decide. That win have to do", or to otherwise recon- I rile fr*TTT.*  ** to , x*ns I                 flayed by Mis. Brookes. In her forceful conclusion, the speaker intoned. "Toms is great tradition. Women of Colored Atlanta; live up. to it."</t>
  </si>
  <si>
    <t>                                           "Woman's Day" was observed brilliantly at Liberty Baptist church the past Sunday afternoon with impressive exercises which included a masterful address by prof. Stella Brewer Brookes, head of the Clark University English Department, who spoke on the...</t>
  </si>
  <si>
    <t>                                           ASBURY PARK, N. J.--Stacing an "upset" that won approval from all boxing fell ... and puzzled coldman from contemporary sees ... Two-Ten Tony Calenta, ... and most colorful heavyweight in the ... is here preparing for his scheduled...</t>
  </si>
  <si>
    <t>                                           CORDELE, Ga.--... of the nation's most colorful Negro ... and high churchmen, the late Bishop Lucius Henry ... for many years the spokesman of the Colored Methodist Episcopal church in matter of policy, and more particularly in interracial...</t>
  </si>
  <si>
    <t>                                           I^^</t>
  </si>
  <si>
    <t>                                           NEWNAN, Ga.-- C. M. Marston, representative of Guaranty Life Insurance Company and Samuel McMeen, representative of N. C. Mutual Life were among those in attendance at the Atlanta Insurance Association barbecue held at Lincoln Country Club last week...</t>
  </si>
  <si>
    <t>                                           FUNERAL NOTICES                 ftU88B/-Mr. Willie Sr. pane*  way at a local hospital. Funenc announced laMr.  Funeral Home.-     -Mr Chorllc HU        hi*   Iuly 30. Funeral announced later. Haugabrooki. 6T8AD- The Infant of Mr. and Mrs. George Stead died July 30. Funeral announced later. Murdsuch Brothers. SHIELDS- Miss Inez, of 952 McDanlel street, sister of Mr. William Johnson of Sellers Brothers, died at a local hospital July 30 Funeral announced later. Sellers Brothers, McDaruel Street parlor.</t>
  </si>
  <si>
    <t>                                           Three Little Maidens                 "Three little maiden* are   ?"          * charming .  who performed t b*    number, "Humoreiquc". during the annual May Day FettivittCft at South Carolina St-    Coltrqt-,                            Lftwrencc MilU   * crowned Quern of May.</t>
  </si>
  <si>
    <t>                                           To Be Memorial Day Singer                 ''Miss Marian AiuI.t-.oii. shown Iiirr wiih       :.ny  rkr% during lur r.ii-nt Ea*lrr Day triumph in WasUiiistim.   . will lie     M.-.il D.~y (mm Sprinslirid. III.. LinioJn"- )    _. Hit  Mill carried J. iu^l-t"-      . ..i' i:u Muluj' l;i..ail. Si.lcm  lati"    ul 9 lo W.SU   . in.. (~ Sl:   !aiU Ouvlixlil I .</t>
  </si>
  <si>
    <t>                                           Dr. W. H. Jernagin In Plea For Youth                 Big Crowd Hears SS Leader                 World Crusade For Enlistment Of Youth Urged                 By REV. T. ARNOLD                 Dr. W. H. Jernagin, president of the National Sunday School nnd  Congress, delivered a powerful message Monday afternoon at the City Auditorium to an overflow crowd during the sectional meeting. Dr. Jernagin is                 considered one of the best thinkers in the Baptist connection. He lia.s traveled extensively in this and foreign countries. Speakluir on tbc theme "Youth and the Winning c,t Souls." Dr Jerrmeln  lhat 'Youth can win youth  their hopes, i dreams and aspirations are quite: similar In spirit." He said that the matchless result* ,   . tbe- of Jawvh. 8*muel., David :ind D.-nle). presented  style, is a real challenge t/T. of all generations to ca.it their lot with Christ. Hi sold further. "Their deep' must be n holy passion for the transformation of the  order rna for social Justice by the application of the teaching.-; of Jesus In nil  . Youth con do it because  Is challenged by the heroic. The Ufa of Jesus properly interpreted to the  of this Rrn.' wm draw oil men to Christ. If we who must piss the torch en to them, will  and preach \i1thou1. fear or compromise, their hearts 4/ill be sel  with a passion lor adventure anil for service in the  of th' spiritual Tne youth of  au.-.ors ;he '.. apologetic, timorous altitude or the church. 'A world crusade for the er. vout i ts     next  on tiie  of the Christ tan church. Into        we v.  preachers, t . Christian schools and all local churches. "The Christian  ought to rise to the opportunity and  of their   challenge student* to trv the  of the  Ui  d ."                 LAUDS YOUTH                 PR. W. If. JEONAain</t>
  </si>
  <si>
    <t>                                           Dr. W. H. Jernagin, president of the National Sunday School and BYPU Congress, delivered a powerful message Monday afternoon at the City Auditorium to an overflow crowd during the sectional meeting. Dr. Jernagin is...</t>
  </si>
  <si>
    <t>                                           -EDITO</t>
  </si>
  <si>
    <t>                                           WASHINGTON, D. C.--(SNS)--Rallies, roundups, inspection days, commendatory exercises, and regular old-fashioned commencements are only a few of the many types of recognition activities conducted by the Negro WPA Education classes at school-closing time as the total number of Negro adults taught in the WPA Program since 1933 nears the 500,000 mark.</t>
  </si>
  <si>
    <t>                                           STARTS TODAY! AU' SBA1* ! Adul's ChiMrrn CAPITOL i5c ioc J^^k^ S"*" 7 CAD TDC ^^^^fe 7 --1  ^^^^^r _il.j. ^'r' V  TH few-.,.. jK^~y a; R ]f 4jBK( V in a world that had f ^^    no pbcc for them fir ^^^J^^^T^^^K ...and wrest a living ^^^^P^r^V^    from pitiless streets! JHfXHL^Hf -On The Stage- i Big -Time Vaudeville Revue</t>
  </si>
  <si>
    <t>                                           Sutter would listen to Kit's tales with a strange look in his small eyes. He laid a stout, surprisingly small hand on the rough table.</t>
  </si>
  <si>
    <t>                                           COAL SUMMER PRICES COAL A-GRADE. TON  6.50 ASHBY STREET COAL YARD 295 Ashby St.. S. W.- T. W. Skclton. Mzr- Ra. 9303 SKELTON SERVICE STATION 295 ASHBY ST- S. \V. RA- 3303 G A S--0 1 L-WASfflNG-POLISHING 24-HOUR SERVICE GARAGE. and ROAD SERVICE</t>
  </si>
  <si>
    <t>                                           WORLD VISITORS                 Mrs. Emma L. Irwin. Albany. Go.; Mr.  Mrs. M. T. Kemp, Tyler. Texas; . L. A. Alexander. Knoxvllle, Tenn.; Rev. M. T. Crutchen. Knoxville,     .; Judge William H. Harrison. Chicago, In.; Rev. and Mrs. E. C. EsteJl, Dallas. Texu: Mrs.  V. Cobb.                 Uimhua, Ohio. J. H. DoJixn, Xulsa. C*Ia.; R. J. Jordon. KBnsM City, Mo. T. j. Wonvick. Johnson City. Term.: Y t! Kirk, Jamaica. N. Y.: Marshall A Tally. Knoxvlllc. Tenn.; Rev. S. A. Owen, Memohls, Tenn: Rev. J. M. Bracy. at Lou^i. Mo.: Miss Eliza Elzy, Louifvllle. Ky; Mrs. Elonor S'arK, Louisville. Ky.: Rev. c. H. Nicks, Lincoln. Neb. Mrs. Essie M. Franklin Atlanta. da.; Mrs. Lillian Lawson. Atlanta, Ga. LHUc Gloria Lawson, Atlanta. Oa.: Rev. L. T Lewis. Chicago, Til.: Rev H A. Captain,        . 111.; Rev. H D. Morris. VrtiU"; Plains. N. Y.; Mrs. Mattlc Joliner, . III.; Rev. T. W. Jacobs, Bridgeport. Conn.: T. H. Dvjclb:. Fftytttcville. N. C. Mr. WlUlard T. Plnn. New York city, N Y 'nh:i S. Savage. New York City N. Y. Miss Hattle L. Plndi;r. Chester. Poirna.; Mrs L Bennett. Chester, Honna.; Mrs E. B. Murphy, Atanta. Ga.: Mrs. Edward L. Coodlett. Atlanta. Oa.; Rev. G. J. Lane. Ty Ty. Qa Mrs. DUde E. Fuller. Mempnis. Tenn.; Rev. T. Puller. Mcinpl-ls. Tenn.. Rev j\V. H JeHriis. Memphis. Ttnn Rev. W. H. Meyers. Memphis. Tenn.: Kev W. Jone-.. CallUrvlllf. Tenn. Rfrr. Jncob W. Danuuons. Memohli. Tenn.; M H. Edwin Smith. B. D.. Provld-pcc. Rhode Islanc: Rev. J. W. Rhodes. Taaipa, Pla Rev. D Roberts. Ashcvllle. N. C: Rev. Pandy P. Ray, Columl)Us. Ohio;  H McKlr.nlv Cleveland. Ohio. Rev. R \v Burges. Balnbrldge. Ga Rev. c. J. Word. SuHolk. Vo Rev. C. L. Evans. Suffolk. Va.; VJ. H. , Danville. Va Fred H Vann. Danville, Va.: E. J. Hill. Amcricus. Oa.; M. M. Oondell.        , Ga.; C. M. Long. St. Louis Mo.; Mrs. Rebecca McCleod. Asn: burn. Ga. Mrs. Isabella Tobln, Oaffney S C. Rev L. M. Tobln, Galfncy" S C: Rev. a J. Wrlgh'. Bennett . S. C; Mrs. Ada McColluni BennettvllJe. S. Mrs. C Ooodgame, Birmingham Ala Mrs. Annie B. Blevlns. Eessemer, Ala.; Mr. B. J. Deane, Atlanta Rev. C. H. George. BlnnlnKliam. Ala.; Rev. J. A. WalMr, McComb, Miss- Miss Lucy Wheotlev, Montqomery. Ala.; Hey. E. McEwen, Mai?     . Miss.: Isadora Carter. McCarab. Miss.; Rev. F. W. Watson. Monroe. La.; Rev. W R. Prye, Lyndiburg. Vb.: William H. Dlnklns, Selma. Ala C. H. Rames. Selma, Ala.; Frank Smltli Selma. Aia. Rev. James L. Wynne, New Orleuns, La.; Misses Jannle and Elizabeth Jones. Atlanta, Oa.; Rev. A. J. Green, Roanoke, Alabama1' Hev. W. a. Smith, Birmingham, Alabama; and Rev. W. H, Perry, (Continued oa Pare 2, Col. 7;                 WxHMsitctti (Continued  Pace X) Birmingham. Alabama. Howard C. RccTwlne. Nashville, Tennessee; Rev. C. L. Galncs. Aufcusta, Georgia^ and Rev. E. D. Lawson. Atlanta. Dr. S. S. Morris, general secretary of Allen Christian EndeavoLeague. Philadelphia; Dr. a. L Pinkston. presiding elder of Nortn Nashville District. Tennessee Conference. AME church; Or. S L Howard, presiding elder Columbia District, Tennessee Conference. AME church: James M. Morris, student Fisk university, er.route to Quadrennial Convention, Jackson . Fla.</t>
  </si>
  <si>
    <t>                                           Mrs. Emma L. Irwin, Albany, Ga.; Mr. and Mrs. M. T. Kemp, Tyler, Texas; Rev. L. A. Alexander, Knoxville, Tenn.; Rev. M. T. Crutchen, Knoxville, Tenn.; Judge William H. Harrison, Chicago, Ill.; Rev. and Mrs. E. C. Estell, Dallas, Texas; Mrs. Ruth V. Cobb...</t>
  </si>
  <si>
    <t>                                           Paying a customary tribute to her illustrious lather, the late Rev George H. Dwelle (1833-1928), Dr George R. Dwelle was hostess for an elaborate reunion dinner Friday evening, 6 till 8, within the dining hall of the Dwelle Infirmary, 14 Boulevard, NE.</t>
  </si>
  <si>
    <t>                                           Attorney G. W. Chamblee, who filed the first motions for new trials in the famous Scottsboro cases, has raised the same questions now in Tennessee about the exclusion of Negroes from the juries in Hamilton County, in the case of the State vs. Dave Johnson, now under...</t>
  </si>
  <si>
    <t>                                           ANOTHER FOREST FIRE!</t>
  </si>
  <si>
    <t>                                           The first found of the round robin tennis tournament at Clark University presented an upset of one of the favorites to capture the title when Charles Parks. Practically an unknown, eked out a suprising victory over George Williams by the close count of 9-7, 7-5...</t>
  </si>
  <si>
    <t>                                           OR. C. A. CONSTANTINE DENTIST 68 P'trce 2nd floor,  t Aubur Phone RAymond 9:$30 THE B. F. Logan      i-uiN :  XCilooL SUPPLIES Hunter St.. N. SV. Atlanta. C.i. VISIT  YOB_ WORLD S  SPECIAL BOUND TRIP FARE *28 NEW  IN COACHES IN SEABOARD AIR- COACHES CimiI Clean Comforubl. NOW! FULL COACH For Colored Patrons on the "ROBERT E. LEE One Way Coiic* from AtlinU   1 BIRMINGHAM BOSTON MEMPHIS NEW YORK 1 NORFOLK  IIIA I a .U RICHMOND WASHINGTON Similar low fares to  poll fl. T.       .. A.C.I'.A.. 6i Lu Si.. AtUuin.         J179-:   3</t>
  </si>
  <si>
    <t>                                           TUSKEGEE INST., Ala--(SNS)--The Tenth Annual Jumpy and Senior Women's Track and Field Championships will be held on the Alumni Bowl on Friday afternoon, May 12. The afternoon program will begin at 1:00 o'clock, Schools entered include the Booker...</t>
  </si>
  <si>
    <t>                                           Glad To Be Back                 It's     he bark mi American soil." wis           . . Dukf ElUnff1"n. who on Muy It)              of European i- ~'th lit.  orchestra.</t>
  </si>
  <si>
    <t>                                           Commissioner Clift Davis, Vice Mayor of Memphis, and officials of the recreational department of the Memphis Park Commission participated in the dedicatory ceremonies of the new playground provided for race children on the athletic field of LeMoyne college...</t>
  </si>
  <si>
    <t>                                           Friday, July 14, was a big day In the WPA and. City Parks Twilight Softball League. The bicycle race:. for senior boys and girls were colorful, while the three softball tilts played carried a tremendous crowd.</t>
  </si>
  <si>
    <t>                                           IMfc    ' NKKIk MON KYT IVm l.tn-Uy  Kr*-p tt. You'll           \f Mfinry. Win Sutvrf.! In IliihlnfM. GiuncH.  I,.n^y Muttrrs, !~~~%* unil .Murrlnict*. Turtlt'itlurx for ;t . Writ*", lUt, 4:        SM*. N-  30 t . Ohio Your HOROSCOPE 3 QUESTIONS FREE AM) Know what your ( Stunt  tr*       your Trrwnt nail Kutuw. ~\  * Miu , * In  or chun^,   ml v lor In  bonio nt  .? l.rt I'ltOT. MKNttlN*        your    In the privacy of your home. Nrilil    mill UK' to drip  mull nmt to  1'HOlHKn^ 1\ 0. 11,. i 9?~3,             UUli'.</t>
  </si>
  <si>
    <t>                                           Landslide vote for ROYAL CROWN in test after test of cola drinks! Make a test of      drinks- the  Tajtc Test they re m  all over the country. Chances are your vote. too. mill po to  Crown. People say. "we like it better." "it has real flavor." "it has real zip.T Try Royal Crown today -wo full glasses for your nickel, six big bottles for 2^t. 21 S WHITEHALL JA. 1814 2 FULL GLASSES ^^7^ /"^^N</t>
  </si>
  <si>
    <t>                                           Hearty Welcome                 lilt. i.   - NABR1T Pioneer pa.rior for seventeen years of Sit. Olive Baptist Church { herr. Ilr. .1. M. Nabrlt  a I hearty  bj thr  i 1 lion ami lit* . tlw     \V. W. . upon nis  to thr: city fur tbr Raptht World AUlancr. Ilr. Xabrlt U         -  t Hie National Baptist Cunvriainn, Inf..         -nt .Vlmrim-i ItaptUt I ITtriiKiKical seminary in .\asli. . Trim., uml a member uf the executive  at the BapI  World Alltinre</t>
  </si>
  <si>
    <t>                                           PAjLY CROSS WORD PUZZLE /A n y/. is -A. //c t ZM!1 2^23 7-i.                 ACROSS                 J.Pet form of the name Jane 6. Sloping: roadways S. Verbal 40. A hawk s leash 11. False hair covering for the head 12. Cleave 13. Call to ati tract  14. Chinese coin tS.A kind of I flat-bottom boat 16. A game at i cards 17. Ono of the                 Sunda Islands IS. Classify 19. Forced delay 21. Opening in a fence 22 Homed  animal 2i. Exclamation of disgust 23. The body of a* banjo 26. Greek letter 27. Like 28. A fruit 29. Diminutive of Benjamin 30. Destitute of hair 31. Base 32. Live. 33. Hot                 DOWN                 2. Canal through Nov York 8. A horse A. Non                  5. A dwarf 6. A  1. Pronoun 8. A young branch JO Former,                 tal of Russia 12. Govern 13. Musical wind Instrument 15. The top m the head 16. Plunder 17. Girl in "Little Women" 18. A kingdom In Asia 19. Loose hang.-, ing 6 20. Travel                 21. Defend 23. Coarse jute sacking 25 Small secluded valley 26. Close 28. A comrade (slang) 29. Honeygathering insect 30. Exist 31. Third note of the scale                 Answer, to previous</t>
  </si>
  <si>
    <t>                                           Advises right                 Ol.r.. \NI'.- The ".ilv  t;~ - re.it     ( ion* .'ml  them rip lit is     fi^itl." t Lrrt'ii Ki.-hnp J. ?i. l-' in  ii:; ihr -tory ;til(      to the ; of tht*  of    I Alk-ii (~ Itrlri in  iu ri-. "I li;i\r biM ti ;i * all iwy Mi*. I **t:  nj(  when 1 u.is .1 - h*~~ :  (tut iU.it you Ii.im-  vi to ti-ht for a        .i!ilt-  in " i- (Continued on Page 6; Col. 7'                 ' I -v I I ..'K                 Advises Fight (Continued from Page 1) the senior bishop of the A. M. E. church, us he held the closes attention of elders, ministers and laymen. Bbliup Monore II. Davis of Baltimore was guest speaker at the meeting. Bishop Uavts said, "I will Co any where the A. M. E. central conference sends me. I am not  'lor South -        as I i long as Bishop Flipper wants to  here. The general church i .~ Bishop Flipper, and we are going to let him say where he  to go."</t>
  </si>
  <si>
    <t>                                           H Atlanta Jwn^A^rid edition ^^H^p-^^a The Nation's Only Colored Daily Newspaper VOLUME II, NUMBER 347 ATLANTA. GEORGIA. WEDNESDAY, JULY 19, 1939 w</t>
  </si>
  <si>
    <t>                                           MOST of the pre-landed fightsLottis-Raer, Dempsey-Car penkier, Armstrong-Ross and right on down the line usually neIr do come off. More ofilm than otherwise the fight that cre ated, no unusual stir among the Ample became the sort of figio that, happens only once in many months.</t>
  </si>
  <si>
    <t>                                           Tribute as best those who live after can pay was offered Wednesday afternoon at four o'clock at Steward Chapel AME church when funeral services were held for the late Mrs. Carrie Clay who departed this life Sunday morning at the home of her son. Zetter C.</t>
  </si>
  <si>
    <t>                                           Golden Texts In all thy ways acknowledge Him and He will direct thy paths. Proverbs 3:6.</t>
  </si>
  <si>
    <t>                                           L. M .B.--Please tell me if my husband is living true to me? If he isn't please stop him.</t>
  </si>
  <si>
    <t>                                           (fJ0H^I m ifc Anniversary _SALE I i IO-Picce Handsome Kcdroom Group SIMMONS COU. MATTRESS ~*~lrv iu:. r.iiic   ou"i;f""~,  'i;!l i'.',r..."r tv'.'r-i'^r  W ff?T  Ur oOM-r. I,. -a. room-. ~.o,  ?r "ii "^lk   n .n, ,vr,,,,.,i i,...,^, V ^F   at u,c i.iw j,r;  1 ,,t (,   _ -^^ lAMp.  S f Wcrfcfg 10-      Massive        Room Group OAVCXrORT OCCASIONAL    1X 3 i      LOIT.NT.E CHAIR 5 K.   7AIHt 2 l?          OCCASIONAL CHAIR ..- El OS  cry:lune   as ~)-a cn^ui -u.  *   living room  i^       r-  - Vk2 ^H^F .^H V     . Here's  n  Joi.ll bo  JW /^B tn     und        !r rn~^ ^1 Nor*     bit          :c d-  it^ ^A ^H_  ~-~ arm       and imm. ^P ^M ^H"   and   ::i Mr .     itn i,,. of -JBL Thmicht for your  m mini; 10 -~ '!~. only c  UMr. M,  SI Wcrkly I 65-Picce Complete Kitchen Outfit I-rc  r;~~;   decorated Uilcnm   W ^B ^H T 17 T/l"!^,'"1, t"         nd . -ft- B^aK H'm ~^i with  nno * is  Vi I^Bl^B ^B  arc -nd M.. -d V W BF  . a. kxtr* $J If     'f0</t>
  </si>
  <si>
    <t>                                           MOORE S ICE CREAM 15c- PINT- 1 5c AMOS DRUG STOKE Hunter At A.hby    6144 Cut Me Out:--"name and address lo "SkinTrcal", 400 I'cacllicee Arcade Atlanta. Enclose 10c only. Itclef from Alliltle* Kool. Puts Sotcs. Hill. Insctl Riles. Fcrooves C'onts and C'allousc'. _^fi^~. L At D*oy mrm A          A* '                 tiW  tf Dr. MO- Aatl-Pa* PBU       or*  m  jm Outfeicxi from         ^ I ,          , Backache Sciatica, Rhcunsatism, Tjni^ii^ Xnsitli, Hnsculsr Pafaa, PsW I adfc Pains, write that thej farr* wed Dr. Miles Antl-Paia Pfflj with better  than      bad en hoped for. -Coantkaa American hoose.  would no mar* Atufc    keeping boose  Dt Idles Astl-Paln Pills than         flour or sugar. Keep a package tn your medicine cabinet and Mm yourself needless suffering M Drug Store*- 25c and     i or. t5    ^^^^^ jUm-PAlH PHIS' Oriental Cream t ,TW mi Wort "*S5 ,thr mafa* 4   . No K tZ ( oS-lm ^ V up. A trial win . wk^/ j^^</t>
  </si>
  <si>
    <t>                                           WHERE THEY THRIVE</t>
  </si>
  <si>
    <t>                                           1 DO YOU WANT_J</t>
  </si>
  <si>
    <t>                                           THERE'S AN old adage to the effect that a leopard can't change its spots. But Jimmy Powers, sports editor of the New York DAILY NEWS, provides a fine example of one which did.</t>
  </si>
  <si>
    <t>                                           Terrific Heat Too Much For James Stokeley                 At k as' one  was iri-JItd Tor Ul r(;~xl: fcom Ihe  heal I Wediifbduy :nvi two in llic 6v.al- I lotting of ma..ac objects. James Slokele;., 33. oi 331 Corlejr Avenue was reported lo  UU- i en out under I he ; down oi                 "Old Sol." Hr wt s given  ard i treatment nt GrneJy Hospitiil j X-R;iy of 'wo-vcar old David Brown, of 84.) Creenslerr Avemi'.1, 1 S. W.. revealed that a button  a-~ apparently  Ittstctc his abdominal cavity. Si ran Moorn. ol Blickhead, wus given ! and   she  tn Grady that  h:td swallowed n  pin. Gasr Costs Man Sum Of $15.50 The old (Um- lob bbb  on Clltford Hull Jr., ol 499 Rackiren street. S. W., Wednesday morning und resulted In his loss of $15.50. Hall sold he     victimized roar the  in' For. / Mltrhel) Streot.s,                 .MERCURY HITS 37 A new high for thr  rar was  yesterday  a Ruling tun sent Hie  up to 91 decrees.</t>
  </si>
  <si>
    <t>                                           Bombing Plane Is Sent To West Va. Training Field                 ..INSTtlCTK. W. Va^-~S N A Inw-. gii metal,  plane has been  at the Wot Vlrsiola state CaOece (oi use in connection with the {round  at  in aviation. The  i* a Curtfcu Attack Bomber, low-win,, wire braced,  with Cnitbi V  rated at 600 r-.</t>
  </si>
  <si>
    <t>                                           Atlanta J^^World  "'  *r V i *'j"wC*~f*~i'~* I* 1* News" The Nation s Only Colored Dally Newspaper volume I r.^UMi^Hf"" Atlanta, Georgia, MONDAY. JuWri?:~ Price Five Cents</t>
  </si>
  <si>
    <t>                                           Fire Damages Building; Man Hurt In Leap One  was. . n  strop almost totally destroyed ;ind a.*.ot:iL-r )  oy Miiok.' Jir.s  i.-.ir!y Monday morning when lire brr.ke out at the  corner of D.Kutur and Cen.rai Slnwts. Aecordine to :cc. the  out Jn a  shop at 3B Central Avcnw. S E.. -d by Oler.n F^liSn.- p: J4 1-2 Central'. Tht.- :'     :i1. .v ^d. Th..   at 6  UcraUir Strrct    !r: by WlUkim 3r..~~Bi. S78 Connally     ..t. wa.s  by .smoke and . Jamc-: D:  '  . 31. ot 5* 1-2 Ccatral Avcmm. S. E.. -~ho ~:is   Die Jjr.- . reported!;. d cut of :i window and n.jur^i his U-rt knee.</t>
  </si>
  <si>
    <t>                                           TIM TYLER BySuIliij                 FELIX, THE CAT By Lyman                    5 DARNIT By CKa8. McManut                 IT S A GREAT LIFE IF YOU DON'T WEAKEN Bv Jack Rabwt                 By Cy Hungerfdrd                 HAIRBREADTH HARRY</t>
  </si>
  <si>
    <t>                                           BeeninaDRAFT? gargle Listerine Like wet feet and ,  weaken body resistance so that germs associated with col da may         hand. Help Nature to overcome those  by jar* i Cltne with Listerine Antiat'tnic at the first symptom of un irritated  or an oncoming cold. This pleasant precaution. taken promptly, rany  you lone. uu pleasant stc^e, Lambert Pharmacal Co., St. Louis, Mo. Kills  associated with colds</t>
  </si>
  <si>
    <t>                                           Screen I Stage! Jehn .Oarfiald H..0lln. Acti T/2L V D V 1 L BLACKWELfS RmTT'sSooI ISLAND" Prologut! NEVER BEFORE SUCH VALUES A MIGHTY g %s  f brand new Regular S3, $4, DARK Summer Shoes Don't miss oat F^^H on thest MAR- ^^H VELOliS VAL- ^H ues ^H BLACKS n ^H BLUES X^^H/ BEIGE with ^H    FRESH ^OmxIA EARTH and ^^HP^ others also a ^^Ml feu-  ^H ! ^H HR FnH-Fashloned SILK HOSE 'Evtry pair per- M feet, (n all tbe/T n best colors. Salo"X I price only (2  90e) 5 th Ave. Shop Beautiful Shoes 2  ST.</t>
  </si>
  <si>
    <t>                                           Atlanta Jl^P^Wbrld PubUihed DAILY and SUNDAY at 210 Auburn Avenu* fly ATLANTA DAILY WORLD PUBLISHING CO. I' Telephones: WAlnut 1459- 1460 Member of SCOTT NEWSPAPER SYNDICATE .V Established Aug. S. 1928; Became.. Dally March 13. 1931  W. A. Scott, n. Founder and Publisher, Aug. 5, 1928 to Feb. 7, 1934 -Entered In the Post Office at Atlanta, Ga, as second-class mail under the Act of Congress, March 3, 1879 C. A. SCOTT General Manager CLIFF MACKAY Manoging Editor  L.  Associate and Snorts Editor DAILY:- 1 Year. *92S: 6 Mos; $4.73; 3 Moss $2.50; 1 Mo, 90c t 6 ONLY:- 1 Year. $3.00; 6 Mos, 12.00; 3 Mos., H2t Canada: 1 Year. $4.50; 8 Mos, S2.7S; Foreign: 1 Year, 13.50 National Advertising Representative: W. B. ZIFF CO ..808 S. Dearborn St., Chicago, 111, and 381 4th AvC. New York, N. Y. The ATLANTA DAILY WOULD is an independent newspaper-  and non-partisan, printing news  and. supporting those things it believes to the interest of its readers and opposing those things against the interest ot its readers. Address ALL COMMUNICATIONS to and make CHECKS payable to ATLANTA DAILY WORLD rather than to individuals. The  expressly repudiates responsibility for return of unsolicited pictures, manuscripts, etc. unless sumps arc sent. I</t>
  </si>
  <si>
    <t>                                           JACKSON, Miss.--(ANP)--An elaborate and well-planned outline for a dietotherapy program to combat the widespread malnutrition among the plantation people in the Mississippi delta recently approved by public health officials in Washington as an effective step...</t>
  </si>
  <si>
    <t>                                           NOBODY swill be surprised this fall if Florida should get away to a grand start and tuck the first series of contests snugly in the win column. The Floridas are a known quantity ... they are suprosed to win.</t>
  </si>
  <si>
    <t>                                           Percy (Coot) Barner, Colorful Character, Is Laid To Rest                 Glowing Tribute* Paid to Man Known the Country Over By High Federal, State Officials                 By LUCIUS JONES                 One of Atlanta's most, colorful characters, certainly one of Auburn Avenue's most beloved ones, was laid to rest Monday afternoon in South View cemetery following a touchingly brilliant and largely attended public exercised at high noon in Big Bethel A. M. E. church for the late Percy (Coot) Barner, with the Rev. D. T. Babcock officiating. The Bifr Bethel pastor s funeral sermon was  and filled with pathos.                 Assisting Dr. Babcock in the sad ritual were Presid- j  Elder R. E. Roman of the Atlanta District, the Revs. John Harmon. William Holmes Borders and W. F. Paschel.                 The atmosphere of sincere lament In which the  or more than 300 sorrowful Atlantanx was enwrapped was heightened to the  or        _ by  Nellie S. Eavis' and Wyolonc Pulliam. the Revs. Lewis Foster. Sr_ and W. F. Cox. Glowing tributes were paid Iho  major domo. waiter,  and caterer who was known he country over by high federal and .stato - officials,  opera celebrities,  and            lender.;, and  p#          from ^1! walh.s of  )iy lib: i las:.      . C. A. Pillliam. ,-~nd by Mrs. J. I.. Tooner. *. cf the Atlanta CJRslitutlon. MANY- TKI.EGitAMS Socrrs of k-k-   "nr, and . of condolence were lead by Dr. Roman, while funeral wreaths studded the : in which lay "Coot" Borncr'x Jast remains. : cr the   In which he was held by leading white and colored          and friends from c\ory  in life. The Kinlfy Conipany was in  01 funeral proceedings and interment v.u.; at Ssuth View cemetery. -Coof Earner died Wednesday. March 29.  a brier hospital illness.     was r,.( -as a past master in     an of handling bie social functions, whether as a footman, butler, cr waiter. He knew Ihe catering art from the ground up and was ::t ho^ip. whether officiating at rr.-nn -a or at socially   v  flrst-!;. "Coot" Ban if- r v.-as also a                      sportsman. He loved  best of all. but boxing and football were close In his personal esteem, while any line of sports found him a warm and enthusiastic follower. BIG HEARTED MAN The late Percy Bamer had a 12 cut. infectious .spirit. lie was  and human. His broad son-sr- of humor and willingness to  on the slightest provocation won him ihe love and admiration and friendship of more friends and woll- than lu- will nw know. Auburn         \~ill miss "Coot" Barnor. Mcn like John Parks. Dan RCbinson. Baby Logon. A. W. RusselL Eic Smitlft Albert Watts. Ras' Erown. Doc Fuller. AJex Ilanvy. Bob Freeman. Mack Prj'e. Fred Williams. Horace Sinclair. Dr. J. B. porter and the inimitable I. P. Reynr.lds will miw him most. He was a monument of . BCodwill. . fine -. nnd dyed-U'-Uio-M-ool sport*fanatic to them.         it was a "Miyor or AutiUTi Avenue'1 contest, a "World S;rira Funeral." a "Liar's Contest." rn -Auburn Avenue Church" with a mythical pastor, or a big pay-olf on n sports bet where the loser  have to Jump from the belfry of Bl? Bethel church, the late Fcrcy        Barncr was pan and p. of every such Auburn Avenue enterprise. A local white .admirer inquired  "Coot" Barn^r r.  Monday    ;ht. When informed that he had already been buried, the  on Page 6, Col. 8)                 Percy Barner (              I) -d gentleman shook his     t  and  and old In a wistful manner: -Old Barney TV mo madea lot of money together on the,-way up:    sure knew Jtov to handle  Important folk at bin occasions.'' The admirer was tight. "Ook" Barocr knew his  wen. He knew sport* well. Whatever "Coot" did. he  did it  It was evident that he believed la that old  who once send. -Even if you hove to be a -. try to be the very test there js." -Coof Buner will go down in Atlanta  as the. No. l major domo. Bb  paging-~ct while ..spotlessly garbed m  -   - win bf  h#re  the years.</t>
  </si>
  <si>
    <t>                                           One of Atlanta's most, colorful characters, certainly one of Auburn Avenue's most beloved ones, was laid to rest Monday afternoon in South View cemetery following a touchingly brilliant and largely attended public exercised at high noon in Big Bethel A. M. E. church for the late Percy (Coot) Earner, with the Rev. D. T. Babcock officiating. The Big Bethel pastor's funeral sermon was sympathy-invoking and filled with pathos.</t>
  </si>
  <si>
    <t>                                           Ministers' Unions To Hear Community Fund Officials                 By J. C. McMvCRIES                 The important role played by j tlw ministers in community enlightenment has Been - by leaders of the 1S3S Community Fund Campaign. Tue Interpretation or toe Community Fund Campaign to the  at-large Is the  step in the approach that                 is now .   of local  xn   as teachers la this educational campaign  is yh^ to      up 'to the fin-.n^.1 orive ]q . . Through the   (Continacd on Fife 6. CoL C)                 Ministers' Unions  Coatinttad from Page 1) as The Christian Council", the local \ minister., ue cooperating with     leaders of tat Community Fund. Special literature tus been prepared for use In connection with' church "services. Thi* literature   ii:~~ti- -sermon. outlines, responsive reading, and source material on the purpose. Inaction, and program of the 33 agencies  by toe Community Fund. The Ju^'ocr who accept the responsibility of : leadership in the campaign-, may receive supplies of this literature. Bicouragetl by the ready.':          of the whiLe  of the city, the Community Fund officials will visit the Negro ministers- unions toda;. mi. W. c. Hams, general chairman of the 1939 Cimnnicn and Uk Rev. H. L. Turner, a member oi the Community Fund. ExumtiTe -Committee, together with Attorney A. T. -waldes. Dr. T.\E.. sOarer, and the Tcriter. are scheduled, Jo  the matter' to the USE Ministers' Union. at BiK Bethel AME Church today' at - Following the presentation at toe-ASE Stinisters- .- the committee  .~{sit. the Baptist -MUUslcn^TTnion zf Wheat -Street' Baptist -.Church. The third group to-.'be -contacted is the Inter-denominational Ministerial Alliance which meets at Central Methodist. '. It. Is hoped that the  ' to each in an 'effective "manner.</t>
  </si>
  <si>
    <t>                                           The important role played by the ministers in community enlightenment has been recognized by leaders of the ... Community Fund Campaign. The interpretation of the Community Fund Campaign to the public at-large is the first step in the approach that...</t>
  </si>
  <si>
    <t>                                           They Direct Destiny Of Three Million Dollar Institution                 Members of the Beard or Directors of the Atlanta Life Insurance Company, with home offices at Atlanta, Ga, at the recent annul  heard that approximately $800,000 had been paid oat by the com.                 pany to policyholders. Picturca reading left to richt arc A. F. Herndon. IL George W. Lee. L. n. Haywood. Mrs. A. F. Herndon. E. M.                 Martin. H. W. Russell, W. H. Smlti and F. A. Toomer. (Photo by KeUyji</t>
  </si>
  <si>
    <t>                                           GEORGIA was ably represented in the Twenty-Third National Championships of the American Tennis Association at Hampton Institute by Marshall Arnold of Atlanta, representing the Adolphi Junior Club, and Joseph King of Dorchester Academy, McIntosh, Georgia, who's a native of West Palm Beach Florida.</t>
  </si>
  <si>
    <t>                                           FURTHER NEGOTIATIONS EXPECTED IN EUROPE</t>
  </si>
  <si>
    <t>                                           Please send me a grambling hen immediately I will send your money for it as soon as it wins, whatever price you charge. I want it at once please.</t>
  </si>
  <si>
    <t>                                           When Poisons Slow KIDNEYS and Irritate Bladder Flush Them Out For 35 Cents         *tr  today  sd ret (hi* tmt* i*  -l(t and            and MtlxiiaiMnt  for Oo(d -MrdU. Haarlem Oil     *ul*~ aud  at ear* t*  Ictdn^yM mt  ra*   UMtttM*  with arid* an4 *. That'* t quirk and *      ** way   *      briar about   kidner  mai  that bladder Irritation with       palmar* with Mtnartltfr and     w*11 a*         *. Rrtn^ the     #y* *ften   m*  m* th* *.  t       ~)           of kidney * mar     -  up   Ihf    "X ^r^ -    1oju But         and  COI.D .  (XI r^ the  and r*no!m*;~ rt*ht from Ilarl^m t* Holkind-  hr.~tr1    U -n mil  33 -). th*  *  fulfil  oar .</t>
  </si>
  <si>
    <t>                                           Sing Gospel Songs I'll Toll It Whwer I Co.. 10c Preciou. Lord, Take Mr Hand 10  How About You? 10c Send Orders To THOMAS A. DORSEY 755 Oakwood Blvd., Dept. C Chicago, Dl. ...WHAT TO DO WHEN YOUR HAIR LOSES ITS COLOR If your hair is gray, discolored, faded- don't despair! let Godtfny'iLuriiust come to your rescue. This quick-acting, easy-to-use hair coloring transforms dull, spirit- less -yes, even gray fair with new life and beauty. Your hair once again will be uniformly . It will gleam like silken threads. And the color won t rub I1 off or wash out! Ask for and see that you get Larieuse, the hair coloring iq the RED . If your dealer can t supply you, send $ 1 .2 S () direct to "~LJJ i HAIt COLOtING 35 1O Olive St. St. Louis, Me.</t>
  </si>
  <si>
    <t>                                           The Independent Saving Club of the American Woodmen met with Mrs. Ruth Hunter, ... Hunt St. The officers of the chub were installed by Deputy Nicholson of the American Woodmen. W. C. Crumley was enrolled as a ... member. The next meeting will be with...</t>
  </si>
  <si>
    <t>                                           DAILY CROSS WORD PUZZLE I2 I3 V/X* I5 I I6 I7 Is 1^ III IZ1 III i i! ^i5 ^2  YZ 21 22 25 26 ^27 ^2S 2T ^5O 31 ^32 33 3M ^35" ^^~6 ^M     (s*(, 37 3S 3^ i 1 I 1 1 I I x/A 1 I 7-31                 AC IMlntnJ spring 4- Leaders of church  !lO. Writer U. Crack, a*   2. Frozen water IS. Actions (tow) IS. Japanese saah 18. Northeut (~bbr. IT. Variety of the ray lS.ExUt SO.Slenalaf  Ustress SI. Town In Flanders. Belgium 33. SpUt pulM D 1. A godly penon S. A shade of red 3. Devoured         for                 BOSS 24. Not Ui 25. Quick 27. A section of a play M. Cry ot pain 30. Decease 32. Symbol for  33. A doctrine 35. Cloth measure 38. Highest note of Guldo'j scale 37. Weaving machine 39. Person or thing supposed to bring good luck 40. Dozes .) 41. exclamation of disgust OWN * 5. Region 6. Tierce (~bbr.l 7. Exclamation 8 Groove cut                 the "dge of a body Watches secretly 14. Pigpen 17. Firm 18. Era 20. Juice a plant 22. Track worn by a wagon wheel 23. Capital of the Yukon territory 25. Ruffles                 26. River in Scotland 27. Collection of  28. Tract of wasteland In Great Britain 31. Egyptian dancing and singing gtri 32. Lash 34. The cry of a cow 36. Five-franc piece 38. Symbol for molybdenum                 Answer to previous</t>
  </si>
  <si>
    <t>                                           Car Hits Pole As Two Die                 ATLANTIC CITY. N. J.-                 SNSi-                 Aii eighteen year old firl and I'mir  old buby mil tragic  Monday whin the automobile which  were .B li MClc-d toward this city on the WiilLe Horse Pike, crashed iiit.o a i      . Two others in the cur escaped with seven; injuries. Tlic /.tract ;     Miss Consfantrc T:uill. 18. "I 1!IO7 AlCliu Avcmii'. il-.is dry :md Lorniinr Johnson. 4. oi the 1300 block F'tilion Strci-i ]i:i-ok'.vii. X Y. Witnivsirs say ihu;. IJu1  people  ^ Liu\;i'.:r v.  :ud for a c!i::ul,r hour Ij'Toi-c ^u.- K:\., ii::(l(.TLij Several  jj.ss^ed tlic ~..'d mai .     failed ic ~.t(~:i The driver of ihi" lar. ;;imin Jf)lin.-(~n. .\.(i abrasions -.1     ;i lit:.--. !3 s '. Ooroihy.        .-ci     :*al ijO iy  antt a possibl1*  Irit .-.-r. Tiny arc   ar-im.; uf Hie il:-.i(i i-. Alli-r bcii:,: :i*'-a1ril. John.-.on v:'.-. . stt-cj Ijv JJo!irr  tn a -r J':x:: by Mr. lv.~Mwllu. (.~Mllity   -'""~-r.  !li:il Ihr vi! i:; ui"-il Injiii fi. .~.knit. l-'Miflal -..-. IjkIii Vli'liln-i ..~fp Jii-lu Tlliirsday at 'J p in :iom Mm- Flippini;</t>
  </si>
  <si>
    <t>                                           SMITH, Mrs. Mary--The friends and relatives of Mrs. Mary Smith, the wife of Mr. Eugene Smith, are invited to attend her funeral this Sunday at 1 P.M. from union Springs Baptist Church, Morgan, Co., Rev. Johnson officiating. INterment.</t>
  </si>
  <si>
    <t>                                           Forty Memphis Families Routed By Friday Blaze                 By JAMES II. . JR.                 MEMPHIS, Tenn."                 -(SN8~-                 One or tlie most disastrous nres to occur this season took its toll In Injuries, loss of property untl household goods, when on old frame tenement, housing about forty families, caught nre Friday afternoon, September is. The fire occurred at 3SS 8. Second Street                 in a congested slum . and only the heroic  ol the File Department kept the blare Irani spreading to the adjoining Irume                 ii iU  nnd ; greater  and possible los- jf life. The fire' apparently - In the apartment of Mrs. Bertha Ilvarcl. who gave tills statement to the reporter on the scei.e: "I lind just about   darner when I noticed lots of smoke In the room. I looked up mid saw flame? shoot upward. Before I could realize what was happening. the whole ; seemed to bum ns If It hnd been saturated with . ,t did  have time to                 gather any ot my .il  but dabbed out into ita street to safety, screaming us I ran to warn oU.er tenants.'' The building, one  ix of a group or two-story  that have been built over t"~ty years and should have been LOiidomned many years ogo as ~^ and unfit Sot habitation, represented about the lowest love) In living accommodations. In some ,  o= Peyo gol, 4)                 Forty Memphis (Continued from Page li eight und ten person;, . m Ihc j l.wo room apartments with no : conveniences. Hurt the ilr* i occurred at night, undoubtedly v i score or more persons would  burned to death, so rapidly did the j llame., spread. Fortunately at that time of day and especially in the hot weather, few        were In the building. Mrs. Frar.lue  mid a small unidentified baby were  e- I  burned  rushed to the John GaMon Hospital in a R. S. J  Ambulance tor emergency treatment. Two firemen were overcome by  and injured by ; limbers. l Or mote than an hour the Fire Department fought to keep tlic blaze uncer control prevent it from  to the oilier tenements. The building burned like tinder and ail possessions wire lost. So rapidly did the Ilatnes ~-pread that many had to  their way to safety  a burning inferno Mm. Virginia Williams, aged 68 and band, living with the janitor and his . was  led from the building, but lost everything even her Old Age Identification Card. An infant in a second story apartment     heard screaming and a Mr. Thorn, f.s dashed into the ; building and tossed the baby into the arms of an * spectator. Among the many who lost their possessions and ; escaped with their lives were the following: Mesdames Bertha Heard. Mary Warren. Virvinin Williams, Mary Holmes. Erina Bcrsen. Jessie Jones: Messrs. Prankie RJiodcs. Henry Johnson. Sam Webb. L. A. R.- Davis, and Dave Gluss.</t>
  </si>
  <si>
    <t>                                           One of the most disastrous fires to occur this season took its toll in injuries, loss of property and household goods, when an old frame tenement, housing about forty families, caught fire Friday afternoon, September 15. The fire occurred at 368 S. Second Street...</t>
  </si>
  <si>
    <t>                                           Atlanta Wn vl A ep T Q n The Nation's Only Colored Daily Newspaper 7 I  Z. Price rive L-ents VOLUME 12, NUMBER 3!l ATLANTA. C.A.. THUItSMAY. SBPTEiMKEU 14, 1939 W</t>
  </si>
  <si>
    <t>                                           This year, in the Social Service Department of the Grady Clinic under the super at ... Miss Ann Chamberlain. white, there are scores of undenosrished colored Children, sent there for milk.</t>
  </si>
  <si>
    <t>                                           T. A.--This man I'm with seems to stay his distance with his money and I don't get it like I used to Now I am no angel and I am not bad, but I want some understanding about this matter please?</t>
  </si>
  <si>
    <t>                                           To Hold Rites For Mrs. Sadie Jones                 Mrs. Sadie Jones, wife of Major Jchn Wesley Jones, of the third Georgia regiment of the Knights of Guiding Star of the East, will be  this afternoon at two o clock from St. Paul AME church.  t was announced last night. Oiricers or the third regiment and the military division of  will assemble at the church this afternoon at 1:30 o clock. Major E. M. Dswson. Sergeant J. T. Thomas and Colonel Ed Shorter  will op In - of       .</t>
  </si>
  <si>
    <t>                                           The forty-third session of the Atlanta district conference church school and Epworth League convention of the Methodist Church was held in Powell Chapel Methodist. Church, Burns Circuit, Newnan, Ga., August 9--13.</t>
  </si>
  <si>
    <t>                                           ^^Bmm^jBk Tiir NEW ^5p FAMILY SHOE STORE' For Atlanta i j     ON THE VIADUCT 'Where Whitehall and Peachtree Meet" Introducing the * shoe buys Atlanta     ever known. Smartly styled women1! shoes for every purpose I" Men's dress and   Children's shoes for play and school. Remember, our prices are LOWER because we sell more \%. shoes! ^^MW^K^f^^. n stores  ALL OVER ^^^L^^Sl^S: THE SOUTH ^AnTu^HF -~:'-j_/: 2 HERE IS A SIMPLE, EASY WAY TC COLOR HAIR to Alluring New    ^JET BLACK BEAUn j^JSW^ ^^W If :vour hair i W?  HIT! V I DULL.  GRAYING V-n^\ DISCOLORED, it you can.;t. afford to pay big! ^Sfcv \V, prices for slow working hair dye?, HERE'. Nj^ ft V GLORIOUS NEWS! Now- for only 6flc  ~\i \1 1 fi" the simple easy home treatment the  VL instant working. BLACK DIAMOND JE1 ^0^ BLACK HAIR COLo'RIXG. Just one  ^^^~Hb application of  famous hair coloring will pvi ^^M^B l our hi;r a "I6*  ble-JET BLACK, beauty-" ^^Hf nV. BLACK DIAMOND makes the hair look soft ^^HHfl V smooth, lovely! Try it TONIGHT- sec for j-Qurttl  I^SJI^r how one quick application can bring new Jc( B1 ^QB^K^_^j3 beauty and loveliness to your hair. K" ^. DIAMOND U .~old on uu -claU Moucy      Guarantee. Just test it in your own ,  if alter one simple application your hair isn't more beautiful, JET BLACK and LOVELY- if you arc not      30 entirely satisfied and delighted, just return it in 7 days and  3r get your money back without question or delay. Be sure  to  the genuine, the one and only  j DIAMOND JET BLACK HAIR COLOKlNC. BLACK DIAMOND^ JET BLACK HAIR COLORING mSM (Containing a coal tar *) ^MHlBr Mail Orders Filled/ If your druggist doesn't hive BLACK DIAMOND HAIR COLOR. ING,, send 60c to the address below for lull she . The money back guarantee holds good. If you are not delighted, return the unused portion in 7 days and we will pay back your mo without question or delay. ACT NOW! Address BLACK DIAMOND CO., Dept.  OK 337A CHICAGO, IllMOt</t>
  </si>
  <si>
    <t>                                           RATING THE RECORDS                 By FRANK MARSHALL DAVIS (For ANP)                 " PINCERS                 It's pretty generally .- tint I Mcade "Lux" Lewis. Albert Ant'  and Pete Johnson nrc the  exponents of   piano technique. Two nc* discs give the 1 ringers ol  specialists a chance to slum Ihcir technique.                 For Blue Notes Records. Ammom  Lewis team up on 12  oi improvisation titled TWOS \~\'D FEWS. Lewis, who wrote Ynticey Special and Honky Tonk Train Blues has z. left hand tech- :;:e that signs everything he  while Ammons is almost as indi-  with his right. The result. with both men working together, is a terrific per:~,rn:ance in boogie vein. The coupling is CHICAGO IN M.TND. a slow moody straight bluet by Ammons ali.nc. For those whe want the best In present day jaza '.Irs record is a must item BOOGIE WOOGIE BOYS Pete Johnsons contribution is or Vocalion. aided by the Bookic Woosie Boys with Joe Turner^  blues s-. handling the VJ.rals. Titles .irn CHERRY RED a.id BABY LOOK AT YOU. Both sides h;lvc the foci of a nicked crin -it,  ni.  (he  j Hows like :int. water. Several former Count Bar-ie stars. i!ot      Fise. Bus'.?r Smith and Abe Bol=rr. ere on t ic disc with Eddie D0U511.   Lawrence Lucle. Woody Htrman's rapidly lncr asin? fans c-u;ht to like DALLAS BLUES and RIVER BED BLUES both in different vein on Dccca The li:st is a medium tempo Jitterbeg special - the second is about as slow as they get and becomes almost a K"'tar solo. .Two ballad heated Up are OH YOU CRA2Y  and THIS HEAK Or MINE by Al Oonahye on Voc?.If ycu like these tunes, youll like this disc. The Milt Herth trio (not the one now .    has a hi.*, novelty version ol  LOVES MY BABY with O'Nell Silencer ; anci  with Billy Kyle stroking IIic piano The other side of this                 wilh Toddy Biiiin  on c"i j t. is the I'Vts Wnllrr opus THE Sl'lDER AND THE FLY. Sound:  ! KICK U1DES AGAIN Your si .*  Henry "Red' Allen  today as lie did in !!~L'!~ cm IT SHOULD HE YOU anri pr. PAUL, a Bluebird rets.  uc. JrenriiiK his lone, technique r.iid ideas on Ihis double, you car. understand why some critics have j  him second only 10 Louis A-.m.strong. J. C. Higginbotham. A; Nichols and Charlie Holmes also I distinguish themselves with terrific solos Believe it or not. but Har- I :y Jan:rs blows his trumpet ala Cootie Williams in the nostalgic I MELANCHOLY MOOD on Brans- i wick, and in some moments the whole band sounds like Ellington's The coupling, popular tune titled I FROM THE BOTTOM OF MY i HEART is n-.ore in traditional i %'times style. Mark down Count Bas:e's Decca i OH LADY BE  nnd YOU CAN DEPEND ON ME ns one 01 itis best. Although the Count -;'.l occ^       Fa^5 U'allirifh cm Hip piano, lir and  vi;ry r-. :hr )~ Ihritlinc wii.li Lwtcr Y'JunK 2 him.'.'.II on Irnor sax ..Bluebird ti\~ ~.Uv.ii   ?is i\i--il Jour Louir. Armsironn side:-. DONT PLAY ME CHEAP !J3;   ,iud dOME 5U.'L'tT DAY     3~; 1 HATE TO LEAVE YOU I93L'~  THATS MY HOME HS3LM. The  title, best ot the I'jur, i5 Ironi a previously unused master record. I am enthused  all of Saichmos vocals and trumpeting but the other instrumental,  sts leave me cold. 1SING AXI) CONNIE Ding Crosby and Connie Boswetl vs.f, ot the most compelling  on wax, team up on a couple b.-;; for Docca. AN APPLE FOR THE TEACHER and START THE i DAY RIGHT. If you don't think Ui"-"e arc the goods, you ve got another thought con:lng. Unfortunate- ly. these aren't on the same plat- U'l. STILL THE BLUEBIRD SINGS accompanies APPLE and NEIGHBORS IN THE SKY is the coml;;. to Start the Day. both                  by Btag. Hc also has another disc  also. A MAN and H,g DREAM plus GO FLY A KrrS II Uils croup doesn't please Crosbj luns, notl.inK will. Kay Kysor  Ui*s nil  by the latter . His Brunswick has Harry Babbin . Tliesc tunes, ', arc mainly from Crosby's new .'Urn. "The Star Maker." Best of the recent date records b Rosetta Howard's Decca ot THE JIVE IS HERE and MEN ARE LIKE STREET CARS- Bte Bill's Vocation. or YOU CANT WIN and KEEP ON A-SM1L1N.1 and Franklf "Half Pint" Jason's Decca of YOU CANT PUT THAT MONKEY ON MY BACK and ' CORIflNK. -nils   with ox-'  New Orlcnns stylo</t>
  </si>
  <si>
    <t>                                           It's pretty generally agreed that Meade "Lux" Lewis. Albert Antmons and Pete Johnson are the foremost exponents or boogie woogie piano technique. Two new discs give the ramblin fingers of these specialists a chance to show their technique.</t>
  </si>
  <si>
    <t>                                           HOW TO LOWER YOUR  Dll I C ASfiMWDBYSSO                 ! Oat of 1,000 Men Who Sampled Old Quaker- Note 3 Years Old- 9S0 Pronounced It a Wonderfully Rich, Smooth Whiskey- Despite Its Economical Price! KjJ Wo wanted to know, what impartial strangers PINT /*2H would think of Old Quaker, so we sought out 1 .000 $ j"Sj men and poured each a . "Smell it!" we said.         -1 "Tastoit!Drinkit!Thengiveusyourfrankopinion!" //HI Not ono knew the name of tho whiskey ho was 1*"*" Ji^ti . but out of 1,000 men 960 found Old Quaker S1.9S -^. a drink smooth in taste, mUd and rich in  I r/Jm35^a ytl Ihit urani, , 3--old  stilt at an fi^     KonomUal prin! Try Ola Quaker yourself 1 U^SB ^^ WHISKEY i^~J //0   30Uy 'Roor!^~  IQ}".   COl. .C. 1ND. ^SBSt*</t>
  </si>
  <si>
    <t>                                           Replace Pro-German Seamen With Idle, Loyal Negro Sailors, NAACP Suggests                 Organization Wires Union AndMaritime Commission                 NEW YORK- (SNS)- Press reports carried here this week statin;; that the pro-German sympathy of many  n on American liners 'was making it difficult for the Government to       { stranded Amerirans Ixick from * prompted the National Association for the Advancement of Colored People today In  the Maritime Commission of the "United States and the C. I. and A. l;. nf I.. se.'-n's unions to break    and employ idle Negro  seamen, whose lo^-alties                 to America are  (. Pointing out that Negro union  have suffered unemploy11 rat at the bands of the ship owners, the Federal Government, and the seamen s unions, the Association's telegram to Rear Admiral Emory S. Land, chairman of tha U. S. Maritime Commission, ^oid in part: We urge Maritime Commission to replace pro-German seamen Immediately with loyal Negro seamen and to utilize this crisis in   of American citizens are at stake.. to break-up notorious discrimination against loyal, ef-'  and experienced Negro seamen." i In similar telegrams addressed i to Joseph Curran, president or the C. I. O.'s Ntttionul Maritime Un- ion; and Harry Lundbcrg, president 01 the A P. oil s Seafarers International Union ot North America, the Association, alter urging the breaking up of discrimination suffered by Negro unionists at the hands ol a large part of tlie rank ami file membership, added: "National Association for Advancement of Colored People agrees .r.h union contentions for                 t-r monetary and oilier rewards for .-.:.s who undergo additional  during tunes like these. Bui union should come Into court with .lo^n hands and practice the Justice which it demands for Itself." The telegrams were signed by Walter White, executive secretary of 'he NAACP.</t>
  </si>
  <si>
    <t>                                           NEW YORK--(SNS)--Press reports carried here this week stating that the pro-German sympathy of many seamen on American liners was making it difficult for the Government to bring stranded Americans buck from Europe prompted the National Association for the Advancement of Colored People today to urge the Maritime Commission of the United States and the C.I.a and A. F. of I., seamen's unions to break down discriminatory bars and employ idle Negro union seamen, whose loyalties...</t>
  </si>
  <si>
    <t>                                           M When The Great Grief Invades H Your Home  It h too lato to ( JwjSI thoughtful consideration ~-3   to tro selection of a   . All of our y*~l facilities are at your w^ .-.. Call on us at *SbI : hour of the day or     nicht. with the certainty El of Iboughtful and eon\3al  attention. ^3) The time to think of SjgMI these things is now: not Qjl -when you sn-e *9lh ed in sorrow.       .      *j^          5 n(tco ^^^^Jj</t>
  </si>
  <si>
    <t>                                           The first known reference to infantile paralysis dates back to an Egyptian skeleton 3700 B. C. in which shortening of one leg was noted and infantile paralysis or poliomyelitis attributed as the most likely cause. In 1784 Michael Underwood presented his work entitled "Treatise on the Diseases of Children" discussed the disease clearly for the first time as a separate disease.</t>
  </si>
  <si>
    <t>                                           A great deal of social charm canters in conversation, but that is nothing now. With many taking this month as travel month that leaves a circle here to find amusement and tete-a-tetes, seem to rank first. There are so many fiends of thought to intrigue one at these lively gatherings but the most interesting is the masculine's view point of the feminine contingent. Recently while the stipple and youthful socialites were whirling and gliding gaily...</t>
  </si>
  <si>
    <t>                                           NEW YORK--Now that vacation is virtually over, many of you girls will be hunting your first Job.</t>
  </si>
  <si>
    <t>                                           1 ^^^^^^            ^H^^H    /. 7. N. Demy fays 1 havt found nothing     Hit  20 year* that can take th* place of Dr. Afilct Anti-Paim PiZU. They are a     relit) /or my headache." Sufferers froin Headache, Neuralgia, Toothache, Backache, Sciatica, Rheumatism, Lumbago, Neuritis,; Muscular Pains, Periodic Pains, write that they have used Dr. Miles Anti-Pain Pub .with better results than they had evon hoped for. Countless American housewives /would no more think of keeping house without Dr. Miles Anti-Pain Pills than without flour or sugar. Keep a package In your medicine cabinet and  ave yourself needless suffering. At Drug Starts- 25c and fl.00</t>
  </si>
  <si>
    <t>                                           Winner Gets Coveted $200 Cash Prize                 MEMPHIS. Tcjui.- I                 :sns)-                 ims         matron above is none other than Mrs. Mildred Ghostan of 283 "B" Decatur Street, who won *200 Cash Award last Wednesday night. Mr. J. It Parker of the Daisy Theatre Is shown  her with the check. If yon wish to become one of the lucky persons, be present on BANK NIGHT, at the Daisy Theatre on Beale Avenue. Yonr name may be called- "WHO KNOWS!"</t>
  </si>
  <si>
    <t>                                           Sporting Goods- Tennis Balls GOLF BALLS ^Mtijffl J SOFT BALLS d^_~!$~</t>
  </si>
  <si>
    <t>                                           MOORE S ICE CREAM 15c- PINT- 15c AMOS DRUG STORE Hunter At Ashby    6144 MADAM MINGY Atlanta's Greatest Palmist DO YOU NEED HELP?       fails to point the war to . Cause  marr9     "ages with om of in.~K roar choice; reH l'l H  the .I-I^IJmI,  absent k *~"\??l  to attain  ^k 1 I  desire. Tellt B^ J tou who your enemies are and how to overcome them. Atuwars all questions of life, lore, marriage and . TELLS LUCKY and UNLUCKY DAYS. Satisfaction guaranteed. $2 reading* 60c. 9 till 9 daily and Samday. Take Federal Prison oar to end of line. Look for Nee* Pahnist Sign. 638 McOononrh Bird. i Sk-^ij (^^^Tirtftn^Tni I ' / by       1 ^~~;K.  wi*. te tit  j Mnportlcial frt^Mrm Mirfuo*  M. IllV.F.  (Stud .1c         ).     .  I'.U^MKK S IMtOD. CO. .</t>
  </si>
  <si>
    <t>                                           Announce Funds For Air Studes                 Edgar G. Brown Say* Money Appropriated                 CHICAGO- )- Jn letter I this week directed by Edgar G. Brown. National President of the United Government Employes. Lie. to the U. S. Civil Aei  Authority, Wlishlngton. D. C. the U. G. E.  indicated Unit Congress had definitely appropriated! and                 granted Ihe request made by Senator II. H. Schwarl?. and the U. G. E. Organization,  aside St.000.000 for training Negro civil air pilots in colleges Ipcaled   air ports and at (lying fields for five per cent of those without previous college training. Mr. Brown pointed out that the 3rd Deficiency Appropriation signed by President Roosevelt Friday. August II. 1930. at Hyde Park, con- i tallied an  for the C. i A. A. Training Program or $4,000,000 for 1940.  one million dol- 1 lors more than In the Bill as It was I first presented by Congress. I "It is quite obvious" said the IS. I U. E. spokesman, "that the Senate marked up the Bill from $3,000,000 ai allowed when it passed the Hr-usr of Representatives to $3.. 675.00(1. Then In conference the Semite and House of Representative approved $4,000,000 which is now law. Senator H. H. Schwartz  Drm Wyoming, has led the fight for the federal law authorizing the first participation of colored  In the nation s air training and Nn tional Defense program. Two day;, before Congress adjourned. August 5, 1939. Senator Schwartz appeared personally before the Senate Appropratlons Committee as recorded in the hearings on page 19.</t>
  </si>
  <si>
    <t>                                           CHICAGO--(SNS)--In a letter this week directed by Edgar G. Brown. National President of the United Government Employes, Inc. to the U. S. Civil Aeronautics Authority. Washington. D. C., the U. G. E. head indicated that Congress had definitely appropriated and...</t>
  </si>
  <si>
    <t>                                           THE JITTERS!</t>
  </si>
  <si>
    <t>                                           TUSKEGEE INSTITUTE, Ala.-- Candidates for the 1939 Golden Tiger football team will report for the first practice and worKout on Monday. September 11. The thirtyfive men seeking places on the squad will work out twice dailyearly morning and late in the...</t>
  </si>
  <si>
    <t>                                           YOU HAVE HEARD THEIR VOICE* OH you have heard their voices, the lowly sons of the soil. Acquainted wide with sorrows and whose only leave is toil: They rove the broad plantation as their  long ago. And glory in the cabins- the lone homefires they know. You have heard their voices from the lowland s dismal steeps In the strange emissions where song in its beauty s\ i The battlements of labor in its mellow charm That through the stars biv;ul . brings heaven to the farm. You have heard their voices in prayer s fervent sway That lit the blackest altars in jewel s of perfect day. And where their beaten brothers dandled from the rope From the muddy cesspools lit the lamps of hope. You  heard their voice-: though  \n: their . Shall like their  ii . some day move the land; They hang not on the willow, their harps but swell the chord That Ethiopia stretches hi r hands out to the Lord!</t>
  </si>
  <si>
    <t>                                           The Negro race can be likened unto birds caught in a trap, frantically seeking escape by every apparent opening. Like a drowning man grabbing at a straw, well meaning Negro leaders are hanging their hopes upon the various bills and proposed measures of legislation being brought before and passed by Congress. The latest such bill is known as the "Hatch...</t>
  </si>
  <si>
    <t>                                           Three fine exhibiton matches will he played be ... net starting Thursday night ... as 7.30 clock, at the ... Tennis Club, white, corner of North avenue and junior street.</t>
  </si>
  <si>
    <t>                                           Saturday Slaying Believed Solved                 The slaying of a 22--oM  listed as MJss Helen Drennons. of 416 Foundry Street, wtu was pronounced dead on. arrival nt Ornriy hospital around 6:30 o clock Pdlunlay evening. believed solved Sunday morning with the voluntary surrender of 'another                 voting woman who gave her name ss Eddie Frank Bnllnrd. 23, of Hie rear 224 William Street. According to police records.      a- was arrested b.v O'tiecr Sexton who answered u cull to 499 Humphries Street. The woman Is said to have told the office that she had stabbed a girl during a. light Saturday evening and   the girl had died and that she wanted to Give up.                 Iu relating her version of tht; incident, (lie arrested woman stated that she and the stain woman  become involved in a  ."~sound 5:oO p. in. Saturday at 143 Manghum Street but were  by another woman. Later she stated that they  entangled in another  in front of 155 Ma^ Place and in this encounter she staled that she .. the victim several tunes and left her. MU.s Dicnnons Mis rushed to Grady  vln a Dunn Brothers ambulance and pronounced dead on arrival. It was revealed Hint the victim had been stabbed mice in the  breast, once In the center of ihe chest, twice in the arm, iin-l once in her right .</t>
  </si>
  <si>
    <t>                                           The slaying of a 22-year-old woman listed es Miss Mien Dreanons of 416 Foundry Street, who Was pronounced dead on arrival at Grady hospital around 6:30 o'clock Saturday evening, was believed solved Sunday morning with the voluntary surrender of another...</t>
  </si>
  <si>
    <t>                                           FLASH                 BERLIN- (SNS) -Albert Forster, Nazi chief _~f the free city of Danzig, early Friday morning proclaimed the return of Danzig- to Germany. The report that Forster had decreed Danzig's reunion with Germany was made at 1:20 (Atlanta time) this morning. Immediately t oi. owing Forster' s announcement, it was official iy reported that German planes had bombed three Polish  stations. Polish authorities made no immediate comment on the action taken by Forster, but it was understood that the Poles would go to war rather than allow Germany rule Danzig. Forster sent a telegram to Hitler early this morning asking for his legal approval of the annexation. Several hours prior to the annexation by Forster. he visited in Berlin with Hitler. I* was understood that he i* his instruc lions then from the German leader. German patrols entered the free city Thursday. Friday Morning War Bulletins BERLIN, -(SNS)- Adolf Hitler early this morning posted a proclamation, which stated that "Poland is no longer willing to respect German frontier." Hitler pointed out that Poland had refused to respect German soil and had caused bloodshed on the border. j He said definitely that Germany would "answer force with force."       Hitler told        soldiers that he expected them to "do their duty for Germanv." i LONDON,- (SNS)- Great Britain late Thursday censored all communications in and out of England. All news sent out of London was read by a censor. While incoming telephone calls were subject to the cen- sor it was almost impossible to make outgoing telephone calls. fr-; I A midnight conference was attended here by several foreign office officials at the foreign . -.-.KLIN (SNS) German authorities this morning issued a warning to neutral aircraft, advising these ships not to fly over Germany. BERLIN- (SNS)- "All schools in Germany will be closed from this moment on," according to an announcement posted early this morning.</t>
  </si>
  <si>
    <t>                                           The Georgia State Tri-Convention of the African Methodist Episcopal church opening in Columbus. Georgia. Wednesday. Augst 16, is drawing heavily upon the constituency of the AME church in Atlanta and vicinity. Among those scheduled to leave the city early...</t>
  </si>
  <si>
    <t>                                           Present Negro Art To Co In FDR's Dream House                 James H. Hu-bert, executive director of the New York Urban League* who chairman of a committee of New Yorkers is shown shortly after he had asked and been given the assurance of Mr*.fl Eleanor          .'thAt--  *.few-*       p:.:   $w "oc*.-^ art would -be accepted in the President's Dream House at Hyde Park.    . Roose* veil was praised for her liberal stand.</t>
  </si>
  <si>
    <t>                                           CARD OF THANKS                 Local 462. A. P. of M. wishes to thank all the participant.,- and patrons for their hearty  and hospitality shown Ai-gu t 2. Sunset Casino, at \ne All-Star Swta(r Jamboree. By popular demand this same Jamboree was requests to be t;iven again in the  future. Watch for date. This was due to the tremendous ovation of those        . No cue can appreciate a picked band as this ci-vpi those present.</t>
  </si>
  <si>
    <t>                                           The Joint'll Be ;-'4l Jumpin' when BUI De Lyons' Troubadours START j "Jumping with the Jive" Tomorrow. Blight, 9-1 SunsetCasino Admission 25c:</t>
  </si>
  <si>
    <t>                                           NORTH G.V CONFERENCE STARTS TONIGHT                 ATHENS, Ga. Oct. SU. The North Georgia conference of the AME church trill open in Bethel  here tonight with Bishop W. A. Fountain presiding. The  will continue through the wrek. The  elders of the conference .ire the Rev. J. S Downs, Atlanta district: the Rev. J. F. Mose*. Marietta district: the Rev. J. H. Rise. Rome district, and the Rev. J. H. Lancaster. Washington district. The Rev. C. S. HardVman, entertaining pastor, will be assisted by the Rev. H. I. Ecarden, Pierce Chapel. Athens: the Rev. D. W. Wicits. Rome: the Rev.W. Stephens, New none. Atlanta, ind the Rev. J. F. Moses. Malet ta.</t>
  </si>
  <si>
    <t>                                           Ft. Valley Normal Has Money To Cover Deficit                 A cash  ot $U"41J.S1 in I the treasury ol the Fort Valley Normal and Industrial School j v. is being taken over by the Slate Board of Rcttenls. was re- i ported Tlmrsday by Stale Auditor Zach Arncld. Auditor Arnold  out that the institution has investments of $25.:49. av.il a $50,000 donation 'rom til" Julius Roscnwakl . I cut of which the $11,742 ian   " I paid.</t>
  </si>
  <si>
    <t>                                           We Do The Celebrating...You Do The Saving!  J^^I^UU Anniversary        H oA.Lt, Everyone if  to our bit) birth- 1      'party. In celebration n\ ,il- St)Bnmt Mmnr Fluii must half a century of senin;/ the B Southeast want special values are I^A/^KtSfell Ho- W 11 / offered. Those listed in  f ^%# ~%*?~~~ A\J   jt    i/v /ti' Natco ^      'E\ Matches 2 5C jO(/ay Colonial Grapefruit Sirloin- Round- Club JUICc   05 14 Colonial Grapefruit         25c Juice 2 23C Margarine Roast h" 15c Niitreat 2 23C Octagon Powders or Steak     19c fi?JL-.; 1 S;1^ Frvers *~~size Lb- 23c reserves f*?"~15 Hams Lb- 20c Babyhoods 2^15C ~% Colonial Evaporated j. Z'*4 Bacon 19c MMk 3^. 6^7* Bacon 17c jk. c %oc Wieners 15c SK^1 I2 'ff-Z3 FRUITS ,nd VEGETABLES iPr**66 "-'IS6 Siifo- Label Georiria Tender Snap C5ff6e .. u jg* Beans 2 Lbs. 13c Butter u 29C Ga. Okra Lb 6c Butter^ up32c Squash 6c Cheese land ^w 19  Eggplalu7c FLOUR Lemons 19c         *3r ll-lb. Bit S4-Lb.     it-Lb. Bif :l4-Lb.     Grapes 2 ".13c 33  65C 39C 75C</t>
  </si>
  <si>
    <t>                                           . I. N. DewyJays 1   nothing fat Ui4 past 20 yeart that eon take tha place of Dr.  Auti-Pam PilU. They are a  urt  for. my Jvcadachc" 'Sufferers from         , Neuralgia, Toothache, Backache, Sciatica, Bheumatism, Lumbago, Neuritis, Muscular Fains, Periodic Pains, write that they have Msed Dr. Mile* Anti-Pain Pifla with better results than they had evra hoped for. Countless American housewives would no more think of keeping house without Dr. I  Anti-Pain Pills than.without flour or sugar. Keep a package in your medicine cabinet and ave yourself needless suffering. i.l::At Drug Start*- 25c</t>
  </si>
  <si>
    <t>                                           WHEN RUSSIA and Germany came to terms, It not only a serious set back for the cause of democracy, but it was a stinging rebuke to hypocritical England. For centuries the name of England has been hallowed among the nations of the earth. Her very name was a synonymn fOr all that was highest and noblest statecraft and diplomacy. But England has turned traitor and sacrificed her long established reputation for honesty and uprightness.</t>
  </si>
  <si>
    <t>                                           THE ORIGINAL BEAMING LIGHT CLUB will hold its annual service at the Fulton County Alms House. Sept. 24 instead of Sept. 17. Cars will leave from Mrs. Brightwell's home. 644 Greensferry avenue. S. W at 1:30 p. m.</t>
  </si>
  <si>
    <t>                                           O'BRIEN "TIMBER STAMPEDE"  Picture</t>
  </si>
  <si>
    <t>                                           jL-^EF F I C I E N T 1J*m Uff only en* Itvtl  ci* if spoonful to cup d  flour for reott recipes*   11 Same price today Ij H as 48 years a^o H tt 25        254 II IB      *!uf* *"   m*    but 11 k**~^~~~- oti^~~OM*''ti*t* II* Ifi     :l  of     *     f Bt *. mm</t>
  </si>
  <si>
    <t>                                           BLUE BOAR SOCIAL CLUB held its meeting on Sept. 1. The next meeting will be held on Sept 15 with Mrs. Mamie Jennings, 105 Hogue street. Visitors at the last meeting were Misses Rosalee Garr, and whist. The annual dance will be given soon. Mrs. Matt, reporter...</t>
  </si>
  <si>
    <t>                                           On last Sunday, September 17, a group a young ladies men to organize a new club at Central for the interest of all new members who have come into the church since January, 1939. The organization is under the leadership of Mrs. L. L. Folk, who has been elected...</t>
  </si>
  <si>
    <t>                                           ROCHESTER warms up for every Jack Benny show in his "lucky shoes", the pair he wore the day Jack picked him from among 30 actors to become the world's most irrepressible valet.</t>
  </si>
  <si>
    <t>                                           Fighting with unbeatable determination at Sloss Field Saturday, Acipco romped to the top of the Industrial League for the first time during the 1939 season.</t>
  </si>
  <si>
    <t>                                           'WSl BUYERS" RIDE ^D^B Low HALL S Service Station Atiluirn Ayr.</t>
  </si>
  <si>
    <t>                                           C. D.--What makes this so called sweetheart of mine flirt with other women and pretend that he is jealous of me? He wants me to marry him, but wants me to wait until he gets better work. What do you think?</t>
  </si>
  <si>
    <t>                                           FOLLOW THE SAWDUST TRAIL TO THE GOSPEL REVIVAL IN HUNTER HILLS SERVICES TONIGHT AT 8:00 P..M. Sermon by: Dr. D. H. FOBBS Music by: St. Paul and Fiipper Temple Clioirs EVERYONE INVITED</t>
  </si>
  <si>
    <t>                                           WITH THE college girl and debutante daughter practically monopolizing the family's clothes conferences, it is hard for the younger element to have their say. But mothers and older girls, ought not to make kid sisters the Cinderellas of the household. Most...</t>
  </si>
  <si>
    <t>                                           MOORE S'" ICE CREAM 15c- PINT- 15c AMOS DRUG STORE Hunter At A.bhy Ra 8144            Single or double. Ratei $1^66 up. 548 Bedford PI., N. E., Atlanta. WZmSl JB J*         ana tan       MISS- iy nu.1T skin too dark aad l^B^^JV Wotrliy. Try. Dr.  iv.1,,,,,., skin             uni!  )~ur        * I ul WrusicUtt.: Sf nil 3  fof *..u     .  I'.  ~-rS      . Z-  .' ATLANTA.  i.\. SKIN- TREAT OINTMENT. DUNCAN PRODUCTS CO. 400 Pcichtree A'cads     ., Atlanta. Relief from Athlete's Foot, Piles. Sores. Fever Blisters, Itch, Insect Uites, Corns and Callouses. 50c Jar, All Drug       Qw^^aMit  BEAUTY *HJCa SHAMPOO 70R THE SKIN IHIMMMt? eB       IPaF  ^         4     SS'Jv.^r. M..t           P-..U..                     tout an4      1  8       #         )lf OtU lit man 8.ltt                "~u4l  w. u-        -                 ,~         9    ,         . Tty It t*4ay.</t>
  </si>
  <si>
    <t>                                           The first commencement exercises of the Cannolene College of Btauty Culture, which were held Monday evening. September 11th at the West Hunter Street Baptist charch marked an important event in the life of Cannolene Company The school being an...</t>
  </si>
  <si>
    <t>                                           National Funeral Men Meet In Louisville                 LOUISVILLE,                 In Its fourteenth annual convention the Independent National Funeral Directors Association met here at the YWCA August 13.. 14 15, 16: A public program was helo at Filth Street Baptist church, Sunday, August 13th at 7:30 p. m Over 15 members were present from all parts of the country.                 lights, beside the program devoted to studies and lectures of Hie profession, were the boat ride Monday night said to be the best 01 the season and a banquet Tuesday , 2 17 Magazine with over 125 present; a motorcade to Churchill Downs, Housing Project, and Seagram distillery and a barbe(Continued on pare 6; coL 8)                 National Funeral Continued (ram pace 1) cuj at the residence of John Rodpers. 951 S. Preston street. Officer? elected were St. Julius Renfro. president. Robert c. Scott, first vice; L. H. Lalson. second vice, Mrs Annie Rhodes Hughes, third vice; Julius K. Ficklln. ex-secretary and treasurer. Mrs. Kadle Nules, recording secretary and W. SaffeU. chairman executive committee. Louisville undertakers were tbc h'^U and played Important  In the success of the meeting.</t>
  </si>
  <si>
    <t>                                           ASHBY STREET COAL YARD 295 ASHBY ST.. S. W. RA. 3303 f. W. SKELTON, SR.. Muster BEST KENTUCKY RED ASH COAL TONS OR BAGS 3 BAGS FOR $1.(W</t>
  </si>
  <si>
    <t>                                           British Boat Target For Japanese Bombs                 Th. H. M. S. Cannet                 Another Panay "incident"     narrowly averted when the bad  ( I ho Britiih , the H. M. S.      ^      , from barm                 an Attack by *la war pl*        waterfront at Ichaiif, China, JapaDoa IfUJaU deny  tha raid, 1</t>
  </si>
  <si>
    <t>                                           ^SSUsi The Nation*! Only Colored Daily Newspaper 7T. 7. \*\ Price Five Cents **M- T VOLUME 12, NUMBER 37 ATLANTA, GA., TUESDAY, SEPTEMBER 12, 1939</t>
  </si>
  <si>
    <t>                                           CARD OF THANKS                 We wish to thank our many friends for their kindness and sympathy shown during the illness and death of our mother and grandmother, Mrs. Jennie Moon,  for the beautiful florals, and use of tbeir cars; and especially do we thank the Ivey Brothers for their efficient service. Mrs. Estelie Moon Lee Mr. and Mrs. M. Arthur Poole Mr. Julius Moon, Jr. Mr. and Mrs. Arthur Moon.</t>
  </si>
  <si>
    <t>                                           The club met last with Mrs. Rosa Hight, Badness was briefly transacted after which a palatable menu was ... Glad to have had our pastor present. The next meeting will be heed Tuesday, October 3, with Mr. and Mrs. Graham Thornton, 552 Whitehall Terrace...</t>
  </si>
  <si>
    <t>                                           Dr. C.A. Constantine DENTIST C8 P'lree 2nd Floor, at Aobnra W'^f^^/  ^^Sf "DidthtwotV ^pl^^. MiasGUVs*    ^H^M WHYDOm After more dan three m^ntl^ of suffering from a nervous ailment. Miss Glivar used Dr. Miles Nervine' which gave her  T-fc splendid  that she wrote us an  letter. If you suffer from "Nervt*." If you lit  light*, start at *udden       , tin 1 easily, are cranky,      cm^ fidgety, your  * era probably out of order. ~} and relax them wilh til* mine medicine that "did  work" for this Colorado giri. Whether your "Nerves" haw troubled you for hours or foe years, you ll find this . remedy effective. At Drug Stores 25c and jl M.</t>
  </si>
  <si>
    <t>                                           Funeral Notices                 JACKSON. Mrs. Georgia L^-passed away at the residence. 536 Houston street. August 4. Funernl will be. announced later. David T. Howard find Co. MfcWA.TTS. Mj\ Charlie passed Iridixy. Funeral will be announc.td Inter. David T. Howard u"d Co. GANTT- The remains of Mrs. Mini;lc Cantt were burled In Chestnut Kill cemetery- David T. Howard and Co. THOMAS. Mr. Jumes Deacon of Woodward Bapllst Chu:cl:. died Aug. 4. Funeral announced later. Dunn Funeral Home. NORTH, little  William Alfred passed away nt a local hospital. August 3. Funeral  later. Cox Bros., of East Point. POPE. Mrs. Anno parsed nway nt a local  August 4. Funeral  later. Cox Bros. JOHNSON. Mrs. Ella - The friends and relatives ure invited to attend her funeral today ai 3 P. M. from our chapel, . Chestnut Hill. Pollard Funeral Home. WILLING HAM. Mrs. Mnyozie- Friends and relatives of Mrs. Mayozle WUIlneham tire invited to  nor funeral today 'Saturday) at t o clock at Auburn chapel. Rev. Lewis Foster . Interment. Washington Parli Hauqabrooks.</t>
  </si>
  <si>
    <t>                                           GREENSBORO, N. C.--Close on the heels of Rejection of the post by Bernie Jefferson, former triple-threat halfback ace at Northwestern University, last week, Nomer Harris, ex-Iowa University grid captain, Saturday, was named to serve as head coach and athletic...</t>
  </si>
  <si>
    <t>                                           A. L. C.--Being a reader of your column I would appreciate your help. I wonder if I should strive to educate my daughter? Advise</t>
  </si>
  <si>
    <t>                                           Some Smile Some Girl                 HOUSTON,1     -  SNS)- The J:~dy with the^*-  miU. ia Mi*~ Lovie Mae Arnold, of MemphU, Tcnn., who it here  friends. She Ij a recent Tuskcgcc            nnd c- glamorous .re"in Memphis society.</t>
  </si>
  <si>
    <t>                                           Former National Boys Champion Marshall Arnold, Clayton R. Yates. H James (Bud) Carter and Charles Goosby are beating a constant ... on the clay courts cut at Washington Park where they workout almost daily. Arnold is fifth ranked and Yates fifteenth...</t>
  </si>
  <si>
    <t>                                           Turkev Won Over by British                 Accotv r.~    vc.r.: from Istanb::!. Ti;:v:-.-y 1" a^rcv to demands matl*.* by Russia during r.c^': ar.ii will  ail  nt *.vith Britain. The noi;~          wit ta Moscow, it is said, failed  the Soviet *.a::~!n v-  To Turkish Security. The  ubo\~* .~  .v.s Tin- Ti;rJ;:~!i nv'.'.'ury piis^ion in session in Lom'.on. Tl.r mission J-.:i.:   '-!i :i*.v:i:'. i:v. uf-.-um** oi Ihe Moscow talks U't'on- .^1 witi: :i:;e .</t>
  </si>
  <si>
    <t>                                           Atlanta J^^^Vforld Published DAILY and SUNDAY at 210 Auburn Avenu* By ATLANTA DAILY WORLD PUBLISHING CO. Telephones: WAlnut 1459-1460 Member of SCOTT  SYNDICATE Established Aug. 5. 1028: Became Dally March 13. 1933 W. A. Scott, II. Founder and Publinher, Aug. S, 1928 to Feb. 7, 1934 Entered In (he Post Office at Atlanta, Ga., as second-class mail under the Act of Congress. March 3, 1876 C. A. SCOTT General Manager CLIFF MACKAY Managing Editor  L. JONES Associate tmd 8  orts Editor DAILY:- 1 Year, $9.25; 6 Mos, i4.75; 3 Mos.. $2.50: 1 Mo, 80c SATURDAY ONLY:- 1 Year. $300; 6 Mos.. $2.00; 3 Mos. $1.25 CanBda: 1 Year. $4.50; 8 Mos.. $2.75; Foreign: 1 Year, $5.50 I National Advertising Representative: W. B. ZIFF CO. 806 8. Dearborn St., Chicago, 111., and 381 4th AvC New York, N. Y. The ATLANTA DAILY WOULD in an Independent newspaper nonsectarian and non-partisan, printing news  and supporting those things it believes to the interest of Its readers and opposing those things against the Interest ot Its readers. Address ALL COMMUNICATIONS tn and make CHECKS payable to ATLANTA  WORLD rather than to Individuals. The WORLD expressly repudiates responsibility for return of unsolicited pictures, manuscripts, etc.. unless stamps are sent.</t>
  </si>
  <si>
    <t>                                           W "I  MMM  W I HUT . Rtnmmcodtd I</t>
  </si>
  <si>
    <t>                                           Experts Rout Race Prejudice Bugaboo                 KEW YORK- (ANT)- Of great interest to America's Nvnio  ^as a notable panel  en die topic "How ScieniiMs Can! H.-lp  Radsn." held Uut.; Saiurday at the New York World's j Riir. with Secretary of Agriculture Henry A, Wallace beading the list                 cf prominent speakers, I Held in the Fair's Science ar.d Education building the meeting, j sponsored by tht Americar. Om-  lor Demccracy and Intrllectual Freedom attracted an audience of 200 persons, . church leaders, school of:;cia.x. ?         and .-i. Consensus of opinion amoni; the spca'~c:s was Uiat  is no ' justification lor racial haired, De- i -tl Secretary WaUuce: j Tli.' racial  in       -~ is mj confused ilu: i- t!u; X:i.:.            have bei-n  atid lourd n Ttssaiv to  froin :lie '.:*.  i ;i Nordic  a j Ssrfiic sou!- Then- is n-:i!ly :::i Mh .a a.s a pine ruci-. u:                 .^~1'..-'! ir. which the term is com- j n. ::iv '.:.-^-i! bv :Vnaiics." j u:.NOl  .Sl'l'EKIOKITY i Famed Air. Franz B'i2s ar.c! PrcrVisor Harry  j: Princeton university, noted exI or. ^iir.o.i methods, both ".r.cct! lilt.- tr.eor.- of racial  u:"r::r?:.:;. ':ici both .toci out how r:i.or.o;r.ic conditions influence the  n; lacia! prejudice through i ::bi!r        ;a:'.Ua. ;vo:. Eu:is snic! the  i ii Iuurr.s u-'rAv:i ia.-e and liar. ~':ii'!i tii!T: the at- j ':-:;t\o. oi* t'\'je;*:y. Utii "Their i "ri:i- l:i- i::   .':ic-tl '.00 rs.-iii!. :.:.tlo:.a'. unii class  un I'acr C*~~I.                    Experts Rout (Continued from Page 1) prejudice." Ko continued: "The Jofenrisrts of racism make the . error of talking about                 racial heredity, a concept tha* could nave any meanin; only iJ all The family lines constituting u socalled racial group is identical." OUTLINES PROGRAM Froressor Cfcmril outlining a fr.-ur-point program by      cial psychologists could combat racism, declared: -Examine the fallacy of racial differences as such differences pertain to psychological characteristics;  sources of propaganda aimed at creating prejudices i expose seme of the propaganda tricks and indicate under what conditions they are effective, and I show      nature of objective  that breed and strengthen prejudice in the limits of -sanda." Thc interesting  discussion was nan C- a series of activities conducted by     American Com- i  Tor Democracy ai-.d Intellociual Freedom, headed by Dr.' Boas as president Th? discussion.-; purpose: -Tlie apply :: I -, 10 current "social pro o- lems. ~-\-a! ihu traditions American liberty and point out i %-hat science ran do to  and extend these traditions." j</t>
  </si>
  <si>
    <t>                                           NEW YORK--(ANP)--Of great interest to America's Negro citizenry was a notable panel discussion on the topic "How Scientists Can Help Combat Racism." held last Saturday at the New York World's Fair, with Secretary of Agriculture Henry A. Wallace heading the list...</t>
  </si>
  <si>
    <t>                                           Atlanta JJte World Published DAILY and SUNDAY at 2t0 Auburn Avenoa By ATLANTA DAILY WORLD PUBLISHING CO. Telephones: WAlnut 1459-1460 Member of SCOTT NEWSPAPER SYNDICATE Brtabllched Aug. S. 1928: Became Dally March IS. 1933 W. A, Scott, n. Founder and Publisher. Aug. S. 1928 to Feb. 7. 1934 Entered in the Past Olfiee al Atlanta, Ga_ as second-class mail under the Act of Congres*. March 3. 1879 C A.  General Manager  MACKAY Managing Editoi t- L.  Associate and Sports Editor DAILY:- 1 Year, $9iS: 6 Mos. S4.75: 3 Mos.. $2.50: 1 Mo. 90c 8ATURDAY ONLY:- 1 Year. S3 00: 6 Mos. $2.00: 3 Mos_ S1.2I Canada: 1 Year. S4.50; 8 MOS...S2.75; Foreign: 1 Year. $5J0 National Advertising Representative: W. B.  IFT CO. 60S S. Dearborn SU Chicago. TIL, and 381 4th Avc New York. N. 7. The ATLANTA DAILY  an independent newspaper  and non-. printing news unbiasedly and supporting those things it believes to tCe interest of Its readers  . those thing- against the in Wrest oi \zs readers. Aadrest Al.'. COMMUNICATIONS to and make CHECKS payable to ATLANTA DAILY  rather than to individuals. The 3   ntes .S'b:    ' to? return of unsolicited pictures.      .Tiots     . unless  are Mut.</t>
  </si>
  <si>
    <t>                                           Well! Well! HenryTurns To Acting                 Since hK defeat br Lou Ambers. ,tiM WelterweiRht Champion HenrT AniiKron? his Urntd to his  crrt career- . Cp In the Bronx.! supported by an all-Negro tast. Armrtrorer is  in a movie, being  in an old -. Armstrong is     interested as a                  backer. Ttar little champ is shown here - assistance from his  lady. Mfc*          Everett, with his  before joint in front of the camera.</t>
  </si>
  <si>
    <t>                                           New York --(ANP)-- Versatile Dan Burley, veteran reporter, theatrical editor and columnist of the Amsterdam News, has had the pleasure of seeing one of the series, of songs he has authored crash the hit parade. "That's Why I'm on My Way" a lifting swinging jazz...</t>
  </si>
  <si>
    <t>                                           Bailey Theatre* 81- "BROTHER RAT" with i Wayne Morris alio "Boyi Reformatory" Plui Comedy and New* ROYAL "DODGE CITY" with Errol (Robin How!) Flynn also "Lone Ranker Raturni*'        WALLACE BEERY "SERGEANT MADDEN" also "     Ranger Return" Plu. Newt  nd Comedy LENOX VAUDEVILLE ON THE STAGE "TRIGGER SMITH" and "Wingi of Iho Navy</t>
  </si>
  <si>
    <t>                                           DAILY CROSS WORD PUZZLE 1: _ii 17 IS R 77 2O 21 23 2M 25 26 27 2S 2? 7/3O3I 777732  am 33 3M 35 yy 36 ^37*^3c v/x/A I I tz^l 1 I i^z^ IO-S                 ACROSS                 ^i. Thintiik of China {.Haze I 7. Bogs  10. Mongrel dog  11. Organ of 13. To pinch 14. The created 1 hawk-parrot 15. The (old form) 14           Egyptian             17. Additional                 3O.VsXJiy 22. Not ever 23. Eat away 26. Artless 29. A fuss 30. Northwest (abbr.~ 32. Prefix denoting not 33. Salt 34. Small child 36. An islet in a liver 37. Reprove 40. Dally 41. Single unit                 DOWN                 'I. Soft silk aod rayon fabric 2.            3. Grow old 4. Stokers 5. Conjunction                  7. To leave 8. A month 9. Perches 10. Unusually high         13. That which Is raid                 18. Purpose 19. A second entry 21. Epoch 24. To bellow 25. Small owl 27. Pointless                 28. Vacant 31. Sorrow 35. Thomas (abbr.) 3S. River of Italy 39. Half an em                 Answer to previous puzzle    AlH MAI Hi AMPlE IP AR aBU E dHa D s i  h a tBv v_~    n         _B^HBaItJo)m]          Trie wdc (a['w                 PWxltmMd by Kum JVaiurra SyateMe, Jne,</t>
  </si>
  <si>
    <t>                                           INSTITUTE, W. Va.--(SNS)-- The Morehouse Tigers clawed, chewed and digested a fighting State College team at Institute by a score of 7-0.</t>
  </si>
  <si>
    <t>                                           King Visits Plane Factory                 Accompanied by Sir B"v.!-.ill. 1-ft. asd Sir KinssU-y Wood, . Kins        vi of Great Britain visits a coastal command air headquarters sear London. Royal Air Force workers cheer bira. The kirs wears an overseas cap.                 Isiernnionil Illustrated iV evn Radiopboto</t>
  </si>
  <si>
    <t>                                           Atlanta JJJlft World Published DAILY and SUNDAY at 210 Auburn Avemw By ATLANTA DAILY WORLD PUBLISHING CO. Telephones: WAlnut 1459-1460 Member of SCOTT NEWSPAPER SYNDICATE Brtablished Aug. S. 1928: Became Daily March 13. 1833 W. A, Scott, n. Founder and Publisher. Aufi. 5, U28 to Feb. 7. 1834  In the Post Office at Atlanta. Ga. as second-class mail under the Act of Congress. March 3. 1879 C A.  General Manager  MACKAY Managing Editor  L.  Associate and Sports Editor DAILY:-! Year. S9.2S: 6 Mos. $4.75: 3 Mos^ $~50: 1 Mojloc SATURDAY ONLY:- 1 Year. $3.00; 6 Mos.. 12.00; 3 Mos.. $l-.2  Canada: 1 Year. S4.S0; 6 Mos, $2.75; Foreign: 1 Year.  National Advertising Representative: W. B. ZIFF CO. 60S 8. Dearborn St. Chicajo. Ul_ and 381 4th Avc. New York. N. Y. The ATLANTA DAILY WORLD is sn independent newspaper-  and non-partisan, printing news  and supporting those things it believes to the  of Its readers and opposing those thing?  the interest ol Its readers. Address ALL COMMUNICATIONS to and make CHECKS payable to ATLANTA DAILY  rather than to individuals. The WORLD expressly repudiates responsibility for return of unsolicited pictures, manuscripts, etc. unless sumos are sent.</t>
  </si>
  <si>
    <t>                                           TIM TYLER                 By Lyman Young I                 FELIX, THE CAT                 By Sullivan                 IT S A GREAT LIFE IF YOU DON'T^                 By Jack Rabbif I                 DOROTHY DARNIT                 By Chas. McManuaja                 I.-  By Cy Hungerford                 HAIRBREADTH HARRY</t>
  </si>
  <si>
    <t>                                           "TO EVERY THING there is a season, and a time to every purpose under the heaven." (Ecc. 3:1). We have been told by writers and preachers that war is un-Christian. Dr. Harry Emerson Fosdick, pastor of New York's most popular and sectless church built by John D. Rockefeller, has been credited with saying that hell never bless another war. During the World War we...</t>
  </si>
  <si>
    <t>                                           A QUICK, EASY WAY TO COLOR YOUR HAIR..: A few simple touches of Gode- hoy'* Larieuse Hair Coloring j and presto! Drab, *. gray streaked  ukes on sew color  ad a Tibraat,   I Desired color .m-rn. ly. Color will oot rub off or wash out. Permits curling, marcel or permanent ware. Just follow the easy directions. Ask for and se* that  gee Lariaar, the hair col' i oring in the RED BOX! If your dealer cao t supply you.        .i(wtp*        ) yr^ OODEHtOrS MAIt COLOtlHC 3510 Oflv* St.. St. Leub/Me.</t>
  </si>
  <si>
    <t>                                           Funeral Notices                 P.. Mrs. Atrle- of Utboa^ a. Ua..  away at   Kp.ta] October 19. Funeral   -\ nounced latr. Cox Bias, ol Uthonla. TURNER, LitOe Arthur. Jr.- passI d s-vay ot a  hospital Octobe: 18. FunpnU announced ]    . Ccx Bros El WON. Mrs. Bd!th-of 55 Ltachj Street. NW,  at a  , October 19. Pur.     i  later. Sellers Eros.</t>
  </si>
  <si>
    <t>                                           Dr.C.A.Gonstantine DENTIST 68 Peaehtree Aobw !bOLLS[ BL JE^iH       4P"*'i^i^iH #tl        . amat. ^PV^  im.Md.  BWft"    ^        tut. BK i ^BjVll CJIMOrtii       ^F ^~1^B LIFE. LIKE SUN. W f ^H TAN  M 1 ^H           . WHITE ^^J ^H  ttr  EFT V FOLOf R.   LI WAX I ID. Ill I P 0 OF HUMAN .11 I U 0 HAIR jgg^  raj ,  uy b?  1 T^^SS              *     . A^J       . SWIlhlmlw      VSO' 9v(         In          %* T Writs     F R C C  7AG0; ^  ^ ,10 EAST Mr. ST..*    YOU, M. T.</t>
  </si>
  <si>
    <t>                                           "SOUTH NEEDS LEADERSHIP "--DR. ALEXANDER                 Suggests Research Centers                 Tuskegee Needs Million Yearly For Research                 TUSKEGEE (ANP) The greatest need of the South today is intellectual leadership, declared Dr. Will W,. Alexander, Farm Security chief, speaking here last week.                 In a tinal address to FSA  gathered here for a two wees'* tudy conference. Dr. Alexander  the           and specially the SouUTs problem as )ne of human relations standing  while industry forged abend. To help solve its- social problems :here should be ten research cen:rrs working the whole Southern . the FSA chief asserted. Deploring the lack of "a single flrst:lass university with -class research facilities v.ithin the borders jf the ." Dr. Alexander declared. "Tuskvsre           needs a  a year Cor research. The Idnd ; we need wont get done at Harvard, or Cornell or Vale. -While we arr living in an ace of combines, our relations are at the see of the mowing scythe." said the FSA head, who predicted chances In social and economic fields "as revolutionary as those which lave taken place in the field of mechanics." Hi' expressed the belief that the machine age      gone "as far as it i* good for it to go  pause :or adjustment." dang the displacement of thousands of agricultural workers by a handful of men operating tractors, combines: drills and pine plows. Answering: his own question. -Where arc these workers, now Dr. Alexander said that they werr ;'.bly among1 the hundreds of ^inds of agricultural workers  FSA is : to adjust through its rehabilitation program.  RIDICULE The problem of adjusting population to resources, which is now  national attention has twisted since the beginning of tho   'p:. lie declared. Poking mild ridicule at "" public reaction to any :   : of subsidy. Dr. Alexander ! lo the westward movement ot t rentiers over national lands as the most expensive of all subsidies. The fact of the  U that in oar original SttbakJy we rave aaa^-4he -richest country that ever was,** he declared, ; that the subsidy of Farm Security was an old  applied to a   "the rural population is Piline up with no place to go- i Continued on       8: coL 3)                 Suggest Research i (Continued from Page 1) no morr subsidies in the form of frontiers- no more -a-quarter-an-arre land." Negro migration to the North was in fact part of a general rural  to industry, forced by the . of land frontiers raid the Administrator. Hcchanlza-  of Industry, he asserted, destroyed the industrial frontier and Wt the country with a great  population at a time when world markets were at lowest ebb I with no prospect of improvement. OLD COTTON  I Tlie old cotton culture of the j south was blamed for many of its :IEs. "I dont believe God ever j meant people to live on son as I rotton fanners in the south hare lived on it." said Dr. Alexander, who described cotton cultivation as "a set of unreal mo-  joined to  pa- i ." I "The men who sells the fertilizer and the man who pins the cotton are the only ones I who j-els anything out of "it. The  black and white- are slaves to It." he declared. j Part of the failure of vocational  education to meet  needs. Dr. Alexander          -d to u half-hearted approach I "'!ke ;i trailer oti the end of a bis Packard, It's tied on to an  I 'ional ? where the privies u.-f to be.'- he complained. Form security workers, said their j -hief. need to cet underneath and  morale. "You've sot to make j vour  believe- not in whai I tlic soil does now. but in what it i -an be made to do. It win be bet- j tor for the south if we smell more j manure       and less . I TVo soil ,'s wiCi us if  go i "vi h it. The people are the same. c"~.v      and colored in tlie south f.-i- t.wo             and you worn I 1 krrw them." j I Voicing the opinion that the FSA I Droemm would ro on. whether or j -or tho Farm Securitv Administra- i ".,ti nen; on. Dr Alexander held 'In: thp n-ition-s only safety lay in it.~ ~-ire:i5tli in terms of intelligence. j  and human resourcefulness</t>
  </si>
  <si>
    <t>                                           TUSKEGEE -- (ANP)-- The greatest need of the South today is intellectual leadership, declared Dr. Will W. Alexander, Farm Security chief, speaking here last week.</t>
  </si>
  <si>
    <t>                                           Slum Razing Work At Stalemate; Can't Find Homes For Inhabitants                 Persons WitH Accomodations Asked to Help                 In an  to wort: out difficult problems of low Income people of the city, the Atlanta Housing Authority has initiated several projects. At the present time, two more low cost housing projects for colored are under consideration. They ore known as John Hope HomtSi. to                 be located new Unlveftty Homes. and Grady Homes, to be situated near Oradjr Hospital. But  is at a stalemate at present, because the Authority, even with the aid and cooperation of its Colored Advisory Committee, is u - to procure convenient homes Into which people (now on the                 areas to be razed) may move temporarily. Fear that European war concern na.v usurp the funds now on hand X they are not used immediately j nas been expressed by the Colored Advisory Committee and shared by Authority officials. For this reason,                 citizens having spare rooms 01 landlords having vacant houses to rent are urged to cooperate -with officials in sheltering these people while the said projects are being developed. For the purpose of m- easy contact possible lor those able to provide rooms or  Jar rent a field house with secretary in charge has been provided at 592 Larkin street. SW. in University Homes. It opened the past Monday All prisons with tor-rent sheltering accommodations are urged to file such information with the stated headquarters.</t>
  </si>
  <si>
    <t>                                           In an effort to work out difficult problems of low income people of the city the Atlanta Housing Authority has initiated several projects. At the present time, two more low cost housing projects for colored are under consideration. They are known as John Hope Homes to...</t>
  </si>
  <si>
    <t>                                           Beware! Friday The 13th                 Watch out. brothers and sisters,  out! This is !:riday-tlie-. .In,! you do k-mr.c what that means, don't yout It's just another  lay to some of us. hut many  us are wore than  when the thirteenth day of the  lulls on n I'riilay. Vriihy-thf thirteenth is  a day ha,l luck be careful.</t>
  </si>
  <si>
    <t>                                           Football Time -SEE- MOREHOUSE vs. LANGSTON SATURDAY, 2 P. M.</t>
  </si>
  <si>
    <t>                                           9           7ySr Vl National Apple Week! ^^* Z "r% ^g 1,119 A fiV VSt GEORGIA WASH. STATE YORK IMPERIAL ^^J^TU UkllXlCIlXUK 1 K WINESAP DELICIOUS COOKING I QA WHlH'JjJS APPLES APPLES APPLES 1 a\%V 185r" *2 doz- 25C "o^S* 5 lbs 15c 9 t ti And vhat ^~qu'. You'll  H^^^^S^^^^P^^^. 0 I K^sS^It^ Cauliflower 2 15  X have reason koc vour food hls weeK e gr     . Weil Bleached 1 ^^^^ZZIZmamm      s^r I^M^BlUlli^^^^^^ 11 W^ Wl II BANANAS 3 15c  ^IN V V 0 W     YAMS "c"? 5 8c *TP T"' ANN PACE ASSORTED PURE FRUIT V7 /M  2 1  V5^"^ g^^S2^ Ic "^Ki^^l-^ ^-J^^=^^^~^ CS? 2 "~13c Vit 17C aS 31  ll FOOD STORES ll^^^. Snowdrift 3j^ 53c .^1 UrHiM^, TO3 Cheese 22c X EVAP" MILK 3 ^WN Vegetable Shortening ^f i"!'!""!?" "  -"~ (SjSkL .'Ol 4        15      3C W lona-Red Ripe ^~^m^^ Soap Powder ^m k ^b Supers -g 8c 17c  A T rt FC A OCc Soap 3CAKES10C    /:-, Premium Cocoa; 10c 15c f ROAST  1 Cc Cnwhed Wheat to 3read igg 9c 0 aaSm-.,, /ane Parker  en I H All 1 Lb 1 #1C Cakes  T^E A?2h 25c wi/VffV I AIL 1U</t>
  </si>
  <si>
    <t>                                           No More RumorsBut Lots of NEWS! I SEE TODAY New 1940 FORD CARS, TRUCKS AND COMMERCIAL CARS 22 NEW FEATURES ERNEST G. BEAUDRY "2U Years a Ford Dealer" 169-175 Marietta SU N.W. JA. 0445</t>
  </si>
  <si>
    <t>                                           One of the most colorful and hardest fought garnes of the season is in store for local football ... this Friday afternoon when the highly-touted and undefeated "Green Ware from Spencer High School of Columbus, Ca., meets Leslie Baker's terrible B. T...</t>
  </si>
  <si>
    <t>                                           Pope Pius' Encyclical Is Praised                 Leaders Laud Encyclical On Race's Welfare                 NEW YORK.-       Both Catholic and non-QathoUc Kegro leaders have praised the latest encyclical of Pope Pius XII in which concern was expressed for xix race s spiritual and material . according to George K. Bunton -s-. editor of the                 dal Review. Catholic   goodwill between all race . Editor Hunum  statements from 16 leaders Saturday. Included were Roy Wllklns, Crisis j _~; Elmer Carter. Opportunity editor: Dr. E. P. Roberts. IJncoln university trustee: Robert Hay, Brooklyn Orbsui league secretary; Dr. Walter N. Bcokman. civic : George S. Sdiuyier. columnist: Jtuncs H. Hubert. New York TJxban league secretary: Franklin N'lchols. research as- i . of the Citizens' Housing council and George Sttc-.itor, -writer. Catholics included Dr. Hudson J. Oliver. Catholic Interracial council .resident: Mkcco A. Thomas.      - jc Laymen's -;- City  Archibald J. Glover; . A. Romero, DcPorrcs duo ncc-pi -sident; Capt. Mathieu V. Bouttc aud Dr. Edward E. Best, .- editors Interracial Scviciv, and Elmo M. Anderson, cdi:or Our Colored Missions. Elmer Carter In his statement said: "The Catholic  movement which, has done and is doing splendid work In the erase  C race relations should     be assured on the support of all Catholics in America." "The  of the predicament of the colored people in America by Pope Pins XU must be STAtityin; to all American Negroes and Uicir  said Koy \\ilk-i ins. Dr. Roberts asserted, "The - j  was lull of nope and inspira- i . To have Sis Holiness make such an appeal to the membership of the great Catholic church i$ ol  bendit to   '-CaUiouc and nou-CaUiolic - all over ui; world. Ilic Pope " Uiiit the JCcgro be given -Use  of religion, education uud nai ." Dr. Oliver's ;, :cal uJ Catholic responses, said: i  Xhc Catholic   will recen c the      "'~ of en-  in this Umehr and          ot oar holy rather. U'c earnestly hope that the - terent will be roused from their . by the special stress  the pope lays upon the problems of the NrgTos spiritual         and j that the   be inspired i to greater  in thb greal cause. "The Pope's word;* are particularly significant coming as they do but a few days after his exposition ami I refutation in hfc.  *l of the deadly errors of racial intolerance**</t>
  </si>
  <si>
    <t>                                           NEW YORK-- (ANP) -- Both Catholic and non-Catholic Negro leaders have praised the latest encyclical of Pope Pius XII in which concern was expressed for the race's spiritual and material welfare, according to George K. Hunton white, editor of the...</t>
  </si>
  <si>
    <t>                                           SKIN-TREAT I OINTMENT DUNCAN PRODUCTS CO. SOo Jar. All Druf Stores "We never Mre people with halitosis"/^. People vhe get 8?. J7 end hold jobs know n^*T a' about mouth hygiene ^Q^rf' In business life, just as in the social world, halitosis (bad breath)- frequently due to food fermentation in the mouth- is considered the worst of faults. Employers, with so many to  from these days, can t be  to retain or hire people who are careless about . Why risk your job, or your chances ef getting a job? There is a quick, 'easy, 'pleasant way of protecting yourself. Just gargle regularly with listerine, the safe antiseptic. Listerine Antiseptic halts this fermentation, said by some authorities to be a major cause of mouth odors, then overcomes the odors themselves. Almost Instantly your breath becomes sweeter and more agreeable. If you value your job, get in the habit of using Listerine Antiseptic morning and night, and before all important engagements. Lambert PharmacaJ Company, SL Louis, Mo. LISTERINE HALITOSIS (BAD BREATH)</t>
  </si>
  <si>
    <t>                                           Atlanta Jllft World Published DAILY and SUNDAY at 210 Auburn Avenue By ATLANTA DAILY WORLD PUBLISHING CO. Telephones: WAInut 1459-1460 Member of SCOTT NEWSPAPER SYNDICATE Established Aug. 5. 1928: Became Doily March 13, 1S32 W. A. Seott. II. Founder ond Publisher.     3. 1923 to Feb. 7. 13S4.  in the Post Office at Atlanta. Co.. as -class mail  the Act of Congress. March 3. 1873 C A. SCOTT General Manage CUFF MACKAY Managing Editor LUCIUS L. JONES Associate and Sports Editor DAILY:- 1 Year. $925: 6 Me*. $4.75; 3 Mos-, $2.50: 1 Mo, 90c 1 SATURDAY ONLY:- 1 Year, $200; 6 Mos.. $2.00: 3 Mos, tt.25 Canada: 1 Year. $4.50; 6 Mos J2.75; Foreign: 1 Year, $5.50 National Advertising Representative: W. B. ZIFF CO.  08 S. Dearborn SL. Chicajo. Ill and 3S1 4th Avenue. New York. N. Y. The ATLANTA DAILY WORLD is an independent newspaper-  and non-partisan, printing news unbiasedly and supporting those  it  to the interest of its rt-adTs ''i".d opposing those   the interest of its . Address ALL COMMUNICATION S to and make CHECKS  to ATLANTA DAILY WOPiD  than to individuals. The WORLD expressly                 tor Tetum r.r unsolicited pictures, manuscript"!, etc., unless .ps are itnl.</t>
  </si>
  <si>
    <t>                                           Christmas brings, besides the goodies of Santa Claus, the city's best community football game. Tittusville, which is known for the great players produced on the sandlots out that way, gives the City of Birmingham its best ard only football contest for a community...</t>
  </si>
  <si>
    <t>                                           Tigers Bottle Up Joe Mitchell                 Joe .Mitchell. 1X0. 13j. Morris Brown's Mr hall bark, round touch going  the  ali-rt am! -; Morrhousr Tierrs at Atlanta's Ponco                 dr Lvun Park Saturday, Here thr       . have rut .hurt his advance be       hr  eot         Tlu j                 ;;amr  ui  t-0.  Staff       .</t>
  </si>
  <si>
    <t>                                           l w YOU AIN'T ANY LOVER Sl'E . yon nrr li;,iul^r.mr -mid. Rut you ain't any lover You re a flr.wer, hm you Moonn-d in the autumn shade And you ain't any lover: Gone with the wind was the incense of spring When you saw day. v.jii  little . And.  you won yi.tir  ring- You ain't any ! You've rare rl'.- mi ~-ii .T: (k.llar l]   -i Btit you ain't any      .r: Stark as death are your      - lips And you ain't onlv lover: Day break-; over the ca.-lc-rn glen When you smile, fair beauty'' twin But, stiJl we hold where we ^ Yon ain't any lover. You hand a cold kiss and a warn, embrace But. vou ain't any lover: And the  clow veneers your face But you ain't any lover: Before you. admiring the senate would kneel And the sequence of your voice is a soul-piercing peal And your heart is as true as the  of steel But, you  t any lover.</t>
  </si>
  <si>
    <t>                                           BAINBRIDGE, Ga.--Rev. R. I. Smith, the newly assigned pastor to Nelson Chap-1 AME church was welcomed Sunday, Prof. and Mrs. R. S. Dixon, Joshua Wright, and Miss Liah Johnson attended the meeting of the St. Paul Association in Worth County last Sunday.</t>
  </si>
  <si>
    <t>                                           IF THE honorable and distinguished medical profession knows what causes a healthy individual's hair to fall It Is keeping its information to itself. Your beauty reporter has been asking questions of hair specialists and physicians. They offer some guesses, are...</t>
  </si>
  <si>
    <t>                                           FINE FOR KIDNEY AND BLADDER WEAKNESS STOP GETTING UP NIGHTS AND FEEL  Kerp Jour bloyd moro fr*~ from        ,    by  mum activity                    bh44   ,  you should             * Ivr. 3wt*   *~r  nd        UC*. Umi'rrftelxnt.  ir- -~            Iw Oo.* In to e^i fren      dnc       u o^nt     of       CUodat  Irni   n Cu]*mu1ok o.              directed thv. HwKt             you. B*    KMUi.r op . Bomnymptorajt of*      *y trouble mmf b# ^lia.  . puffy lyn. Dant Iv. an K.tS\- MARK and  m *        * AUi for ~;old   4~) IfeM'tan  MI    ..l^. richt Inn IlaartFm In . CRT GOLD , thr  IV crmd^k L^ok for     CoU Medal oa tbc bu 3</t>
  </si>
  <si>
    <t>                                           Advises Tomorrow's Adults                 BISHOr NOAH V.. WILLIAMS lakes tim,. out d urine   St. Louis annual AME  lo Uucuw practical education with Ihc  People of his Episcopal district, and (ram             racial  nf the  pictured above, hb word* carry  ." t!m- thr- - " Bit            tint     race lean* toward too many doctor* and .* .and not                  denied tradesmen*- (ANT PHOTO).</t>
  </si>
  <si>
    <t>                                           J M. B.-- There is a boy that I like very much who has gone back to his home and says it will be August before he comes back. He has told me he loves me. Does he? Once When he was here, he asked me to do something. Do you think it would be all right to do this...</t>
  </si>
  <si>
    <t>                                           CITY "BUG" BILtiJkf                 MEASURE AIMED AT PLAYERS                 A bill making players of the lot- j '.   to fine and Imprison- :i.?nt  a!~ pa^-jd unanimously by city council Mo.iday.      group at Uw'sainc time moved to  au.  in the  racket.                 The measure is expected to be signed Into law by Major Harts- field today. Afterwards, police win proceed for the first time  i those vho purchase "bug" tickets. AUTHORITY DOUBTED Despite an opinion, by City Attorney Jack Savage that the wi:.~- p.-obably has not the authori- i ly to Pass such legislation, the measure was passed. Savage urged ;   council to take action, how-vtr, .and let ttc legal department or the city wrestle with the j----*- I Under the bul, possession or a j ticket is  facia evidence  i Jio parson on  hom it is found is I guilty of .f it. Police may j I  any  engaged in or I  of  engaged in the I - racket from a period of I I irom 10 to 30 days, while they I I _~.eck up on the registration ol J j Jie car. .          SELF Za passing the "bug" bill, council i . itself. Two weeks ago it I declined to approve tne measure. Tne  feature of the j original paper, a provision ? i it ad  to give anything j - nd for any purpose, was i eliminated      the redrafted pro- ;-po"=al.- which was  by- So- i . Gcrcral John A. Bcykln. j Councilman J. Allen Couch, I tin- th'.rd ware, who  the or^'.lna' measure, took th? floor Monkey re." u^t with the e.-.n (Continued on      6; col. g)                 Measure Aimed (Continued from Page 1)  eliminated, he would vote Tor It. Opponents of the. original ordinance contacted tbat it. would unite It "a crane" for a grocer to give a customer a teaspoon or lor a taxless to give a bridge prize."</t>
  </si>
  <si>
    <t>                                           A bill making players of the lottery subject to ... and imprisonment was passed unanimously by city council Monday. The group at the same time moved to automobiles engaged in the numbers racket.</t>
  </si>
  <si>
    <t>                                           Polish Envoy Holds the Fort                 his country has been seized by Germany and Russia, Count Jerzy Potocki, Polish envoy to the United States, continues to act the July recognized ambassador to the United States.             at th* Polish flag Hying over th- embassy In Washington.                 sa</t>
  </si>
  <si>
    <t>                                           The Twins After And Before                 These picture* tell a         story wf how the       yon give to lit community C'hot Fluid helps Uiose who need it most. Top plx.    Gerald:ne and Bodiue after a year s treatment in the clinic of the Child Welfare Association. Below Uie same infants are  UoWn as        appeared at the clinic. -  ess than   x .  Utty were IK        of ace. TUr  of a  mother and . father, they were Lardy  to life on a diet ~{ Ixi-ta potatoes ana water. They arr   tww wf Xti  cared for durin; VXS</t>
  </si>
  <si>
    <t>                                           Enlisting wide spread social interest is the Morris Brown Homecoming game to be played with Morehouse next Saturday. This game, as usual, will draw many distinguished visitors to the city. Society is expected to turn out in fall to witness this occasion.</t>
  </si>
  <si>
    <t>                                           , Sparked By Former  Michigan Swingsters, Play At ISiinset Tonight, Tomorrow Night                 Featured In Uic new Troubadours .g at Sunset CSsino tonight, 1U 1, and for the Morris Brov.- Carolina State grid prom  night. 8 till 12. at the *me site are six t-x-MIcuear Swindlers from Detroit. The sextet numbers Steve Turler. organ and piano:  "alley, drums: Klrvin Crawiord nd WUllc Osbomc, saxes; Stan- I ey Rich, trumpet: and William tanks, trombone and director. Mi                 are members of the Morris Brown marching band, play at all Wolverine football games, and double" on all instrument*. There Is much original talent in the bund. KM Cftocolatc, the      viol man, has a novel composition. "What's Tlu- "Cse of A2. My Dreams." arranged by Banks-, which is a "solid killer.- Lamar Colins, sax  and Atlanta boy. is the latest addition to the ranks of the Troubfldours.</t>
  </si>
  <si>
    <t>                                           Relief At Last For Your Cough Creomnlslon relieve* promptly because it soes right to the  th* trouble to loosen germ ,  secretion and aid nature to  and heal raw. tender. Inflamed bronchial mucous membranes; .Vo matter how many *f*  *rt- you Save tried, tell your druggist to sen ;ou a bottle.of Creomulsion  ttw  that you are to like -he way it quickly allays the cough or you arc to have your money back.  for Coughs, Chest Colds, Bronchitis Ashby St. Coal Yard 295 Ashby St, SW.- RA 8303 BEST KY. RED ASH COAL SBagsforSl.OO (Puddings and") *ND I PICKi.ES AND I I AlM-SECfcCT CHEESE AND 1 1 fR0     r- pies {.^s wist/, IF YOU *      and AltoStltwr for Acid Indigntion. Kewtbum. Soar Stonadi or Ca in Stomach, you know how good it is. If yon hara not why don't you. try it? 'You don't and to wait until you t?ve an  Jtonach before yea  AUo-Seltar. Try it lor pdn will find H  to * and  prompt and      ** in Touwin Skc Hs tamer, . fe^Kp^1^ Ki Ok*  ,-~~"V.-     AOsHSeltxtr at  (or bone a*  r-     H3 -ghat. ot.ADn- JMf</t>
  </si>
  <si>
    <t>                                           It's good to know that the best Beers and Wine Geo Moore's Qualitv Ice Cream, Pt. 15c ant.. All New Yorker Products May Be Tl.-iri Qiiioklv     CallinR- RA. 6111 Ashby Hunter</t>
  </si>
  <si>
    <t>                                           EDWARD STECKEP, white originator and road manager of the Harlem Playgirls, sensational all-colored all-girl band, really has "something there". The sepia melodears are easily the most novel commodity on the modern jazz market. Booked out of headquarters in Minneapolis, Minnesota, the feminine swing ensemble covers around 100,000 miles a year on its circuitous "jump" journeys.</t>
  </si>
  <si>
    <t>                                           When Acid Indigtition, Go* oa Stomach or Heartburn make 70a i (eel uncomfortable or  I you, try Alka-Seltxer, which con- I               ^     buffers aad so I  counteract the      1*~H I Excess Stomach Acidity. I But the relief of these minor   is only a small part of what you can expect Alka-Seloter to do for you. Yoa will find it effective for Pain Re- Uef in Htadach*. Neuralgia, Cold* aad         Aches  Fam, j It contains an analgesic, (sodium acetyl salicylate), made  prompt and effective in its  action by alkaline  nits. I When hard work or          exercise make you feel tired and dragged out, enjoy the  hag effect of a glass of sparkling tangy Alka-Seltzer. I    Dm Slam to ~~*ui I tt *          wda te- Mm by Ik*</t>
  </si>
  <si>
    <t>                                           FRANKFORT, Ky.,(SNS)-- Scoring three touchdowns and passing for the other two, Redford Rogers, brilliant Kentucky State quarterback, led his "Thorobreds" to a 34-6 victory over a light but scrappy Philander Smith eleven here Saturday. The small gathering...</t>
  </si>
  <si>
    <t>                                           THE SIAC race is a humdinger. Dickinson Rating System averages, following the past week's contests, placed the various elevens in this order; Alabama, first, 24.16; Lane, second, 21.88; Navier, third, 21.25; Morris Brown, fourth, 20.71; Florida, LeMoyne, Talladega, and Benedict, fifth, 20,00; Morehouse, sixth, 18.13: S. C. State seventh, 17.00; Knoxville, eighth, 15.00; Tuskegee, ninth, 14.29; Clark, tenth, 12.50; and Fisk, eleventh, 10.00.</t>
  </si>
  <si>
    <t>                                           QUITMAN. Ga.--This community began its second forum season last Thursday evening at which time Moss Hyles Kendrix, a member on the Division o Affairs. National Youth Administration of Georgia led a representatives group in a discussion of the subject.</t>
  </si>
  <si>
    <t>                                           MACARONI^ AND-CHEESE READY IN 9 MINUTES</t>
  </si>
  <si>
    <t>                                           Uiff Federal Program To Aid Farmers li^^l^^                 Plan Would Bolster Incomes Of Cotton Workers, Croppers                 Delegation Js Sent To Farm Security Administrator In Support of Proposal                 WASHINGTON. D. C- (ANPj- Greater economic security for the rural workers and tenant farmers of the South was urged here last week in a proposal that would help these workers as their city brothers have been aided by the WPA.                 The plan become known when the National Cotton Conference in session here, sent u delegation to Farm Security Administrator Will Alexander and Assistant Administrators C. B. Baldwin anC R. W. Hudgcns,  adoption of a national rural works program to supplement the inadequate incomes of cotton  sharecroppers.                 SPEAKS Owen H. Whttfield. leader ol the delegation and national vice president or Uic United Cannery Agricultural. Packing and Allied Workers of America. CIO. declared. "Such a program would be ol special importance to the South j Wuat is needed Is a slack period j of rural works projects which cao be developed between cotton planting, ; and picking . It would benefit ihe farmers throughout the South as well as all kind* of farm workers. Farm buildings equipment, rural roads. -cs. ~!?e and soil improvement projects wid oth?r MniiUu work would "oc part or this ." Tlic delegation proposed thai                 till Kirm Sccun'y Administration county committees should have at toast one working sharecropper ot Imam member. At tlie  time, the delegation  out thr-sc .s arc composed en-  of landlord" representatives merchants or sinners. The delegates also recommended that PSA take steps to sec that no one it appointed to these county committees who directly or indirectly can profit in lits own  from their operation. CRITICIZE CURTAILMENT The recently recommended curtailment of funds lo Farm Security Administration in the President's message 10 Congress was severely criticized. It was pointed out that these recommendation* would reduce FSA operations    approximately 20 per cent. "At the present time funds arc available for less than 50 per cent or the FSA loans applied for." said Whitficld. "Wliai. this reduction means is that the emergency grants to tide people over who arc threatened with :1ctual .starvation.  conditions, and   will have to be cut (Continued on Page 6. Col. 7)                 Plan Would (Continued from  1) substantially. We protest these reductions." Dr. Alexander and the committee discussed the possibility of extending to other cotton states  "emergency committees" as the one recently appointed by Governor Stark in Missouri. The Missouri committee is composed of Federal. State and local government officials, together with landlord and sharecropper representatives to Jointly work out a State program designed to keep  and wage workers on the land during the winter months.</t>
  </si>
  <si>
    <t>                                           WASHINGTON, D. C.--(ANP)--Greater economic security for the rural workers and tenant farmers of the South was urged here last week in a proposal that would help these workers as their city brothers have been aided by the WPA.</t>
  </si>
  <si>
    <t>                                           SNS ALL-AMERICA RACE PACED BY 'BAMA TACKLE</t>
  </si>
  <si>
    <t>                                           In view of the recently dedicated ultra-modern tuberculosis sanitorium. I have chosen for discussion the disease Tuberculosis. The sanitorium of which speak was constructed by Capt. G. B. Cooley of this city. It is to be maintained by a special tax in Ouachita Parish...</t>
  </si>
  <si>
    <t>                                           Election Set For Thursday                 I The Atlanta Branch of the Na- i  .Vwocistioa for the Ad- vanc.mer.t 01 Colorcil People will hold its annual election Thursday I i night, starting at. 7:30 o clock, at the Butler Street Y34CA, At this meeting, plans for the ' I  Day celebration will 1 .e discussed. The Rsv. W. R. WUies, pastor or Allen Tempi? AME church, has I i  chosen to deliver the ! J  j ;or the Emancipation day program. The program will be i 1 - on January 1. Place ol the I ? ha* r.ot been chosen. j {Youth, 17, Sent To Industrial Farm Seventeen-year-old          Fulier was  guilty of one count of a lour-cour.t indictment for - In Faito.-. Super.'jr i LOiirt Tuesday and ordered to sent I t:rr.e at ihc Indu; Farm tor LJtarcr. Youcrk. ot f  Counly i i According to the state s presen- ution. Puller was guilty of  goods valued at iiS from the K. S. j  i-ompany Trial Of NAACP I j Head Postponed GREENVILLE. S. C- (ANP) The trial of J. A. Brier. 69-year-    militant, president of the local branch NAACP. charged with carrying a revolver, has been postponed and he remains at liberty on a signed bond. Police Recordsr J. M. Richardson, bedded with an attack of influenza, caid he had not notified the principals in the cose as to the definite date of the trial. Brier was  while standing opposite -Clan headquarters here.                 JOSHUA JONES By I. P. REYNOLDS Sometimes s  is happy to be announced a (room to oe  d  thU it weald teen more suitable that they had pronounced his doom.</t>
  </si>
  <si>
    <t>                                           NAACP To Name New Officials                 Kb- or officer* of the Atlanta Branch of the National Asi  for (he Advancement of Colored People for the ensuing year win he held this week. I the place and tine to be announced in tomorrow s paper. It stated by E. Lather Brookes president, Tuesday. Mr, Brooke* announced at t!ie Name time that be b not a candidate to succeed himself. He said that duties at Clark University, where he fa a. teacher, prevent hbi acceptance for another year. The nominating * of the branch includes E. M. Martin, chairman: PorreMrr K. tVa*hington. A. T. WaMen. C. Scott. Mrs. M. Acnes Jones, the Ker. M. L. Kins; and Miss BatUe FeIW.</t>
  </si>
  <si>
    <t>                                           GOSSIP                 HOLLYWOOD- (    - There's going to be a lot of history made rapidly within the next few months so watch the Ol" Kolyum closely, and keep Up with it faithfully so you won,"t miss (anything. What with Ethel Watwx. Dukr Ellington. Jimmy Lonceford and other kings                 ana queens or the  world heading far the coast It looks as lr Broadway will really move to Hollywood this year. When Tlie Swallows Come Buck 10 Cupistrtany." a. romantic number of the Spanish atmosphere or* the border of "South or the Border." will be one of the hits of the year. Burke and Rene were' on audition last week for Argus Productions for their next picture I "Dark Town Strutters Bill." -GANG WAR"  FOR RELEASE "Gang War," Million Dollar productions recently completed crime thriller, is nearly out of the cutting room and will soon be ready :or release. Ralph Cooper is the star, with Gladys Snyder leading lady and a notable supporting casi. Kenny Washington. Bruin AllAmerican now under contract to Million Dollar for its next picture. Is at present working hard on his I studies in preparation for exams, I but will i.ave  oui of the way by the time all preparations are completed for the start of     film. Meanwhile a nation-wide hunt is on for a leading lady for the new star. Preview or the week- "A Son of InBagi." witnessed at the Lincoln theatre last Tuesday afternoon at the invitation of Spencer William* and Richard Kahn. Quite a few newspaper  and friends were present by invitation and all praised it . Laura Bowman, former star of the Lafayette players, interpreters one of the finest roles of her career as Dr. Jackson. a woman scientist, who has brought back irom Africa ihc "Song of Ingagt" played iby Zack Williams. Daisy Bluford excellently plays the part or a sweet young bride of Archis Grant. Earl Morris is Lawyer of Dr. Jackson. Anymore about Bradshaw. Arthur Ray the brother the plot would b* telling now so it will be released soon. Atmosphere players and bit players also did well and deserve a great deal of credit. Jimmle Lunceford's orchestra.                 under the /able booking or Ret. D. Marshall, will take Its bow at the Shrine auditorium on Feb. 11. Following that  they are expected to open at a larga downtown theatre- Les Mite's band, making their       eastern Invasion also under Marshall's management will follow their current engagement at the Golden Gate ballroom U: New York by a week at the Apollo theatre beginning Jan. 26. Ethel Water Is scheduled to open at the Biltmorr in the near future with lier show presumably "Mumba's ^ra." which has twen such a .sensation throughout the East. Ethel is scheduled to follow Katharine Cornell and com* pany scoring a hit now  "No Time for Oomedy." Gee Gee Jamea has an excellent part in the sparkling . Brootnfleld and Greeley. nationally famous  team, will locate here this winter following their recently wound-up northwestern tour.</t>
  </si>
  <si>
    <t>                                           HOLLYWOOD--(ANP)--There's going to be a lot of history made rapidly within the next few months so watch the Ol' Kolyum closely, and keep up with it faithfully so you won't miss anything. What with Ethel Waters, Duke Ellington, Jimmy Lanceford and other kings...</t>
  </si>
  <si>
    <t>                                           41 OST people who use Dr.  Anti-Pain Pills say that one p3I usually relieves their headaches. In the regular package, Pr. Miles Anti-Pain Pills cost one penny each. In the economy packages, one penny buys IVi pills. Why Don't You Try Dr. Miles Anti-Pain Pills? They taste good, act promptly,  Jo not upset the stomach,  no opiates or laxative medi- ones. You may be miles away from a drug store  you get your j next attack of Hecdzchc, Neural- gia, or Muscular Aches and Pants. I Why not get a package of Dr. j Miles Anti-Pain Pills today and be prepared for emergencies?  Package 2S FlOx. 3r Eooooot Paduxr. IS PUls. SLM</t>
  </si>
  <si>
    <t>                                           The best minds of the South are awakening to the presence and persistence of Negro personality. This is shown by the opinions expressed by Southern university leaders assembled very recently at the Atlanta Biltmore hotel for the consideration of Southern educational problems in the higher education field.</t>
  </si>
  <si>
    <t>                                           Foci bail Scores Florid; 20 N. Carolina 7 Hampton 25        6 AiW. State 12 Philander C P. V:.-v- 13 Bi.hop C Sorth-rn 6 Texan C Tall..   .;, 7      Tonc*     12 Alcorn C Lane 6 Alabama 6 DHUr^l 39 Run. f A. T. 0 Morgan C Paine 34 Claflin C St. Paul 12 St. Auciiitine c Va.      - 2O      C Lincoln (P.-.l 7 Va. Union W.   . S-~tc J8 Tenn. 7 L;           0 Benedict 0 BU- 24 J. C. Sm:(h r WMbcrforce 9 Kv. St*te 6 Gmmblirie      . 33 THio'ion 0        14 Wiley 6 Tw#ke^ce 9 KnoxviUe 7 Lincoln (Mo.) 18 LouUvUle C Ckolona 6          ! 0</t>
  </si>
  <si>
    <t>                                           Can These Sharpshooters Bag Crack Xavierites                 The bip question In the  of Allantans generally is: Can (he Clark sharpshooters above stop XarierY. crack Gold Kit-h in the " I fame** tomorrow ni.chl at Sunset CaMno? I Ltti to . players forming Ihe "C"  at a novel                  try     candid cameraman, arr William (Pimp) Pcmberton,       (Jo Joi While. Archie  Jones. Clarcner ISonny)        . Lyle (Gil) 6      . Kara (Sutarl Coati-~. Albert (Abbey) Itcndtnon. Leoaard Miry) Lone. Aaron (Weasel) Malson. and Norman I Red I Baker.</t>
  </si>
  <si>
    <t>                                           . ggg free! With the Purchase of One 25c Pint of Aristocrat Ice Cream.</t>
  </si>
  <si>
    <t>                                           A  J ft nl PATTERN 381 NOVEL WAISTLINE ON YOUNG COTTON First on tout spring "must, have" list is a fresh-faced cotton frock Uiafs equally "at home" about the souse, at work, marketing or visiting. You'd search far and wide to find a more desirable and suitable style than Clatre Tilden's Pattern 981. Its fitted basque lines have a. trim, youthful appeal and do wonders for your figure. Notice how the slightly longer bodice extends  two points to form a no\Ti and flattering waistline. Cut it on the bias If you wish, for perfect fit and a striking . especially In a' checked or plaid . The square yokes ronn the sides of the neck, with an effective "notch" in the center to match tlie waist sram. And fullness below the yokes releases bustline ease. The two- Circular .skirt has a crisp, breezy flare    It. Use smart tabs on the short sleeves. And do ndd fancy buttons                 and ric-rac trim lor a dash of spice. Here's a simple frock that takes just one two.. three. 10 make yet it s so useful. Pattern 981 is cut in misses' and women s sizes 14. 16, 18. 20. 32. 34. 36. 38 :~nd 40. Size IS requires 3 yards 35 inch fabric and 3-4 yard rlc-rac. Send FIFTEEN CENTS i'15   in coins for this pattern. WRITE CLEARLY SIZE. NAME. AD- 1 DRESS AND STYLE NUMBER. Send orders to Atlanta Daily World. Pattern Department. 210 Auburn Ave.. Atlanta.</t>
  </si>
  <si>
    <t>                                           5  Another Sweater Scoop l3j $ I98 Angora ^gl^^Sweaters ^Q****~     ^    % ^00/   \s*dL A h!f $cal0n *f $'-98;       'j 7*          * fif bought *   '* 70-odd      you look your  at a price that enables in to ~"y tell them to you for only 99c VS IIS S^n^Mly  n,od.,^ R/.' COLORS one SKtlCHtDJ</t>
  </si>
  <si>
    <t>                                           Congregational, Christian Churches                 Of Ga., S. C. Begin 49th Session                 1st Church Scene Of CcsMv^nt ii                 H. S. In Opening Address                 By^ WILLIAM FOWLKES                 Declaring that the church must not professionalize but humanize and that it must be -a voice and not an echo. Superintendent H. S. Barnwell, of the Department of. the Southeast Church. Home Mission Society, delivered                 the keynote address Thursday night as the general  of Congregational and Christian. Churches of Georgia and South Carolina began its 49th session at the First -Church. A large group or deli-gates and j Wends from the southeastern sector heard the church official an- sw:r the question -What should che churches do now?" The question constitutes the theme of the convention. Superintendent Bamwell also declared that daring our turbulent times the church "must distinguish between prejudice and principle." "must not accept remuneration without service." "must not mistake motion for progress." "must not mistake knowledge charity." "must distinguish faith sad superstition." .encourage worship flee.- -must n-: alism for not r ..u T*:: i John c. 'Wright, .~list Church and          the convention, presiding. _je Thursday evening welcome session featured the address of John Wesley' Dobbs. Grand Master ot Georgia. Masons and President of the Atlanta Civic and Political League. Dr. C. S. Ledbetter. pastor of Plymouth Congregational Church. Charleston. S. C responded to the welcome message, which told of th0 efforts and progress oi the Atlanta Negroes. Principals of three- institutions sponsored by the American Missionary Association delivered addresses telling of the work of their respective schools. Those- speaking were: Principal James Allen Colston. Billiard Normal, Macon; i Principal J. R. Jenkins. Dorchester Academy. Mclntosh. Ga^ and Principal Frank De Costa, of Avcry Institute. Charleston.' S.C. Students of Bollard and Dorchester rendered music. A prelude and medly or evening hymns were rendered by Graham W. Jackson. First Congregational (Continued on Page 4. CoL 2)                 First Church (Continued from Patre 1) Church organist. Tlic Rev L. H Mounts, oi' ll.icon. delivered invo- :.ation.  the Rev. A. D. Pink- i ;. pastor of Midway Congrcga- lional Church, rendered - lion. Other music was offered    I Dic-x Days, violinist: Misses Davu ind Ryan,  by John- I on Hubert. Followins the appointment ot i --'.-. adoption of the- con- i I  program, announcements j ana . an enjoyable informs j I reception Xor  and Iriend: j was held in the church  j j room. Tnc  acted as host . j Tliis ;. the Rev. S. R I Smith, pastor ol' First Church. Maj :on, will lead devotions. ConttrnI ing the theme "What Should the i churches do now?" Dr. Matthew W j Clair. Professor of Practical Theolosy. Gammon Theological Seminary: Professor Benjamin Bullock, of the Department of Rural Sociology. Atlanta University: the Revs. E. It. Hannar of Thomasvllle and Bcachton. and S. R. Smith. Macoa. and Dr. R, B. Elcazer. Educational Director Commission on Interracial I Relations, -will lead topics and  during the morning hour. TkL- afternoon participants or.                 the program will include the L. J Eeasley. pastor of Rush Mcmoruil: j Mrs. Mae Yatcs: Miss Phoebe L. i Fraser. Extension Secretary j Church Home Missions Society. the Rev. A. 0. Pinkncy Midway. A business meeting of Women's Missionary Societies  with Mrs. H. E. Lawless. State President, presiding, will be held from -4 to 5:3tr o clock Tonight, a. public assembly conducted by the Women's Missions^ Societies will be held. Dr. D. 11 Stanton. Southern Field Secretary of che American Bible Society.      deliver the principal address. Mis; Fraser will also speak. The-  will  through Samrdoy and Sunday.</t>
  </si>
  <si>
    <t>                                           Declaring that the church must not professionalize but humanize and that it must be a voice and not an echo. Superintendent H. S. Barnwell, of the Department of the Southeast Church, Home Mission Society, delivered...</t>
  </si>
  <si>
    <t>                                           THE MORRIS BROWN- Xavier tilt tonight in New Orleans, La., afords an excellent spot for a scoreless tie. As a matter of tact, a Gold Rush win over the Purple Wolverines would be according to the books. Morris Brown has escaped flatness all season to date ...</t>
  </si>
  <si>
    <t>                                           TWIN CITIANS AT ST. AUGUSTINE S COLLEGE                 Twelve -boys and fc rts from Winston-Salem aiv attending St. AugustineV Collrge. Raleigh,  j by the Episcopal church of North Carolina. The students are, left right, above, front row: Hannah                 Dik^s. Koso Hall. Olivette Hall, Emma Williams, Ver* Poi.lc. Henry Hall. Second row: John Henry, Victor Hall. Graham Calhey. Clement Neely, George Williams and Melton Sadler.</t>
  </si>
  <si>
    <t>                                           WHITAKER--Friends and relatives of Mr. and Mrs. Josiah, Whitaker of 165 Logan Street, SE., Mrs. R M. Tacker, Mrs. Irene Hardwick of Chicago, and Mrs. Rosalind Currington, are invited to attend the funeral of Mr. Josiah Whitaker this (Thursday)...</t>
  </si>
  <si>
    <t>                                           c*^, i? If i/lA/Oh knew that Glenn liked her but that wasn't enough. She loved him. If there was something she could have done. for him- some way to prove it. If she could have gone into exile with him, sacrificed home and friends and family for him. But he didn't even know she cared. f WP^i MADE Aw intensely  absorbing serial  stirring successor to Haxel Livingston's popular serials that have thrilled thousands of readers. In "Self -Made Girl," Miss Livingston reaches ne^ of dramatic intensity in her portrayal of Linda Perry, email town girl from a poor family, with a restless ambition that drives her to find glamor, love, riches in New \brk. What she experiences on her way upwards typifies the spirit of today s youth struggling against imponderable odds to get somewhere. DON'T MISS A SINGLE INSTALMENT OF THIS THRILLING SERIAL STARTS MO NDA Y Atlanta Jglft</t>
  </si>
  <si>
    <t>                                           National Medical Office Holder                 MRS. A. W. PLUMP uho holds the position of vicepresident of the Ladies Auxilmo of the National Medical Association. Mrs. Plump elevated to the position at the past national meeting. She is active in both civic and social life of the city. She is the wife  f -V W. . prominent Birminshan. AU_ .</t>
  </si>
  <si>
    <t>                                           RECEIVES APPOINTMENT                 Mrs. I/roa Henry, recent appointed in the State Department of Putalir Health, who formerly held with credit the position as consultant Negro affairs in thr State of Norih Carolina in the W. P. A. setup. Mrs. Henry Is a graduate of Winston-Salera Teachers College and holds a Master's  from Colombia University, New York City. Just a few days ago she was appointed ty Governor Clyde Boey alone with several other influential white and colored citizens as a member of a  to make a study of labor problems  Negroes in the state. Mrs. Henry is the u-ife of Dr. I. R. Henry, prominent Winston-Salon .</t>
  </si>
  <si>
    <t>                                           NEW YORK--(C)--John O. Garrett, civil engineer who has done engineering work for some of the largest contracting and banking firms in the country, has turned to the City of Needs With a City of Plenty" and decided to devote the rest of his life doing his bit to...</t>
  </si>
  <si>
    <t>                                           NEW YORK--(ANP)-- DOLLY KING, Long Island university courtcer is something more than a sterling basketball player. he's a genius at holding his temper. The powerful bronzed specimen of humanity could doubtless (man for man) whip any player on the...</t>
  </si>
  <si>
    <t>                                           ^^IHAVE GOOD NIWS FOR YOU JUCUdlau of       your trouble may be. you can look the world In tb* Tier     All *:     what you Win  id      no Man  ffT" ^  * ~*     yo" your 2SS^3 ms own*  Rev. Cturles P.          0       wo!    1 H^T Cwjg r.~t t  at  ^5^</t>
  </si>
  <si>
    <t>                                           DAILY CROSS WORD _                 va' v i3 r i p r r r x^ n i I \y/~ 'M Y/P' 1L\~~J%L- ''ZiL J23W 2S 26 p7 3P 32 33 34 3S :^36i 1 1 n 1 1 1 y/~. ~~-M                 ACROSS                 1. City in Ohio 9. rush aside 10. Junction 12. Kind of rodent 14. Bearing ore 15. Depression between mountains 16. Self 17. Type measure IS. Tatter or I cloth 19. Unit oX weight                 30. Insane 21. Cured fodder  23. Garden tool 25. Tapering club 26. Father 28. Sea eagle 29. Bus 30. Foundation 31. Foregoes 33. Fraud 54. Step 35. Constellation 36.                            3. Bewitch 2. Kind at  3. Evening before* holiday 4. Norse god:  Odin 5. Soothe                 6. Carton. scraps of Utenitare J.Numtxr S. In hiding ( 9. Covering for    toot .li..Gueov '(lenient                 ** ^wss-JSass^S*"^^                 13. Mist IS. A bounder IS. Sun god 20. Servant 21. Second son or Noah 22. Clow to 23. Chops 24.Haxangue 25. Motorcoach                 W. A Chinese tea 27. Arabian settlement 29.           plant 30. A lure 32. By way oi 33.TltSeofa BIOHjC 35. R;ver in Russia                 Ancwcr to        [k1 BBsjcJo]t]</t>
  </si>
  <si>
    <t>                                           Coach John H. Bell's YMCA midgets and intermediates got sweet revenge for previous Adelphi beatings 25-21 and 50-14 Saturday morning at the Butler Street ''Y" when these groups scored a doubt win ever the visiting outfit 37-31 and 90-49.</t>
  </si>
  <si>
    <t>                                           ATHENS, Ga.-- Friday was Homecoming day for Athens High and Industrial School. The senior class reported the largest amount in the Popularity Contest with Miss Louise Gilbert of Royston, a senior being crowned Queen of A. H. &amp; I. School and Booker Adams was...</t>
  </si>
  <si>
    <t>                                           Iota Sauna Chanter of Delip Sigma Theta sorority recently enterained at a cosy in honor of out-of-town ... who are attending Atlanta schools this year. The sorors gathered at 6:30 p.m. at the residence of Mrs. H. J. C. Bowden.</t>
  </si>
  <si>
    <t>                                           British Patrol at Work Two Nazi Sea Suicides                 Britain lighten* her economic blockade of Germany. Top, the 9,3-1 firman ship. Watsmsi. burns oir Cape Tpipt, Soulii. Africa, after the captain scuttled bis ship  sighted by British, patrol .e. All ni'.- of crew were rescued. Bottom, an unnamed British merchantman .stands by after having  the Cencan supply ship Adulph Wotrman (left) for twenty-four hour.". A Dritith cruiser (right) Ukcs over      shells the now descried und scuttled n aio. stadiu;: it tLc bottom.</t>
  </si>
  <si>
    <t>                                           Arraign Plotters Against America                 After being arraigned in federal court in New York on  of sedition* conspiracy and held in $50,000 bail each, 17 alleged plotters against the U. S.  pose for a group picture. Seated I to r, front row,  ro Michael VIII. Francis Malose, Ed Welth, John .Cook, and Uroy Keegaa.                 Second row, 1 to r, Michael Belroe, John Prout, Andrew Buckley, Alfred QninUnd, John Viebrock. WilBsm Bnaanell. Back row, I to r, CeorKe Kelly,         Boeteiger, John Cwsidy, Joan Graf, Clau* Ernocke asd WiQiam Bishop.</t>
  </si>
  <si>
    <t>                                           TEXANS FINANCE WITNESSES TO MOB HEARINGS                 Funds Being Raised                 Association Call* For Authentic Lynch Information                 NEW YORK- An active  to ?~tee funds to send witnesses to Washington to testify  t, the  hearings on      antl- blU Is betas canted on by branches of the National Association for the Advancement of Colored Peopl. In Texas, the                 borne state of Vlce-Frcstdent Garner. Senator Tom Cotmally, and Representative Martin Dies, the Association announced here today. Senator Frederick Van Nays. (D), or Indiana, eo- of the bill, together with Senators Wagner and capper, and chairman of the sub-; which will  the . told the NAACP today that the hearings TrtH begin, as previously announced, on Febru=rv 6. His statement cuse in re.-ponse to reports thax the hearings would begin en January 30. CHURCHMAN TO  Amcng the witnesses win be distinguished white churchman who will tell the dramatic story of hi-- attempt to prevent a  lynching in a southern .state, the NAACP announcement said. These -witnesses," the statement continued. "Trill ^Utfwer the oft-repeated assertions by individuals and some groups in the South that statistics prove* that lynching is dead and therefore there is no need to have a federal ami-lynching bill, because the states have succeeded in checking Uils crime. The NAACP witnesses are ablc to withstand the reported \ barrage that Senator. ConnaUv will put in motion when; the hearings begin, and the statements of witnesses- that lie win bring to testify." No names of colored and white witnesses who will appear for the NAACP will be announced until the hearings begin. Association officials said, in order to prevent any efforts that might be made by enemies to the bill to anticipate  testimony. INFORMATION WANTED Tne NAACP reiterated its call for authentic information, ;  affidavits, records aad newspaper clippings on  near . and other acti'/ growing out ot this tvpe mob violence. The information  be wnt to the  the cr^. 69 Fifth Ave^ nuc. .Ve7. York city</t>
  </si>
  <si>
    <t>                                           NEW YORK -- An active campaign to raise funds to send witnesses to Washington to testify at the forthcoming hearings on the anti-lynching bill is being carried on by branches of the National Association for the Advancement of colored People in Texas, the...</t>
  </si>
  <si>
    <t>                                           FRANKFORT, Ky. (SNS)-- The Kentucky State College five opened the week of January 22 with a basketball game against "Fats" Jenkins' Chicago Crusaders in Chicago. Following the Chicago game, the Thorobreds will play at home January 23. The...</t>
  </si>
  <si>
    <t>                                           NEW ORLEANS La.--(SNS )--Xavicr saw her dream of conquest come true here Friday night. when the accurate arm of Tommy Mills wrought victory from the Purple Wolverines of Morris Brown college., defeating the Atlantans by a 0-O score. it was Mills' calm and accurate passing that pulled the trick for the first time in the athletic relationship between the two schools.</t>
  </si>
  <si>
    <t>                                           HILE THE South has not produced such great writers as few England boasts in Longfellow, Lowell, Holmes and Bryant, it nevertheless is more pregnant with fine artist literary mater recent Writers of every section of the states have ...</t>
  </si>
  <si>
    <t>                                           The ... meeting of the workers of the various organizations sponsoring the Emancipation celebration was held at the Odd fellows building at 124 1-2 last Ninth Street, Thursday.</t>
  </si>
  <si>
    <t>                                           ODDS RANGING from substantial to even control betting tendencies on the local football mart.</t>
  </si>
  <si>
    <t>                                           Met at the home of Misses Clifford and Daisy McHenry on Lee Street, Plans for a gift parade were discussed. The next meeting will be with Miss Johnnie Mahone, 345 Lee Street. Clifford McHenry pres.; Sallie Sue Sherman, rep.</t>
  </si>
  <si>
    <t>                                           lo^rou^AKTl FREElFREE 1940 ^^FlaBOSOJPE JLtelMO     ?. Hurry. Stad  ga     birth -Kh 10c tor    x Sodo-it or NU BWA to Nix       THIS SIGN shall ye : them:- IfSl Koysl          Vtu- 91 r^J nwn Ui*  Ox I     .         JamJnitt. ( k.lr. aaj b.  - HI" Ib.pU        OU    -~~ uan. In     . pri" 3ic Sin^ Gospel Songs HI Tell It Wherever I f Preciens Lord, Take My Hand H* Bow Aboot Ton/ Send Orders To THOMAS A. DORSET 755 OaSnrood Blvd, Dcpt C Chicago, m. Beware Coughs from common colds That Hang On Creomulsion relieves  It goes right to the seat, of tba trouble to            . Increase  and aid nature to  and heal raw. tender. Inflamed bronchial mucous membrane*. No matter how many  you have tried, ten your  mU you a bottle of CrmcnnWnn        understanding that you are to an the nay It quietly allays the couth or you are to have yoor. money bade.  for Counts, Chest Colds, Bronchitis (6 MotheBlUs</t>
  </si>
  <si>
    <t>                                           THE BETTING GENTRY has already started its usual pre-week end bickering on the various November 10-11 contests. Morehouse has been established favorite over Clark and Morris Brown ever Xavier. LeMoyne and S. C. State are idle. All the other SIAC games or tilts involving SLAC elevens are close. However, Florida is ruled favorite over N. C. College by a handy margin.</t>
  </si>
  <si>
    <t>                                           Xaviers 34-31 nose-out of Clark Monday night in Atlanta gave the Morris Brown Purple Wolverines numerical leadership of the Southern Intercollegiate Athletic Conference with three wins against no defeats. Xavier is tied in percentage with that lone conference...</t>
  </si>
  <si>
    <t>                                           HATTIE McDANIEL OF  FAME AWARDED LONG CONTRACT                 Hattie McDaniel is Given Long Movie Contract                 HOLLYWOOD- (A N P)- Hattle McDanlel. whose remarkable climb to screen flung has been unparalleled, has been signed to a long term contract by Selznick International studios. It Is generally conceded that the line work of the actress in tlie newly released. "Gone With the Wind." is responsible for the contract. Hollywood columnists and drama editors throughout the country haver given unstinted praise to Miss McDaniel's work in this period picture and In several polls she has been voted the best supporting actress in 1939. The studio has Intimated that it plans to give Miss McDanlel outstanding parts since she has. proved her ability in Selznidc's greatest production. Special parts will be written for her, and the actress is anxious for modem rule where where In she will be able to play a, courageous, lovable Negro mother. Meanwhile, letters are pouring in to the actress praising her brilliant wwk In a very difficult vehicle, i</t>
  </si>
  <si>
    <t>                                           Mystery In Bethune Visit At White House                 Refuses To Talk To Press                 Explains It Was Merely Routine Matter                 "Wai statement from  aSte-l                 'or    yr-w M JAt 11:45 this morning  .-^Ts.MiLead        .-~2  ; aTJ Thlte House executive  M           wi h the  ?he  aas  fnto th* office fl is secretary. General Watson. I "Mrs. Bethune said after J onference. Therr was  inly  J he president and . a 'We I eo I am        . with i'~  :t     1         el? the mass s of fe Ametic 'on!' !            social con^mic security.' -He was  -sted  hat I had to .~v. He Inqoli          about the work  j ou and the NutlonM        i! .                            ^i In     t.   NncroH  under the various  iro^rams. ""     time I to haul e*vra with ^tw  I        mv iir^t.   - my p*nfl ly orly  for  in Wa9 awav from my school is 1U -~use I believe in Franklin Dddfl ' and his  -honl needs me. but America iM ^-nji'-lln Delano Roosevelt si 1?~f"    ' to dt-=cuss hfr        with *hf.     1   ?nt, ifl "~. ~*ho Wr for Florida. wH ~^fisv         . hud the         -"~    nrd h)~P()~d out by R-l "r.!~r.     uss'-.tant. H "'-I'v     : M-s Bfthune  1!~ctB (dont  on Pare 8, ColTcjH                 Refuses To Talk (Continued from Page 1) ed  with the president the advisability of appointing more federal judges; elimination of the photograph from the civil service blanks: fuller representation in the agriculture department with Negroes on policy forming boards and in.  positions: and the appointment of Negroes to Annapolis and more cadets to West Point. At the White House she was unmolested by white correspondents. Whether by mutual consent or through ignorance, the failure ot a single correspondent to approach Mrs. Betnune raised a question. At NYA headquarters, it was said the visit was merely a routine one and that Mrs. Betnune makes such visits once every two or three  or so. It was further  that on these visits. Mrs. Bethuse gives an account of the progress of the work of the NYA and as far as possible on other New Deal activities with which she is In contact. No especial significance was attached to the visit, according to the officials at the NYA despite information from  sources as to the topics discussed on this visit.</t>
  </si>
  <si>
    <t>                                           WASHINGTON -- (ANP) -- An official statement from the office the National Youth administration ... for the press says:</t>
  </si>
  <si>
    <t>                                           Richard Smith Ordered To Die January 19                 Judge Hush M. Dorsey Tuesday  a FHiXon Superior Court cider directing that Richard Smith, convicted murderer, be electrocuted January 19. Attaches said the order broke a custom or long standing of producing     defendant In court for . Smith hed been granted a 15day respite by Governor Rivers. He is under sentence for slaying of T. H. Heard, white Rhodes Center. . The Governor granted the request of relatives to put off the execution  when they contended,  did jpt; want a member -of the "family to die In such manner at Christmas time. The condemned man had been removed to TattnaU Prison before the respite was granted and under an act of 1924, cited by Assistant Solicitor E. A. Stephens, the order of resentence was signed 'without the defendant being in court. LeatherwoodTo Be Journalistic Speaker Thurs. Dawllng Loathe/ wood, assistant professor of Joun  at Emory University, will I the principal weaker at 7:30 1 o clock Thursday evening when  Journalism Seminar, started last fall, win be resumed in the Exhibition Room of the Atlanta University Library. The seminar Is being Jointly sponsored by the Delta Phi Delta, honorary journalistic : the Maroon, Tiger. Morehouse College student publication: and Uie Atlanta Dally -WORLD. Much interest is expected to center around Mr. Leather-rood s address, the timely subject of  which TrfU be: -Journalism as in Instrument in the Preservation oi Democracy." Mr.  is well known as a forceful speaker. Besides his position at Emory University, he Is 'editor of the Swanec Democrat (Continued an ran 6.   1.                 Leatherwood To Be (Continued from Pafe 1) at Llve Oak. Flordla. has worked on several Florida papers and     done correspondence for Uw Associated Press. Be earned his bachelors degree from the University of Florida and his master s from the University of Wisconsin. He taught Journalism for two years at the University of Florida and one year at Wisconsin before returning South. He has held his present position for the past two terms.                 Employment Service Finds Jobs For 1 1 1                 The first week of 19-40 brought jobs to 111 workers of Fulton and DeKalb counties and also  n increase in new applications for work with 347 over- the 338 received the last week ot December by the Atlanta office of the Georgia State Employment Service.                 Seventy-live or % at these jobs were regular while the other 38- were temporary. While replacements were exceeded by colored replacements by one with SS and 56 recorded respectively. Twenty-nine white collar jobi were filled with 4 . 14 sales and 11 clerical workers. Fhne skilled craftsmen were  work while 82 service, 13 production and 2 physical laborers were placed. Fifteen claimants to                 compensation benefits were found Jobs and IS youths under 21 years old were placed in gainful employment by the Atlanta office THREE WOMEN BOCMt OVER ON THEFT CHARGES Three young  listed as Mbsec Sarah. Norman, 16, liable Louise WUUams. 17. of 19 Fort Street, and Emma Turner, 17. of S3 Ranrtolph. Tuesday were bound over to state courts from City Recorder's  on a charge of stealing Tw^Tyhp^^*^ from a local ]Kgc department store.</t>
  </si>
  <si>
    <t>                                           THE WEATHER FAIR; U4         low ef 32</t>
  </si>
  <si>
    <t>                                           BELOW ARE TWO bishopric candidates of Georgia who have been elected so far as delegates to the General Conference in Detroit. Dr T. J. Davis of Camphell's Chapel in Americas, is the dy-</t>
  </si>
  <si>
    <t>                                           Land Grant College Heads Meet                 Land Grant College Heads Meet'                 IGNORE G JUNES CASE                 Bell Named President Of Leaders                 Delegates Hew Close as Possible To Set Program                 WASHINGTON. D. C- CANP)- Twenty- president* and. representatives of Negro land grant colloids in     United States closed a three day convention hc-re Wednesday, after  heard some of the more brilliant minds fn   .express their views                 on adult education and the Negro land grant . Holding their session.'; In Douglas hall at Howart1 university members of the convention heard the discussions ~~-hich pointed toward a new field for expansion of their services. Steering as :ar away as  from acy discussions of the       . decision as it affects their institutions, delegates made infrequent, and chary references to the decision and hewed as close as possible to their prepared program:  However." said John. W. Davis, president of West Virginia       college, "this convention has accomplished two things of import. The first is bringing forcibly to our members, the proximity of adult education and Its needs and values to the Negro. This Is Important because- soon large sums of money are to be released by the federal government for the extension- .of this work and we want to be on the ground floor when such  are made. TALK WITH WALLACE _--      4,-  - -had-an- interview with the secretary of agriculture. Henry A. Wallace, in which we placed the plight of the Kcgro land grant colleges richt In his lap. The white South is not  ly so objectionable to progress in Negro education as are some representatives here -in this section. The more money the government puts out for extension work, the less Ncproes set progressively." Thus, the . oi. sidetracking the Negro was indicated and the secretary asked for some 600 additional field workers to be used in-- - with- this work. Mr. Wallace listened attentively and promised that he would take the master under advisement. The committee waiting, on Mr. Wallace reported to the convention lhat some progress had been made and it was reasonable to expect some action on his part In the  near .future. Tlic convention was divided Into -  pi in id Uy.. background, implications, problems involved: the various experiments conducted and tho philosophy of adult education topped off on Wednesday by- a panel discussion on the place of the college ia a community. ADULT EDUCATION NEEDED Speakers in the first group showed the need for adult education  in rural areas, urban areas. In employment and In the -Improvement of home life among Negroes. During one of the discussions  the Initial meeting, the subject of Xorelen ^t as a necessity arose. Said one speaker In replying to Dr. Walter H. Oaumnits of- -trie Frderat Security agency, ornce of education: "Land grant colleges are too academically respectable. I fall to see the value or a  In this course. The world is full of practical experiences and languages are a  dressing from a dim and distant part." Values of adult education were given a  * over and the conference heard a great deal of  on relative merits. During the discussion or tlw background and Implication, . Dr. B. Franklin TnHtr. professor of  at Howard, gave a  review of th* dal trends of  for adult . Said Dr. Praziar: NOT  TO  "The Negro upon completion of                 Bell Named (Continued from Pace 1) his education Is not going back to the farm. There is no place lor him to go on the farm when he finishes school. In the first Dlace. they don't need Negro labor, and the -Negro is not ready to participate in some steps the government plans and undertakes in the new system of agriculture In the south. "The Negro makes progress." hi continued, -to the extent in  which he has been able to break down hit Isolation. "One-third of the Negro population now lives in cities." Dr. Fra.Jcr continued." and old ideas of education do not fit the present pattern of Neero life. Today. NrKroes Jare  in iui entirely c  world from that of their ancestors, and new conditions have arisen which make the old methods useless. Bv * in the city the Negro loses his sympathetic touch." A. Ford Hlnrlchs. of the department of labor, speaking on the some program, discussed the economic trends Of *~         m adult education. Discussion of the problems involved.  of teachers and kindred problems occupied the morning session Tuesday, when James A. Atkins, specialist in Negro education. WPA, and Rnlph M. Dunbar. chief library service, division. Federal Security agency, revealed some startling facts. COLLEGE .AREAS ILLITERATE Mr. Atkins declared that the highest rates of Illiteracy in several states serviced by land  ro  were found In counties in which the colleges themselves were located. Alabama. Arkansas. Florida. Georgia, T/^. Mississippi. South Carolina. Texas and Virginia were named as particular examples. Mr. Dunbar said that facts Indicated the average reading intelligence of the entire country was around the 6th grade and emphasized the need for traveling libraries to help rectify this situation. NEW OFFICERS Offices elected for the coming year were VT. H. Bell. Alcom A. and M. Colicge.. president; Felten dark. Southern university, vice president: R. 8. Atwood. Kentucky state . secretary: and J'. M. Gandy. Virginia State college, treasurer.</t>
  </si>
  <si>
    <t>                                           WASHINGTON, D. C.--(ANP)--Twenty-three presidents and representatives of Negro land grant colleges in the United States closed a three day convention here Wednesday, after having heard some of the more brilliant minds in this section express their views...</t>
  </si>
  <si>
    <t>                                           THE WEATHER Fair ith low  of</t>
  </si>
  <si>
    <t>                                           Cola and Sarah Schley. 623 Larkin St., son, Jas. Howard.</t>
  </si>
  <si>
    <t>                                           "My fiftieth birthday got me down," says a woman "I felt as if I had slipped on the ice and crashed in a heap. I did a lot of sobbing to my family, who laughed at me. Then I laughed at myself, which is the best of all ways of getting rid of unpleasant...</t>
  </si>
  <si>
    <t>                                           At least 5,838 new beds have been made available for Negro patients in hospitals throughout the country through the aid of grants and loans by the Public Works Administration, according to a recent report made to Col. E. W. Clark. Acting Commissioner of the Public Works Administration, by W. J. Trent, Jr., Adviser on Negro Affairs.</t>
  </si>
  <si>
    <t>                                           J* Ctu Onoiable jj! Reputation  cj Cur  ia\ W5 serving others hat Mt*ij. B5 Zorus/AeAisfXesfesfeein.] fa TAi* reward is tk*.~:.: Wa untiring service and M IS duties - *M tS AM KITU  - *3 PS AT MQ0IR1TC CO(T ~~'3</t>
  </si>
  <si>
    <t>                                           git is Si Conscientious M Completeness  3ttf Which turns work Km into art. The 5ffl est thing: 9II  and  pathetically well Eufll done, becomes  Our facilites and MS our experience are  NR for your use and I OH service. BpKBliL v" i._t_ f _i.*,*j''''^BMBiMMI</t>
  </si>
  <si>
    <t>                                           "IT S IN THE BAG" BALLARD S OBELISK FLOUR "Bread is  of Life"  . it good    'Always Reliable VALUABLE COUPONS REDEEMED AT OBELISK-OCTAGON PREMIUM STORE !~0 FORSYTH ST., S. AV.- ATLANTA</t>
  </si>
  <si>
    <t>                                           Past Due Loan Sale Lady's $19.50 Yellow Cold Wri.t WATCH.  R QC Special ^'    Bulova Lcdy's Yellow GoW Wri^WATCH $11.95 BRIDAL SET. Yellow Cold. 4 genuine diamonds. Valve S29.S0. Sale $10.95 price Diamond RING, 7 genuine diamond., yellow cold $37.50 S75     . Special Union Hardware No. 35 QQ. SKATES. Special J7OC Union Hardware No. C1 4C 5 SKATES *1.~KJ Our Safes are loaded with hundred* of other Watches and Diamonds at 35 percent to SO percent Sarings. BELL LOAN OFFICE 205 MITCHELL ST., S.W.</t>
  </si>
  <si>
    <t>                                           According to information received last night, Captain George Coffee of the Morehouse cage team will not be permitted to play during the first semester because of scholastic difficulties.</t>
  </si>
  <si>
    <t>                                           CITIZENS LOAN ASSOCIATION The Largest Store of Its Kind South of Chicago Yellow Gold Ladies' WRIST WATCH. *A QC Latest style, guaranteed v*~7 J BULOVA Ladies* Yellow Gold CO QC New style $7.70 DIAMOND RING, Yellow Gold, en 3 beautiful matched diamonds 3O.JV Hand Made DINNER RING, 3 diamonds, +1A 7c yellow gold. Cost $27.50. Our price Yellow Gold Filled CROSS-CHAIN *i or 3.95 value  l.cK) YeUow Gold Elgin WRIST *A QC WATCH. New ?4.70 Just 7 Over-Night CASES,  shop worn tl QC Values to $12^0. Our price W-7D You Will Realize Great Savings Here In Your Christmas Shopping 195   ST. S. W.            *</t>
  </si>
  <si>
    <t>                                           .CUT ME OUT     MAU"SKIN TREAT*    N Dancait Prodact* Co. 4M Fwhttn Araida Mid*. AtlutM        KIMm. Itch.         r            Dan, Prartnru   .</t>
  </si>
  <si>
    <t>                                           The Rev. S. H. Harris warned an appreciative audience Monday night that those who wish to live in the presence of Jesus must stick to the church, as he delivered the sermon opening the fourth anniversary for the Rev. C. S. Jackson as pastor of the Greater Salem...</t>
  </si>
  <si>
    <t>                                           Whereas it took the Fitch Bandwagon a year to place a Negro band (Count Basie) on their commercial airing, (discussed in a recent "Raigo Raves" column) Band" series on their fourth broadcast featured the piano style and band of Teddy Wilson.</t>
  </si>
  <si>
    <t>                                           WHEN YOU NEED CASH ON YOUR SIGNATURE NO ENDORSERS SPEEDY SERVICE SEE Walters Finance Co. MAin 7174 34 AVE. AT FIVE POINTS upstairs</t>
  </si>
  <si>
    <t>                                           5now Forecast     Gate0^~                 Snow i*,  for Atlsatft* day. a real "wintry day Is- :te CatevOlty and the wm$ can Tarns   to ^m Utht." 5.. ;i?4 Accordiag to Mtr"*MrTi *a$Ht Kouicg ou: of the north       .  bca -il  Is  to -J* Ircatoj .</t>
  </si>
  <si>
    <t>                                           Hitler Safe In Berlin                 Adolf Hitler (center) is escorted by CJencnil Hermann ~^        (ri;;ht), Nazi No. and other party officials and polite us tic r. -turns    Berlin from Munich. Culled back to the capital :i)u:    oT - because of war duties. Hitler *~cd death by ten minute* when the building in which be had ip vcn an address was rocked by an explosion.                 Central Hadio photo</t>
  </si>
  <si>
    <t>                                           Ashby St. Coal Yard 396 Alhby St, SW.-RA 9303 BEST ICY. RED ASH COAL 3 Sags for $1.00 Dalmrcd</t>
  </si>
  <si>
    <t>                                           Jack Douglas returns to his Miracle, Mesa ranch, after an absence of six years, to find it on the verge of ruin and the countryside terrorized by a mysterious band of killers called "The Raiders," who are driving the ranchers a their property. His Aunt Ines and ...</t>
  </si>
  <si>
    <t>                                           Two White Men Are Indicted on Peonage                 SAVANNAH. Ga.-      - Two white men ii iod as Fred and Roy Ketv.'.-. McDutllP County farmers, were  on   Wednesday by ihe Federal grand Ji"T- The men   with hav- in:; held Robert Parkrr in peon- i .lur. rrl MMnu  ;tntl ; him</t>
  </si>
  <si>
    <t>                                           Who's Afraid Of Snow?                 Nursiry lots  r Krnnrlt CollrRr, Greensboro. S. C. play in the snow Jlld like it. Oopite the  rold  and , the Noricry School  arc "bundled up" daily and allowed to play in the fresh air and sunshine.</t>
  </si>
  <si>
    <t>                                           CARD OF THANKS                 Vr. Frank M. Williams of 205 Inman Avenue. NT. E., wishes to express his  and : ciation to his many friends, who        so jrr..sly  their kind -s nf him during  pri sont illness which has ! him to     home for more thar thn-i- wi-i ks.</t>
  </si>
  <si>
    <t>                                           The Rev. R. B. Williams, pastor of John Alexander Memorial AME Church, of Love street, wishes to express thanks to the many friends who contributed in the special effort under the supervision of Mrs. Dollie J. Alexander Sunday.</t>
  </si>
  <si>
    <t>                                           EUGENE BOOZE, GOP LEADER, SLAIN                 Mound Bayou Man's Auto Riddled With Shots From Ambush                 Mississippian Slain Few Weeks After Violent Death of Sister-in-Law In Which He Reportedly Figured                 MOINI) 1J.     ^(SNS)- This all-colored town was flaming with excitement for the second time in less than a month Tuesday following the ambush slaying of Eutrenc I'. Kooze. 61."  known Reoublican leader.                 -h..; lair M..:x!ay illicit on Main street as he was V. I.-- ~~::'i.t. Wiiite     .-rs from Cleveland and Garks::r.. -;i-..:i:iu :!  - -~1 - .sii-.l the car in which Booze wai ::.','   -'! v. i;:i i.r.ilr: .  two charges Ot v.;-.- v.-i-i;i-.'     twic.r in the ._once in the ;:M. r .   -,- i;i r x- .. TiTsfRauTfeur, Andrew Polk, .i::!~:ol :u i;.r lii;% !iis -n considered not critical.                 CAME  The political leader s body war returned here  Greenville Miss., for burial after death        . It had been rushed to Greenville hospital, where Boo*.'  described the shooting tu "political reasons" and repercussions of the slaying or his sister-inlaw. Miss Stella Montgomery, by white peace officers at the Boer.* home. Booze was said to have summoned the officers who killed the woman when she allegedly threatened him with a butcher . Booze, it is stated, called the officer..- when his sister-in-law violated a court order forbidding her to enter his- home According to reports. Booze was fired upon in true gangland fashion frcn? the darkness, apparently from i behind brick pillars across the street 1 f em     office. The victim said he thought he knew who did the shooting or who instigated it. He did not reveal the name of persons he thought responsible for     j shootin; before his death. WIFE GOP  Mr. Booze's wife Is Republican National committeeman from  v -rate of Mississippi. The ? of Miss Montgoxery, I presumed by many to have been  by Booze, shocked the . Miis Montgomery was the ' of Isaiah Montgomery, or.e of the founders of Mour.d Bayou. wh:ch carried the reputation v.  peaceful as to not ri%nu:  - a jail. More than 5.000 perso::.s  her funeral here ear1 'y ir. October. Interested citizens are    *     a federal inquiry into the fatal  ;l*.e woman, it was confirmed wtr-k. Mayor B. A. Green, of Miimd      . wa.~ Quoted as saving o-i      had no Jirect cause for ki'.ln_- Msss Mon'qomery. Th' -d    :i an lived ir. Mound Bavou and Louis, Mo., and was recognized a., :i Der. leader.</t>
  </si>
  <si>
    <t>                                           MOUND BAYOU, Miss--(SNS)--This all-colored town was flaming with excitement for the second time in less than a month Tuesday following the ambush slaying of Eugene P. Booze. 61, nationally known Republican leader.</t>
  </si>
  <si>
    <t>                                           Ashby St. Coal Yard j!  8SS "AsUBy" St., SW.- RA 8303 I -BEST KY. RED ASH COAL SBagsforSl.OO Delivered f^*^'^! LUSTER-TOM* 0KU% i Vkrr TEETH THE MOST D j 2         10         ^~?  ^ AMP 1X. J% ItMdM*  "Bltad Spots"  OftfoMy   0VMI  BR3y 8ot enter it"~ herel Tbe moat OcUsh-. ^a*. *tOn(3i pAst  ~*ou over bf*anl of. Wb^n SMiixt, moi Uriah touch tbe S EW  Uxtcrtao       .  with Linterfcun . It   Int?  w r^ ''babble bath that xn*   7our m#^^A tingle with    . So  It  lat^ tod Clcuu   Oat ^XllHeeB     never oven      reached. Chut '~aa    tm *     expert! nx Get tbe biz 3   tube, or bettor  til   tim  oV tube  more tbu C  of tooth paMe. At aay  {^XanlMrt Fbanmoml Co.. St.      . ilo. TNI Nf W .     *  TOOTH PASH fe</t>
  </si>
  <si>
    <t>                                           WIDOW SUES FOR WEDDING GIFT                 Dower Petition Filed                 Stepdaughter And Step-GrandDaughter Oppose                 WASHINGTON, D. C. (SNS) Mrs. Daisy Ells- j worth and her daughter, Mrs. G'- Lloyd, in .petition filed in District Court here Saturday to  thi- I suit or Mrs. Lnviniu C. Holmes, widow of Otlovvav                 Holmes, reputed  and  of the excursion steamer. E. Madison Hall, whose estate has  dwindled to a mere trifle of $100,000. Mrs. Holmes is - for assignment of .tower. Her  and slep-  ElvooH a. Hubert, their attorney, take Uie position  her c^ is a mere petition lor specific performance of an unwritten postnuptial contract. Mr. Hubert advances three grounds as, the basis of his motion to dismiss the suit. NOT NECESSARY I;* . is that  of i\ in a marriage which lasted lor  years is not necessary under  he DlstMet abBe-'ana' that If it Is  It should be sot aside by the court at the time of the  of the National Bonk of Washington, the executor of the estate. His second Is that the oral  of their home to her as a wed- I  HnR present violates tlic  of frauds, which requires Rift* or real estate to be made- In writing. His third Is  her suit is barred by the statute of  because of the period of time which hns elapsed since her right or action arose. At the time of his death, Mr. Holmes left reai estate valued at  1 07.615. subject to a blanket deed of trust of $75,000 securing an indebtedness of about $43,500. He also left personal property valued nt $30,000. SAYS HE S REAL OWNER j In her suit, Mrs. Holmes claims fhe Is the real owner or property at 811 Twenty-first Street, Northwest, or which he was the record owner. She and Mr. Holmes were married in the house at that  on August 13. 1914. In the presence of  two or three dozen persons at the marriage. Mrs. Homes alleged tlu\t her husband proclaimed he was  her a wedding girt of  on Page 6~; Col. 3)                 Dower Petition i (.Continued from Taut* H tr.e property. When the will f.l Mr. Holmes  tiled fcr    ( bate. Mrs. Holmes  she renounced Lak:n;* uh.it the will  her and . d to take what tin- lav gav*1 her. She claims she should rc. about S1U.OOO win1;) the cv...:e is settled. Ti*e property which Mrs. Holmes  iv;ts *~iven her as a wi-ri" present, by her husband was bequeathed by him to his  r  u^hter. = OWNED .RV At the time she- married Mr. Holmes, his widow claims she I owned a profitable grocery busi".inss and several parcels of real 1. S'.ie jive s  sold the j business, real ps ate. term  and Government bonds j MivnmHtv. to mon; than SG.000 ^nd  the proceeds to him. Ho never paid l:er back, .she asset s Tn the settlement of Mr. ' i oi-tate 19 parcels of his real estate have been .sold. The property dei vised to Mrs. Holmes has a deed of trust of S4.000 on it. Us asr.~stv! v^lui* is $9.9o"j. The " value of t'u* I'stnie a* t v:;  is 628.754. 37. 1 Mrs, Hohr.rs pays she is  ;: to tho  her husband cave her as a w*      ; prc.^-iit. and wtu-re he and she spent their married lives I She states she is willing    acro])t this property with the per':..mal prop"i*ty in it. free and .'tear of all encumbrances, in in1' *? action of her   j Mr. Holmes dU*d September 24. 1034. For a Ions number of years i he operated the steamer E. Maciison Hall, an excursion boat, on The Potomac River.</t>
  </si>
  <si>
    <t>                                           WASHINGTON, D. C.-- (SNS)--Mrs. Daisy Ellsworth and her daughter, Mrs. Gladys Lloyd, in petition filed in District Court here Saturday to dismiss the suit of Mrs. Lavinia G. Holmes, widow of...</t>
  </si>
  <si>
    <t>                                           DALLAS, Texas--(SNS)--A wed balanced Langston eleven which has most of the football answers ready and waiting moved into undisputed possession of first place in the topsy turvy Southwestern Conference football race with a decisive 18-6 triumph over the...</t>
  </si>
  <si>
    <t>                                           Autoist Suffers Cuts In Crash                 Moses Hall. 18. of 354 Cain street. suffered cuts of the right hand! Monday,  the car In which r.c was, riding figured In an  mis- j hap' at the comer or Conaal'.y street and Georgia avenue. Ac- j cording to traffic police reports, aj car driven oy Walton Harris, of 88 Bell street, struck the machine lri which Hall was hurt.                 DANCE LOVERS WANT ELLINGTON MUSIC NEW YORK- Barking; a howl that can be heard from Manhattan's house-tops Harlcni dance lovers arc organizing to demand r return to one of the popular ballrooms of the Aristocrat ol Swine Rhythm Duke Ellinjfton and his famous orchestra. Claiming that no band can play sweet 'n' hot" like the prince from the nation s ; it -was learned by this rambling reporter, that the Duke's tops. And we want to hear him .." That's Hunter CoHcjje girls for you.</t>
  </si>
  <si>
    <t>                                           THE JAZZIE SOCIAL CLUB met Thursday night at which time important business was discussed. The club will sponsor a Progressive Whist Party Thursday night at 8:00 o'clock at 451 Rockwell Streets. Two prizes will be given to the winners. Mrs. Florence...</t>
  </si>
  <si>
    <t>                                           /fe :4'\ n PATTERN S95 COr. APRONS /IRE QUICKLY MADE "Kitchen duty" is a pleasure when you ve a crisply  apron li!:c Pattern 895 by Claire Tilden to keep you company. And because some  them plain, some like Uaeaj , we ve  two   of this style for you. Apron A shows a simple  style made in sturdy fabric: Apron E gives another version all bedecked with bows and . Both nave attractive rounded yokes, with darts beneath for nice  through the top. And both arc made simply, with one long panel down the front, roomy pockets and a skillful back  to keep the shoulder straps in their places. Make several of  .   helpers- youll find them .such easy  with the dependable Sewing Guide that accompanies the pattern. Pattern 895 is cut in sizes small.  and large. Small siz;. view A. requires 2 1-4 yards 35 inch fabric, view B. 2 7-8 yards 35 inch                 fabric and 1 5-8 yards .irs Send K"-'1'"'''1 CENTS U5c) in coins for this pattern. WRITE CLEARLY SIZE. NAME. ADDRESS and STLYE NUMBER Seza orders to Atlanta Daily World. 210 Auburn       \ N*. E.. Ailantn. Ga.</t>
  </si>
  <si>
    <t>                                           FOR A MORE SYMPATHETIC SERVICE DORING YOUR HOURS of BEREAVEMENT CALL SELLERS BROS. FUNERAL HOME 889 HUNTER ST., S. W. 923 McDANIEL ST., S. W-- RAymond 2144 WAInat 2591 IfEWXAN1 CARROLLTON i PkoBM: Dmy 673, Nitkt   5J S JOHNSON" ST. 's 31 EAST BROAD ST. FhoM 8   j -.-^.wj^^i-i 1  j jii</t>
  </si>
  <si>
    <t>                                           WASHINGTON ANP-- An interesting spot, is the seventh floor of the recorder of deeds office down at 412 Fifth street where a group of WPA workers are law Copying old records and attempting to preserve for posterity transactions have transpired in the business...</t>
  </si>
  <si>
    <t>                                           The evening promises to be a gala one at Wheat Street Church when at eight o'clock in a rainbow multi-marriage ceremony, Rev. and Mrs. William Holmes Borders, bride and bride groom of honor, and some fifty other couples will take again their...</t>
  </si>
  <si>
    <t>                                           Hornburger Bottled Up-But Fuller Pops                 Ti'skrpce's Thomas Hornbunrer. in the I'oul lane between Coates (No. 2) and WatsOn (No. 0) of Clark, ib well bottled up. but James Fuller, star Tu*      guard, has slipped Imosc under the basket for                  points. The partially sren player (No. IT) is Arthur'                 Dickens, tin-        Tuskcscc sUrlin- guard. (SNS SUlf .</t>
  </si>
  <si>
    <t>                                           Rev. Borders WiD Discuss "Applying Religion" Sunday                 The Rev. William Holmes Borders, progressive  -pastor of Greater Wheat Street Baptist churchy announced last night that be trill develop the theme "Applying Religion" at the 11 o clock services Sunday morning. The Southern Bolladicrs of Morehouse college, -will render appropriate music Tor the morning services' and Sunday School hour. Communion will be offered at afternoon and evening services. The celebrated senior -and young people s choirs of .'Vtltaeo.t Street will staff also at the 11 o clock hour.</t>
  </si>
  <si>
    <t>                                           Preaches Last Sermon In Old Church Sunday                 REV. J. i. MINOR- Pastor of ^ Baptist .church,  that his congregation will worship the last time at the old site Sunday . At this  . he is requesting an members of the church to be in attendance. Die minister will also reveal where   will br beld in the future. The new church edifice now  completion is located at the corner of Ellis and Hilliard Streets. The congregation was forced to vacate the old church die located at the corner  f GUmore and Bell Strefts after the government housing project purchased the church. The new edifice now under con*  is a brick structure and will be one of the most modem In the city. Tabernacle has made  strides under the matchless leadership of Kev. Mr. Minor.</t>
  </si>
  <si>
    <t>                                           THE WEATHER RAIN; temperature loir of 38 **fc- i</t>
  </si>
  <si>
    <t>                                           Eyes are being played up to the Queen's taste and for all they are worth which is plenty. With lips like red cherries, eyes won't be the leading feature of the feminine phiz, and that's all wrong since we remember eyes because of the impressiveness of the messages...</t>
  </si>
  <si>
    <t>                                           The AME Ministers Wives Alliance met last Tuesday with Mrs. J. F. Moses on Joyce Street a hostess, the president, Mrs. R. E. Remans, presiding. A large and joyous number was present with the Christmas and New Year spirit still vary much alive.</t>
  </si>
  <si>
    <t>                                           Coach Leslie C. Bakers Booker T. Washington High School Bulldogs reached their best form of the current season in turning back a hard-fighting but thoroughly outclassed Howard High School quintet from Chattanooga, Tennessee, 51-24 Wednesday evening a Sunset Casino before nearly 100...</t>
  </si>
  <si>
    <t>                                           The United States Civil Service Commission announces an open competitive examination for filling the position of AIRCRAFT MECHANIC. GENERAL--$0.936. S0396. $1,056 AN HONR (40 hour week) in the United States Navy yard. Philadelphia. pennsylvania.</t>
  </si>
  <si>
    <t>                                           In Memoriam                 MRS. FRANCIS EDWARDS* Iii  of our  lcar mother, Mrs. Fnuu:~ Edwards, who Irft us four   :u-~ ;i^o today. li- "in l:\v- .-hall r.in-vir  tin- Imiiia sweet     'Ujihtt "f vim. iU-av     *ht r. Mrs. C. K. i:~~i'i-s.    , Jlinniv Kdwar.ls. lau^.</t>
  </si>
  <si>
    <t>                                           Thursday, Friday And Saturday Only! VALUES SO GREAT, WE PROVE IT WITH THIS SENSATIONAL OFFER '** An New' Hisher-Price NURSES' OXFORDS V',\ sO^^**'^Z3?3P3   3H3E^ Special constructed V^^^^^V ^m ^^~j pT^^^^^BkL ^^K^ comfort feature*! ^P^^^^^^^V 'c S^^^^^BbJI^^ READ TWS OFFER! l^^V f V ^I^^^^^BR %ov *rr not Mttsfied ^^^^^^^M 4 t# 10 ^B^^^~       ''*~._ J^^^^^'-"^^ *:of*~. return them ^^^^^^^^V WtfllBS ^^^^^^Bij^^^^^^^^^^if vour tn if n?^ ^W %~ THE STORE FOR STYLE, FIT AND COURTEOUS SERVICE! 5 T Ave. Shop Beautiful Shoes 2  ST.</t>
  </si>
  <si>
    <t>                                           CHICAGO--(ANP)--A quarrel between the little village of North Chicago and an unincorporated community of 500 persons directly west over furnishing fire protection resulted Friday in the death of little Ella Mayfield, 3. and the probably fatal burning of Rita ...</t>
  </si>
  <si>
    <t>                                           SAFE FROM ENTANGLING ALLIANCES*</t>
  </si>
  <si>
    <t>                                           THENEWigE-SMIKe AAA to C JjB* pund          : Out-  standing ... p ^v. or mid-high  1ASTS HOSIERY SPECIAL! Shades that M sparkle U first - ty, f n 1 1- W fashioned ringless. 2 Pain For 95C</t>
  </si>
  <si>
    <t>                                           MADAM MINGY Atlanta's Greatest Palmist DO YOU NEED HELP? Never fail* lo point the way to nice.ii. Causes speedy mar. ^9V^Hfl  with one of ftU.FK toot choice;    -l*rij unites the           (^K ed, locates absent   ^*fc^/^~ friends, gives you k **v^l 'UC^ to  I I biggest desire. Tells  m ~*ovt who       mt es are and bow to overcome then. Answers at] questions I on       love, marriage and I Uwsoits. TELLS LUCKY and I UNLUCKY DAYS. Smtisfaction  $2 , SOc. 9 tld 9 -Uily and Sunday. Tales Federal Prison car to end of line. Look for Neon j 638 McDsnoBcn    4 Palmist Sign. ^M-^T^ Mtul* (mm loo prr  nt ^~fJT Iroh truit with ihm neb. ^K-J ch:rui flavor M 45c 90c $1.75 j^HHB Alcohol content is  BFr.*?1 V. *y Talon* E^""*"" I^ Ur-*. 11--     -~.       4 by    ^   wii.~ Co. Atlanta.</t>
  </si>
  <si>
    <t>                                           OPEN DAY AND - NEW MANAGEMENT T. J. Hooper, Manager 9 ALL KINDS Auto Repairs done by Expert Mechanics. Fender and Body Work A Specialty. Work Guaranteed or Money Refunded. Auburn Ave. Garage 19fr AUBURN AVE. JA. S719 ^--Ss'-MEGHANICSr.Gus Rainey, Johnnie Barnett, ?V- -Wfllie'Thomas and Clyde Glover.</t>
  </si>
  <si>
    <t>                                           f Joyful And Triumphant We f $ #% Bring A Seasonal Greeting I 'tq ^*e ^a^e up ^le        note now ready to % 4 \i\ be heard around the world "'Merry $ I Til Chn'stmas! to you and you and you! 5 MsK To that wholly engrossing salutation we I )r\k add ''May the New Year prove a hap- t I py and profitable one to you, too!" ^m /'f We begin the new year with a sincere % 4 -^SST de.~ire to improve even the matchless  2j ^"'rl service now afforded bereaved ones at sj 1 ^^    Prices modest enough to suit anyone. .3 I  3^^ Murdaugh Bros. fv 171 AUBURN AVE. at PIEDMONT AVE. .^~%~^ff' 3- -c-'7~~..- z-     . T^S! ?1" JV ."I--"' 7^* 1^? 7^' ^t-" Tv-~;</t>
  </si>
  <si>
    <t>                                           Atlanta      World              '~ Only Colored Daily Newspaper Price Five Cents VOLUME 12, NUMBER"269 ATLANTA. GA., WEDNESDAY, FEBRUARY 14 1940</t>
  </si>
  <si>
    <t>                                           '              )ai/\   HEART" Ec vour own boss plenty agents make up to SJ.00 day spare time. $to.00 week full time with our guaranteed line of cosmetics, medicines, curios, jewelry. It sells last, repeats faster. No experience needed. Send no  money for Free Sam-  4B i Au pics of Face Powder f 5 7! Mffl and Hair Dressing mult \U*M and Free Catalog \lf% WBL with lots of pictures. mM, J5a Write Lucky H-'t g*3 wZ* Companr. Dcpt *-S-tj       , Tcjn. f^^ SMlTiil'KiyiViiSSM^ AH Gospel Songs Peace It's Wonderful 10        10c When The Ijut Mne b Finished 10c Send An Orders To THOMAS A. DORSEY 755 Oakwood Blvd, Dept C Chicago, m. i^m*\ Oriental W n*~-_J 6 km. Rfaptura</t>
  </si>
  <si>
    <t>                                           Ca p e c p /^ v fir r EL EL /               Label Silver Label ABMlS} Round tf %fl" l^tf 1FM li^l ffM" H jB^^^B^fl^^^^^^^^ ^^n ^k. ^i^. ^l b *Tryj^ *~fM$^m*~~ roast ^x^-.i^sc c. U va ^\9  sausage3 i7  n^ ^^c 1 ^^Ka^V ?~^25c I ^%i^ oysters 35c ^^^^^^^^^^^^1 MATCHES  T- 2 5C PEANUT .551 2 25C BUTTER "ssr 34C Octagon 10 19C PEACHES 2 19C GRITS 5 10c PVsui or Iodized l.zr;c L:nj K. SALT 2C BEANS 2 15C SAUCE 2'~ 23C  sv 10c loco rici 4e  s s a 2sc</t>
  </si>
  <si>
    <t>                                           Long time ago, "way back when," little girls were told that if they ate their bread crusts they'd have curley hair. Now the dentists tell us that is what we should do for the sake of our teeth. Soft foods, they suggest, may be responsible for caries and ills of the gums. If...</t>
  </si>
  <si>
    <t>                                           GOVERNOR ASKS HELP FOR TORNADO VICTIMS                 Albanians Check Up On Losses                 Field Kitchens Feed Homeless Of Bott                 ALBANY, Ga. (S N S) Georgia Normal College and the partly damaged Madison High School Monday had been        - -i5     t temporary, -"homes''  victims of the pre-dawn tornado which streaked .through here                 -Saturday morning and claimed 17 lives, 16 of them Negroes. Nearly 100 squad tents, each sheltering from six to eight persons, were erected on and around the high school campus, (tee hundred cots were placed in the high school building and another 100 at Georgia Normal College. FED FROM FIELD KITCHEN* Homeless colored and white persons were red at field kitchen* quartered In tents and the school buildings. Most of the emergency quarters are  occupied bj colored          The Red Cross expressed concern at crowded conditions of In some of the colored homes not touched by the tornado. As  as five persons are living in one room. ASK FEEE GIVING Red Cross officials launched a drive for $100,000 to help the suffers. In the meantime, Governoi Rivers called upon Georgians .to give freely to this cause. Hundreds of the  Monday were digging Into the debris, trying to find clothing and piece* I of furniture, splintered Umber was (Continued on      6; CoL 3)                 Albanians Check (CooUcued from P*t* 1  being lu^ed to  lots ant stacked u..til the time for rebuild- Ing comes. I Man? of tl*c colored people hen are able financially to start re- hi.. )           JUt .(0     struck one of the best kept col3*ed section? in Albany.   TC   Much of the destroyed property is  by colored and white ieal estate brokers. Only a few ol ibe colored home owners win the Hud It a hard  to set started all over again. An  these will be able to get assistance from tnc Disaster Loan Corporation. M. E. Everett, state ETC director, predicted si.5OO.COO would be lent. He said :im. if needed, unlimited additional funds would be available at 3 per cent interest with, as Ions at ten years to pay.</t>
  </si>
  <si>
    <t>                                           ALBANY, Ga. -- (SNS) Georgia Normal College and the partly damaged Madison High School Monday had been converted into temporary homes for colored victims of the pre-dawn tornado which streaked through here...</t>
  </si>
  <si>
    <t>                                           Fashion history was made recently when a Louisville matron was farsighted enough to present to feminine contemporaries the costumes of a Negro designer. Miss Ruth Ellis L. Rene, of New York City. Miss L Rene, a stylist and model of beauty and ability...</t>
  </si>
  <si>
    <t>                                           Linda dawdled over dinner, laughed a lot. Glenn was admiring, full of pretty speeches, but grave.</t>
  </si>
  <si>
    <t>                                           Huge German  Liner Scuttled By Nazi Crew                 Koor hundred n-     ofi f.iin- Henry, Virginia, the  German luxury liner ColumlHte. which had cleared (ram Mexico with 20.000 j barrels of crude oil for the announced destination of Oslo., Norway, i was set afire and scuttled by hiT Nazi crew apparently on orders from Berlin. It is considered likely that  the destruction of the Graf Spec, the Colurotius was u-ary of making the trip to Germany in safe-                 tv and Uu- N:.7i '.cs wtrc  that the huge ship and its valuable cargo should fall into Allied        . The picture shows three lifeboats  away from the ship. There were no  rious casualties and all persons ta'-en off the Irorninc Mncr were  to Ellis Island.</t>
  </si>
  <si>
    <t>                                           REGARDLESS to what votes come in today--the deadline for receiving ballot forms--Henry (Hank) Butler of Florida cannot be overtaken. He will finish with the comfortable total of 79 votes and the certain captaincy of the 1939 SNS Players All-America. He...</t>
  </si>
  <si>
    <t>                                           May Have Negro Census Takers, Lawson Asserts                 Possibilities that Negroes will b named to enumerator positions lr Atlanta are not at an remote. Edward Lswraon. consultant on public relations in the Census Bureau in Washington, said Thursday.                 Mr. Lawson made a one-day sto;. In Atlanta after 3 brief tour of  in interest of the forthcoming census . Nearly 200 Negroes have beet added to the staff 01 the Onsu." Bureau at Washington, the . disclosed, adding that hundred, more would be placed in the Washington office as soon as the census reports start to pour in about the middle of April. Among the recent temporay appointments to the Bureau's , in addition to Mr. Lawson and a secretarial assistant, are two su(Cont'nued on Pace fi. CoL 6)                 May Have Negro (Continued from Page 1)  clerk*, six draftsmen, fifty-eight clerks. two , sixteen clerk-typists, one clerk-operative. one photostat operator, one minor mechanic, seven card punch operators, twenty-eight messengers and fifty-four laborers. All of these persons arc preparIng materials for delivery to the bureau s many field offices between now and April 1. Mr. Lawson stated that he expected nearly 10,000 colored enumerators to be employed In the actual taking of the Census. An additional five hundred or more will be brought to Washington late in April or early in May to begin the task of compiling and interpreting the field reports. A new building is being erected in Southwest Washington to house i the thousands of workers who will come to the city for this purpose. Mr. Lawson as the guest ol Alonzo A. Moron, manager of Dniverslty Homes, while in the city.</t>
  </si>
  <si>
    <t>                                           Possibilities that Negroes will ... named to enumerator positions in Atlanta are not at all remote. Edward Lawson, consultant on public relations in the Census Bureau, in Washington, said Thursday.</t>
  </si>
  <si>
    <t>                                           Dr.C.A.Constantine DENTIST</t>
  </si>
  <si>
    <t>                                           Former Slave Becomes Great Artist At 85                 MONTGOMERY. Ata.-      - Striking  this week was given the old adage, "it s never too late to lean," with the disclosure that an 85 year old former slave- B1U Thylor- has developed his talent for drawing to the point that today    Is     one                 of the greatest artists of his race. Oetecenartan Traylor. bom on -the Traylor plantation near Benton. Ala, worked on the farm  his life until a few years ago. when with his wife dead and the children living elsewhere, he moved to Montgomery. Taking quarters in the backroom of the Ross-Clayton funeral home. he began  away the hours by drawing familiar subjects on ^QuOftTQ       * nQu *T\       D^^ came so adept that he attracted j city-wide attention. DESERVED SUCCESS last week, deserved success and recognition crowned his efforts, when for the first time, his canvasses and drawings were exhibited in the New south galleries on Commerce street. Commenting an Artist Traylors work, the exhibit (Ceatimwd on      6; CoL 7)                 Former Slave  from pace 1) tr-e 01' the New South declared: "    works are completely uninfluenced by our Western culture. Strictly m the fold Mom. they arc sis  and ^1*    Negro spirituals. He has recorded the life hr has known with boundless imagination steeped in a real joy of living. Hb  ranee from the simplest form* just shapes and colors be likes; cups and jugs, to the most fantastic abstractions and story-telling i compositions. Bis very alive people respond to each other in an organized way often suggesting ballet. -Because his roots lie deeply within the great African tradition, ana not within the white man s, and because beautiful and living  have resulted, we believe Trayloj is, perhaps, one of the most  ficant graphic artists the Negro I race has produced in this country.'</t>
  </si>
  <si>
    <t>                                           MONTGOMERY, Ala. --( ANP )-- Striking confirmation this week was given the old adage, "it's never too late to learn," with the disclosure that an 85 year old former slave--Bill Taylor--has developed his talent for drawing to the point that today he is recognised is one ...</t>
  </si>
  <si>
    <t>                                           EARN *5O.OO to $75.00 WEEK! OTHERS ARE  IT- SO CAN YO APTER LEARNING TH? I * Hf STOP w*^in9 SUrt now          At  * aoi^  to koal Bflk A*"  V otW Ug'itMNrt* . Yaw  {*~~ Vgl  upon yow own fforts. Yo. Km* tiw  1RL "MkaMma^.              -~ocM^I MB AHmttd J*r or  dmt J Small Down Payment "     ^~      CelUfl* Piploi- AwidaJ ^M ^y, fOtt FUKTHat IHfOMOkTION CALL OK VNffC I 4PC\ CCLLESfl .^^Bi a^fj^, Herndon Bide* S"3   !~ Anbnrn at Batter 4 'Sii'liS ^*Sm^ Jactoan 8252 -JH</t>
  </si>
  <si>
    <t>                                           Household Appliances GENERAL ELECTRIC Ranges, Radios, Water Heaters, Irons, . Refrigerators^. Washing Machines, RCA Radios NORGE Gas Ranges, Water Healers, Circulating Heaters "Anything Gas or Electrical, We Have ir Jackson Inc. 186 AUBURN AVE. ^JA, L3977-3978</t>
  </si>
  <si>
    <t>                                           R. E. B.--Would it be worth-while for me and my fellow men to still pay dues, or will we get any benefit out of this labor union?</t>
  </si>
  <si>
    <t>                                           Trio Of Them Now Chicago Collegians                 Three of Xavier's five immortal            wizards of 1 934-1 937,  played torr tirr at .a unchanged combination for four consecutive years as undergraduate, and two more years  pro .t known    the Ambassador*. are now members of the famous Chicago Collegians which opens up its 1939 season Xmas Day in cbe Windy City's Eighth Regiment Armory.            above, left to right, i, Cleveland Bray, for.                 ward; Tilli* Cole, center; Red Rhode*, forw-..-d: j Charle* Cant, guard; and Bill McQuittcr, guard. Another man who    much  with the group i wit Larry Bingley. equally capable at any pesi* I lion. I Bray. Gant, and McQuitler of the original I Xavier  five and Bingley, equally a; Rood at a  ', are the       with the Chicago Collegians now.</t>
  </si>
  <si>
    <t>                                           HOLLYWOOD--(ANP)--The Elks dance at the Elks auditorium had about the heaviest attendance Xmas night with the place cocked to the door and only a few of the jitter bug contortionists getting space enough to kick the regular dancers ships, and believe you me, those...</t>
  </si>
  <si>
    <t>                                           ip^E F F I C I ENT ^H? A Use only     level tcs- I) ft spoonful to a cup e* sifted ff ft flour for most . {I Same price today It ll as 48 years ago If il "25OUrtce5*or254 li  I Munrfadunrf W     wAf if:. II  wW      -Wl IB II                            .        * *f ISy</t>
  </si>
  <si>
    <t>                                           ^JbmrAcid Indigestion, Com em      . Htttribvm "MBf 70B  wa  or embarrass 1 jpn, try Alka-Seltxer, which  counteract the associated L Excess  Acidity. JBttt the relief of these minor  upsets Is only a small part, of what you can expect Alka-Selteer to do for you. Yoa wflT-find it affective for Pain Reft* ia.Headachc, Neuralgia, CoU( ad.  Ache* mid Poau,  an , ( . salicylate), made  ^pt and elective in its  ai*   7 b^^Imi^ buffer  woen hard wor]c or i*1 m"'f4m,tf * make you fed tired and  out, enjoy the refreshing effect of a. glass oC sparkling, tangy "Alla-Seltzer. At-Orac Stem is packs**, tmi "~trax Han aada  by th*</t>
  </si>
  <si>
    <t>                                           TIM TYLER -I By LymanYounJ                 FELIX, THE CAT W ft SsUlfr^                 DOROTHY DARNIT V By Cha*- McManlJ                 IT S A GREAT LIFE IF YOU DON'T WEAKEN By Jack                          By Qy Hungerford                 HAIRBREADTH HARRY</t>
  </si>
  <si>
    <t>                                           DEATHS                 Milton Hammond, 86, 143 1-2 Auburn Avenue. Frank Brooks. 70. 1414 Bush Mm. "Avenue. George Perkins. 13. 450 Kennedy WiU Tippcn. 49. 81 A Port St.. SE. Virginia Wooden, 2. 211 Currier. Edward GUham. 74. 315 Wabnsh. Charlie          . 51. 679                 nolia. Walter Sanders. 58. 362 Beckwith. Miryiie Frazier. 42. R7O GrccnSferry. Emily WorbiDSion. Sfi. 151 Man    . J Maute Young. 36. 411 Currier. Sim White; 100. SO Brown nve.</t>
  </si>
  <si>
    <t>                                           Charges Plantation Owner Brutally Beat Workers                 Another Who Fled Is Found                 Claims "Boss" Struck Her In Face with Fist                 Mrs. Orrie Moon, of 412 Auburn Avenue, NE, told the WORLD Wednesday after. noon that she was one of the nany persons who fled from white plantation in Lerinj'on, Oglethorpe County, Ga^ vhere colored laborers were                 .Mleged\y mistreated by W.      .     7 Huff, Chicago  who has been conducting a private Investigation of the sieged atrocities perpetrated upon colored plantation workers. 1$ now urging federal authorities to Mag action against Cunniugliazn. Mrs. Susie Gross, of 12 HSUard Street. NE, in an interview Tuesday, said she witnessed several brutal affairs on the p1?nT?*l* She said Cunningham struck ber daughter and mistreated her sou and brother. Mrs. Moon, who was a cook for the Cunningham family, said  fr^ fled the plantation in December of 1930 after Cunningham struck her lu the face with bis fist and pecked the flesh of her face with the point of a pocket knife. Shc said she went to the plantation in 1916  she married Will Moon. She was a sharecropper two years and then began cooking or the . Snc said she never  any money except at Christmas  when Cunningham gave his hands a (ew dollars. He would give them  mall change throughout the year she stated. Mrs. Moon tcM :he WORLD  Cunningham Intercepted a  which she mailed at a pest  near the plantation and latex showed it to her. Site said th: letter was addressee to her mother^ Cunninj'iam kept a hickory stick on his porch and used it whet beating his colored worker*, tbi woman declared. She said she sav Cunnlnghair beat several persons and on  occasions begged him to stop brating her . Attorney     said a large number of     people alleged to havi been mistreated by Cunninghair U new living in Chicago. Atlanta Baltimore and CinciniiaU. The            Already has forwarded written  of     (ormer Cunningbam  y-:; to federal             here In Atlanta.</t>
  </si>
  <si>
    <t>                                           Mrs. Orrie Moon, of 412 Auburn Avenue, NE, told the WORLD Wednesday afternoon that she was one of the many persons who fled from a white plantation in Lexington, Oglethorpe County, Ga., where colored laborers were...</t>
  </si>
  <si>
    <t>                                           Get Joyful Relief From BACKACHE CAUSED BY SLUGGISH KIDNEYS Stop Getting: Up Nights And Feel Younger H*r**~ on* good war to        * from     * aad        Madder  that               .   ad HBanlnc A* year  for a K          i or CoM Mtdal Haarlcia Oil Cxnulvt- I a   abd   i  nd  for       *                blad^Vr. BMtdn  09 ,  ora- ?         of        * mar             ,  irn. l*c ,    *   Bet    rar* to nt GOLD 3- Ifa a * * for wak ^rs-  Crotn Haartna la Sollaad. Don't  a, MtaXJUO. J</t>
  </si>
  <si>
    <t>                                           Sixth Anniversary                 i.^.. Charles favors, pastor of the First C"tarc*tl Baplhit Church ot Phoenix. Arizona. also president or the Paradise .~\Iis.         Baptist St'Atr               at Arizona. an:t k**y man ot  National Baptise Convention.    ^ in Ariuiiia, who was honored uit his sixth ' sary as pastor of tbr . Oct tf to November 5.</t>
  </si>
  <si>
    <t>                                           Hundreds of ministers and laymen invaded the city yesterday to attend the Bishops Council in session at the Big Bethel AME Church.</t>
  </si>
  <si>
    <t>                                           IN THE SO CIAL REALM</t>
  </si>
  <si>
    <t>                                           MACARONI^3 AND-CHEESE *EADY IN 9 MINUTES I</t>
  </si>
  <si>
    <t>                                           The Columbus District Teachers' Association will hold its annual meeting Friday and Saturday, February 0-1, at Reynolds High School. Reynolds, Ga. Most superintendents of the districts have agreed to let their teachers off Friday, February 9...</t>
  </si>
  <si>
    <t>                                           State Educator To Be Honored At Fort Valley                 PORT VALLEY, Ca.- (S N S)_ It -ras announced here this week that May 9th ins been set aside at Fort Valley State College as -Hubbard Day." On Uut day a hest of admirers and friends of William M. Hubiiard. ncm- director cf .public relations 01 the college. and formerly president of the State Teachers and Agricultural Cbllcqe at Fcrsyth. viQ gather Tnth the college community to do honor to the noted        . educator. Now merged with Forl Valloy Norma and Indubinal Sciiool "under tne  of tl.e Fori Valley State OoUcgc. the          for   as        :!:le Tor the education or thousands of Georgia Negro youth v.hile ' the leadership of President Huboard. (Continued on Pace 4; CoL S)                 W. H, *O                 State Educator (Continued from      1) The school was founded on May Stl). 1902 Among the speakers for the occasion will be Attorney Maceo Hubiwrd, noted Philadelphia barrister, and sen of the honoree ol i he occasion. Other noted speakers will represent the state educational departments and the  grown with which President Hubbard has to long been associated.</t>
  </si>
  <si>
    <t>                                           EDITORIAL I i</t>
  </si>
  <si>
    <t>                                           CLEANING '^Hf - c/.price/ 3 GARMENTS **f. FOR AAan't Wool Suite ood.          Plain Drnm if Cdatt without fur GflltfSilD  MA. MM  ...WA. MM capital cmr. ..vk.  fU PIEDMONT WA. 7651  WA. HH  BB. ltM MAT S HK SIM TROT HE. Z16  two te. mi</t>
  </si>
  <si>
    <t>                                           250 Officers Join In Search For Kidnaped Girl                 Girl Kidnaped Week  Stall Missing                 LOS ANGELES. -iAM1'- A;   :'/; if \\:ey h.a'- bcop. s^\illo^\'cci up f?y thr . a v. sex-.'ior.cl ar:i hb n:nc--a!tl color.'ri victi-n. Dc- Corcion. :V  of search by 25'.) cr:*:?cr*. .in i 'r.:::*; ' d-.:.:. n:rr:- i-:-!r. r ay-.                 I Ir.s;.\id of sub.sxi::::.-. li-.e ir.u-.-c:-; and ~..~ has .  mss.s i!'.et:.n^s were being \::'.d al: I i last week 10  money fcr n re- ward 'or '.'r.r .ro cf "he Imr.tpc and to  on any new chip;. BLAME POLICE I Indignation is at its height, with i much blame  placed on the I  Tor their tardiness in throw- I                 :r.~ ou; a city-wide dragnet. Recen: instances are being cited in  an excited white mother reported a child lost when it had  trayed for an hour or two or fallen asleep in a car. Yet in a few moments squad cars were darting here and there as as intensive hunt was launched that would have made it practically impossible for a kidnapper to have escaped had there been one. Setting the pace that was .quickly followed by other organizations, the Golden West Lodge of Elks made a cash offer of $50 to any one giving information leading tc I the arrest of the person who .% kld(Continued on      6, Col. 9)                 Girl Kidnaped (CoatinurH from Pan* 1) napped the Gordon child. A citizen s committee was formed and one the largest       meetings held under its Jurisdiction took place last Thursday night., at the Cornerstone Baotlst church, from which little Dorothy way en route home when inv:eg!ed Into *he white abductor s car. GIVE DESCRIPTION Persons at. a distance should a!- 1 so keep a watch out. for it is a known fact that a white man with j a little colored girl in his car would attract little attention in the South. as there is always the pos-  that she or her parents would be working on his. farm or in his home. The child answers the following description: 4 feet 6 inches tall; 85 pounds, very dark complexion.1 very plump legs and arms; wide spaced upper front teeth:__hair in two braids hanging c6wn back, last seen dressed in red and brown striped dress, trimmed la white, black oxfords with outside flaps covering the laces. yellow and green bobby socks. The man was bareheaded and driving a grey sedan. According to her companion. 11-year-old Chris- tine Pollard. he was wearing a brown sweater. The Federal Bu- reau of Investigation has also f-n- tered the case.</t>
  </si>
  <si>
    <t>                                           LOS ANGELES, -- ( ANP )-- As completely disappearing as if they had been swallowed up by the earth, a white sex-fiend and his nine-year-old colored victim. Dorothy Gordon,were ... the object of search by 250 officers and many colored citizens after eigth days.</t>
  </si>
  <si>
    <t>                                           A group of twenty singers from Morehouse and Spelman Colleges gave a brief concert at the Ansley Hotel on Tuesday for several members of the Metropolitan Grand Opera Company.</t>
  </si>
  <si>
    <t>                                           Coach Larke Suber's Clark Jitterbugs defeated the Morris Brown Baby Wolverines, piloted by Coach Artis P. Graves, by a score of ... Thursday night in one of the two preliminaries on the Renaissance Card at the city auditorium. In the other prelim. Coach...</t>
  </si>
  <si>
    <t>                                           Rev. E.J.Johnson Is Death Victim                 COLUMBUS.                 -(SNS)-                 Rev. E. J. Johnson,  veteran AME minister of Girard, Alabama, passed kv at Us home there Monday following a brief IDness. The Rev. Johnson had maw friends T"i?rr both white colored during his lifetime msd we wen thought of  by aE. Funeral services far the late Her Johnson were conducted from the Oaines Chapel AiTE church in                 3tr*rd, Alabama Wednesday afternoon,  -31. TCie Tales Ua4        Compiny -its in charge.</t>
  </si>
  <si>
    <t>                                           D. D. D.--I put a girl in an Insurance policy last year and now I want to drop it . Tell me if the insurance Company will pay me the amount of money that. I have paid in as I think they should?</t>
  </si>
  <si>
    <t>                                           met Sunday with Miss Boyd at 273 Pine Street. The lesson was taught from the 20th chapter of Genesis Next meeting will be with Rachel Jewel 668 Larkin Street Apt. 561 this afternoon at 3 o'clock. Rev. Gtis Hampton. teacher; J. B...</t>
  </si>
  <si>
    <t>                                           [hot water M I With GAS autom^.ca^I ,^-cr-^^B- OU always have plenty of hot water at SI2L- r3au5liii^- the proper temperature for home use when you heat water automatically with Gas. -   + ^"or      automatic gas water heater replaces XeJti :i the hot water you use as fast as you use it I Vi/ Jl when you need it again all you have to [FINGER TIP FLOW I do is turn the faucet. Dishes, baths, cleaning,L -~ZZZZ2--i laundering  have to wait.  in Convenience^ Low   smaU down ^3^^^     "T^^^^~~~~\ low operating cost make it easy to have thi*            in COSt modern gas service. Investigate today how V little it costs to enjoy "finger-tip flow" hot r "f, water service in your. home, automatically with Gas. ^J \~y) HEATS TEN GALLONS of -*2B ^sss^ water in the average AtI JBrBbL^ i lanta home now enjoying  ^mg^Mt\^A matic gas hoi water service ^^S^a Gallon for gallon, it actually ~^^^~~^^^jl costs less to heat water     matically with Gas than by inconvenient, far less satisfactory methods. Thii 30-galIon Pcnficld -jm ^^g (.i automatic w.ter heater /% /% /^ ~'M'^6 water  for an     -~ i ace  of 4 to 5. T w^ri MWrWl  4^ fh ~'"\i Smaller and  to IlllwH I ff  fit requirement, of mdi-  '5 vidual      . ^0%!^^ SS S '^,'i^ I ^^BaaMaaa^B^'^</t>
  </si>
  <si>
    <t>                                           Sterling Silver Set To Lockes                 MEMPHIS.                 rail Booth, Banquet Captain at Hold Pea. right, it shown presenting a Sterling Silver lo Mn and Mr.. W. AlonIO Locke On behalf  f  he Peabcdy Hotel waiter, to climax the          banquet reception ;n honor of Mr. Lockr.                 head waiter at the Pcabody, and hii wife, Sunday night of this week at the Hutelmcn's Improvement Club. Bottom  . a      -~ection of Ihr more than 200         present at thn affair, (lit   .Low. ~~."' .</t>
  </si>
  <si>
    <t>                                           HIGH RAGE LABOR OFFICIALS ATTEND MEETING                 Southed Delegates In City                 Sessions Begin This Morning1; Banquet Tonight                 By* J. C. McMORSlES                 Negro craftsmen of AUunta art o^ m the entertainment of Negro  tram  stairs throughout Ui,       .                 Among the "outstanding labor  of Cat       . are the following: Cornelius Maiden. International Organizer. A. F of L. 03*1 vice          -at-large.      .m. state Federation of Labor; paul Hartman. sixteenth vicepresident of the International longshoremen s Association; Jerry Jones, eleventh, vice- ol the same organization.: Bernard Green, vice president of the Capitol Cool Miners of BirminghamAlabama: William Jones, recording secretary of the sam* organization; Paul Dumas, president ol the Red Ore Miners Local of Blrmlngbam; Henry Coffee, secretary and treasurer of the same organization; Henry Jones, vice-president of the Capitol Miners. Pratt City. Alabama; Frank Svans. seventh vice-president ol the Automobile Workers International and organizer; Isaac Williams, organizer of packing House and Meat Cutters international Union: E. D. Rhone, president. Longshoremen's Association of Mobile. Alabama: and M. Jackson, president of Longshoremen's local. Savannah. Georgia. The Savoy Hotel Is being used as the headquarters for the Negro ^ Special arrangements have been made to ~"*~r" visiting delegates to homes In the city  the ho^el Tnmngjrnvrt That Is to say. homes will be used to take care of the over-flow after all note! reservations have  taken. It Is estimated that several (hundred Negro delegates will be In attendance at the conference. Some of the leaders are already In the dty.  GA'iimCWG- The headquarters of the Atlanta Urban League will also serve as a central gathering place for the out-of-town delegates. A number of the distinguished visitors  the League's headquarters at 25C Auburn Avenue yesterday. Among the C^OW 'was P*"* Hartman. vicepresident of the International Longshoremen Association-. The Executive Secretary of the League Is working Wh. the Committee on Arrangements headed by Cornelius Maiden, general organizer for the A. F. of L. Malrtfn, the only general organizer of the group, Is working under the direction ol George   . Googe. Southern Director of the American Federation of Labor. The sessions of the Southerc Labor Conference, beginning this (Saturday) morning, wul be open Ito visitors. Tfhese meeting; will be held in the Municipal Auditorium and Negroes who are Interested In, the Labor Movement are urged to attend and hear th outstanding leaders of this faction of the Labor Movement. Mr. Maiden has assured the Executive Secretary of the League that Negroes wishing to attend thj gen(Contlnued on Page CoL 4)                 Southern Delegates (Continued from Page 1) eral meetings in the Audi:    -~-   *:1! no: ? any difficult;; in obtaining seats. BANQUET THIS EVENING On this Saturday uir?ii:. a bc. v ill b,^  111 Haulev's II:.:! I'nr lilt* visiting Nt*j*ro  loic^aU-s. ff at urc Uj!.*: ocr;'..Jon v ill C1-.' \*.u bn ::^ of the -t uu- j        i/. :iit* cl:.stir.yui:Uied Ifuclor ln^- /.::i--j*iL-:i-i Ft-cU: ration ol LjIj-'j: l*rw:UU-:H      . Tlio tli-:: -tii;^ in  V's H:i!l. uil! iu j.i t!i,. :r,;.-f.-!i ovr i;v i*;u:io 'In,, in.--.!: sum-:;1. !'ur tl.is ;.;:-:il.i! t.i-.-..:.n.ij o.-i:i:: il.-. !:i:V..i ;r:.\ ~.I* JuoICmjii fTl.v::'* ui;.;i:iy. l:ii'. 'I'l.i.s j.-; ;ui f\.i::...]. i.l J:r oo*     ."lit i*"'it   ]' 1'" i iii      :.r:.;. -fS     lilt* Ni- C:'0 t;in I lie f:-iit ol v^.;Eii:j '^Utr-s Of tilt- -.V.</t>
  </si>
  <si>
    <t>                                           Negro craftsmen of Atlanta are assisting in the entertainment of Negro delegates from other states throughout the south.</t>
  </si>
  <si>
    <t>                                           tt^^^fl fcr *     tat      - f</t>
  </si>
  <si>
    <t>                                           Sunday will be a high day at the church beginning with the Sunday School at 9:45 and all teachers are asked to be present. The pastor will fill the pulpit at 11:30. BYPU at 5:30 and evening services. at 8 o'clock. Rev. J. D. Sims; Pastor: Mrs. G. B. Shaw...</t>
  </si>
  <si>
    <t>                                           NEW YORK--A week ago Saturday night, the Millrose games were run off before a widely cheering sellout house, in Madison Square Garden. Great athletes from every section of the country thrilled us with astounding feats of greatness.</t>
  </si>
  <si>
    <t>                                           MzMiS. r^ugh skin  BK^fiSS^ ^         - "^^T^Bl v^ *   ' v*^\!? "^^K EASY TO USE-MONEY-BACK GUARANTEE      J^^^^^^B BBg -~^v more glamorous! And Nadinola protects you with a posi- W --!--wBl^m</t>
  </si>
  <si>
    <t>                                           Alleged Insults Lead To Arrest                 A man listed by Atlanta police is Willie Harris of a West Hunter Street  wns arrested Wednesday on the complaint of Pror. C. L. Hnrper.  of Booitcr T. Washington High School. Airollng cir.cerb- quoted Prof. Har. pcf as saving two school girls oc:a-=ed HarrU of insulting .</t>
  </si>
  <si>
    <t>                                           Boy Scouts And Their "Good Deed"                 V. ben a U. S. army attack plane plunged into the ocean at           Beach, Honolulu, Boy Scouta Raymond Kane. 16. and Hy#] Ching, 14 (left to right in photo at right), swam out and rescued the two . Lieut William Hindson (left! escaped with injuries to his hand, while his companion was .</t>
  </si>
  <si>
    <t>                                           A. S. B -- My problem is very hard for me to deckle and I want your help please Mr. Wallace. This man I go with said I should cash in my insurance and buy him a horse and I wonder if I should do so or not? Will he pay me back?</t>
  </si>
  <si>
    <t>                                           SELECTED FOR JURY                 LEXINGTON. Ky.- (    - For Ule  time lu  hi-story of the Eastern Kentucky district. live women  live Negroes  trt  S3 persons -d (01 jury services at n criminal ,\ni ! term of           district ". opening Monday. Marcli 4. at Jadcsou. Ky. Negroes selected were Barney j Crawford. Lone: Zliner E. Wlllm:ii.-. Hazard: Tcin Wilson. Jackiuu. Arthur Grishy. Booncvuic: and I .Sa.7 5=5PS*. ^r^7- j</t>
  </si>
  <si>
    <t>                                           THE SPLENDID, queenly pose went into thee discard who woman trot-trotted to the barber shop and got her wool ... Now and then one sees a girl, athletically inclined, who carries herself well, but she is a rare sight. The average young woman slinks along...</t>
  </si>
  <si>
    <t>                                           The West Side Services Club No 1 met recently with Mrs. Daisy Bailey. Two members were added to the club, Mr. W. L. Dunn and others gave helpful remarks, Mr. Christine Simmons, president; C. Gardner, reporter.</t>
  </si>
  <si>
    <t>                                           Tho combination of ... Olympic Track champion and the World's Fastest Human, in a special track exhibition, plus an American Negro Baseball League classic involving the Kansas city Monarchs and the world famous Criginal Crawfords of ...</t>
  </si>
  <si>
    <t>                                           CONVICT TWO OF PEONAGE M THREE-YEAR-OLD ALA. CASE 1                 Landlord Is Fined? $250 Qj                 Cases Against Three Others Are Dismissed                 MOBILE, Ala. (SNS)-^S Two Alabama white xn^n^H one a large land-owner  the other a justice of  sH peace, were fined in UnitedH States District Court lt^H Wednesday when they  ed pleas of nolo  to charges pf peonage. Ja.r^H =y5       case. "^W Federal Judge John Mc-H Duffie fined John         Perry County farm: land        *-ator, $250 and EnunettH Glummer, Marion justice  xU 'he peace, ?50. V .-oB On motion .of District AtrH "~ Francis W.              n which three" others.'TVee-H ^~?n and Petfcus' Morgan Sot^H Me. brothers of John, and J!^ WashMum, a.   :ff. hnd been indicted,  dismissed; -ViH</t>
  </si>
  <si>
    <t>                                           Atlanta . MtM DAILY tod   MM St ATLAJTEk .? TrOSLD  Cft 1. k Tslspfccssc: WAi=3t    -MflB fh Wembar at BOOTT  BYNDlCATa THiMiitml Aur I, IBM; Bccuna Dttl* Uaicb U, UN A. Scott, n, FMindar  od Putallihtr. Aug. S, IBM to Ttto. 1. UN IMliI la  ha Port Offle* at Atlanta, G*. aa Mcood-daa mall aids tba Act of Cootnm. Uarch S. U7B H A. BOOTT Oqianl Min- pr.TTF  "~"'r rn Xdltm  V.  AaneUte and  XtUto* DAILY:- 1 Yaar,  BJ6; 0 Mot, KTS; S Uoa, $120; 1 Ho, We  ONLY:- 1 Yaw, $3.00; 8 Moa,  2J0; S MSA,     Canada: 1 Year,   ; 8 Mo*,  2.7S;  1 Year,      National Advertiatng B*: W. B. ZIFF CXX W 8. Dearborn St, Chicago, m., and 3 1 4th ATenue. New York, R. T. 11m ATLANTA DAILY WORLD la an Independent -  and non-,  newt  and    It believe* to the interest of lti reader* and   kind  the interest ol 1U readers, Addnoa ALL COMMUNICATIONS tc ani make 8  IB ATLANTA DAILY    to Individual*. The  f-   -~iy repudiates responsibility for return of tt"~""'*frt , , etc, unless stamps are sent</t>
  </si>
  <si>
    <t>                                           Negro Capital To Finance Unique Housing Project                 U D. MHlon. president of the CUteon* Trust Company   VrncMtay that  for Atlanta1* first, colored housing project to be  by Negro capital arc  . Construction u expected to  Trithin the next    - , lie said.                 Ninety-four houses win bo -erected over a period of a ,  In price from   Q0 to HMO. The home* wUl b? designed for families  -s  91,600 to 13.000 a year. The project will lie  buck of the Booker T. Washington high 5)l  Held In im       by Hunter rond. the belt line railroad and          street. Tlie project Is bring financed by Morris Brewi Collrce. which owns thi- Und, and Bhivmlya, Inc., u                 chartered by j. b. Blnylou, u D. MUlon and ck it. \H1CS. In u statement to the .Hr. Milton said "We arc building for  who make a little too much to be eligible for slum-clearance housing, yet who don't make enough to buy or build expensive homes." It was understood that the JWcral Homintr Authority ha* agreed to Insure the financing* of the prn.. The neighborhood will be restricted against construction which n  lower Iho value of the property.  nd the  will be built In groups of 10 or 12, as buyers ."1 Mr. Milton said, "until the full  of M houses  nu. been</t>
  </si>
  <si>
    <t>                                           L. D. Milton, president of the Citizen's Trust Company announced Tuesday that plans for Atlanta's first colored housing Project to be financed by Negro capital are nearing completion. Construction is expected to begin within the next fow weeks, he said.</t>
  </si>
  <si>
    <t>                                           5 -tie The Parade Begins at the... Schwobiit Clothes Store All ih.it'--  is in iv. mi I'.it.iJc iii Jichwobilt'  .^ /ii iho One l  is  Ih.in a     III -.1 :i: j Wl'ijs. I^^M     S'2*2 I WS \^i SUPERLATIVE W 824.5c M,ir/r /n Our Own 7~/7or Shopx, Sold In Our Own Stores Direct To- You. TbeSCHWOBCo. "Cbtha Friends" Broad Mitchell</t>
  </si>
  <si>
    <t>                                           Perry Converts Three More At Mt. Olive Bap't                 In spite of the fact that Joe Louis was engaged in one of his slaughtering fights Friday night, the Rev. Dr. E. W. Perry, outstanding evangelist  Oklahoma City. Oklahoma, swayed a large audience at Mt. Olive Baptist church. Rev. W. W.  ,  "Look Both Ways and Then Choose" was the theme ably developed by Dr. Perry. Near the close of his touching  people began to shout and give vent to the Holy Spirit. So convincing was the invading clergyman s message, three people united with the church, swelling the number to five taken in by the minister since he began his drive for sinners. "Faith Is a superior knowledge." Dr. Perry went on, "it travels on when sense gives out." He ably traced the life of Moses, the greater leader and law-giver of Israel,        many striking applications. Atlantans are urged to hear this mighty preacher Sunday</t>
  </si>
  <si>
    <t>                                           As the mid-winter weather looser ... grip on the Gate City, the Atlanta golfers turn their attention to the New Lincoln Golf and Country Club where a great season is anticipated by the numbers of the Board of Directors.</t>
  </si>
  <si>
    <t>                                           BRUISING EM                 EYRE -n . sUr !o:'v.';ir(! and ~.~x':-aU ol tiit. al- i '.act: cf ti;? Worlu Champion lien- . is :i  national ttn- "is cli i:::;)uii H'.- is ur.o ti.o   .s;      -ji\~. :a.s:  :. and  !ii!iici.-' ;)rcic.-.MOr.a;  :n Uic name. "Bruiser- ;c:t! u-.c fan:ou5 Rcm arc 0:1 a ti.c':nr.-\v:c!,.  I 10111 a 1 I): ,-.fr.t. Tliov play South 1 C;.vo::..., br;i:i;~.- 1      -ii. t= C   :c!:.-..</t>
  </si>
  <si>
    <t>                                           Tracy In 81 s Picture                 Walrcr Brcnnan. Spencer Tracy. Roller: Yount! m "Norrhwesr Pjs-ja^c" W-iller Brcnnan. Sp^ncrr Tracy and Rob-rt Y- irr       here in a  from the ,. picture, " Pat.~~e".   a     -r-    run today at Bailey'. 81 theatre.</t>
  </si>
  <si>
    <t>                                           May Follow Pauls Lead                 Rnty El/y. nationally known screen and stase character actress. whom Xew York Inside dopesters assert will follow 1'aul KubCMins lead in suing the producers of the short-lived "John Henry" for "' of                 " I Carl Van Vechtcn photo).</t>
  </si>
  <si>
    <t>                                           LOW COACH FARES to Washington, New York, the East $0%mA{\ ROUND-TRIP  Mj^"T\/ IN COACHES M J ATLANTA MM W0 NEW YORK Cool, Air-Conditioned Trains One-woy Roil Fore* in Coaches from Atlanta MawYerk S14.10 PhUadatphia S1Z30 Battimor. 10.40 Raloifh 635 Mnafafbun 2.55 Richmond 8.15 Boston   .h.   g.i. 19.60 Atlantic City 13.50 Norfolk 9.00 Washington 9.60 Two  daily lea.e Atlanta M I-:)S P.M. and 6:43 P.M. CS.T. Consult H. E. PUauntn. A.C.P.A- Sraboard Railway or City Tirkn Office. 62 Luitic Si_ Atlanta. Phone Walnut 7322-50111 NEW DIESEL-ELECTRIC SERVICE AUDITORIUM SAT. MAY 4th MARVIN McDONALD Presents MARIAN ANDERSON The World's Greatest Singer In Concert Scale of Prices Box Seats $2.75; Dress Circle $2.20, $1.65; Balcony $1.10 Tickets Now on Sale at Yate* Milton *No. l. 228 Auburn Ave.; Yates Milton No. 15. University Homes; and Amni Drug Store, Hunter Aslihy Streets. 25c NOTICE 25e^ Because Atlanta is overrun with  ^^^^M^^^H leaders. Madam Mingy. Atlanta's foremost and ^^^^V^^^H oldest palmist, will  i\T her same full life read- ^^~.1-l-aW inc for a limited time onlv at the amazingly low ^^B I I M-M tee of 25c Gives names, dates and facts on , ^^H*l*~~f-I marriage and business. Never fails to ca-se I^   *-~l speedy marriages, reunites the separated, lo- W^~JvT" I  absent friends, overcomes your bad luck, ^k /^^5    Will tell your lucky days and unlucky  h.ys. \VV Bours 9  t:I 9 daily and Sunday. If ^B  38 MeDONOUGB RD. ACROSS FROM FEDERAL PRISON lake Pryor Federal Prison Car lo end of line. Look for sign.</t>
  </si>
  <si>
    <t>                                           Want Morel Negroes In Tenn. P.                 -      - Hav-  no  since the trance of the  cw  (r.l'i    , cl'- s new million dollar  Ls Ihr object of centralized cri  from  who arc                 inni.iriK nn effort to place members i ,il I'.ir race in employment, - n"l". long       :l and  Voter;, of the city and county have, pledged themselves to wash - hands In the August election II elected ; do not attempt fo do something about the matter. The present representative to the U r  from Hamlln .v. r.ho is M?rvU:(; Uir '.rrd term ot a deceased candidate. l:a^. ; to  re. i-'Mvvd. in ; over - rli^lli.li!~ 'A:-'.  ! there ~~:i- 'In- '.T.. time fev cli^lbl':-. :Mr to I"1 placed on the-     ;ii)!inc'.*!l rolls. T'^e po"i!'?')iiH' nius not  any (:~ i" carrier-; since RposeveK took oilier-. .Sinco thr  ol t!w I'lilldm: Neitnx";  not been Mirirred j:  .mil thou."=md- N":".roes in ClisltiUUWRa  ^'clv In  ol work. Pirns and ix- to tlv*  have born to no avail, and trie elections, in which Nejroes 1n Hnmlln      more votes than Nrcrcs  in th2 .-I Me. onl.i contin'.ic to put msn in  who are overlooking the . Tlic nrw I'dilicc -  comi- fnr  el^ht. \-earn- and tin- '-ue t lid cry of thp  c:tl Pti.t '.i:'--       to no  Hobrrl B. Hiirfcnrr. )~re.  il Mir Ttnnilln  Democratic  la  an appeal to the K'-.-' Titih's-i-c  alive  w- Infrniicd him Unit I sir- . i MUT zie^;'  s.X'l PUS11' nt ** t\Yiii nr.- anxious to ean\ :i  In  It-mi 01 oilier.</t>
  </si>
  <si>
    <t>                                           CHATTANOOGA--(ANP)--Having no appointees since the entrance of the new administration into government control, Chattanooga's new million dollar postoffice is the object of centralized criticism from citizens who are...</t>
  </si>
  <si>
    <t>                                           Officers Use Machine Gun, Tear Gas To Subdue Man                 Victim lit Critical                 Banficaded Self in House, Exchanged Shots                 A man listed as Alex Stafford, 57, of 1557 New Street, lay in Grady Hospital in  condition Friday night, following' a spectacular  battle with police.                 One officer was reported suffering Injuries of the face inflicted when a shotgun charge burst out a window, pane, shattering it in Ills eyes and cutting him in several places. Another officer s uniform was understood to show holes from the pellets of a shotgun blast. Mrs. Mattie Matthew, of 199 Wesley Street, was bit between the eyes by a flying pellet as she stood, in her doorway half a block from the scene of the shooting.          _saig. twelve or fifteen Atlanta and DeKBlb County police" cars answered the call to quell the disturbance. Pistols, shotguns, a machine gun and tear gas were used to blast Stafford from his domicile. ORDERED FROM BOUSE According to reports, Stafford became enraged after rent collectors had secured an order to eject him from thc house for non-payment of rent and had tacked a "For Rent" sign on the door         morning. A WPA -worker, Stafford was said by his wife to have been released from MUIedgevllle hospital for treatment four or five years ago. Stafford was said to have begun walking about the .neighborhood with his single-barrel shotgun early Friday afternoon and to have dared anyone to say anything to him. Officers- finally answered j a call to come for him. When thc police arrived, one of them Is reported to have slipped Around beside the house and with his pistol in hand demanded that Stafford drop his weapon. Stafford is said to have replied that he  wasnt going to comply with thc order and to have cut loose a shot, gun blast at the officer who narrowly escaped        hit. A pellet from this shot is understood to have hit Mrs. Matthew. BACKED INTO HOUSE Stafford then backed into the house and shut bis doors and when this officers appeared' at the windows he shot at them, it was stated. Police reinforcements arrived and a general battle ensued. Several officers used a window of a next-door house from which to Shoot at Stafford. Others fired tt:ugas and pistol and shotgun blast? Into the house from other angles. Finally Stafford was subdued after being gassed and wounded. At Grady Hospital. Stafford's injuries were shown to be gunshot  of the , both hands- and right hip. a.~ well as other small areas of the body struck by shotgun . Attaches save him an even chance to          the injuries, but said his condition was grave. They prepared to give him blood transfusions prior to operation. Stafford showed lull consciousness at least three hours after being shot and gassed. City patrolman W. P. Jones was listed as suffering a glass cut fare Irom the effects of shotgun blast, while Officer J. T. Mitchell had boles in his1 uniform as result of the same action. It was reported. -Mrs. Ladle Stafford, wife .of the .wounded man, said that they moved into the house -January 15 and that she knew of no major development over the rent until this -week. She was at. work, when -tfrc -             ,qhe  ii i</t>
  </si>
  <si>
    <t>                                           A man listed as Alex Stafford, 57, of 1557 New Street, lay in Grady Hospital in critical condition Friday night, following a spectacular pistol-shotgun battle with police.</t>
  </si>
  <si>
    <t>                                           Ho high! No! It isn't spring lever just ain't particularly enthusiastically today Yep! The girls played volleyball in the gym this afternoon; however, they were late arriving and some of the girls had gone. It was a kinds let-down because three brand new...</t>
  </si>
  <si>
    <t>                                           Members of the AME Ministers Union in their weekly meeting, made plans for the mid-year conference April 23, when the presiding elders, pastors and trustees of Morris Brown College will meet in the last state gathering before the General Conference, May 1940.</t>
  </si>
  <si>
    <t>                                           The average yearly colored attendance at ponce De Leon games played by the Atlanta Crackers is 35,000 Seventy-seven home tilts are played each season, Negroes turn out at Ponces at the rale of 455 a day.</t>
  </si>
  <si>
    <t>                                           It was a somber group Hugh North found in the white-washed police substation at Heluan. Those present included not only Cliva and his immediate assistants, but Sir George Ruthven, thunder browed and snapping like an angry terrier.</t>
  </si>
  <si>
    <t>                                           THE ILL-ADVISED and ill-timed outburst of Benjamin Davis, Jr., before the Senate committee conducting hearings on the Van Nuys federal anti-lynching bill, could not help but leave a bad taste in the mouths of supporters and opponents alike.</t>
  </si>
  <si>
    <t>                                           All members of the D. T. Babcock Gospel Chorus are urged to meet with Mrs. Addie Champions, 546 Gartrell Street tonight, March 29, at 8 o'clock for a special rehearsal. The chorus will sing all day Sunday, March 31. Rev. D. T. Babcock, pastor: Mrs...</t>
  </si>
  <si>
    <t>                                           T Volley Ball Unknown Five 11. Tigers 7. Unknown Five II. Tigers 3. Unknown Five 1 5, TijreM s 7. Hnwk* .Tlitcrbugs 11. Hawks 11. Jittrrbucn IHawks 11. Jitterbugs 6. Hawks 15. Jitterbugs 9. Tim Count \\"n .. :  Ilin ~'~y ul  from Troop  1.</t>
  </si>
  <si>
    <t>                                           DENIES          Wilt BE RE-VAMPED                 -TA N P)- Or Leslie Whckncy Hill, president of the Cheynoy Stole Teachers college, denied this -week that hU century old institution  sill be revamped and made into a trade school, after the Tmfcegco pattern. Rumors to this effort was rampant for mini}' .                 Prayers For Antilynching Bill Sought In Boston                 Sunday, April 14, Suggested As Day by Backers                 -(A N P)- Tht Enstem New Hngland Congress for Equal Oprhrtunltlcs,  . ato of the National Negro Congress, authorized its acting general secretary. William Harrison, to tend out Uno following letter to pastors In Boston and other cities and towns In the New England area asking for a day of prayer for the passage of the WagnerVan JTuys Antl-Lynclilng bill: "Reverend Sir: "In its endeavor to bring to tbe                 attention of our people tile    nd  importance of the  of a federal na- UU, the Xkitern New Bigtand Oongraa for Equal  is  an  In                 this region to institute a day of prayer In  churches or synagogues for the passage ot Uio WaStter-Nuys "Anti-          bill I In the United States senate. "I do not need to emphasize the I great Make  an Americans! who truly love democracy hare In Uie wiping out of mob violence, that blot upon our civilization. "We might suggest Sunday, April 14, or any other date which you may   to April si</t>
  </si>
  <si>
    <t>                                           Champ, Coach Parley'                 I .i-.l.. l,.,x,,,. ,o:u-li. I and Ims ~.r..l.:. ,,,,n sir... SuiltlllMsl, I'll hr.l V Ul'i^lll . urr m*i*ii in :i ; chat shortly  tin- hill.r hi kCd out Major GviiituI ll: ol Ky. Stair Industrial .(.ll.-cc- in Ilir                 Saturday, March 30, in Atlanta. (unIi and Strong   i\f . 'IVjwfHKrr. Slrunc will vlr in  National AAV Klnaln                 ill l:.,sl,,i, Al.rll X. 'I. 10.- (SNK i .</t>
  </si>
  <si>
    <t>                                           ASHBY ST. COAL YARD Z95 AtSbr St. S.W. Ra. 9303 B.it Ky. R.d A.h Coal     54 Ten M Too- Tom 5 BAGS FOR C1  Mothersills s. j 4  u     ~/.Th* Cma uiW ky I/ilM0~~*     [   ~/     .      nbm</t>
  </si>
  <si>
    <t>                                           Protest Proposed Denial Of Ballot To Reliefers/                 NAACP Sends Telegram To N. J. Governor                 NEW YORK- (SNS)_Tne spectacle of New Jersey's state legislature acting favorably on the recommendation of a state committee investigating relief, which would deny the vot? to all persons  who havo been on that state s relief rolls for three years, was vigorously condemned In a joint telegram sent to Governor Harry Moor0 by the NAACP and Its fifteen branches in New Jersey. The telegram, which was sent February 26, and signed by Walter White,  urged the Governor to throw his weight against the                 recommendation The telegram said in part: "Since  when has poverty  a crime or justification for denial of constitutional rights? Adoption by New Jersey of such a proposal would work especial hardship on New Jerseys' 300,000 Negroes, many of "whom are unemployed and on relief through no fault of                 own but  because ol , by public and private  and by some labor unions. We strongly urge full weight of your office and personality against so vicious and un- democratc a proposal."</t>
  </si>
  <si>
    <t>                                           FATHER DIVINE PAYS $4,000 FOR NEW HOME                 'Heaven' Is Next Door To Cathedral College BROOKLYN, X. Y.- (AXP)- A fifteen room house at 541 Washington Ave. here this week became the newest of Father Divine's "heaven" when he purchased it for $4000 according to the former owner. The "heaven" which is next door to Cathedral college, a preparatory seminary for 300 young ladies, also is near a Catholic parish. Officials of the school, established in 1915. expressed annoyance when several of Father's "angels" moved in last week. Miss Isabelle Kelly, former owner of the house, decided tp_sell it last year after residing in it for 26 years. Considering Father Divine the  market for cash, she said, she wrote him about the house, naming the prce as S6500. Divine  the price too high, but reconsidered the offer when Miss Kelly lowered it to S4000. The house, a three-story brick -and stone building with 15 rooms and two baths, has a tax valuation of $18,000.                 Resignation Of Sheriff Mott i Aldredge Urged Pulton County Sheriff Mott AI- I dredge was asked Friday by Anicr- j ;can Legionnaire A. J. Allen I i white, of Atlanta, to resign, be recalled by the public or impeached because of alleged  to investigate and prosecute wholesale flogging in the county. L Legionnaire. _~ll$n.  said he i-was" speaking TW the "American I Legion of- Georgia, and other Lesion leaders,~ that outrages, such as have been brought to light in the past few days concerning flogging activities, "will help more than anything the passage in Congress of the anti-Iynch bll. which I the South has been fighting for years." Legion leaders warned further that respectable persons would think twice before moving Into Georgia as long as such outrages exist, industry would be             from- moving Into this state ace the people of Georgia will be made to suffer unjustly.Man Falls From Downtown Building Benjamin Carter. 24. of 547 Mary Street, SW. narrowly escaped  his life Friday when he fell tram the third floor of a building located at the comer of Peachtree and Ellis Street, according to police re- 1 pore;. After he received first aid at Grady Hospital. Carter was transferred to a private hospital for observation and treatment, it was stated.                 Carter Leonard, j Pistol Victim, Dies At Grady Only one indictment was return- i cd by th-i Pulton grand jury against a lottery suspect. Rriday. while police listed the death of a gunshot; victim they suspected as betas s "bug- writer who was shot by a person whom he tolled to pay a "hit". In til* .Cox..Sroaersrmotgue  tey^Sc-boSy of gfl ^k Cuter Leonard. 40. of m*. 820 J-2 BecfcTrtth I  J aw. t*o -raw. snot \0  the left.dde of the .. the bullet coming oat ot ois left-     portion, on the- night ol March. 6. Witnesses toid polk* tiai  was shot by a man who. I thought a. robbery was  to take place. Bat              aid they bad knowledge thai,tt*             been in      racket and they bettered he failed to pay off "hit" Bepeated attempts to get the name of. the           from Hie victim  The Pottoo grand Jury. Friday returned  T  nrt4i^Tim)it'.  -Q of a lottery to Richard Dow. Bow ins arrested last Monday. It was reported.</t>
  </si>
  <si>
    <t>                                           [checking and savings account service First National Bank I ATLANTA CAPITAL, SURPLUS ft PROFITS J9.0O0.0O0 I Mrrnbrr          Deposit Insurance Corp.</t>
  </si>
  <si>
    <t>                                           IT WAS THE WRITER'S pleasure to visit the Turner's Chapel of Marietta, Georgia, one of the oldest churches in the North Georgia Conference of the AME Church. Rev. F. B. Wright, the present pastor.</t>
  </si>
  <si>
    <t>                                           JONESBORO, Ga.--Sunday was a gala day at Shiloh Baptist church. The pastor, Rev. Wm. G Bivins preached a wonderful sermon on the subject: "Trying to do things without Jesus Christ and failing; trying to do things with Jesus Christ and succeeding."</t>
  </si>
  <si>
    <t>                                           Gate City Lodge No. 54. IBPOE of W will again hold a large initiation on Wednesday night at the lodge room, 21 Bell Street, with Exalted Ruler W. H. Ragan presiding. The meeting will be opened promptly at 8 p. m. All officers are requested to please be...</t>
  </si>
  <si>
    <t>                                           Ciney's Chocolate Gannonader                 t JACK (BUDDY) WALKER The pride or Cincinnati, Ohio  fans these days is none Other thin Jack (Buddy) Walker,  heavyweight bovine wizard shown j in the serious pose above, wan has jost been matched against Unknown 'Winston, the Hartford i Connecticut j Howitzer in a Queen City ring. Walker is rated as outstanding u prospect lor thP world heavyweight boxing crown in Cincinnati us Eoscor Toles    in Detroit. As a matter of fact. Toles ;s one of several - "heavies" Walker's man- ager plans for him meet ui     early . I</t>
  </si>
  <si>
    <t>                                           Harlem Sketches                 By SID THOMPSON  NEWS NOTES (For ANP)                 Bardu All. ex-Chick Webb band lender, who his formed his own band .  the APOLLO  recently, 'nas ooe of the best bands in Ibe -s. Their music Is ar- and toe adding Sistor Thorpe, guitar playing, gospel Jazzer supreme.                 shares th* spotlight at tie ^ LO the current week. Katherine Durham, newest dance sensation, who 'nas appeared at the  Windsor theatre for the past nve Sunday nights will give a benefit performance of her troupe at the same theatre for the New York Urban League on April 28 Oscar Polk, "Pork" of Gone With The Wind fame, made a personal appearance in Harlem with the picture this week. John Marriott ana Abbie Mitchell, colored stars with the -Little Foxes" company, hit play of Southern life starring Tallulah SanUhead. trill make the trip with the company iohn Klrby and his band. back, irom a lone West Coast stand,  on Broadway this     ....News of a suit  by a number of  (well known) against a downtown . shows that all attempts M segregation are not below toe Mason-Dixon line. The Negro is not wanted in many      "s in New York City. The Rose McLendon players have a hit vehicle in th-ir "Sooker T. Washington- play based on the life of the well known educator. Earl Bostic and his ork continue . at SMALL S PARADISE. They have been there uninterruptedly for nearly two years William Drake. suave emcee at VINCENTS TAVERN,  a swell show at this spot weekly. It- Is Harlem's farthest East spot. James p. Johnson and his band -uest starred at the ELK S RENDEZVOUS ull this week Outstanding  there, however is Willie Dukes, marcel       impersonator DICKIE WELLS'1                 place- seems to gel mast of the after  ofay trade. At least it is always crowded with them. Clark l. s UPTOWN BOUSE is one of the quietest after hour spots in the Village. One can nave a quiet time there at a late nour. Entertainment is that intimate kind Cab Callon-ay and his Cotton Club ork start a month s stand at Boston's famed Southland Cafe and ballroom this month.... Sid Thompson 129 W.    2d. NYC.</t>
  </si>
  <si>
    <t>                                           Bardu All, ex-Chick Webb band leader, who has formed his own band which clayed the APOLLO THEATIRE recently, has one of the best bands in the business. Their music is ear-warming and toe tickling....Sister Thaspe, guitar playing, ... jazzer supreme.</t>
  </si>
  <si>
    <t>                                           MEN WITH THE "missionary complex" have been powers throughout history. These have made nations great and civilizations splendid. One of the explanations of the greatness of Jesus, and the church He came to found, is in this self-same...</t>
  </si>
  <si>
    <t>                                           DONT COUGH  Bet this Quick R.II.I Here Is one effective war to help hose children and grown-up* -who ire Just recovering from a bid ooM.   that stubborn  ..Tlie  of a racking, wrenching,  cough, la too. dangerous for tnf ('. J2X* . It * rent* the -^tam'  - breaks down his . At thu time of danger use Cheney's Expectorant. Cheney's quickly 'allays the cough due to colds, loosens the , soothes the throat1_ irritation, restores comfort: The base 3f the Cheney formula Is honey- toothing homy. That Elves It. a  taste thai : will like Before that  further saps tht strength cf Us. "Irtlm r.ev Cheney'r Sxpectoranr. i' i money-Use-  SIDE SHOE SHOP ^^B Czswl S k ^^~H W r k. Sh- ^^^^m CUulay. 910 Hunter SU, S. W.</t>
  </si>
  <si>
    <t>                                           The ill-time rantings of one Benjamin Davis, a New York ... advocate, before the Anti-Lynching Committee as reported by the press last Tuesday does not express the sentiments or meet the approval of Negro America or the Negro press of the...</t>
  </si>
  <si>
    <t>                                           WASHINGTON--(ANP) -- Reports that the ruling against segregation, made by the American Library association after its meeting in Richmond in 1936 when Negro members were subjects of gross discrimination, was about to be revoked, this week brought...</t>
  </si>
  <si>
    <t>                                           DEATHS                 1 W!S WE3TON                 JtSSBVUjjs. S. C- Tuneral services for Lewis Westoa, ion ol the late Joh= and v.       KellerWestos, Twre held Sunday following his death xt bit horse an AFri! i2 Ma=r cut      .dKS. Ir..t !n Saltm Churchyard. MES. FEONn; JONES . Oa Tile          of Mvs Front? Tones was *~eM fron^      5       Methcdlnt -i Sunday with the     R. B M'.Fhpr.-on * Tiaash and Dsv!* In chaise  BONKER VILLA RICA. gs Pansral services for Spsncor Banner. 71. v/Bpe held at. BethsalJa BspUst  Sunday with the Hev. C Ashford officiating Interment tn  He Is survived by four daughters. 34 grandchildren, and eight great grandchildren. MRS. ROSA SIMMONS , Ga Mrs. Rosa Slnunon*. 50. n-lle of Moses Slm3ions. died Monday In the Brldgeboro Community Funeral  were conducted from thp                 Bapllrl ~"~ Wn!      , I followed by Intfiincnt In the  Ti'" Rev c T. Anderson .</t>
  </si>
  <si>
    <t>                                           Murder Case Defendants Gain Sentence, Acquittal                 M-s Willie Mm Matthew* ol Old "Wheat Si reel r-ho pleaded guilty Monday to a voluntary ;;'. charge, Uiis sentenced by Fulton SKperJcf- Judge Murxy Tuesday morning to serve from   nc to two  in Ulc penitentiary Mlis E3mira Harper. 23, of Bell Street HE. who was Indicted ~.!Ui MiS. Matthews In tlic fatal  last February or Miss Mary Evelyn Poole. 18. n-as found not KUllty of Uie murder charge Tuesday morning by Superior Court jury.   . Matthe-vs pleaded guilty tc the     *  a    - minute* before snr -:    .scheduled tc on  lor the nuu-dci  Miss Harper. i                 The Iriol  Monday afternoon ami was completed Tuesday</t>
  </si>
  <si>
    <t>                                           Usher In Big Celebration At Ebenezer Bap't                 Bv  GAI/ANT1                 Warning that "the reason some preachers arc failures,  are liars and wont pay their debts."' the Rev. J. K. Bamett.' pastor ol Butler Street Baptist church, delivered fiery sermon Monday night at Ebenezer Baptist church as he opened the 53rd anniversary                 of the church and the 8th of the pastor. Rev. M. L. King, before a large crowd of people. Preceding the sermon. Deacon Emory Meal, chairman  T the anniversary committee, officially opened the meeting after being lauded by Pastor King for the very flue way he has directed the anniversaries. In the past. The Deacon's Board of the i church rendered a well- program with the chairman. Deacon J. W.  i-'inson. presiding. In reading the history of *e church. Deacon P. Watson, veteran clerk of the' church, stated that "I am delighted to bring to you tonight history of one of the greatest churches on the (ace of the continent." The Rev. Mr. Kine  in for much praise as a spiritual  for the congregation -when Deacon Jethro English. Jr.. delivered a brilliant talk, while the deacons rendered a selection aria the deacon   thrilled ^th tw0 touching numbers. S. G. Sellers, widely known mor-. . addressed .the group. The West Hunter Street Baptist church official stated that Ebenezer     one of tie leading churches in the . Deacon Sellers declared that "We are. not going to Kacmxi .-bseg c= Pcsc 2, CoLZ).                 Usher In Big (Continued from I*   1) much as a race until xc can -ct our  people in the Dhurch." Deacon Johnson, for a Ions time the head of the board, save i : close to Uie  by the deacons. He spoke of Die loyalty ol Uic congregation to the pastor and of the ministers' worth.    Iht conjugation. Rev. Mr Barnclt preached on "The Christian Race". He pointed out that "even child ol God is ir. ;hc race" He  nid it was a  hi which no one is forced to en:.ei and one ..hould complain a!:er   dof their will. "Cod does no; need people to sit in the churc'.i look beautiful.' he said in stein words. The Butler Vlrcei. choir rendered music,  Ebenczcr choir opened the serv. ics. Tpr.. tin; MLv- Society will   of the ;'n" ~.villi Mrs A D Wl!Ii;uns. pre-:   -l\t.. .il:^. ;m([ ;hc Visilll:^ W. W. Wi-..pni-! .i.v! Mi '~lunch iiii l  will hr nv\ Olive Tlir ~) is c(i:(ll.-~iiv</t>
  </si>
  <si>
    <t>                                           Warning that "the reason some preachers are failures, they are liars and won't pay their debts," the Rev. J. R. Barnett, pastor of Butler Street Baptist church, delivered a fiery sermon Monday night at Ebenezer Baptist church as he opened the 53rd anniversary...</t>
  </si>
  <si>
    <t>                                           ALLIES BREAK NAZI SALIENT TO BRITAIN                 Senate Approves Navy Bill                 Italy Indicates She Will Enter War Very Soon                 By The Scott Newspaper Syndicate                 Tae French anny was credited Thursday night with cracking the Jong German salient .extending across northern France like a pis. tol barrel leveled at BrfJaln. French' troops reached the suburbs of their flrst objectives; German-held Amiens, after a furious counter-attack                 along the Somme. French military sources also disclosed that the heavy German attack south or Sedan, designed to flank the main Maglnot line, had been repulsed. A mighty battle was in progress on Flanders, where a generation ago tragic thousands tell. The bat. tie was lor mastery of the English channel. GERMANS IN BOULOGNE German troops were In control of the district surrounding Boulogne, the French seaport Just across the straights from England. The British reported prepara-tian*-2or-4  34       -ot4h*- island from France or Ireland. Meanwhile saboteurs were being arrested within the  borders. The task faced by England in incomparably greater than the historic stands against Napoleon and the Spanish Armada. Among those arrested was Sir Oswald Mosley. British facist leader. Mosleys "British Union- was put under police control. In Washington, the Senate quickly 'approved a fund of $1,473. 000.000 for naval and air preparedness. Wednesday, the body had approved a huge army bill. The naval bill calls for acquisition of 2370 planes. Of which 2.500 are to be of the type used for training pilots. PRESIDENT SPEAKS SUNDAY NIGHT President Roosevelt will give a preparedness report to the nation in the fireside chat scheduled for Sunday night at 9:30 o clock. That Italy would enter the war at an early stage was Indicated Thursday when Premier Mussolini put war manufacturers under a cabinet division and was reliably reported to have conferred with his supreme defense council. The Allied forces were said to have forced their way into Amiens only after a furious attack on the Nazi line. Military experts said the sector retaken represented the weakest part of the German spear, head pointed toward the EngLbh channel. The Allied army of Belglum, which had been under re. treat, fought Its way into the outskirts of Cambrai from the north. The main French army blew up bridges .to- thwart any lightning Nazi- drive toward Paris 65 miles away anil fought to the suburbs of Amiens. Between 600.000 and 1.000.000 British. French, and Belgian' troops, forming an advance guard, aided in the cambrai environs drive Probably 2.000.000 men will be locked in battle for control of Flanders field. REDS TO BE DENIED WPA JOBS The Tjnited States House of Representatives wrote Into the 1941 re. hef bill Thursday a provision to deny WPA employment to Communists or members of -Nazi Bund' organizations. The members accepted the bill on a voice vote.</t>
  </si>
  <si>
    <t>                                           The French army was credited Thursday night with cracking the long German salient extending across northern France like a pistol barrel leveled at Britain, French troops reached the suburbs of their first objectives, German held Amiens, after a furious counter-attack...</t>
  </si>
  <si>
    <t>                                           Phollyujoo^SI                 By HARBISON  Klac Mm eradicate Wricw                 HOLLYWOOD.- If Om British  -paj* it, Dsvld Nlven will gtt cheering- reminder that Mi pal* In the Hollywood Enjjlah                 colony lave not I forgotten hlm-l                 Thla week tight of them- all   plan to maka a phonograph record and send it to David in France. If the people all get their salaries, the cost would ran Into thousands of dollars. For the                 eight pals  re Ronald Colman, Laurence OUvler. Vivien Leigh, Nigel Bruce. Roland Young, Reginald Gardiner, Robert Coote and one who isn't an Englishman bat who has lived many years there, Douglas Fairbanks. Jr. It was Robert Coote's idea, and he will engineer     meeting of the group. Jackie Coogan will have three partners in the flying school that lie has bought Into at Cover Field. As soon as he gets his instructor s license (in about three weeks, lie 0 links). Jackie plans to do come of the teaching himself. Meanwhile, the Kid won t turn down any acting Jobs that crop up Don't be surprised if he plays the Leil Erickson part in the coast production of "Margin for Srror." This witt surprise Hollywood. Tv.. Century-Fox has been, after Erenda Joyce's fiance, Owen Ward, to make a screen test. The studio feels he has definite             . So far. Ward isn't convinced, however. He la working for a firm of public accountants and thinks he would prefer to carry out his plans to specialize in business management. When Wallie Beery finishes Twenty-Mule Team," he has some really^ travel plans jto fly to South America and then 1 ,to cross the ocean on the Clipper (for a look at-Egypt. I Nice gesture by Rudy Vallee. His assistant at Republic, Bob .Simon, wanted to go to Pittsburgh far the marriage of his sister. Beulah. to Attorney Harold Possnoff. I Vallee couldn't let him off but, as                 a substitute; Vallee and "The King's Men" cleared a wire and sang directly to toe wedding; party. If s a very funny story they are tilling on Isadora Friedman, or the. Warner music department. He and Director Sidney Lanfleld were talking and tha conversation turned to jazz music Friedman was scoffing at the many bands who claimed to havs started It. j "Come mto my omce." he said, i "and m play you one of the really I early records." It turned out to be "The Uvery j Stables Blues." as played by thu Dixieland Jazz band. I i Lanfield let him play two more and then broke the new*, ah j three of the records had  i made by Lanfleld himself when he was pianist with the band. j Eleven years ago. when he waa a lifeguard in Illinois, Ronald Reagan saved a girl.--Mary Helen j Cobb, from drowning. The star Just received a startling letter from ber. She is now the wife of an Argentine industrialist and the mother of seven children. She said she has just      of Reagan's marriage to Jane Wyman. And that she is willing to make a present of {1.000 to every child they have. Despite the flattering offer, Jane and Ronald are not planning a family at the present. i i Fay Holden, mother In the Hardy series, risked her life over 1 the week end to save her dig. The Holden garage caught fire and the tato-.ii was locked in it. Tee .actress got th* doers  tr.a rescued her pet just as th* whole Ulterior burst Into flames. Ccc- I tors now say that Actress Mona           definitely will recover .from her burns and. better still. that her face will be un..  It will be months, though, before she is completely recovered. That was Will Price, the dialogue i director, dancing with Arleen j Wnelan at La Conga. They j weren't a twosome, however. This spot opens an all-electric or- i chestra. Every instrument has an j electric amplifier. Billie Gray was the pretty girl with.Gcorgie Stone at Slapsy Maxie's. Mrs. Henry Fonda already is in Xew York awaiting the birth of the baby. And has anybody else pointed out that this year is the fourth time Irene Dunne has won an academy award nomination                 Uarrhoa Carrol!</t>
  </si>
  <si>
    <t>                                           HOLLYWOOD.--If the British censors will pass it, David Niven will get a cheering reminder that his pals in the Hollywood English colony have not forgotten him.</t>
  </si>
  <si>
    <t>                                           The Atlanta sub-regional boxing eliminations of the Amateur Athletic Union of the United States open this afternoon at 1:30 o'clock at the Butler Street YMCA with John H. Bell, sub-regional chairman, in charge, assisted by Prof. B. T. Harvey, director of...</t>
  </si>
  <si>
    <t>                                           27 Colored Census-Talkers Begin Recording Facts                 Squadron Will Begin TaskToday                 Nearly 200 White "Takers" In the Field                 A squadron of 27 colored - in the city of Atlanta will be among the army of more than 120,000 population historians who will set out this morning to record 1940 facts about tl.o   and farm*                 Sf*"the" United "States oi America. The census count, originally elated to Ue'gih April 1, was     day to void Une practical jokes of All-Fools' Day. The 27 colored Atlanta  will be among; 325 persons,  mho will begin "counting noses' and recording facts about . In the greater Atlanta area. It will take at least several weeks tc count everyone in the . Atlantans ate ' be  to give proper Information about themselves and their personal and family history when the census-taker knocks. BACK -TAKERS" Among colored Atlanta , according to information Monday, are: Mesdames Cora Bowie, HatUe G. Reeves, Elizabeth MCDuffy, Lair D. HoUey, MatUe B. Edwards, Edith Reeves, Oassie M. Edwards, Rosa Lee Jackson, Juanlta Pierce, Hilda Fincn, and Agnes Moore; Misses Morleno Porrell, Mary  and Annie Mae Cooke; Mesara. Clinton Davis, Philip Biickler, Jim Reed, Joseph Ward, Henry L. Oreenwood, Sloan Blocker, Theodore Bullard, Jr.,. WUllam WMtmoreland, Tnoraas L. Borders and Joseph Daniels. The census- got lest- instructions Monday from Secretary Hopkins, of the Department ot Commerce, which conducts the - question and answer quiz. He advised politeness and  to misinformed persons. He said Uie census is "not an Inquisition" but a "co-operative enterprise ot a free people". A number 'Of Senate leaders have expressed a view that the census questions are too personal. A' federal penalty, rarely Imposed, in the past, is provided for failure to answer census questions.</t>
  </si>
  <si>
    <t>                                           A squadron of 27 colored census-takers in the city of Atlanta will be among the army of more than 120,000 population historians who will set out this morning to record 1940 facts about the population housing and farms...</t>
  </si>
  <si>
    <t>                                           What Germany Is Pitting Against The Allies                 Typical the b\g German Units       wed io French road. German soldiers are  behind j                 the western front action  s this one snapped along a toe tank. (I. 1. .V. Mionephoto)</t>
  </si>
  <si>
    <t>                                           Beauty begins with the Hair!  vrm clean  mm,  !  ^^^A^ THAT FALLING !  ^^BSk. LIFE TO  SCALP!         3^KK^^ SPECIAL- M%-'-~*~Mk. 51.25 OFFER ^Rr"^ ~%^l^^~  END NO MONEY! for Bft-Dew J^BfeSl^Sm^^^^^ :CcnipU:r }Uir and Scalp TrMt- HK^-^'^^^Hc^^M B*^-t'~*w s-aip **'U to ~^Hk*1p!!!    ^H^^^^L. B#^~-  *-w Pr.*M?*1np Oil Un   ^H^hrf^^    ^HL   *^-  ^~ Shampoo Snap'.. ^^^^^H^SE^^^^B^^^^^^H^I^^^^. Tntut ^ si.Ts S^HHu^lH^HiH^^^^^. 3^nd N*~ ranh. Just  Lhla ^^     ^    ^H^^I^^^^^^H advt.rtl.-**    . Pa.y PoaU ^^~j^Pp^^^^^K^^^^M^H^^B^^^^Bj man fl._r. v.h^n  ^^^^^JV^^.^^^B^^^^^^M^^^^^^^B *!*. \   pay        . B^^HVi^Ti^K^V^^HkB^^^^HK^^I^^^^I 4        . B^KQ^^JkI ^fcH^^^H^^l^H , Inc. ~^^BXmjSa8       ^^^K^^^^^^i 70S K. FOREST AVH. fll^^H^^^^^^^^MF^^^I^^^^^^^^^^I I DETROIT. MICH. B^^^^^^^^^B^^^^m^M^^^^^^^^^^^^*^^^"</t>
  </si>
  <si>
    <t>                                           The Weather 5Y. SSOffESS.</t>
  </si>
  <si>
    <t>                                           ^miseries;?   mover FEELING "pud*/1 headachy,       ...      7  of  bowels? Get your bowels into action now easily, gently, and , with FEEN-A-MINT, the Rood- chewing pun laxative. You simply chew FEEN-A-MINT, iust like your favorite chewing gum. And what a joy to set   usual pep un,l  with its famous relief! Million* of folk* of all ages rely op FEEN-A-MINT for dependable satisfaction. Why suffer? Get FEEN-A-MINT today. Bailey's Theatres 81--WILLIAM BOYO in "ICA.N UK WAR" Also "Orciton Trail" ami Stage Show Tonite ROYAL "FOUR WIVES" Also "A Cliump At Oxford" and "Mandrake the Maffician" ASHBY "LLANA KID" and "BAD BOY" Alio: 'The Phantom Creeps' LINCOLN "PALS OF THF. SILVER SAGE" and "IRISH LUCK" Also: "The Pluititom Creeps' FOR SAL?: S-Room BudkbIow, Foundry St. 7-Room Bungalow, Sunset An, 5-Roora          , Felton Dr. A-I Modern ConTeniences JOHN S. ALLEN REALTY CO. 236 Auburn Ave. WA. 8287   BELA LUGOSI in THE HUMAN MONSTER" Al.o LATEST WAR NEWS</t>
  </si>
  <si>
    <t>                                           HOTEL MACK 30 Toorut YramUni Room.. }1 up. 546 Bxlford N. V.. 8 2I. AiUmi.. CU. Bailey's Theatres 81--"THE CISCO KID AND THE LADY" Also "Adventure* of Sherlock Holme*" "SWISS FAMILY ROBINSON" with 'Freddie* Bartholomew Also: The Plmntom Creeps' ASHBY "EVERYTHING HAPPENS AT NIGHT" with Sonja Henie Ray Milland LINCOLN HONOR OF THE RANGE' with KEN MAYNARD Also: 2 Othi-r Pictures ^^~I^^^^O^Bnlffnv *Hlb* dan*  n      I KSi"."*J!!* "!M*    !.~b"  iii     I i*~  rrr*rn owr milt        Inuaw ^f-srs are lir^s Vi^k SEND NO MONET CHotcH  ..</t>
  </si>
  <si>
    <t>                                           Man Dies While Preparing To Enter Hospital                 w. had P^ared himself to go to Grady Hospital for treatment Monday fell and died suddenly, according to city police The victim -was listed as Wesley Baker. 38, of 102W Decatur Street. According lo Curtis McLaughlin. who was reported    in charge ot a Decatur Street rooming house. Baker had been sick for the five I months he had lived 'there. Me said Baker was about to walk out of his room to go to the hospital when he fell dead.</t>
  </si>
  <si>
    <t>                                           Satchel Paige, greatest figure in Negro baseball today, was born 31 years ago at Mobile, Alabama. His first professional experience was with the Chattanooga Black Lookouts in 1925. He was the ace of the Pittsburgh Crawfords seven years and has had more contract...</t>
  </si>
  <si>
    <t>                                           Memorial                 A. memorial service will bo held at the. First Congregational Clinrrl, Sunday morning at eleven o , for the late George LuUier c.. for nineteen year* promotional secretary of the American Missionary Association, who died in Boston November 33, 1933. Secretary Cady was mie of     most picturesque mid      loved  of that great religion, body which has. played  uch V laree part In the thrilling drama or the Negro's rise from- servitude to lm present Matte In tUe American re public. There are hundreds or colored people In and  Atlftnta who as graduates or former students of AW. A. Schooii were acquainted with Or. Cady and his work. ach year.  several times, during the year, he would conduct large parties of Northern Urtend* of the Negro down into i the Southern" field to  condition*  to sec A M.A. School! In action. All who came In touch with him Invtd . Tliere .should not bt standing room In  r mrch Hun* day. when OeorRe N While, secretary      of the American Missionary an.ioe.. delivers Uie . To theat I  . ilir . Invited.                 JOSHUA JONES  y I. P. R*    ( Btwtinr Ball      II     MftJ 4h      will fa^i ^Unty mt (~      In hi* -4</t>
  </si>
  <si>
    <t>                                           Soloists Prepare For Exposition                 Krhrxrsalx are taking place several times weekly by thr YMCA-NYA chorus of Chicago in preparation for frequent appearances at the American Ne5to Exposition  the SO day event at the Chicago ColLsenm from Joly 4 through September 2. Tbr chorus will have 150 young sincere of both  . Thr . taken at Utc Wabash Avenue                 I Y.MC.V when the  rehearse, shows Mis* Frankyr Broune. director of the . and Miss Ruth Washington, pianist. discussing some of the  with several key members of thr chorus who are. left lo right. Misses Ethel Orr, Frances Wilson and Rnmesa Rahnuut. soprano soloists, and Hachelle Kin?.  to Miss Browne.</t>
  </si>
  <si>
    <t>                                           Mitchell Seeking $75,000                 Seeks Grant For American Negro Exposition                 CHICAGO- (AXP) A bill asking congress for $75,000 to help defray the cost of the American Negro exposition to be held here July 4 through September 2, was introduced Thursday in the house of  at                 Washington by Arthur W. Mitchell, Congressman from ' first district, it was "earned here Saturday. j Favorable action by botn house and senate is .expected, thus providing a federal "rant equaling the $75,000  already appropriated by the state of Illin,oi? last year for fhe forthcoming exposition depicting the progress of the  Negro during the 75 years since emancipation. Federal 8. are already getting 'to   "tor^  to be the most             fair in the race s history. The American Negro exposition. through murals,  and exhibits, will trace the Negro's story from his first mass landing at Jamestown hi 1619 through the Revolutionary war and emancipation, stressing his achievements and contributions to the nation from Reconstruction to "the present day. More than 2.000.000 persons arc expected to see the exposition.    be held at the Coliseum from Independence Day through Labor Day. It will be similar in pur;~ose but 1 larger in scope to the fair held in Chicago 25 years ago celebrating I 50 years of emancipation. At that I time there were 247.000 admission.' to the smaller 15-day show. FULL COOPERATION I Government agencies are coop- j  fully, with  depart- menis planning their exhibits to show their relationship with Xe- i gro life and activities. j Secretary Henry A. Wallace the department of Agrjeulture ha* expressed a deep personal interest and is having the FSA. AAA jr.ci U. S Extension service prepare large and comprehensive exhibits Gov Paul McNutt. of  Federal Se- j curity Administration iias  i exhibits prepared by the N VA, CCC. Social Security" Board, and Department of Education and Pub- lie Health Service. Under Admin- j istrator John Carmody of the fv.'A. exhibits are being prepared for        . T.VPA and PWA while Sec- retary of Labor Frances Perkins is arranging for a labor exhibit :- j  1 by a showing of women s and children s bureau activities. There will also 'oi: a section devoted to the Cine Au; w^ -.ority ar.d patents prepared by the Depart- i ment of Cocimerce. Education and Health exhibits i are being developed through coop- eration r.-ith Nesro . - i  '-UKi slate ( of eou- cation and the Julius Rosenwjid fund through Dr. M. Bousficlil. Negro health director, the GentrTi j Education Board is also expected to cooperate. WILL SHOW PROGRESS I The race s business . both individually and  such organizations as the NationarNe- gro Business League.                Insurance Association and National Negro Bankers Association, will show their progress and achievements in a special section. Three of the leading sororities have also asked obtained space. They are Zeta         . Alpha Kappa Alpha and Delta Sigma Theta. It Is expected that "the other national sororities and the fraternities will be represented. The      =t:=ced p- Page 6, Ce!. 71. i                 Mitchell Seeking I Continur-j from Page 1)  Association or College Women is also cooperating. What promises to be the greatest ..Tchiblt of Negro art ever assembled s being arranged by Miss Mary Jentiie Brady of the Harmon ' and Director Herring of '.he Howard University art school. Other exhibits are also being  for religion, press, stage, literature, music, science. Industry ind all phases of Negro life. Manasement of the American \' Exposition is in the hands of :hc Diamond Jubilee Exposition minority. James W. Washington'.' who conceived '.he idea, is president with Atty. Truman K. Gibion, Jr.. executive director, and A. W. Williams, secretary-treasurer. Other members of the authority are L. L. Ferguson, Robert Bishop, assistant to Governor Homer of Illinois, and Claude Barnett. Cooperating with the Afra-Merican Emancipation Exposition authority, to which the, state grant was originally made., is a special Governor's Commission appointed by Gov. Homer and including Civil Service Commissioner Wendell E. Green. Dr. M. Boustield. Dr. E. M. A. Chandler. Major R. A. Byrd and Rev. A. A. Crim. A number of other distinguished citizens ol both races. Including members of the State General Assembly, are on supporting committees. Mayor Kelly also has a special committee working with the exposition authority. Congressman Mitchell's bill provides that the S75.000 appropriation shall be expended by an auxiliary commission composed of three persons to be appointed" by"*           Roosevelt. One would be __from the house, one from the senate "and the third selected by the nation s chief executive. This commission would work with the Diamond Jubilee authority .now established. I</t>
  </si>
  <si>
    <t>                                           CHICAGO-- (ANP) -- A bill asking congress for $75,000 to help defray the cost of the American Negro exposition to be held here July 4 through September 2, was introduced Thursday in the house of representatives at...</t>
  </si>
  <si>
    <t>                                           PROBE OF POSSIBLE ARSON IN NATCHEZ DISASTER IS PUSHED                 Withhold Names Of Suspects                 Insurance Companies Are Hit by Deaths                 By HOMER COKE (SNS Correspondent)                 , "Miss.- (SNS) -Police officials Thursday pushed their investigation of possible arson in the dance hall tragedy  claimed 198 lives here Tuesday , i as relatives of the victims I continued* their steady march                 before funeral parlors awaiting the opportunity to identify their dead. The death toll stood at 198 Thursday .night. ..L Although Ponce.  joe So*~" announced he had arrested On persons suspected of setting the dance hall . Sheriff Hyde Jenkins said his investigation indicated the blaze was of accidental origin. Chief Serio declined to reveal the names of those arrested or disclosed why the arrests were made. RED CROSS AIDS The American Red Cross  In Washington rushed three disaster relief workers here to aid the injured and the famil-ies of those    tragedy. Dr. William DeKMne. medical adviser of the Red Cross, travelled by airplane to aid In the  of those injured, while Mrs. Molly Bodges. Missis- j  field , and MSs Roberta Morgan, relief worker at the Amlta, La. Red Cross headquarters set up following a recent tornado, were on the scene organizing the aid work. A large corps of nurses and other workers are working In the area. The Natchez chapter of the Red Cross will pay for burials where families of victims are unable to pay funeral expenses. Officials sought to speed the burial of     3 burned to death. The Stat- Board of Health ordered the funeral parlors closed until embalming is completed. Relatives and friends wOl then be permitted to view and identity the corpses which fin three undertaking establishments. Qnbalmers* from nearby towns were - lnc to heIp..the-.for interment.  CONFLICTING TOLLS It was explained Thursday that the high death ton at first announced by press Btmriatifliw throughout the country resulted from swapping of bodies by tho undertaking establishments In charge of embalming and funeral tea tion. Dr. Andrew Hedmeg. Adams County health Officer, officially wt tho toll at 198 Thursday; Serenty. five persons were understood to be receiving treatment at their homes. (Continued en page S;     4)                 Withhold Names i (Continued       page 1) Survivors or Natchez's worst  tragedy were still nervous from their narrow escape In the dance hall drc. Approximately 300 persons were In the converted blacksmith shop dancing and listening                 to the strains of the music of Walter Barnes and Ills orchestra when the (ire broke out and spread quickly through Spanish moss decoration. - vas only -one door to the hall and that was the entrance. Windows had been board-' ed up to keep out "gate-crashers." BUILT LIKE FURNACE The corrugated Iron covering of the place made It an Ideal furnace,                 roasting to death many of those unable to' escape 'and who "plied up "like cordwood v, around the orchestra, bandstand. ..-The Moneywasters! Social Club gave the dance. Coroner R. E. Smith estimated Thursday It would be several days .before all the victims could be burled. Flans aro being made to  those who were identified Wednesday before the Health Board stepped In. Relatives ot Walter Barnes and the eight other, members of the orchestra who perished. In the blaze were malting arrangements to have their bodies shipped home Thursday. Although Barnes' home is in Greenwood, Miss., not far from the  of the tragedy. It* was not                 whether he would fce burled 'there or in Chicago, where he  a famous tend leader. Natchez colored schools were ordered doted for the remainder of file week, since the tragedy touched nearly every classroom, including teachers, parents and students. 'BAND DIRECTOR DIES W. w. McQuire,  and director of the high school, perished In the roaring . where five, senior high school students, all girls, who were to * in May, also died. Thrrc of the girls were members of his band. Miss Althea Dumas, Home Economics Instructor and member of the city s most prominent colored family, received serious , but .as given an even chance to                 coyer. Another high school teacher was also severely burned, as were many students. Frank Roblnum, Aleorn College student, who drove over to the city Tor tlio dance, experienced a narrow escape. He, said be plunged through' the crowd "after covering my nose and face with a handkerchief and by keeping a. level head.** He received minor bums. Many school children whose parents or supporters died in the Ore will be  to continue, their schooling. CHILDREN LEFT ORPHANS Red Cross records reveal that Bmcre Adams, hla  and his oldest son. Richard, all died In the flames, leaving, five children whose ages range from three to eleven years of age. The baby was crying for Its mother Thursday as Red cross nurses carried food to the home among the many whose breadwinners perished in the . Few families or the estimated ten thousand colored units In the city arc not touched directly by the disaster. Old citizens say that there are so many close marriages until few are not related. Voluntary contributions to the Red Cross were pouring In to Natchez headquarters following the proclamation of the Mayor. Dr. A. W. Dumas, prominent local Dhvuiclan and president of the National Medical Association, aided city officials In making arrangements to care for those forced on relief due to the disaster. INSURANCE COMPANIES HIT A thorough search of records Thursday indicated that  ance companies will suffer heavy 1 losses- resulting from deaths in the nre. The universal Life company was understood to have received claims totalling more than (15,000. according to J. H. Aldrldge. Jr., who arrived here Wednesday from thp home office. White insurance companies have already received death claims estimated as totalling around (40,000. Ai local burial association, sixty of whose members were lost in the fire, reportedly has no cash for burial purposes. The Red Cross     1 announced that such persons would be considered' without Insurance and their burials paid for The local cashier of the Onlversa] Ufe company nisd Vat,, sister* to die In the fire, while the wife j of the manager and an agent of, the company also were victims of I the disaster.</t>
  </si>
  <si>
    <t>                                           NATCHEZ, Miss.--(SNS)--Police officials Thursday pushed their investigation of possible arson in the dance hall tragedy which claimed 198 lives here Tuesday night, as relatives of the victims continued their steady march...</t>
  </si>
  <si>
    <t>                                           Pies! ... sweet pies... fruit pies... meat pies. I love them all! I've picked four of my very special recipes. I do want you housewives to try them and let me know how you and your family like them.</t>
  </si>
  <si>
    <t>                                           GAINESVILLE, Ga.--Mrs. Julia Burns of Atlanta was guest of her daughter, Mrs. Conchita Osborne week. Mr. and Mrs. John O. Young were guests of their parents, Mr. and Mrs. Henry Young, at Belmont, Georgia, Sunday. Mr Tamadge Yarber of Horston...</t>
  </si>
  <si>
    <t>                                           ON WN03* MORN. IF     *Of I OR ANY OTHER . I I HOP (WT OF 8E0 ANO EASE VOW MIA* I THE A1.KA- WKf. J WHEN you wak* up la the morning with Headache, don't wait for It to wear off, do something about it. Have your ever triad a glass of tangy f^rL-H^g Alka-Se!    ? Alka-Seltzer ii In complete , ready to go to work ai soon as you swallow it     action of Its  (b^ Hum acetyl ) is mad* mote positiv* by *  mIu which protect It  ad       up iti action. Because      la  with       Alka-Scltur. millions of  find it          In r*        th*  of Headache, Colds, "MornInjC After", Acid Indention. Masculai Fatltu* and Muscular       ad Paint. Your          has Alka-       tn convenient   nd economical Lug.  or he will be  to ier%e you flaw of AikA-SeJutr *t hit toda  fountain. Why 1B^~L ^K-^^aMi</t>
  </si>
  <si>
    <t>                                           Making Good                 The KiVJ J. I.. Monre, pastor "I thr Snrdis Baptist Church, Coffryvillr. Kantis. a former AtUntan and  of Morchou.se Collrt;r. u]in K ? f;nod in the Pralrii- Slate. He recently closed a       -.ful revival at hi?, .</t>
  </si>
  <si>
    <t>                                           New Employment opportunities are being developed in the field of management and maintenance of low-rent housing projects, a recent checkup by the U. S. Housing Authority indicates</t>
  </si>
  <si>
    <t>                                           Pretty Ivy, Von, Vern "Get Off" with FLOYD RAY And II is HOLLYWOOD ORCHESTRA Sunday Midnight, 12:01 til! 4 TOP HAT Adm. 65c (EIGHTEEN SWING SENSATIONS)</t>
  </si>
  <si>
    <t>                                           JERUSALEM, Ala.--(SNS)--Here ... this corner of the state of Alabama, tipping the edges of Florida and Georgia and nestling near the Chattahooche River, sprawls this community of large land-holding Negro farmers. R. V. Collins owns a 1600-acre farm of which 200 acres...</t>
  </si>
  <si>
    <t>                                           310 -Pounder 'Too Delicate' For Gang                 Mack Frye, who weighs 310 pounds and is six feet, one inch fall, was granted a 30-day respite Wednesday from an eight-month lottery sentence imposed one vear ago.                 Iu granting Ure respite. Governor Elvers ruled that 39-year-old Frye who is well known on Auburn ave nuc, is to0 delicate to labor In s prison camp. Fryo's health will not permit hard labor, the Governor pointed out The executive order, sent to Ful ton Criminal Court revealed thai Frye has a physician s  which states that his general physical condition is so bad that hard labor might weaken his heart and cause death. Theu..also pointed out that Frye has employed counsel other than that which represented hiT at his trial, to perfect an appeal lot clemency to the State Prison and Pamle Commission, and that the respite is granted to permit final disposition of the appeal. Frye bad been at liberty under a $1,000 appeal bond.                 Sylvester Police Chief Fatally Shoots Negro1                 SYLVESTER, Ga. (SNS) Ed Hawkins, tanner resident of Gainesville, but who 2ms recently tees making tab borne here, was shot three times and.- killed Sunday noon by Chief ol Police Claude Petttjohn. The shooting followed attempts by Chief Pettljoto to place Haw- Uns  arrest, witnesses said. HswHns. who was under the influence of whiskey, had been          with Mrs. Tbelms Bailey Watson,  over  ome money be. accused Mrs. Watson with having    *n from t^^TTl reaching tb6 tof"f, Chief  ordered the slain man to free Mrs. WatBOBiarfto few                 previously dragged  woman         feet and  tussling with her. Hawkins refused to obey the  command. jt\ Hawkins, according itb Chief Pettyohn kept          %tols hand In his nip pocket. The  . according to witness strm Hawkins with a blackjack, bat the latter still refused to let the woman ko. and meantime kept his hand to his pocket. The policeman then started firing, two shots entering Hawkins' **~d and trie third _his  The  and a state trooper  the shooting .   .                 $17,000,000 Released For Ca. Highways Federal Works Administrator John M. Cannody Wednesday ordered released Georgia's ri7.CGO.000 federal highway land, held up- since the outer or W.. Xi. Millerns chairman of the state highway board. The release order followed a  of conferences with Governor Rivers and Attorney General Ellis Arur.ll in Washington. Carmody announced the federal Bovenanent would    ? no part (Continued on Page 6, Cot. S)                 $17,000,000 (Continued from page 1) In the Georgia highway row. Arrall stayed in Washington to complete details of release of the . Governor Rivers, upon arrival in Atlanta Wednesday afternoon,  called the members of tlie highway board into confer?nce and announced that *ork en federal projects  would get under- ray at once. He said the state was I 'a for the greatest road building I  in . I</t>
  </si>
  <si>
    <t>                                           "THE MEDEA OF EURIPIDES" a new version by Counter Cullen, Produced by the Atlanta University Players, March 13 and 16 1940 Home Memorial Hall Spelman College Designed and directed by Owen Dodson.</t>
  </si>
  <si>
    <t>                                           Five Die When Cars Collide In Rainstorm                 POSff WAYNE, Ind.. (SNS)_ Two colored persons of Fort Wayne, and three whit* people aere killed a. an automobile crash j Sunday that occurred in a rair.- storm. A sixth person :ically I injured. Robert JacksOn. 2i7 and '! DuFree, 23, colored. lost their i lives whin       car collided with a machine containing a white j v. and her  . i Mrs. Velma Hrirter. 33. . and two of her children were killed. A j third  scaped v.iiii injuries, j 27th Violence i Death Listed Tlit- 27th .'o' .slaying in Atlanta, lor th,. year was listed Mon- i   ;y al [lie Ci:y .Tail. T.\e latest victim was reL"~liii aS James Pry- or. 55. of 323 '~.iL':in..; Street. SW. Unknown :ii n-;- time lie was i                 UilJW'd u\ the chesi in Holly        lulo Frk'.'iy , Pryow.is : 10 Graciy Ho.- in a critical i-. An                 known man si:! un-   .  tolu ;      . i Pryor  kite S. ai C.nidy                 27                 'Prayer M  j Time" Dedicated To Prin. Harper TKe program. -TPrajur Meetin Time", is scheduled lo be - Over station WGST "at" '5:4:-: p. m. . Mr. Raphael McIver,  i.s ilic . oil the .  that Ui.s particular pro^iam    to bo riedi- cited to Mr. C L. Hur;~er,  of the EccKer T. Washington JHi^i . Noted ' inter- ft hi the fuel that from now on these programs will bo - I cated to various om.standing - i  The public i*. being advis- I cd to please watch for them.                 $75,000 Exposition Grant Is Given Okeh                 WASH.-)- Unanimous approval fcy the house liBrary committee of the bill recently introduced by Congressman Arthur W. Mitchell of Chicago asking a federal appropriation of $75,000 for the American       Exposition at the Chicago Coliseum from  4 through Sept. 2, and introduction of a twin measure in the senate indicated this week that definite action  soon be taken by  on this matter i                 The funds sought would equal a I grant made by the state of Illinois for the Exposition, a national celebration of progress made by the                 Negro in the 75 years since emancipation. the bill passes, the $75,000 win be used as a sustaining (Continue^ on Pa*e 3. CoL 5)                 375,000 Exposition (Continued from Pagr 1) :V.:id lor the Exposition C::cicr its provisions. President                 Roosevelt, would appoint a corr.inis.sion representing the U. S.  composed of one .. one senator and one  citizen to cooperate with the Exposition. Rip. Kent Kellar. a Democrat from Southtm Illinois, was ch; of the house library committee comi:  (.'d of both Republican; and Den ocrat.s wl^.ich unanimously approved the Mitcllrll bill. II lias  ) up i)ii Uic cal^ and is expected to conic to a vote tv. the house  inc next feu* days. Sf". Jaim* M. i-l:    'r of Illinois ir. ii ihe coir.panion bill the senate. ,;l</t>
  </si>
  <si>
    <t>                                           THE MODERNISTIC Debutantes Social Club met last with Mrs. Broker. Our recording secretary is improving. Mrs. Blunt was a visitor, Miss Mable O'Neal, president Mrs. Ruby Jordan, reporter.</t>
  </si>
  <si>
    <t>                                           Remember LOAN METHOD Especially Liberal Credit Choice of Payment Plans Loans Completed Quickly Full Privacy (No Co-makers) Adjustable, Convenient Terms COMMUNITY loan Investment CORPORATION Ccoiiauctity  Certific*    Par 3% f*' Anouq Room 207, Connally Bid};. 98         Sirrrt- T,~ MAin 1308</t>
  </si>
  <si>
    <t>                                           FAIR HILL BAPTIST CHURCH will begin a revival tonight, Rev. T. Reeves will be in charge of the ... Members and friends of the various churches are invited to worship with us. Rev. E. O. Rutland, pastor.</t>
  </si>
  <si>
    <t>                                           Carnegie Art Set (s Awarded To Ft Valley College                 TORT VALLEY. Ga.- It Wa= announced At the Fort Valiey State College Thursday that. the Carnegie Corporation has Just  it:; magnificent art set. to this institution.                 The Carnegie art  t ts valued p.t $3,000 and, to dute. nu been Slven by the noted Foundation to only L50 colleges and universities  n the United States and the British Dominions. Before the Fort Valley a?-orri. cn!y four such sot*  ix-;i given to Negru colleges. Tiie a"*"~l to "~c Georgia CoQesa Is the lirot to a publicly  im-. TIic :.e^ con.; ot 2074 *  and reproductions the twU s s cat iut ^.. w!QI 48 (Continued on Ptga 6, Cot. I)                 Carngia Art Set (Continued from Past 1) fine color reproduction.* cf  s great mxr-trr :. painting;;. Also included i,; ilic sit are several  nnd  than 200 books.    -se  cover the entire Stld of art. In accordance  U;" :': of          Cot;~^tiia ie; at fort Va!!~y wi!i be used to  a .-..-io of traveling exhibits lor 'rural ir.^ ;...n  v. a radii: cl v.i'i .ccL ccc: ai-.i U;c   cf ^j and  -TrtK iji u;    .-:'.                 io.i.T collection, ou a  basis, in  dormitory The set w:ll  oc 'ncd m  v. itii the ^ of art  tl.c .cr ^  -ion a"a r.^uUr</t>
  </si>
  <si>
    <t>                                           FORT VALLEY, Ga.--It was announced at the Fort Valley State College Thursday that the Carnegie Corporation has just awarded its magnificent art set to this institution.</t>
  </si>
  <si>
    <t>                                           Maroon Tiger Cub In Clay                 This life-size " Cob-  in day by Edward Scott, trad- Bite student m line arts at Atlanta University, h, included in the* annual exhibition or sculpture by students in the Vnivenity System.': Th* exhibition is now on   u- In the Sculpture Building of Spelaan College and it opm to the public on week days (ram 1:30 to 5*0 o clock and on Sundar* from 4:00 to 6-00 until the close of the Commencement . t j. j</t>
  </si>
  <si>
    <t>                                           THE GATE CITY proved itself logical host to the Southern Intercollegiate Athletic Conference Track and Field Championships Saturday afternoon by dispatching nearly 5,000 track-conscious fanatics to the third annual conference meet on the Atlanta University athletic field under a broiling sun.</t>
  </si>
  <si>
    <t>                                           DON ALBERT I AND HIS Sensational Swing Stylists GET HOTCHA Sunday, March 17 12 till 4 TOP HAT Adm.65c (Reservations MAin 5106)</t>
  </si>
  <si>
    <t>                                           The N. C. Cleave Board will meet this evening at 4:30 at 38 Daniel Street, SE. The home of Sister and Brother McWhorter. A musical program will be given Mrs. H. D. Denson and others will be on program Visitors and friends ate welcome Mrs. Mary...</t>
  </si>
  <si>
    <t>                                           Donald Reeves and Shug ... native ... playing for the Chicago American Giants, will receive a ... welcome from Gate City fans when they ... here this Sunday afternoon to play The Cleveland Bears. The games will take place at ponce De Leon bell park starting at three o'clock</t>
  </si>
  <si>
    <t>                                           THREE DEUCES Social Club met with ... Daniel Plans have been carried out for the cause to be given at the Top Hat on May 27. The club is invited to be the guest of the Stardust Social Club on Monday night at 8 o'clock with Miss Josephine Chandler, 179...</t>
  </si>
  <si>
    <t>                                           Worth Of WPA Is Cited In Celebration                 Atlanta's, various units supported through WPa  began celebration Monday n:sm of the nationwide Tris Work Pays Your Community week." wi-.eii two community dinners  given, one at the Washington High School cafeteria and the other :n the Recreation                 Center of University Homes. More than a thousand who are either benefited by the projects or  in them, participated in the dinners. The work projects held their dinner at Wa:.hi.;;;ton High, while the social project.:, adult education. nursery schooL.. recreation, school lunch, librae urn! book-binding ate aL University Huine.s. MRS. BUTLER cc:.tME.\us vvr.\ Mrs. 'H; R. Bur'er. Sr.. as price: pal speaker a- University Homes, cited the .did service WPA is giving Atlanta, pointing out what had been don? 1:1 adult education nork. nursery  I. .- lunches and libraries. 'We have civ WPA to I hack; she said, "for :'.'c discovery of a whole lot of latent talent, -which otherwise would have  buried in obscurity." She pointed out that Richard                 Wright, the Chicagoan who  "Native Son",  bv many a? the  pure r. ever . by a Negro, wat  through the .t he received or- i a member oi a  Writer's Proj- ect. "    poop^. ic." sh,. added. "b.ave been tau^r.L to play:  of them have i?t-n taught to reac and -Tite and ::..my underfed ar.c. under-nourished youngsters  been  a  to health thru :iic schoo! lur.i-n project." Albert Jacked iun ed as maste. us ^.  music wa. : by o.i.r. Cochran of i!-.t   i-roject. Several  ar.d  skits v/tn. j presented-bj- members of the van- jus  r.?^.-(.-~en:ed. i</t>
  </si>
  <si>
    <t>                                           Atlanta's various units supported through WPA funds began celebration Monday night of the nationwide "This Work Pays Your Community Week," when two community dinners were given, one at the Washington High School cafeteria and the others to the Recreation...</t>
  </si>
  <si>
    <t>                                           Announcing The 1940 Summer Session Tuskegee institute The Summer Session is planned to meet the needs oC those wishing to obtain, renew, or extend certificates; of teachers and others wishing credit toward degrees of public school trac-hers wishing to study progressive methods of teaching any grade of school "work; of stu- j dents enrolled in the regular session  l this      -r colleges who wish to make up work: of those  special work in home economics, agriculture, business, public school music, art, speech, physical education, and other special fields: of those desiring to teach in junior j and senior high schools, or to secure additional training in that field of those wishing general physical education courses preparatory to teaching that subject or to coaching athletics Complete courses in AGRICULTURE, BUSINESS. 'COMMERCIAL DIETETICS, EDUCATION. HOME ECONOMICS MECHANICAL INDUSTRIES A.ND TRADES^ AND PHYSICAL EDUCATION. -REGISTRATION- First Term: June 7 and 8. Se^: Ju!y 12' C17-00SabemiD 10  Classes begin July 15, 7:00 a. m. F. D. Patterson, President W. A. Clark, Director A. L. Turner, Registrar Lloyd Isaacs, Treasurer TUSKEGEE INSTITUTE, ALABAMA</t>
  </si>
  <si>
    <t>                                           GLOOMS IF constipation s got you reeling        breath bad stomach sour, upset get prompt relief from those miserable blues with FEEN-A-MINT. Just chew good-tasting FEEN-  favorite      ing gum. Quickly helps your bowels move cently. yet thoroughly: so you get HAPPY RELIEF and win back your smiles and normal pep What could be eerier? Millions, young and old. rely en dependable FEEN-A-MINT. Get this famous laxative for your family . A family supply cost? only lOe  t  druggist s. ATTENTION! OUTFIT FAMILY OF 3 FOR S4.00 BJJk  tor. Men's Trtt      3se. Show 29c SulU $2.00. Bundled* of Barcmfau for Ertrroixi. Mall Pott-Cfcrd (or Tnt Dncrtptlvf Catalogue. PROGRESSIVE       CO. (Dept. B) 181 Thattord A\c, Brooklyn.  w York T B V LUCKY 7 HERBS i I If FROM 7 LANDS BelleT In T.CCK- If   . ti7  Herb*  Indt, believed nott powerful  found for  GOOD . Smd 3r irt.mp for       SEVEN" KERBS CO.. :3O1 E. nnl St..       CltT. Mo. i  m !      3-!~3  b;*-rI-~ i- c=~!i fc i:s:cs! !s ss!rs*!:!rr "1' bn::!;-.. A -=s h:: *s h:     - s :!5=~s:, zzi :=:r:?s. ^ c/.',    =rt* irc^t/ l:cu': jt-i !s I  r-e- ' *i=r tt irs. I. C S. cm* *rec!y *h? *-;f *   * I 1trs'!*!~J.  l --J ill few ?Imo4v   -rr'-ii ~*~c '~~r I ally M, J-U If r 3 i, I c-:;       !   i* -r;y    v-s-    .    -* e were ^r-* *! ^'1 .F2 i^HOCl? 5 CeerrttUst S P S-n!os  I C      :s Mt3-:fi- r^sr 5 P^^~-\-y= tus:?:sis i j5;~c-s 5 Cot; AMestfxr C ~^= I^v^.-'^r 0 Eon* Dnmmai^M C     ?^e=     Cii^ f fi i taj p**J .....ii. *yap,    **' Ixsct! Etortsestztive: E. E. CALLAWAY, 2CS        !! BW2. PEom: W^ 1768</t>
  </si>
  <si>
    <t>                                           The following listing is in effect for the week of March 3 only! All time indicated is Eastern Standard Subtract 1 hour for Central time; 2 hours for Mountain time; and 3 hours for West Coast time. As is the unavoidable case in radio scheduling, all programs are ...</t>
  </si>
  <si>
    <t>                                           HEAR Evangelist Charlotte Gore (SUtrr of Rev. Herman Cor*) at 8 P. M. tonight At The Shaw Metropolitan A.M.E.Z. Church Fort St. and Auburn Avr.    . W. B. FADDIS. Pa.tor</t>
  </si>
  <si>
    <t>                                           The second performance of "Mary Rose" by the University Players will be given tonight at 8 o'clock in Howe Memorial Hall (Spelman College). Eight Students have roles in this play which was written by Sir James Barrie, the famous playwright.</t>
  </si>
  <si>
    <t>                                           Ziegfeld Estate To Divine                 Pays $36,000 For PropertyWorth $200,000 H.4-ON-HUDSON N. Y.- (ANP)- The $200,000 estate of the late Fforen? Ziegfeld. Broadway producer was purchased for $36,000 a' an auction sale last week       real estate broker whe has negotiated several trans actions for Father Divine the Harlem evangelist. The fact that the realtor, Edvard            said-- had no immediate plans for the property, Burkely Crest. named for Mr. Zicgfeld's \. Eillle Burke, the actress, gave credence to rumors 'ii.it Father' Divine nial" take  the           as a "rural heaven."          :; of a 22-room stone . several smaller buildings mid 24 acres ot cultivated gardens. I the  was occupied ,a_ Part of ach year by Zles field ani wife until the producer s deat n in 1932. Miss Burke declared  that she would never live on the relate :       because it was "too full of memories." Expect 500 Men At Thankful At Three Five hundred men arc  to  the mai?  scheduled to be h-.IJ at TUankful Bap- tist Church, ihe Rev. J. W. Tatc. Dastnr.      ai  at 3:30 o . The church is located in Dccatur. Th,. Rev. .7. L. Henry, or Washington. D. C. vill deliver the mes-  for the occasion. The  mini itrr delivered .  to capacity co:i? las! Thursday and Friday nights.</t>
  </si>
  <si>
    <t>                                           MRS. RACHAEL BUSSEY and Lynn Roberts were hostesses at a lovely birthday party on May 10 honoring Miss ... Maud, Decatur, Ga. A very lovely menu was served after which the guests enjoyed cards.</t>
  </si>
  <si>
    <t>                                           Directs Glee Club                 WILLIS  .TAMES I -a member of the Spelman College music faculty, who *riU  the SpelmaD Ciee Club  at tbe Annual Sprinsr Concert of thf students the Atlanta University system.</t>
  </si>
  <si>
    <t>                                           WHILE THE SONS and daughters of American mothers honor them today, in another part of the world the offspring of "the dearest creatures on earth" will be warring on each other in what promises to be the most terrific onslaught in the history of civilization.</t>
  </si>
  <si>
    <t>                                           Assisting Major Bruce Kilgour of the British Intelligence Service on a special assignment. Captain Hush North, of G-2. U. S. Army Intelligence, boards the S. S. Fort Lucknow at sea, to the dead of night Kilgour keeps him in ignorance regarding their mission...</t>
  </si>
  <si>
    <t>                                           BENT upon showing Atlanta's ... of discrimination and jim ... it was left for a white employee at the terminal station to interrupt Miss Marion Anderson and her white guests as they attempted to enter the main entrance of the waiting room last Sunday. Despite the fact that said employee was told that he was interrupting the famous singer, Miss Marion Anderson, he nevertheless persisted that she was colored and would have to go around to the side entrance at Mitchell street. While her...</t>
  </si>
  <si>
    <t>                                           OFFICER TUSSLES WITH PRTSOlfEH: HURTS WRIST                 Officer J. A. Et. iras sport- I Ing an injured -wrist Monday which he said was the result of a  I Trith a colored prisoner listed as R. C. Barmore. The radio patrolman said he was attacked by Bromore -when he attempted to arrest him on a.  Jrunk and disorderly charge.</t>
  </si>
  <si>
    <t>                                           Pa       l  137 PRINCESS  T VO VERSIONS  n?? *'ome tor 1* tin* l^?   "V.^dCd  -r         field ic 'lit l^:ilo 2C-  Claire T^ i r.        =   s;' Fittirn 1ST a ?i^r.ee for -.-Jour-to- !i!  "?!th?r a   3UBI cotton I ?r a dainty df.crp.oon frock.     ; I :'.5r.   !di;~.  front linos =3vo ?          - j ing front . f"r they arc  to do M Uir  fit  Tlirrc arr no waistline  I Just darts at Mir back mist for I no^t .    -n't the scalloped  lcrs of     -  and sleeves chv end youthful? Trim  with lacn   moro drr?s-    si    *.   add a soft- bow at. the V of Ihc neck. Then, for the  frock, you   *     !?t 'iiip- Docket^! r^r^at?.-: !p cr-nfj?s*. blossom   n  nHr *^f t,h^  klT? COlOr- !ui -t?m of nc-r?*: arf ea5*.* to sow i on ir.  tr?:sht ?inf. uili^sr t^-- ; - r*.? Tlif Sewinc i O'j'.d? v^.\} :* *  ^y work of this frock- 5~!oct your fabric and  I                 \~~ir pattern  away! r:" 137 is cut in women s s!/T. 34. 36. 38. in. 42. 44. 46. 48 and .    Step .tfi requires 4 1-2 yards 35 inch fabric and 1 1-2 yards ric, rac. Send FIFTEEN CENTS U3   In coin? for this p.. WRITE CLEARLY . NAME. ADDRESS AND STYLE NUMBER Send orders t" Atlanta Daily V.'orM. 2M Auburn Aoniuc. N. E.. ArLint;~. C-3.</t>
  </si>
  <si>
    <t>                                           JONESBORO, Ga.--Rev. J. W. Swain, pastor of Andrews Chapel Methodist church filled his pulpit Sunday delivering inspiring sermons morning and evening ad dmiistering the holy communion. Several out of town visitors were present. The Willing Workers...</t>
  </si>
  <si>
    <t>                                           CORONER S JURY DECIDES CAUSE OF MAN S DEATH                 A coroner s Jury Tuesday decided that coronary occlusion or some other natural  resulted In the Saturday death of Tom S. Johnson. 46. of 56B-B Martin Street. SE, Johnson was found dead In bed by John R. Johnson, a nephew, according to police reports.</t>
  </si>
  <si>
    <t>                                           As^J. W. Dobbs' Prediction Came True                 In as  an uf-n as  .lull   -..    has sren in mam  r:irs. Mr*. Klhrl V. Mar*' (..t!I.~ had ion wins ihr Kith  of :lu- mm                 tm:.v . it l.         -. Ky. BimrlTli.     -"ii !;iv.'       -imi  vi r Oil lur ond</t>
  </si>
  <si>
    <t>                                           A Comfort Special g^frF-~agg^\ BLACK KID WHITE E^                ^ aaa 10 e$Q-45 ^^BlFv^^jJy</t>
  </si>
  <si>
    <t>                                           Haftie rMc Daniel Signed For "Maryland" New Film                 V.3.  To Be Given Roles f n 'l^orse' Drama j                 *~w ' F.                  ^HiTWOOD. Caltt.-(SNS)- .HajnyffOod outdid itself this week   production on one oi Its current film productions, that U  to bring economic Joy,.~nd. artistic 'aplomb, to the local -colony of sepia screen players. Center of an this splendid                 is the 20th Centtuy-Fox studios  the film "MarylandIs under production. Haitie McDanieL. the famed Mammy of "Gone With Tne Wind" heads the cast of one of the largest groups of sepia acting talent, probably to ever be. assembled in this noted land of 'makebelieve'. Fresh from screen triumphs in the Selznick picture. -where she von acclaim that is likely to see her emerge a winner in the year s Academy of Motion Picture Arts and Sciences- Award for best supporting role. Other notable sepia performers signed to important roles in tli*. film piece, include Ben Carter. who scored handily in a recently released picture "Tattle Ola New York". Zaclc Williams, whose characterization in the recently released all-sepia cast film 'Ingagi" proved a breath taking triumph: Ernest Whitman, remembered, for his work in "Jesse James": Madame Sul-Te-Wan, the grand 'old lady of the films: Mantan Moreland. famed for his "Irish Luck' Aim portrayals and Anita Brown. Charlie Moore, another very ca-. pable  has a very neat role. as does 3ud Harris. Darby Jones. George Heed and -others in. tho Gene-Markey production. Theresa. Harris and Clinton Eosemond.both winners in the recently conducted national poll to select the outstanding actor and actress of the year by a sepia newspaper audience, are both being considered for some of the outstanding roles in the production. Henry King directs the film which brings to the screen certain highlights of Baltimore and Maryland's aristocracy.</t>
  </si>
  <si>
    <t>                                           HOLLYWOOD, Calif.--( SNS )-- HOLLYWOOD outdid itself this week when it-launched production on one of its current film productions, that is calculated to bring economic joy and artistic aplomb, to the local colony of sepia screen players, center of all this splendid...</t>
  </si>
  <si>
    <t>                                           CHEROKEE Social Club will hold the spotlight when they entertain with a cocktail party next sunday. May 12, from 6 to 9 p.m, on the occasion of their first anniversary with Mrs. Pauline Daniel 217 Walnut street, N. W. All clubs are invited Miss Louise Brooks...</t>
  </si>
  <si>
    <t>                                           STYLE FIRSTS                 n W\ ^^-1/ 1 i 986 j                 .      988 AFTERNOON DRESS IS COOL, DAINTY If "I want  feminine j ax a lace hankie. .and gay as sum- mar itself" is your hot-weather j wardrobe wish, here s the answer! This very appealing frock design- 1 ed by Claire TCden. Pattern 983. will keep you cool and pretty. Its lines are .imple and becoming enough for m dm any age or type Notice how the front skirt panel j matches the aen:ce panels, which are bordered b.. soft, decorative i gathers. The .--:ion Mecves      i ncaC tucks to make them fit I smoothly.     'j a youthful look to the wide poi.ited collar. Would- j n't it be crisply i if resiling in or- i sandy or  Stitch similar trimming into tl-.e sleeve tucks lo: a decorative . Tiny buttons i i down the front v.ould bir an - tive note; so ,\ a belt of rib- j i bon or a seir-I. with an orna- mental       . A  rayon or *i\k. is a perron fabric  for thU most  style- trj j . dark  with  touch- i"s lor dramati:- . i Pat i em 988 cut in misses' and I women 'x sizes 12. H. 16. 18. l!0. 30. 32. 34. 30. 38. -i5 and 42. Size 16 re- quires 3 S-8       S9- fabric and 1 3-8 yards ruffling. s-  CENTS (15c) in coins for this . WRITE CLEARLY SIZE. NAME. ADDRESS AND STYLE NUMBER. Send orders to Atlanta Daily World. 210 Auburn Avenue, N.E.. j Atlanta, Ca.</t>
  </si>
  <si>
    <t>                                           THE SECRET OF HYPNOTISM B* thi :~  *r e*T m^n nmt of *; I^nrn how in Mnd to your win aJI I ho living t!      with  you romi into ~-oc la-t ! Anyon* can       how i*. linin"   .   .*- to  l th** r*-*\ net     - aw.* ~.f          an.J rw*t.-~ at KaihvniiK" uu-1 purlin, Tlf R SKOKIf T OF in I^. a ln-. #~sy-i*~-        n.l .^^y-to-tin.li-r^u.ntl      .~~ -rtz^.l Utok. fl-tw     *  box inJ will b*- -~nt in . plain v/rt ui"-r, postpaid,        ( of on* dollar.     .l   .r  ropy iin-.\* to THE SHAFTEL PRE!-;S. Dept. .1. P. 0. Box .14. CONEY INLAND .X.  RN. XF.W  A Comfort Special r^^-^^K BLACK KID WHITE EU; ^H^H^^^flL^A Rubber Heel* ^TStr^Sf^^J^ AAAtoE$Q-45 = "V 5 to 10 Q /SH^%~^^~/ X-EAT FITXTjiG vV-^^y^vCs^ HeadquarteTj for ^j"-~gSV\ ^y  B</t>
  </si>
  <si>
    <t>                                           The Ushers and Usherettes met May 3 at the church. Next meeting will be at the church. Mr. Hazel Williamson, pres., Willie Williamson, rep.</t>
  </si>
  <si>
    <t>                                           I 1.^.1 "Wenever hire people with halitosis" /% held k"  ' ST^T r^ Ck^tt Itf^tth h-. In b  hie. just a;- in the 2- v., halitosis (bad )- frequently due to food fermentation in j -   I faults. Employers, with so many    I d:rosc from these days, can t be expected to retain or hire people who arc careless about . Why risk ~-our job, or your chances of getting a job? There is a , easy, pleasant way of protecting yourself. Just gargle regularly with Listcrinc, the safe antiseptic Listerinc Antiseptic halts this fermentation, said by some authorities to be a major cause of mouth odors, then overcomes the odors themselves. Almost instantly your* Breath" becomes sweeter and more agreeable. If you value your job, get in  habif of using Listcrinc Antiseptic morning and night, and before all important engagements. Lambert Pharmaca' Company, Louis, Mo.  ^HALITOSIS (BAB BREATH)</t>
  </si>
  <si>
    <t>                                           "I remember when the Spelman College campus was nothing but ditches and gullies", reminisced Mr. Horace Thompson at the dinner given in honor of him and Mrs. Thompson by Miss Neptune in the teachers' dining room. Other guests were Miss Fowler, Alma...</t>
  </si>
  <si>
    <t>                                           George Muckle Given Another Jail Sentence                 George Muckle. who is already l-rvw* time for      -y. Fiay was meted an additional tea 1 public wrks tens for the same charge  trial atd eon"tiw In Pulton '::., (.wirt Trial of        on a charge ot i  was . Joseph Motet -~as acquitted after *I 1 for lottery. w--    a .Urll*v, a-!r.v y-nrs vas i 'r Trio-1  n a  or assault, ar.d battery. Gay Wilkes t,3s meted a         chain gang term of 12 months. A six months' term fT 'nt x ca l-Ti In a       - re-Ve-ce ~"s ma^e to run concurrently  '~c n's ul' and battery term. Howard Steamwn was acquitted In a-        battery     . Ernest Roebuck was also given twelve r- fcr  ani battery. Br-         ;-afer v^s  S75 "n a  charge-. Carl Simmon* was meted R fine f $50 Tor violation of the beverage and liquor control lav.  T T.. Karr iras        S10O for -  - t.)~   aT tom-'  I List Grows As Deadline Nears Today Is the last day for Geor"Iriw to resister and qualify to ""I* In "-'** end general elec*ir.ns during 1940. To-~r Kim ir-    In        Mniw * Friday after"   . )  1   a ]~~t        *   -  Of  r,~     mm], t0  v. -I-,.,,, ^f         ;on    .""H'Tiy . I                 office 1  wf- I _ni v.^^  ffl,~ onen ur)tij 4;3a i TT.~^_r _^^.^^.,     voters are   i t/~ down to the       !~riv a": ry^. I Pirenns lu.tf  21 years of T m v     .*(v^ w*.     7 I r* th- *l poll tax fee required by I 1 (t-       ,o     !f tl^np grw ^q i         . Those who *        ^ered before and who j ~"r v m:^~~d a number of years     .~t      t*~ toy and a penalty for      mt"Kfd.      w.--r)    hive been espec;?1  -        !)fv  b?     ^-*vi ~/% w%    c a r^n^^r^ment of  i"z*  !!W'~ xr"d a           . John Lucas Held In Traffic Death Vi T  f #i TT1  Strfet "   t?-i-~~v ~.      ^    *t    (~        ^th of a    ^Iesrrlan. T,vpo* ^~^i^ c^)~'^~** H*   *lc with *r*  '~T''*~*~ Jenn^"^ white "7 "I    VTrvm  t^.. NW Triurs':?t n^            n      'i raT Pimr^in  at the l*         ;           . Arcordlnst tr   r          Wt wh^n    -*"i-~r .T?   )!         1  him -0    t  n-~r     m"~~       .H     .~       Vf                   ?(i     front of the ear "~nrt -    struck from the             *s died In Grady Hospital   '    . A          of . reckless .     .  a street esr -xi the left and Jermlasr death   re  to the arrested mas.</t>
  </si>
  <si>
    <t>                                           Summer Classes Start During June July Register Now! Six Months' Course Day or Night Classes For Full Information Call at or Phone Dermis-Cura College Of Beauty Culture 479. Tatnall St. SW. MA. 3845 Full Beauty Course Efficient Staff</t>
  </si>
  <si>
    <t>                                           German Coal for Italy                 Germany has much coal. T'aly har.      \ Henr*-    to Italy  nd receive* in return      other raw material* needed. to feed her hue? w^r . j^n- urc many tons of Gcrrnan coat   Brenner P-iw Into Italy</t>
  </si>
  <si>
    <t>                                           "MY farewell performance? Yes, I shall give mine eventually--on the 32nd of July"</t>
  </si>
  <si>
    <t>                                           Beauty begins with the hair! START WITH  8CAI.fl ^i;*1 UP. IlAXlmUFF- CHECK ^  ^ ~',/j?".** THAT F.MJ.INO 11AIH.  ~^^^B^BW V -i I. I F K TO VOUll  ^  !!cl[^H^t 'Ji* -i'l" $1^5 OFFER "^iii^ BK.M) NO  for II- D'~ J^Bs2fci3   ^^     *"ri''?3, Complain IWr *ml Scalp Tr.~l- I^BRV^^ShB^B^   1               u-oro.. t .w WIm w^^^M i Bra-    smip on to ri^BS2s5e8H^^^H ^V iN Dn l  Oil... .to ^^^^^HB^^^.' 47 V^"-'   -            00 8ofcp.. .26 ^~BHj^^^^^^^^       Voluu .....11.71. H^^HflKffiU^^^^^^HBk Jl       No Caiih. JUKI  thU *C]^^^^9HH^HHH^^^^^^^^^^  I'ay Poat. ,^^^^K!9^^9~^9^^^^hB^^^^^^^^HJ man ti.lS wl(a" P*^^^^HH^^     ]KJ^^^^^^IH^^H^^H        . \\*a Par Poitair*. ^^^^HF^AJ??HO*?Ak^i^LvL^Lw^L^L^L^^L^Ll AOK.NTB M'A TEO ~^WftJEWJ%]'w^^^^Bt^HB^B</t>
  </si>
  <si>
    <t>                                           You'll enjoy I M u Tsnigtit and every Monday WSB 1 P.M. X.S.C. Matwerk -Ar Jamas Melton, Tenor Pranela White, Soprano ir Donald Voorhoes and     rtc     Symphonic Orchvttra and Chorus SOUTHERn RELLTELEPHOnE Hi-"  COITiPnnu</t>
  </si>
  <si>
    <t>                                           I STYLE FIRSTS I rr W 939 I'attern S39 MATRON S' STYLE IS SOFT-TAILORED Three keynotes to mature - j looks ar? simplicity.. . plan- ned line? becoming details Ir.  P2~~'n-J939, Ciatre Tilden has                 included oil these features 10 give you the perfect day-in, day-out I dress. Keep Hie Sewing Guide at j your elbow and you ll have it Cone in a Jiffy;  e- the  gar- j ment will have :,n expert and expensive look. The cool V-         that may be cut high or low. curve.-. 1  c!a.vn into tin.-    :iii::: j v  you ll find convenient foi :-k dres-sim;      rounded yuki-s j I'cnit- in Kiif piece ironi ilu-     : :md ajv  matched in i. I dv ' i. !     -:ab:'.. A ior.g- slr-~-    - i.-; iru  " un- gathers tx- I he    above the -seam 10    01' liii- ** in place and i to avoid a vop-ni-avy -t. Doublt-   !1~' front i;ivr you ^lull,  skirl lines Makr this style in :i . smooth sill:-  or  pri:;t or try a  co:ton or linen. Aiui wa.tch out for the compliment:: i   ure to receive wherever      go. Pattern 939 is cut in '.^ sizes 36. 38. 40, 42. 44. 4G and 4S. Size 3G requires 3 1-2 yards 39 inch.                 Send FIFTEEN C2NTS '15   in coins for Ihis . WRITE l CLEARLY SIZE. NAME. ADDRESS AND STYLE NTJ.. Send orders lo Atlaiiu Daily WORLD. 210 Auburn Avenue. At- I lanta, G^</t>
  </si>
  <si>
    <t>                                           NOW THAT the Joe Louis - Godoy shindig is history we turn our eyes to other things fistic. The first item that comes to view is the Armstrong-Jenkins show booked for the Yankee stadium Wednesday, July 17.</t>
  </si>
  <si>
    <t>                                           Rev. Ellis To Speak Over WSB Sunday Night                 By REV. A. G. DAVIS                 The AUnnUi Btiptist Ministers' Union held a record-breaking Maoion at I ho Wheat Street church, the Rev. W. H. Borders, pastor, Tuesday. It wbk announced  the Rev. C. N. HUs, president ot the union      pastor the Reed Street church,  will broadcast over Radio Station WSB. from 10:30 to 11 p. m. Sunday night. Tho broadcast will originate at tho Savoy Hotel. Well wishers may tune In on WSB, or go to the hotel and see and bear him. Visitors at tho Tuesday  Included, Rev, FerreU, of Connect!(Continued on. Page 2, Col, S)                 Rev. Ellis To (Continued from Parc I) cut mid Rev. L. B. Bright,, ol N.-. Tenn. Both made . Rev. Fcrro.ll ls  to:Rev. E M. .(onn.vr.n at. E;u.t I'oini. He will spo;ik in Ilir union nox1 Tuesday. Rev. B. .1. JoUiimn. w \V. Wc;            .in,i Ta..-Mii Arnold were  to the nidi'; . Tins i-? meet', in tile      Pr. C. D. Tlubcri. at 1 :30 p. in. loda.v. Rev-. M. W. White was reported  . .The  members took :i collection for him. Rc\-. Mr White Is the state s oldest -.                 Hospitals For Colored Sought In Six Gties WASHINGTON- (SNS)- The Federal Government has been petitioned by the trustees of the National Negro Hospital Foundation lo build six 100-bcd hospitals for colored people in half dozen cities under the- projected $60,000,000 federal hospital aid program. The trustees said the hospitals could Ik: used for (raining of colored physicians and nurses. They recommended location at Atlanta, Louisville. Memphis, Birmingham, Charleston. S. C and Dallas, Texas. j                 Graham Jackson Indicted In Attack On Girl Grnhum w. Jackson, well-known musician and Instructor at Booker T. Wiiriilngton High School, was Indicted on u    Tuesduy by Uic Fulton County grand Jury- He will be tried in 11 Fulton Superior Court, probably In September. The indictment  out of 1111 alleged attack reported to have been  on a 17-.-old girl in Uic  school building  this month. EXONERATED IN KOSSEIt CO13 T Jackson was exonerated or Hie criminal attack charge In Judge h. B.  s Fulton Civil Court on the night of June 7 after a member of the Rill's family took out a warrant for his . Tlic grand jury mulcted two other men on similar charges at the regular Tuesday session. Curtis Redding,'  Junior Tcason, alias Teaslcy and Claud Johnson were named as defendants in two  assault Indictments. Both men were accused of attacking the sonic two women. Redding was  indicted on a burglary charge Or.IraDeA.Reid To Address A. U. Forum Tonight Or. Iru De A. Reid, professor of Koeiolocy ut Atlanta Unlvcrsity, will be the speaker tonight ut the third of the summer Xorums on "The World After the Present Wur." His subject will be "Social and Political Institutions in a Totalitarian World." The Forum will begin at 7:30 o clock in the Exhibition Gnllury of the Library. The public is invited to attend. Dr. Reid is one of the leading sociologists in thig country. 'He has earned decrees at Morchousc College, the University of Pittsburgh, and Columbia University. Lust year he was on leave from hi:)  nt Atlanta University, on a Roxcnwald Fellowship, to pursue studies in race and population problems ut the London School of Economics, und to enSUE0 'n field na^n"5" on NcgTO immigrant adjustment in the Panama Canal Zone. His latest book off the  Is "In u Minor Key," a story of Ncjrro .</t>
  </si>
  <si>
    <t>                                           Yesterday at eventide, Miss Florence Bessie Morrison became the bride of Mr. Augustus Hogan in a brilliant ceremony with the Rev. W. H. Borders officiating.</t>
  </si>
  <si>
    <t>                                           EDITOR I A LS</t>
  </si>
  <si>
    <t>                                           ON      / MOON. IF HEAOACHt)  0~*O Ol? ANY OTHER OAY. I hop our or eto ano     vow msad I THE ALKA-^ WAV. I WHEN you wake up la the morning with Headache, don't wait for It to wear oS, do   bout it. Have your mar       a  of   Alka-SeUzcr? Allca-Seltxer Is in  solution, ready to go to work a* soon as you swallow it. Th* action of tts    Mlicylai*~ 1j mad* mort * by * buffer  which protect It  od nni UP It! KticO. Becaua* tb*   b  with *        la Alka-       ,.  of      * find It e2 * In  th*  of Hcd.cht. Coldt "MoreInl After", Add Indigestion. Macnlar Fatten* and Miacular Acbca aad Fatal. Your  hu ADot-SaltlM' in convenient small and economical large packages or he will be llad to strv* you a glass of ADca-Seltzer at his aeda Vin fountain. Wfcjr 7~\</t>
  </si>
  <si>
    <t>                                           Funeral rites for the late Mrs. Johanna Mae Grant, wife of Rev. J. A. G. Grant, pastor of Second Congregational church, were conducted last Friday afternoon at 2 p.m. from the Second Congregational church, with Rev. A. W. McEwen, serving as master of...</t>
  </si>
  <si>
    <t>                                           City Baptist Ministers Hear Dr. Mays                 The Atlanta Baptist Minister's Union met at the Wheat Street 3 Church, Rev. W. H. Boriers, pastor, Tuesday. Devotions were led by Rev. Lewis Poster. Rev. C. N. Ells presided and Rev. Samuel Pettlerue read the minutes. Dr. C. D. Hubert, dean of the School of Religion at Morchouse college Introduced Dr. Benjamin Mays, the president of Morehouse College. Dr. Mays gave an interesting talk and pledged his support (^Continued on Page 6; Col. 6)                 City Baptist (Continued from Page 1) to the Union. nev. A. Bell announced the openIng of the G6 session of the SS and  Convention of the New Hope Association Wednesday night, July 10 at. 8 p. m. at the Elizabeth Baptist Church, Rev. J. M. Gates, pastor. Rev. A. J. Walker announced the service of the 4th anniversary of the pastor of Greater Springfield Baptist Church, July 8-14. Rev. J. T. Dorsey Is 111 at his home. Dr. S D. Ross, of Detroit, will preach at the Reed Street Baptist Church, Sunday, July 14. at 11 a. m. and at Mt. Zion Baptist church, Sunday night at 8 p. m. Dr. Ross will hold a meeting at the Wheat Street Baptist Church Tuesday night, July 16, 8 p. m. for the Georgia rally of the National Baptist Convention. Inc., which convenes in BIrmlnEhom, Ala., In September.</t>
  </si>
  <si>
    <t>                                           Preacher Race's Best Business Man, Baptist Youth Are Remisiiled                 Back tp Farm Program Urged By Dr. Johns                 By REV. TASCHEREAU ARNOLD                 COLUMBUS, Ohio. (SNS) Speaking before the National Sunday School and B. T. U. Congress on th feature night program Saturday, at the Municipal Auditorline, Dr. 'Vernon Johns, Charleston, W va, declared that "ir a white man can  call a Negro                 cost anything to do. he can. not ifi trusted to do right with a thousand dollars due a Negro. In bold. terms. Dr. Johns warned that the Negro preacher is the best business man in the race, (or eighty percent of the race s wealth Is in church property. He said preachers were fairly honest, for that is more than other leaders I have left for the race after they I stole what they could. LITTLE HOPE IN CITY The speaker said there was little hope ta the city fcr Negroes because the white man has incorporated his will there, urging the Negro to go to the "woods- where                 he can own and manage  'The Neijro i-.ua his Cre^oom donated to him."' he retorted. "We have been on the donating list ev. sry since." He pointed out that. Nejroes when educated want to do nothing but "teach'' .somebody how to do. something  are too lazy to do th .m-'-.vcs." He also warned preachers that the day has come when they must show the Laymen that they are interested in their bodies us well its their souls. Preceding this . Dr. George E. Haynes, New York City. Secretary of the Federal Council cf Churches, told the assembly that we are living in perilous days and the church must ur.ite its forces to sr.eet the threats of the j                 powers in Europe and the injustices dune to Negroes in America, PRAISE ATLANTA TEA With the President., Dr. \v. H Jemigan prei , the house voted "Saturday to  the RcsOlu1 Continued un t^ige C; ~-'~t. It                 Preacher Race's (Continued from Tiacc II tions Committee report. It passed a resolution giving the organization' the right to become a member, :~~f the: Baptist World Alliance. another; one was passed in which a coir.mit.iee was designated to investigate  pictures and  plays, the report praised the Atlanta/Committee for the Inter- national Tea staged or. Spelmnn College -campus in connection with thr Baptist World Alliance. The graduating exercises will be I held today and students will re- j  credits. Dean Marshall a i Talley announced, k Model Sun- I dp.v School will precede this event, followed bv the annual  "t Ur. Jcroacari and a MoMel B.T.U. in tho afternoon with _Vrof. E. w D Isaac, assistant director ccna-al. in . Dr. A- M "7 . director ceneral ana secretary to     Sun- day School PuWishinc Board, will                 Way a leading role hi the final day of the 35th Congress now passing into the pages of history ATI.  BID Dr. Roland Sn:.ith. official of the National Baptist. Convention, made a strong plea, urging the Congress To hold i'.s next session in Atlanta. California and Texas are also seeking the next session. Rumor has it that Houston. Texas, will perhaps be the next meeting place for the Congress Dr. Jernagnn is chairman of a committee seeking to build a Negro town at Mizpah New Jersey. The annual  of the Con- j cress was held at night session un- } rk-r the direction of Mrs-. Mayme S. Morris, leader. Lmiisvillc. Ky.. Miss Lucie E Campbell. Congress Music Director. Memphis. Tenn.. ar.d Prof Isaac of Nashville. Tcnn.</t>
  </si>
  <si>
    <t>                                           COLUMBUS, Ohio. -- (SNS)--Speaking before the National Sunday School and B. T. U. Congress on th feature night program saturday, at the Municipal Auditorium. Dr. Vernon Johns, Charleston, W Va., declared that "If a white man can not call a Negro...</t>
  </si>
  <si>
    <t>                                           A combination offer, designed to be attractive both to owners of automobiles and housewives, ... into effect saturday. July 6 at 34c Edgewood and ... where the Parco Service Station is being introduced to this area.</t>
  </si>
  <si>
    <t>                                           HOTEL MACK 30 TocrUt Transient Rooms. $1 up. 548 Bedford PL. N- E.   . C9Z1. A.VntK, Cv PAGE BSY  i ^^S^S0K Hume Hair j Qf*!;; t^Vi              I I? v^i^H  rows I JKS '       .Iohf.r.IngCa.TiiK !?V' ~^St3l Hair P^.^  Sr^'-3?3?  S JST I SHB*           torn. ^"^w'-'i-Si       for ran ~~!     !~r i HUM ASIA CO. 233 fOU8TM tVt.. NIVf TOMC. It. T. IT "'tW^^S Quiddq Reeves I -3^j^) Travel Sidmess</t>
  </si>
  <si>
    <t>                                           DEAN MAYS ACCEPTS  OFFER                 WASHINGTON, ;d:                 (S N S)                 -Dean Mays has, .announced thac he has Just accepted tile presidency of MOTChoiisc College, '.'the  whlch-'was extended  by a  vote of the Board of Trustees on 'May io'.'. 1940. I                 Dean Mays haa.:dean of :tbe School "of Religion of Howard university for ' past six years Since his .ito the, "School of Religion, of. Howard, university, the school'- has' made great . In; maii; directions',, among: - orc:~"-;. r''vW' A {*.~ i' i r- I-.. The, graduate .: jli aa increased' more ;thon:i2po ' In six . -.'Jj ,iV',;. .'tUX^~v"\'^. a. Scholarship allowance h os  400 percent. -'..I j 3. Money, fof^^lios - ed 700 percent.',/' .4. ITicrc h as.bsen pertect- ::tho- Scnool: j of1 Rfllglon of HownrdUnlvcraltyand the churches  City-.ESicH  *a; church In. the. city, of ^Ws^' nation ..tho; school;' j-ear';'Every Sunday ;-- . from the School.; of Religion ol Howard1 University; arjo* found' In churches, in. every, section of the :dty.-.-' :-:e; -5. The Scihopl-pt ReUgion:has become  thug ..lhg.lt  for .^hc" Vflrfrt.^.;' ;fl.^p.     ^f.^tiii(    '~;-ha4'                 Improved. Some cf the best minds liv." University arc to be found in the School of Religion. 7. The GcllOol of Religion has been rated by the American Association of 1' schools. 8. -There Is a stiff thesis requirement for the- D. B. degree and a two-day (written comprehensive examination^ nt the end of three years covering the whole field ol religion 0. Tne Master of Arts degree In Religious Education has been ln"(Conttaucd on Page 6. Col. 71                 Dean Mays Accepts (Continued' from page 1) troduced. 10. Tlic faculty Is as able as the.  of .other sections of the university. 11. Under Dean Mays' leadership and with ths cooperation of the Board of -Trustees and the Administration and through the Influence of Messrs. Garnctt C. Wilkinson and George W. Colcman, '.the School of .Religion Is  39,000 volumes cf books from tho Auburn Theological Seminary which merged with Union In New York,. Communication set In motion 'two years ago has Just consummated in the purchase of these volumes, thus giving tlw School of Religion of Howard university one of the best theological libraries in the cvr. fnr n school of Its 5l5ex</t>
  </si>
  <si>
    <t>                                           Dean Mays has announced that he has just accepted the presidency of Morehouse College, the offer which was extended to him by a unanimous vote of the Board of Trustees on May 10. 1940.</t>
  </si>
  <si>
    <t>                                           DEATHS                 MRS. MARY FOLKS                 VALDOSTA. Ga.- Funeral  have is not yet      completed for Mrs. Mary Folks, .chose death  Sunday aft- err-DOn. I -OLIVER JEFFERSON, Ga. Miss Emma D. Burns and Jen Oliver -were married Sunday at the residence of the bride. ;REV. P. B.  WEST 1'OINT. Oa.- Rev. P. B Gibson passed a way Monday morning at his home. Funeral will be announced later.</t>
  </si>
  <si>
    <t>                                           THE WEATHER ; .temperature high ty ?2 degree</t>
  </si>
  <si>
    <t>                                           Twenty-nine Louisianans who are now studying at Atlanta University's summer school assembled last week in the beautiful reception room of Morgan Hall on Spelman College campus to organize themselves as the "Lousiana Club" which has as the...</t>
  </si>
  <si>
    <t>                                           Germans and Allies B.?nlt lor Tin's Harbor                 Harbor of Trondhplm, Norway, pictured Iikiv. \v:i.~ j one of the first Norwegian ports  by the Or- 1 mana, but the British and Norwegians   I                 l.j  ii hark. A naval LalUu or cnn.- inl.n:.~ly Inlurt:!! the Allii-U uml Nnyi force* was i,-~h.H.',I in Mm vicinity.                 D9</t>
  </si>
  <si>
    <t>                                           Meet The Miami "Mayor"                 SAM SOLOMAN, prominent *l dirt-ctor, i%   presented beaut if uj trophy and declared the Mayor of Washing- ton Hdc^  , Mkmi, Fla., colored section, by Wesley E- Garrison, j white, prominent realtor. Solo man voa the *'*p** in closely contested race- The position, 'v^ is purely honorary, serves for j CooJ-will mediation, between the races of Mi*roi- Solomon will    remembered fcr leading 2.000^ colored Miamian* to the .polls to vote for the first time two years Ago after the Klaa had staged a  in Washington Height* for the purpose of intimidating re**dent* and frightening them away from the polls. Soloman "was widely congratulated.</t>
  </si>
  <si>
    <t>                                           At the beginning of the summer it is wise to decide whether you are going to avoid any ... of sunburn or whether you'll just take the sun with your fun--and then chart your course accordingly.</t>
  </si>
  <si>
    <t>                                           SCHOOL "DAYS'"""" By</t>
  </si>
  <si>
    <t>                                           Linda's eyes went from the drawing on the large paper to the neat lettering at the top. It read:</t>
  </si>
  <si>
    <t>                                           Concern Is Noted Over Bond Issue                 Colored Atlanta leaders expressed iir.uch concern Saturday over the proposed city bond issue which, according to reports published, does not allocate a cent for strictly race , while specifically designed to lake care of others. Juhn Wesley Dobbs, resident of the- Civic-Political League, and T. M. Alexander, president of the (Continued on rage 6; Col. S)                 Concern Is (Continued from 'pipe 1) Atlanta Branch of the N/. went, into  Satnrdav      . noon concerning the issue to be recommended AUnnts. Clly Conn- ell Monday.      by the Finance Contnvlttee. j Dobbs and Alexnnder. who had   with Bonrd of Education officials *nnd were assured that interests of the colored croup  be .fairly., considered, saw it appeared the race-'i's to be . Thcj- said, it now seems that ,thc. Finance ^Com'nitUec is  $1,550,000 for, white KChools.".S2.00n.OOO for Grad.v Hospial Mid" $200,000 for the Fire DcJ ..1"." not one. cent' for I.NeCTO .The  Negroes must. tills  and V^al to be corrected.                 N-.'pro ministers nnd  leaders desiring to help should Immediately phone Mr. Dobbs at WAJnnl. 172B. or T. H. Alexander m RAymond 8760.                 Kidnapers Charge Atlantan With Theft Of Whiskey Picked up at the corner of Linden and Piedmont Avenues late Friday evening, Will Young, of 9 Rawson Street. SE. was taken for a Tide by three men who accused him of stealing 7 gallons of whiskey, police records revealed Saturday morning. Young was quoted by policemen as saying he did not recognize the men who kidnaped him. iHe said, they threatened him, but put him, out of Uie car unharmed alter riding nearly an hour.</t>
  </si>
  <si>
    <t>                                           Inspiring History Of Big Bethel Traced By Flipper                 Senior               A ^TJirills Hearer*  In Anniversary                 By CUFF MACKAY (World Manaelnr Editor)                 Tracing the. Inspiring influence Big Betbel AMB church has  to the" Ures of thousands since' It*  on Jenkins street in ;      ;;i8aS. Senior Bishop. J. S. JKUpper la  \       oi^^ted tne 75tn  :~       of. the i                 - church? of African Methodism In Georgia. 7 Bishop nipper was Introduced by Bishop W. A. Fountains/who pre. wer the  episcopal i district. Declaring that be was not speaking- from hearsay, but torn i.- knowledge and the written  JBlahopJFlipper- declared: .-Bethel; church has from the  shaped the lives of people to the fiery of God and the upbuilding of His kingdom upon earth. ;TiHST COLORED .SCHOOL "When the American- Missionary Association sent out Its teacher* In the South lf was -In Bethel  on Jenkins street that they first opened a schoof for colored 'bays and girls and I was one in that number and learned my first ABCs there. /-They  the Storer school at Houston and Piedmont avenue and also the Orphan Home on a hill near the corner of Cain and BlUlard streets where the  advanced students attended school. Rom these two places. "Bishop I'iipper recalled." the most advanced .students were transferred to Atlanta University which was  en what was known at That time as Diamond mil Thus old Bethel church was the beginning of education, for the Negro In Atlanta. Ptor fifty years, "said the venerable speaker." the baccalaureate ser- man of Morris Brown College has   preached from the pulpit of Bethel church and from Its platform hundreds of young men and 7 have  their diplomas to go out and help the world to be a better place to  to                 "~When th^ history of the Negro churches of Atlanta shall be written Bethel church will stand unquestionably at the head of the list." asserted Bishop Flipper, who recalled now he at one time serv- i ed ns Its pastor. Tailing his hearers back to the beginning of the  which now enjoys a world-wide reputation.   .                 stately speaker credited the Rev H. M. Turner, as its organizer. Rev. Mr. Turner, he said, came to Atlanta as an army    in 1865. from, which position he   :~'      to begin, 'organizational work in Georgia, serving as (Contlnued on page 6; col. 7)                 Inspiring History (Continued from page 1) ing elder over the entire state. The Rev. W. J. Gaines. Bethel's first pastor, was assigned from the nr"'"' conference held at S(~ Phillip's church In Savannah in 1866. -Hail It not been for the fact that It had no regular pastor from the conference. Bethel could have disputed the fact with St. Phillip's as to being the mother church of the state.- Bishop Flipper recalled. GOOD IS IN HEARTS -Bethel church has accomplished more good than con be written in history, said the senior bishop, -because the good has been within the hearts of the people that could not be seen by the natural eye or described in written language for the experience of personal religion cannot be put Into words. -Prom 1865 to the present a period of seventy-five years. no human voice can tell the Joys the happiness, the sorrow, and tears that have taken place during all this period. "Wna can call the roll of the Christian heroes that have march-' ed during these seventy-five years, who can describe the mighty outpouring of the Holy Spirit into the  of the children of God. who can tell the shouts of the converts within its walls for seventy- years? Only the Cod of heaven ~-an tell of its sweet influences. -Let us gather up the thrilling events of the TS years of the life of Bethel church and  With greater stride to walls the Boldpaved streets of the New Jerusalem and tune our voices to sing with a sweeter strain the songs of Mosis and the Lamb". MUST                  -IX we could     the number who have fallen from the ranks of Bethel church as they appear in ." the sn? concluded, -we would to some extent measure the greatness of the work of Bethel church In the salvation of souls -Let Bethel  gird up  and still attempt wonderful works for God and humanity." tv. tbe afternoon the combined choirs or Big Bethel gave an excellent musical under direction of H J. Furlowe.  chorister of Choir No. 2. Miss Maurice Edwards served as organist. Spirituals dominated the program, and there was a very appreciative audience. Sunday night, first reports in the rally were received, and the pastor. Kev. D. T. Babcock. expressed himself as being highly pleased with the returns. The anniversary observance " be continued throughout the week. Tonight and Tuesday night the various church auxiliaries van hold a grand bazaar, and music will be furnished by the Sunday School orchestra. Wednesday night there will be an old fashioned , and the entire membership is expected to attend. Friday night.     combined choirs will give the annual presentation of -Heaven Bound.- Big Bethel's own RiKiifal pageant that has been kept alive through the years. Sunday. August 2S will, mark the close of the observance, and Bishop yff: A. Fountain, presiding bishop over the sixth episcopal district will preach.</t>
  </si>
  <si>
    <t>                                           Tracing the inspiring influence Big Bethel AME church has had in the lives of thousands since its organization on Jenkins street in August, 1865, Senior Bishop, J. S. Flipper in a ringing message Sunday morning opposed the 75th anniversary services of the...</t>
  </si>
  <si>
    <t>                                           THIS FEVERISH haste to erect restrictive barriers against aliens, the move to have them fingerprinted and photographed, to keep them under, survellance is no doubt based oh the fantastic idea that a. some force, date the foreign-born may arise and with one mighty treacherous stroke, overthrow all those precious, ideals of government which we...</t>
  </si>
  <si>
    <t>                                           The Negro public school teacher is over-worked and under-paid. The task of the teacher is a never-ending one. When he is not teaching, he is away somewhere in some of the various institutions preparing himself to become a better teacher; and when he is not preparing himself to teach, he is actually teaching. For his teaching services, he is paid a mere pittance, and when she goes in...</t>
  </si>
  <si>
    <t>                                           THE WEATHER Partly Cloudy;  high ft 95 degree*.</t>
  </si>
  <si>
    <t>                                           Atlanta        \Vbrld Published DAILY and  at 210 AuSuxa Avenu* By ATLANTA DAILY WORLD             CO. Telephones: WAInut 14S9- 1460 Member of SCOTT NEWSPAPER SYNDICATE Established Aug. fi. 1S28; Became Daily March IS. 1933 W. A. Soott, H, Founder and Publisher. Aug. S. 1828 to Feb. 1, 193*   a toe Post Office *t Atlanta, Ga, ^-i... .^^Tthe Act of Congress, Marco. 3, 1879 C. A. SCOTT General Manager CUFF MACKAY vrn^,r^fl Boitd  L. JOKES Associate and Sports Editor DAILY:- 1 Year. $9^~: 6 Mos, S4.75; 3 Mos,  2^0- l Mo Me' SATURDAY ONLY:- 1 Year. 13.00; 0 Mos, J2.00; 3 Mos,  1J5 Canada: 1     .  4J0: 6    . S2.75; Foreign: l Year. $5J0 National Advertising Representative: W. B. ZIFF CO. BOS Dearborn St, Chicago. HI., and 381 4th Avenue. New York. N Y The ATLANTA DAILY WORLD is an Independent newspaper- and non-partisan, printing news unbiasedly and supporting those thing, it believes to the interest of     readers and opposing those things against the interest of its readers. AoJress ALL COMMUNICATIONS to and make CHECKS payable to ATLANTA  WORLD rather t^3ti to individuals. The WORLD  i'4 i  repudiate* responsibility lor return ox '"'~"V'^^fd pictures, I , etc, , stamp* are sent.</t>
  </si>
  <si>
    <t>                                           CROCKETT, Mr. John C.--prominent undertaker of Griffin, Ga. passed away at his residence, June 6, at 3 p. m. Funeral will be held Sunday, June 9 at 2 p. m. Griffin, Ga.</t>
  </si>
  <si>
    <t>                                           SEMI-ANNUAL" STATEMENT for the Six Months Ending June 30, 1940. The Condition of The Pilgrim Health and Life Insurance Co. OF AUGUSTA, GEORGIA Organized under the laws of the State of Georgia and mad-; to the Governor of the State of Georgia in pursuance to the laws of said State. PRINCIPAL OFFICE 1143 Cvinsttt Street AUGUSTA, GEORGIA ASSETS Total Assets of the Company $1,057,746-66 LIABILITIES Reserve $817,173.86 Capital and Surplus 180,822.43 All Other Liabilities 59,750.37 $1,057,746.66 Income first six months during 1940 541.528.11 Disbursements first six months during 1940 502,120.81 COUNTY OF RICHMOND STATE OF GEORGIA Personally appeared before me the undersigned, j. s. Perry. who being duly sworn, deposes aad says that- he is the Secretary of The Pilgrim Health and life Insurance Company, and that     foregoing statement is true and correct. J. S. Perry, Secretary Sworn to and subscribed before me this 28   day of.AogoSt, Chas J. Williams, Notary Public, Richmond County. Georgia</t>
  </si>
  <si>
    <t>                                           Report Tenants Forced To Give Up MA Checks                 NATCHITOCHES. La CBy Leon Leds for ANP)- As a result oTi Jindings of Miss Margery DUlett.1 acting secretary of the r-~       farmers' . revelations   and threats or" physical injury to foree tenant'  to sign away their laaa                 aaa checks around the Bermudaarea, to NaJchltotbes Parish  mn"        ;week- .-^.~^/i- t^ Of -the more than  farmers interviewed, not one   his AAA checks for 1339 Miss Dallett (disclosed. The com-'! munity Is predominantly Nesro each dealing with commissaries: and Ignorant of his accounts. AfU I er months of Investigation Miss' Dallett unearthed a startling la-  In the case of force  used to force a tenant to  lgn; away ibis . Charles Robinson vas threatened at the point of knife in the office or the parish administrative assistant by Sam' Tobln. white commissary owner.' !ast No7 to force him to  sign -over his-check-to-the--sary owner. Robinson is a tenant on the: plantation of Bstelle CbckfleU in Natchitoehes and had been given: the privilege to purchase groceries and household supplies from tl* commissary of Tobln, who is an  relative or the plantation owner. .Rsbinson said that he  the  for the advances aid bad decided to stay on the plantation another year until he was able to pay his indebtedness. She had apparently  to this aad was  to wait. Sut as he -was receiving Us AAA check in the administrator s ^ Tobln. came from behind aad         that Robinson owed him money, simultaneously potting -the point of a knife in his back. I' It an attempt to force the tenant-- t pay him then and there by stains over the check to htm. Being the only Negro in the office and fearing bang- cut I the irate \ man. Robixnei signed over his check to Tobto. The woman plantation owner wa: not able to offset the  move on the part of Tobln.</t>
  </si>
  <si>
    <t>                                           NATCHITOCHES, La.--( for ANP)--As a result of findings of Miss Margery Dallett, acting secretary of the Louisiana Farmers union, revelations of serious implications and threats of physical injury to force tenant farmers to sign away their 1939...</t>
  </si>
  <si>
    <t>                                           AA OST people who use Dr. Miles *T Anti-Pain Pills say that on* pill usually relieves their headaches. In the regular package. Dr. Miles Anti-Pain Pills cost one penny each. In the economy I packages, one penny buys IK pills. Why Don't You Try Dr. MiUa j Anti-Pain Pills? They taste good, act promptly, do not upset the stomach, contain no opiates or laxative medicines. You may be miles away from a drug store when you get your next attack of Headache, Neuralgia, or Muscular Aches and Pains. Why not get a package of Dr. Miles Anti-Pain Pills today and be prepared for emergencies? Karolar . 25 . a* Econmr      . BS nib. nM</t>
  </si>
  <si>
    <t>                                           Funeral Notices                 HEARD- The friends and relatives of Mr. Dan Heard are invited to attend his funeral today (Monday) at 2:30 P.M. from our chapel. Rev. W. R. Wllkes of-_ . Interment, in* Chestnut' Hill. 3 orcl2U3d Funeral home.</t>
  </si>
  <si>
    <t>                                           JOSHUA JONES                 By L                         Sretfcer Bell 3*73  trj* lot to   a ( set a tM4  S of</t>
  </si>
  <si>
    <t>                                           DAILY CROSSWORD                 ACROSS 1. Break suddenly 5. Arabian garments a. College in JC. Y. 12. Italian goddess 13. Young organism 14. Singing voice 15. AnUered animal 16. To seH 18. Female fov.*l 19. Asian country 23. Vegetable used in soups 27. Platform 2S. Cloth 30. Cover 31. Mountain pass 32. Astern 33. Summoned forth 35. Koddcr vat 36. Plause 37. Measure of capacity 3S. 1-a.rge snake 40. Anjrthing: fired at Gang 4S. Across 49. Eury 51. Allot 52. A relation 53. Concoct M. Wagera DOWN 1. A lean-to 2. Alaskan city 3. Krcneh.-i 4. Younjr r. 6. PSrtJyv: ;r. 6.       7. Poker at^f8. Carbon _i LQ Ra."7/by                 11. Large volume 17. IndvSnite article 18. Exclamatioj 19. One who Mies 20. Artless 2'.. Capers 22. Exisls 23. Siberian ~-ivcr 24. Vonorsous snake 25. A Srearm 26. Performer 2*. Cr==e                 29. Close to 31. Earth goddess 34. Knight Templar (abbr.) 35. Silicon (sym.) 37. Music note 38. BerylUusi (sym.) 39. Auricular 40. Grave 41. Affirm 42. A network 43. Thrived 51. ASsh                 ^PM V IE I.- 1 TlfM^ IE.{f .i EStlloiaBaUiy^  .i, Bgi^l p Ve^ s Answer  5.TWck 46. Throw off 47. Skin tumors 50.          reply                 r r r Y/mwr r r r" rill io ;H^'2     mi  t pr    15    1 j L i-~ t^o 21 ^a yy; ^~j 23 zw ^s at. PI 1 !1 !1 Z r     S!i_z i^ I ^!l ~/2 H3 HV *    -46 M7 I J^2 f'/e I  X so "T" f t -1 Ys i*2 "   ^T                 to'.^u features Syndicate. Inc. S"^T</t>
  </si>
  <si>
    <t>                                           Shiloh Popularity Winners                 MISS .                  MISS DOROTirr ROWE                 Among thirteen oilier contestants of Choir No. 1 of the Shiloh Baptist church, raising rands for their trip to the State Baptist Sunday School ind  Convention, them : ladies were voted the mont popular.      Ethel Porter      'Jw   and Mbw Dorothy Kowe came  in the      4       a^~      4%~^                 and their friends were entertained Friday night at the home af Mfcsrs Tbelma and Mary Briley, 813 W. Fair Slreet. SW. by the officials of the choir who are Mr*. E. M. Lawxon. : Ernest U Porter, president: Robert MeLarin.  of the Conventional Clnb. Toe convention h to be held in Macon on Jnly 1L</t>
  </si>
  <si>
    <t>                                           JOSHUA                  Br L F. BtlMik                 man  to has     kaat     ^ t the man     has        '   ^"'l</t>
  </si>
  <si>
    <t>                                           DEATHS                 Chart!? Dunten 23 R. 243      street. NE. Selene M. Barney 45 193 Boulevard. Rufus Usher 37 401 Hilllard street. Katie I,. Stephens 50 81 ThlrIdeld. Ceorge w. Palmorc 39 K. 8S0         street.' Dewitt Johnson 38 591 Frasex street. Rosa Westbrooks 70 609 Delbrldse street. Tobe ennen. Jr. 42 74 'Jackson street. Bobb Watts 77 343 Hunter street. Ben Taylor 60 R. 938 . Joe Brown 51  94 Jett Place. Robert Woodruff 69 350 T^lcr. Pete Doolcy. 6S 1667 lively 'st street. James H. Williams 33 62 McDonough Boulevard. t Zisie G. Harmon 27 Scottdole   . Emily Thompson 1   D8 Mc^ Dooongh 'Bbolevard.</t>
  </si>
  <si>
    <t>                                           Atlanta Jlil^i-ld .JSffiSJf Hm Nj*Iob's Oaly Colortd Daily           y PRICE KiVt! CENTS I VOLUME 13, NUMBER 17 ATLANTA- GEORGIA. SATURDAY  R 1</t>
  </si>
  <si>
    <t>                                           Doing their bit to swell the total of the local Red Cross War Relief Fund, the inmates of the Sandy Springs Prison. Camp donated their bit yesterday in the amount of $5.01 and today the Bailey Theatres contributed $100 toward the fluid.</t>
  </si>
  <si>
    <t>                                           All Colored Day SKATING Lakewood Park , June 10th- 9 aum. to Mid-night -r 10c Per Hour-Skates Included</t>
  </si>
  <si>
    <t>                                           At another open meeting to be held in the club house tomorrow night, June 11. members of the New Lincoln Golf and Country Club will complete plans for the 1940 Southern Open and Amateur Tournament which, in former years was staged July 2, 3,and 4.</t>
  </si>
  <si>
    <t>                                           COLUMBUS, Ohio--Dr. Marshall A. Talley, the secretary of religious education of the Sunday School Publishing Board of the National Baptist Convention USA Inc., made a brief visit to the city of Columbus last week to check upon the perfection of activities...</t>
  </si>
  <si>
    <t>                                           Softball Scores J. P. Allen 5 U. Homes 6 Globe Trotters 4 Hanley Hornets 5</t>
  </si>
  <si>
    <t>                                           Condition Of Ax Victim Reported To Be Critical                 Reported in a serious*, condition at Qrady Hospital Thursday-: -     Jim" Hardeman, S3. of 613' MoGruder Street. NE. .who- wai attacked recently' with a chop axe. City Detectives Holland and Taylor said  arrested a -woman listed as Mrs.             Pierce, 32, of 22 Randolph Street, NE. end booked- her -on suspicion of attacking? the- man. The officers said .they learned I from Harde-nan Thursday that the woman attacked him because he failed to pay aU the money he owed her. The detectives said Hie  admitted owing the woman tor some, meals, room rent and -wills*1  was cut above the lei I kidney and in the head. Stabbed Heart Victim Is 'Fair', Mose Marshall. 30. stabbed In the heart Monday night., remained m an "only fair" condition Thursday  t Crady Hospital.      In an "only   was Willie Preston. Scottdale youth. rho vas shot  by a DeSalb ..</t>
  </si>
  <si>
    <t>                                           -Atlanta JPilllK World Published DAILY and SUNDAY at 210 Autrcm Avena* By ATLANTA DAILY WORLD PUBLISHING CO. Telephone*: WAlaut 1450-1480 fj Member of SCOTT NEWSPAPER  i *          Aug. 6. 1*28; Became Daily Mareb 13. IBM  W. A. Scott, n. Founder and Publisher. Aug. 5. 19SS to Feb. 7. MM Knterad In the      Office at Atlanta. Ga,  ff ^.vt^i.,, T,~i .T^Il Act of Conjrm. March 3. 1879  General B^an^eV I CLIFF MACKAY Managing Editor]  L. JOKES A^ and Sport. Editor :- 1 Year. $Si5; 8 Mo*. 54.75; 3 Hot, $2J0- 1 Mo 90   SATURDAY ONLY:- 1 Year. J3.00: Moa,  2.00; 3 Moa, $L25 j Canada: 1 Year. $4.50; 0 ISov $2.75; Foreign: 1 Year.  National Advertising RepresentaUve: w. B. ZIFF CO. OB S. Dearborn St, Chicago. nL. and 381  th Avenue. NeW York. N. Y The ATLANTA DAILY  i, an Independent newspaper- and non-partisan, printing news unbiased^ and  those thing, it believes to the interest of it, readers and opposing those thing, against the interest of its readers. AOJress ALL COMMUNICATIONS to and make CHECKS payable 1 to ATLANTA DAILY WORLD rather than to individuals. The WORLD  repudiates responsibility for return of unsolicited pictures, manuscripts, etc, unless stamps are sent _l</t>
  </si>
  <si>
    <t>                                           The night Joe Louis dynamitted Johnny Paychek for a second round kayo, the other Des Moines. Iowa "white hope." Lee Savold, was getting an unexpected beating at the hands of a comparatively little known colored heavywieght by the name of Johnny Whiters. The...</t>
  </si>
  <si>
    <t>                                           ^^^^^e^f^ i^b^b ^^s3A ^^^M^i^^^^j   ^3K^^   ^^5^^9vC^r C^jI^^^^^^f^bjm il^^3 ^^^^^t^^jBI pSS3 ^t^^^^^^^^^^^r ^^b^9 w^Sa S^^i^^^^^c ^^3^v mi ^d^^p^b t^r^~4v^S ^^^^9 Sti ^^^^h ^^2i^l ^sBI ^^^^i Sv^s WfeH i^7^4 1^ ^^^^^^^^^^^^i ^S^^m ^IH^k ^^^^h1 ^^^^^P^^^^^^                 BARKLEY QUIZZED, REMINDED OF MOB ACTION IN TENNe                 aHW ^ORK--The National Association for the \.t Colored People, Monday, again requested Ma.or,:v U-a.-ie- .-.lU-i \Y Barkl-y to se: a date' for debate and vote on i:,r pen.-n-      -\-an.Vuy.. Qxpper-Gavagan anti-lynch'"J,Jl!l '"'-quest ..\as based upon the pledge of Senator Barnley .ro Negro delegates to the Democratic national conyer.nr.r. in Ci.:     t:-.u: 'rhe an:i-l;.-:ci-.ing bill -.viii be voted upon.  Congress ." V\ e are :;: that Negroes throughout the - were  by tnis declaration." the letter said. -The organizations and individuals who have been for years working for enactment 01 this legislation are gratified ar your statement and look forward to the opportunity to have the  voted upon by the  of the United States Senate."  ;- Darkiev was reminded of the recent lynching of E3bert Williams in Brownsville, Ter.n., and the fact that several Negroes, including- Reverend Buster Walker, have been unable to return to their homes because of the continued threat of mob violence in    : community. The branches of the N AACP and cooperating organizations and interested individuals are urged to  write or telegraph Sen.i-.or Aibe". \V. Barkicy requesting an early date for a vote on the anti-lynching bill prior to adjournment of Congress.</t>
  </si>
  <si>
    <t>                                           FUNERAL NOTICES                 SKEL.TCN- Mrs. Susie Sbeltoa or SSO Parsons St.. S.TV.. Apt. 91.  of Mrs.       Grisies. died at a local hc^pital August 11. Funeral  later. Sellers ETotbers.                 STAIfEIFER. little Odlr-  f f78 Gray SJroet. N. V... passed . Kar.er.-.l unr.         ^ .        Arhb- St. Funenu . Mr. ESSert *~) passed away at ius residence, w Pultcn street August 10. Funeral           . Pollard Funeral Home.</t>
  </si>
  <si>
    <t>                                           Costume for Fairf I ^^B^~ -it 1  1 m vi*o i ll';..\v--?~ Simplicity in dress is the keynote' or the World's Fair of 1940 in Newl York. A simple coat of ' weight is part of the wardrobe! which Mary Lewis, a director oft the World of Fashion exhibit an i the World's Fair  oat oil I town' visitors brine to the Fair.:' j She also advises plenty of simple' dresses of the spectator- . blues? DONT suffer  when  gets you  oat headachy, bilious. Famou, * FEEN-A-MINT geu action. Gently, yet dependably, it pvn you the . thorough bowel movement that you need. You get the  joy of relief and life is F-U-N again. FEEN-A-MINT is so  to  Just chew it like your favorite chaw ing gum- and it tastes as swell, too. Get this famous laxative today and discover the welcome benefits it can giva you and your family. Ask for genuine FEEN-A-MINT at your druggist s. a^^B^^aj*^8^^ asaa^  i I Hnon  I</t>
  </si>
  <si>
    <t>                                           Arrange Special Program                 Head of the  events  and of the department of fraternal organizations. Major R. R- Jackson, former alderman; i* shown here arranging for special day* and program* at theAmerican Ncfro Exposition in the Chicago CoIUeum from July 4  Sptember 2. With him U      Eliiabeth C Williams, lus secretary. Major Jackson plan* to have special day* for each  tate and, organization one of the  features of the event.</t>
  </si>
  <si>
    <t>                                           Sunday night marked the close of the greatest revival in the history of Lilly Hill Second Baptist Church. Four services were held Sunday and a record breaking crowd attended throughout the day. Sunrise baptismal services administered to thirty-six...</t>
  </si>
  <si>
    <t>                                           MessageOf Hope Heard At /Lit.                 53 Master's Degrees Awarded Monday Morning                 Hope lor the future i?as brought to  graduates of Atlanta University today (June 3) by President James Edward Shepard vt the Norm Carolina College lor Negroes, at exercises marking the 7Lst commencement of this Institution. The 53 young men and women receiving                 their master'* '. were told they have a tremendous task confronting them, but also a  opportunity of remaking a  of laying down a nsw .. "The educated man mist  himself to times like t nese ami not be ," Dr. Shopurd   I4. Referring to a bit of wisdom spoken by Margaret Mitchell's character Grandma Fontaine In "Gone With the Wind." he said. "Bend with the wind- dona let life break youi spirit. Aftrr your trials and disappointments and discouragements, spring bade again like buckwheat! Don't let the  that cani be helped flatten you. Bide youi time. Have patience. After the j storm straighten up and go for- I ward." NEED FOR VISION CITED I The need for vision was the keynote sounded by the speaker. "In the midst of this great war," j he declared to his listeners, "pco- j pie are wondering about the future, i find there Is now need for greater vision than ever before. Regardless of who wire the war there will have to be new readjustments, new visions, and new leadership." Pacifism which presents neutrality a: pious inaction and Its own kingdom God was denounced by Or. Shcpard us just another form of self righteousness. The peace ~'c dream of must come not from pacifism but from the establish, ment of common government. It our democracy' dies, he . it will not be at the hand of Bitler. but from the undernourishment we have   it. Lack of vision is responsible lot the peril of our Institution,, hp warned he audience, because *c have taken them so lightly and nourished them so poorly. Speaking specifically to the Brad, noting class., he stated, "Tour Institutions should Inspire you to * visions. The history of each presi. dent exemplifies an that I  said- those 'Who have founded it and those who have carried on." Dr. ShepuBd referred to the late President Hope as a man of great vision whs laid toe foundation ot expansion that aas a tribute to his vision. Sis organizing ability, and bis leadership. Complimenting the present head of  Atlanta University system, he said that UiC mantle left by Or. Hope couldn't have fallen on more worthy shoulders. EXERCISES BEGIN AT 10:30 The  exercises were opened at 10:30 o clock with Uxc procession of the candidates for degrees, the faculty, acd the        #*bed platform guests. 13k (Continued on Ps*a 6, CoL 3)                 Message Of (Continued from      1) audience joined in  the  "Our Gcd, our Help in Ages East,' after  prayer was c:lared by -Bishop William AifrcS Fountain of the Sixth Episcopal EUtrtct of. the African Methods Episcopal church. Music was  by uit Atlanta Morehouse Spelnuui , which sang  mo selections, ^.- (from Mount oj OUvecs), and "Still, Still with Thee" by Arthur Footc; and by Uic Morehouse College Quartet, v. contribution, was a group of spirituals. Benediction     pronounced by Rtverrnd Mkhcal Luther Kins, of the Ebcnczer Baptist Church. Toe speaker was int;~ b7 President Ruius E. Cl^ oi Atlanta University. In addition to rimed  Irom Shaw University, he has been awarded Uonotary  by Muskingum College. Sclnia University, and Howard Univcrstt.7. One of the  distinguished educators in North Carolina, he was referred to bj President Clement as representing all of the finest in the North Carolina traditions. 5S GET DEGREES TJiirty- received the  of master of arts: Daky A. Adams. Beaumont, Tf.xas; Alvin V. Battle. Tyler, Ttras; Mark Birchette. Aifieviy;?. North Carolina; Cjle:: C. Boonc. Lousl\ille. Ky.: Leander L. Boykin. Bay Mincttc. Alabama: Julia Mac        . Charleston. South Carolina;      i H. Bro*Aii. Allania: J. Witeoaia Butler. Elizafccla City. North Caroi Una: Lslia Eugenia Chisholm, St. 1 Louis. Mii'x uri; Cleveland A. Clirttophc. E\-. Illinois: Julian E. Da\is, Greensboro. North Carolina: Benjamin L. Dent. Augusta. Georsia: Elaine E. Douglas. Memphis, Tennessee: Walter M. Ediols. Buffalo. Kcw York. Saramyc Louise Fuller. Atlanta;. Sydney Goodcn, New Albany, Mississippi; Ophelia Sharpc Grand".\ ,Orc3, Nortel Caroline; Leroy H M.    -ncs. Chicago. THincis: Hannah Mebanc Hood. Sar. Actonio. Texas: Florrie F Jackson. Atlanta: "William Jones. Jacksonville. Florida; Henrietta Shivery Long. Atlanta: George Elmer Mason, Springfield. Illinois; Rheablc Mae McKinney. Little Rock, "Arkanses: Sophia P. Nelson.                 burgh, Penr.: Eula S. Pat- j ly. Scotfandville. Louisiana. Ei: Hamilton Pierro. Oklahoma Marvin Oda^omu: Kauhcrinc Manir Racland. Atlantu; Oforgc I. Read Jr.. FrcCnold. Ncu- Jersey; Hera;. Cay Rsdmond. Grctti  Si?rin^, Florida: Bernard Fred- I irl.k Kjbinson. RockloKL Illinois: j Boofeer T. Scruggs. ChattaiiOoea. Teuntssce: Marian M. SpeighlMemphis. Tennessee: Jcaacitc F. Eprucl'y. N;'-v Bern. Ncnii Caiolina: Claudia-- A. Turner. Atlanta: J^Jjphtae Hcr.~ Woslungton. Frcdericton. Ncn- Brunswick: Olga Louise Williams. Atlanta: Juanlia V. Williamson. Memphis. Teunessec; Isaiah A \Vood"~."ard, Wasiiir.pon. D C i Tiic eight  ihc  of master of science : Luthci K?nrj' Donier, Attuita: Eugenia V. Dunn. LuUi^ville. Kentuckj-. j Jomes Bertram        . Atlanta: Isaac L Hint's. LouisvUlc, Ken- tucky; AUonao P. Johnson. Sar Antonio. Texas: Oarencc E. Overs. Atlanta: William A Sam- uel. Jr.. Atlanta: ;(nd Marion E j Zcaly. Binningham. Alabama Seven were awarded the degree or m: of social  nork: Calvin W. Beckett of Chicaso. Illinois; Don R Bon?part. Chicago,                 : Lcona B. Cain. Atlanta; Eivlc I M. Crer.hr.iv. Atlanta: Thelma Gorham. Atlanta; Mrs. Maudle Bell Hill. Atlanta; Lurenia D. Wytm, Atlanta.</t>
  </si>
  <si>
    <t>                                           Hope for the future was brought to the graduates of Atlanta University today (June 3) by President James Edward Shepard of the North Carolina College for Negroes, at exercises marking the 71st commencement of this institution. The 53 young men and women receiving...</t>
  </si>
  <si>
    <t>                                           Bailey Theatres 81--"THE MAN FROM DEKOTA" and "THE FLYING DEUCES" Also: "Kit Carson" i ROYAL I "OF MICE AND MEN" with Borcess Meredith Lob Chancy. Jr. Also: 'The Phantom Creeps' ASHBY MICKEY ROONEY in "YOUNG TOM EDISON" Also "KIT CARSON" LINCOLN VAUDEVILLE On the    *~" AUo: "MUsinK   '  "~"</t>
  </si>
  <si>
    <t>                                           GA. BIRTHS MR.      MRS.         CORNELIA. Ga- Mr. and Mrs. Walter Render are the proud parents of a line daughter. Mrs. Render is the           of Mr. and I Mrs. Oscar Wise. MR. AXP MRS. LAN* WEST . Ga. Born to Mr. and Mrs. Kobert Lane on July 25. i 1940. a line daughter, she has been I c'.vcn the name of Marian Lane. I }1R      MRS.  j "WEST     5T. Ga. A baby girl  was. born to Mr. and Mrs. Lure Lane on August, 3. 1M0. I</t>
  </si>
  <si>
    <t>                                           Wnevsr Uri people with halitosis"     * .   T^^/ j In  life, just as in the socia.' world, halitosis (bed breath)-  s- j quealy due to   in the mouth- is  the worst of faults. Employes, with so many to  6om these daj-s, csn t be - !. Why risk your job, or your        of gating a job? There is a quick, easy: pleasant way cf protecting ^. Just gar^t regularly with Ijsttcst, the safs antiseptic I. TM: Araiseptic hils this  2 , said by sose ^              ef  .  Aeaavtxcnxs tise odors themselves. Almost instantly your breath becomes sweeter and more agreeable. If you value your job, get in the habit of using  Antiseptic morning  no v$it,  before fill important Cooqatcy, St. Louis, Ma.  ^HALITOSIS nun)</t>
  </si>
  <si>
    <t>                                           GA. BIRTHS MR. AND MRS. E. X. TOWNS'' . Ga.- Mr. and Mrs. E. T. Towns are .the proud parents Of a. baby girl named Georgia Lue. MB. AND MRS. WATSON ROCKMART. Ga.- Mr. and Mrs. Forest 'Watson are tnc proud parents of    line daughter. Mother and child are doing nicely.</t>
  </si>
  <si>
    <t>                                           NATCHITOCHES, La.--Folks from around and even farther come to visit Eartes Washington, FSA colored farmer, who is getting the pace for his race in Natchitoches Parish in the rehabilitation program.</t>
  </si>
  <si>
    <t>                                           Here's What They Want For Graduation, And We Have It, At Popular Prices!! -I Birthstone Rings 2.95 up Emerson Radios 7.95 up Gent's Initial Rings 4.95 up j Candid Camera-Special- 2.95 i Pen and Pencil Seta (Parker and Sheaf fer) 2.95 up Tie Sets Key Chains j -Belt Buckles, etc. 1.00 SPECIAL- Ladies' Solid Gold I Diamond Ring 4.95 Have a Complete Line  f i I.UKjruijt1 Marital Insiruments } and N'ali  nall\ Arfverlisetl Jewelrv i i  AMERICAN MOS  AMkASSA0        ^~ CUfK*  7J.~~)~ 21 JmwtU ''i Standard Jewelry Luggage Company 6 DECATUR ST, at FIVE POINTS pg This ad good for a down payment on any purchase. $1.00 on a $10.00 purchase. $2.00 on $20.00 pur- chase. $3.00 on $30.00 purchase, etc. 'V</t>
  </si>
  <si>
    <t>                                           More than 5,000 parents, childern and visitors were on hand Thursday. August 22nd, to witness the annual Playground Festival at Lincoln Park. located on Jefferson Davis Highway. A crowded schadule of activities kept judges, playground directors, and participants...</t>
  </si>
  <si>
    <t>                                           CAPITOL NOW SHOWING "MYSTERY SEA RAIDER" with an All Star      Bailey Theatres 81--j "DR. CYCLOPS"* i and "ESPIONAGE " j Al.o "GREEN HORNET" i ROYAL BORIS KARLOFF BELA LUGOSI in "BLACK            "THE SHADOW" ASHBY "VIGIL IN THE NIGHT" with CAROLE LOMBARD j BRIAN AHERNE LINCOLN "ISLE of DESTINY** with WILLIAM GARGAN Also 2 Other Pictures</t>
  </si>
  <si>
    <t>                                           Dr.C.A.Constantine DENTIST 88 Peaditr*~ *=~ Timnr at Aitmni CAPITOL NOW SHOWING "3 CHEERS FOR THE IRISH" Bailey Theatres 81--i - CREEPERS" I' and "JAMAICA INN" i I Also "The Green Hornet- ROYAL WALLACE BEERY in TWENTY-MIT^; TEAM" Also "The Shadow" i ASHBY " RIDES AGAIN" I with Junes Stfcw'ort j TZarlcnc Dietrich i LINCOLN i "CHARME CHAN IN THE j CITY OF DARKNESSAlso Two Other Pictures {?^- ^W LUSTER-TOAM       y^.l^~~l TEETH THE /AOSTmB tZ CM MARVELOUS LUSTER B     =?^^AIID SPARKLE. J Reaches decay-ridden "Blind Spots" that ordinary pastes, powders  water nay not enter tooth     SOU ever "ward of. -2 Anc^bru.-Oi . ibe    W form-ilt L/-^    ^'* Tooth" "Pa^tc. sup^rrh^ncr J nir:i ^ns  , it     .-      si.        into an          -; "bubo!** " - *^ our BloU tl          Hfo. So 'J*n:          ^^"~ intu  nd dea^." ;ianc^r   7                den*     ' ns\ cr    % t; rx^. c*lcii"s  ntf polishes       'vb'.T" soi-s expert*  jv    to ?SC. or      stirr.,.    th-. bis 2Sc tubo. or bft-rr stIH.            *--   ' KV tub-*   than ir- of toot^i    *~*. At any dru^ coup *~r.JL-~.Ph:         Co.. St. Loui^.Mo IHI NEW  LISTERINE TOOTH PASTE</t>
  </si>
  <si>
    <t>                                           Theatrical Organizer                 ISAAC BARTLETT Organizer of the musician* and performer' of Memphis. The P*      club rooms of the organization are a  how place of Beale Street "Where the Blue*      ." 8* U dancing  aad , wbo has trained, produced and presented *    of the greatest shows in the.  aid-South. He is Memphis' leading showman and may be met generally at the Palace Theatre where he is proprietor of the  concession at the popular play boo**.</t>
  </si>
  <si>
    <t>                                           f' EDITORIALS</t>
  </si>
  <si>
    <t>                                           BAPTIST GROUP TO ENTER NEW CHURCH                 Bv KEV. TASCHEREAU ARNOLD                 Hundreds of people are expected to gather at old Antloch Baptist Church. North, the Rev. T. H. Ceorse. -r. Sunday at 11 a. m.. to see the congregation as It marches to the now Religious edifice located at the- comer of Kennedy and Lambeit streets.                 The Booker T. Washington High School Band will lead the proces- j Elon :rom the old site to the new location made possible when the city housing project purchased tiiu old church house. The band will Sje under the perrons!  of E A. Starling. In the afternoon. the services will feature a senr.or. to be deliver- ed by Morgan BlaSe. of the Atlanta I Journal editorial staff and widely 1 known Sunday School teacher, who is heard on Sunday mornings from the Tabernacle Baptist Church. white, over radio Station WSB The devotions will be in charge ol Woodward. and First Baptist churches. Sunday momir.g. the pastor will i  the initial sermon in the new . while Deacon Eddie                 burn will lead the devotional sen-- 1 ices. At the night services. Rev. C. L. Gideons will be the feature j speaker. j From reports, the affair will be one of '-he ir.ast colorful ever staged in the city. The edifice is built on the  plar.s and i.j considered to be very attractive. Tne opening services ^or:tinue nightly  next   a-ith various pastors and churches j appearing on the program. Musis- ters slated to appear on the pro- j gram are: Revs J. E. McClaln. j Wm. Bivens. W. W. Weather- j spool. A. L. Humphrey. B. J. John- i .son. Taschereau Arnold. W M. Jackson, and Wra. Phillip. The celebration will come to a rousing close Sunday. August 11.  Revs. A. L. Thomas and Y. L. Davenport delivering xiie final messages. Deacon Eddie Oliver is clerk of the church. The public is cordially invited to attend the series of events.</t>
  </si>
  <si>
    <t>                                           Hundreds of people are expected to gather at old Antioch Baptist Church, North, the Rev. T. H. George, minister, Sunday at 11 a m., to see the congregation as it marches to the new Religious edifice located at the center of Kennedy and Lambert streets.</t>
  </si>
  <si>
    <t>                                           Get Joyful Relief From BACKACHE  BT  HONm Stop Getting Up Nights And Feel Healthier Here's one good way to flush excess waste from the kidneys anJ relieve bladder Irritation that often cause* scanty, burning and smarting passage. Ask your druggist for a 35 ceo Sox of Gold Medal *~TVinn Ofl : a splendid safe aa* harmless  and stimulant     weak kidneys and irritated bladder -  v Blxhta,  am*~  of  *      b*        **, puny     . and m . Bat aur* to ~*t aou nut-iri  * m^* for waak        .   't  a. .</t>
  </si>
  <si>
    <t>                                           Gibraltar Bombed By French Bombers                 Top. the Rock of Gibraltar left; below,  cent in town; right, below, looking toward Africa, i Here U Gibraltar, Britain", mighty - I tion at the entrance to the Mediterranean in. i                 Cibraltar now is under attack of French planes    retaliation for British and "Free French' attacks on Di'lur, French West Africa. The "Rock" it well fortified and has been under attack by 1U1- ian planes.</t>
  </si>
  <si>
    <t>                                           Fans' Gift to Freddy                 Fred Kitztfimmons, popular Brooklyn          pitcher, js about to rv into the aui  ^ix- denied him  contributions raised in pc*:OK.-S, nickles und dimes from the F:i/^         I'm;.- Tl;c car was presented at u nif:ht ic^mc- in XirooI.Iyn.                 IP</t>
  </si>
  <si>
    <t>                                           Committee Agrees On Draft Bill                 Owen Young Raps Race Discrimination                 WASHINGTON.  SNS) Tne United S'-ates early next week will begin consideration or the first peacetime conscription bill in American Wstory. the bill wai completed by the Senate Military Committee Friday.                 According to Chairman Shep- pard. Democrat of Texas, the com- j m:ttee will vote officially on the legislation Tuesday . He predicted there would be no dissenting votes Among sections approved In the bill are the office ol "director ol selective service" to handle details of the vast proposal for  all men between 18 and 63 years inclusive and training part cf them. His salary would    510.000 a year. Penalties of Jive years In prison and SiO.000 in fines lor "draft dodgers" or  convicted of aiding teem are provided. Language -was also agreed upon for a section designed to -retain jobs for the thousands of conscripts Crafted for military training, by making it an -unfair labor practice" lor any employer engaged in interstate commerce to fail to  a ..^conscripted. macu who has completed his training. Machinery of the national labor relations board u-ould ue used. The matter of race discrimination or "any tendency to select disproportionately from the unemployed" was hit by Owen D. Young, industrialist, speaking before the House Military Committee. He warned that such acts should be i scrupulously avoided. Mayor LaGuardia. or New YorK, pleaded for compulsory military training as "the only means ol keeping us out of Trar.T Norman Thomas. Socialist leader, attacked the proposed act as '"the basic principle of</t>
  </si>
  <si>
    <t>                                           WASHINGTON, (SNS)--The United States early next week will begin consideration of the first peacetime conscription bill in American history. The bill was completed by the Senate Military Committee Friday.</t>
  </si>
  <si>
    <t>                                           CANTON, Miss-- Miss Myrtle O'Leary is convalescing nicely after undergoing an operation recently at the Sons and Daughters Hospital in Yazoo City where she was studying to be a nurse. Rev. Roby S. Harris conducted a very successful revival last week for...</t>
  </si>
  <si>
    <t>                                           The Junior League Summer season will come to a close with today's games, which is to be played at 3 o'clock. Tournament play will begin Thursday of this week. The drawing will take place Wednesday afternoon. The League Big Five downed the League Hams in...</t>
  </si>
  <si>
    <t>                                           In 1932, the federal government, under the PWA, set made several million dollars for the purpose of recreation throughout the country Julian Robinson was named supervisor of Negro parks and playgrounds here. A total of 60 workers was placed in various...</t>
  </si>
  <si>
    <t>                                           Mrs. Maude Dumas Taken By Death                 . Ind. )- Mrs. Maude Dumas. 45. 3225 Edge moat avenue pawed stray last Frl"lay evening: at her borne alter a ' Illness. Mrs. Dumas  as a   "  -  f ijl nois. She had lived in t ni= c;tr for   years and   ^~.= :-  '-zor of  Temple Chur-'-.     'r-~: -~ervices  heM "P:~~~r-- rT"-~v. noon at Christ Te^nir v.-:th    . Hobert p. Tobln offici=tir?. Mrs. Dumas is survived by 'a--: husband. George Dumas, thro sans. Robert. William of IndianapcUs and Cordon of Cleveland: liVi. daughters OMiela. Janie. Anna Helen and Alice, all ol Indlanaoolis. her mother. Mrs. Annie Pinch. two brothers. Harrison Finch of IndianapoUs and Ritaard Finch of Chicago.</t>
  </si>
  <si>
    <t>                                           ACWORTH, Ga.--Rev. Franklin of Atlanta, preached two sermon at Zion Hill Baptist Church, Sunday. The Young Men's Industrial day. Mrs. Lizzie Gragg and grand-Club met at the parsonage Tuesson, little Howard Jr., of Marietta, were guests of Mr. and...</t>
  </si>
  <si>
    <t>                                           WINGS OVER JORDAN j C/7Y AUDITORIUM I Monday, JULY 29 815 P.M. I Tickets $1.00 75c 50e 33c I  BY Atlanta Citizesss Committee I REV. B. R. HOLMES, CT'fft'Tnnn I</t>
  </si>
  <si>
    <t>                                           ? DISAPPOINTS COUPLE FOURTH TIME                 KINSTON. N. C.        Mr. and Mrs. Harry Edmunds, devout couple here were the parents oi three children, all girls. From the time their first child was expected they had yearned tor a boy. but each baby proved to    of the j ' gendre. 'When a fourth child was expected. Edmunds and his wife prayed fervently that ii would be a boy. Twins arrived last week.. both girls. "TAB VICTIM  NAMES HER ATTACKER  Wlien. Miss Annie May Merron 21. of 94 1-J Ybua* street. S. EU hesitated to tell who stabbed her In several places on July 21. city police ordered her tried for drunk and disorderly conduct. She was Slven. a fine of *7 or tlie alternative of ten days to Jail. Held to the city prison. Tuesday, she decided to name the   ""~-^t as Miss Velma Walker, or a Boulevard street address.</t>
  </si>
  <si>
    <t>                                           MITCHELL PLEDGES RACE SUPPORT TO DEifOl                 Says 8 Out Of Every 10 Negroes Will Vote For RoosevetM                 Benefits Cited                 Say* "No Fifth '.'^f' Columnists Among. Nation's Negroes'* ,'-i                 Staff Correspondence                 CHICAGO^ ;Hh- (SNS) -4: Pledging-that 'loyal Ne  f would  a deaf ear to  who would decry the benefit the race has; derived .from President Roosevelt's New: Deal, Congressman Arthur W. Mitchell, (Dem; m.):                    ringing speech before the Na^  Democratic Convention here Tuesday pledged that 'eight out of every ten Negro votes cost in ;November wiil.be for the New Deal." Congressman Mitchell was ins principal speaker at the Tuesday morning' session of the convention which gor underway here Monday. He was introduced by Speaker .William B.Bankhead of Alabama, who  out that his had been the pleasure of knowing two. Negro Congressmen while member of the House of Representatives and both were natives of Alabama. Mr. Mitchell's. stirring address vaE preceded by. the .opening, prayer delivered by Bishop, Reverdy-R. Ransom of the African Methodist Church.  is a r delegate'-." from Ohi0- -iv:: RECAtL.1936 PRAYER Bishop Ransom's prayer recalled the stir created in; the 1 1936 .'convention at Philadelphia TheiTSena^ tor "Cotton Ed" Smith, of Souta Carolina, became Irked when. -the _R*v..Marshall;...A,....Shepj)arci;.::-i'~  Negro legislator, was call- ed upon "to pray.- "Cotton Ed" -on that occasion  stomped out of the convention hall as Dr. Sheppard prayed.  v Congressman Mitcheli's address was repeatedly interrupted, by loud and prolonged applause, from. enthusiastic hearers. Recalling; the Negro's long record of service to America, the congressman pointed out that the first Negro settlers reached Jamestown in 1607. "Since that time,"1 the represen- tative said, "Negroes, whites have Joined hands to build this country into a great and wealthy nation that it is today. We take pride In the fact," he added, "that, we grew^ up with the country and -we are constrained to cali this. bur "GET EN  ^E "The Negro," ha assorted' in a  voice, "has played his part whenever called upon. He 'h*s played his part in every battle In which America has figured from Bunker Hiii to Fiander's Field and we have yet to tow to a foreign' foe.'.' A great  resounded thru' the vast convention hail when the congressman after pointing out the;' necessity of the two races working "harmoniously together" to meet the crisis that now faces America, shouted, There are no filth columnists among Negroes." Reciting the benefits Negroes as a whole have derived from thd Democratic administration- during the past seven years, the speaker soundly rapped Negroes now In *ntf employ of the Republican party as "paid propagandists who are spread- ing false stories in an effort to fool my, people." NEW DAY DAWNS i/ He declared that a new "day ol." hope". had        for the Negro" under President. Roosevelt admin- v istration.- "Racial Injustices and antagonisms are disappearing a$ nev-.v er before," he declared, recalling how it was a congressman, from. Alabama who got 'to the- floor In' the House last week to point out thst there had been no.  during the first six * ol. 1 W. (Coatiaued oa Pago' S;. Col. 7)-"                 Benefits To Race (Continued from Page 1) (The NAACP takes  to Ibis claim released by Dr. F. I). Patterson of Tuskctfee Institute, claiming that their records show four Ivnchings during this pi riod.) Negroes. Congressman Mitchell pointed out. have not only shared  to a larger measure in appointments to higher positions in tho federal government, but the present  had done more toward the uplift, of the common people of ihe race than had any previous administration in the history of the country. AIDED BY WPA Negroes, he revealed, have been received more than fifteen millions of dollars monthly through the WPA. 300.000 are employed on WPA projects, comprising 15 per cent, of all WPA workers. More  eight millions have been expended by the WPA on the improvement of Negro colleges and high schools throughout the nation, exclusive or the $3,500,000 spent at Howard University in Washington. Several millions have been expended to improve health facilities for Negroes resulting In the addition of 7,242 new hospital beds for the race and an extensive program in the field of recreation has been carried out. The 30.000 Negroes In the CCC, he disclosed, have been sending home an average of $700,000 monthly or nine millions annually, while 78.000 young people hove ] greatly benefited by the National Youth Administration. GIVEN BETTER HOMES Slum clearance projects in practically every stale where there is a large Negro population have done much to furnish Negro citizens more inviting living quarters, while under other agencies of the government hundreds of farms and city residences have been saved through long-term loans secured at low interest rates. "Let us continue," Mr. Mitchell pleaded In conclusion," to give to the country the best that you have and the best will be returned to you."</t>
  </si>
  <si>
    <t>                                           CHICAGO, III--(SNS)-- Pledging that "loyal Negroes" would turn a deaf ear to those who would decry the benefit the race has derived from President Roosevelt's New Deal. Congressman Arthur W. Mitchell, (Dern, III.) in a...</t>
  </si>
  <si>
    <t>                                           This evening and tomorrow night at 8:30 o'clock Atlantans will have chance to set two native Gale City boys in action in the two-game series between the Baltimore Elite Grants and the New York Black Yankees.</t>
  </si>
  <si>
    <t>                                           HOTEL MACK J3O TotsHit Tramienl Rooms. H up. B48 Before! FV, N. EVe. 8921. AtUnLa,   .     !%)9TS5*? *d 0'       lack ^^?^'ai^$ fi'^-.        w FREE  CO. vti  Avr.. Ntw YOgr^M^J^. SOc GIRLS To try; NIX." 5  NEW Djytomul Cw.rn. FREE If not ^J. NIX -WPJ :  ill           . NIX It  lo protect your  Jrom                   na :~irone. na\t ?       .     NIX  at lOe . Lartr.        10b.' Eitr-a .Urf.JT* ^~~r</t>
  </si>
  <si>
    <t>                                           BEAUTICIANS MAKE MORE 'MOnTeV yOUR .il In tit* if ni% upon your em You hav*         1 to    . m : Imag, u hart it your opportune,.     * * of it Tti*  for APEX   U  jr.il.r Hun     . A  pou tMB          (;ts you. Enltr cImi at any tima. Claim ,  taj . Aft^       :''*'  yow  i* --i--:.-    IIJ-..e,^~.[,~)llI,,w,~l Atlaiiu:, Ga. Auburn Ave. and Butkr St. (Herndon Bldir)</t>
  </si>
  <si>
    <t>                                           "PERIOD" HATS DESIGNED BY AMERICAN MILLINERS                 l.iniki IVirm-ll models four nr\v fall tui1                  Due to the war in Kur.ipe. Am.-ni-nn milliners are coming Into their own anil designing the hats which Mrs. and Miss Anicn.a ale wearing this season. Many of them have  periods in American history as style  for their creations Linda Darnell is pictured above .n- four of Sally Victors   arc  after Mormon types of headgear. Top ~.-ft is a boi-i- fell with black broa.Moth fan:i=  block -ro'^Riain band. Lower right is another masculine version                 of the same period, a gray  foil with broa.;  ribbon band and sold paper clips at back Reminiscent of the lady Mormons are two oilier hats, top right a black broadcloth bonnet trimmed with Indian feathers or red.  and yellow with black streamers to lie under the chin. The last model is also of black broadcloth trimmed with both (lowers and leathers at the trial and  streamers which tie under the chin All  models are worn ofl-the-face</t>
  </si>
  <si>
    <t>                                           "Tex can't be serious," said Hugh.</t>
  </si>
  <si>
    <t>                                           THE ELKS of Atlanta are striving hard to raise funds to carry the Booker T. Washington High School band to St. Louis Missouri, to their Grand Lodge, and the band itself is worthy of Atlanta's support in the undertaking.</t>
  </si>
  <si>
    <t>                                           Louisiana College Heads Retain Posts                 BATON , La CANTO- Residents of the two state Negro colleges in X*. thr Xjoulsiana Normal and Southern university, were retained In acting positions for the year as the new Sa. Jones administration let * ^y fan on. ^^^-^^TT^^^ti office T^tt^ders In the education department last -creek. It Is reported that some ol tha new members    the state board wanted to - chances In the several Institutions, white as well ai Negro. Sorneol the ol  expressed the view that it was not too late to make changes in the institutions, and it was divided to retain the presidents In their actins capacities was made as a compromise with an  agreeing. Dr. Feltoa Oar*: !s president el Southern and R. W. s. Jones Is                 bead of Normal. Dr. Clark succeeded bis f ather. Dr. J. S. dark. A. C. Lewis, state agent lor Negro schools: C. U. Barrow.  superintendent and  assistant agent Negro schools, all white, and other beads who had Jurlsdletton over  phases- of Negro work recently resigned. It was Lewis who recommended to Parish, superintendents, supervisors, principals, and ia many cases. Negro teachers for positions.</t>
  </si>
  <si>
    <t>                                           ^SOMETIMES AM A UHHfM? I a AUCA-5 HEIP$ IP I I A GOOD ; a      W food that     Ml that  Uka ua-af aaaaaa i should -tot coed     * but aW waT i Stat  rf a 4an-t  M* aa a    ^nn.ny     _JSJ  ,          ^~oMr Mai^j ach. Ou Stomaak VJM*) that   a     I Try Alka-Sataxat tea, tat       aaha. MBsadar -. "KaolBg j Afta*" and Mmmlii . Alka-Satocr  aa,  i sadc                   which acu       aau*~ tt U   aa4 %"  m*m m   It. Ji2           alaa Tir**T**- i^* baBar nlu which maka Aa  of Hs         ^   4          *             tt a5  up it* action. CM Alka-Saluar at yma   ator** in Kr***^y #M   dr -.^-^^Ba^SaB</t>
  </si>
  <si>
    <t>                                           WANTED 3OO GIRLS To try 2CIX. ths  NEW Deodorant Cream, free If not . NIX             : end* Hi underarm odor. XIX to GUAJtANTBlSD to protect your        from underarm  and . * odors. A jar ot XIX lust* . used by thousand*.     NTX today *t 10c . Larcc          10c. Extra. Urgr jar Sc  store-. KtX Bleach Cmm if Ui* omm v ~"                          .                .UVim watch. ~**  . or mM i BSmS^^^^^sSI . ,     *rn ~^CSSBMMRSdBlHK *  .-S*i.     - 1    acru- wp% *"~~^K^B9W     . PKCCof ~-xtm coat, with nv^Mnu. ^ECJfigji        ord^rrd now. SrndK^^MiKS  with -  M.Mf VMyK^^^^^W    ...91.10 vrh^ isV^^^^Ki      *rwd ubP on*         pay bal- Wk^SI       1^0.         .t*             *~      *Mt. KL39 yuu. pay *           for u-rin WKtch     or . ^iat a*nd     *.         and rin* Do You U*      Niojib? AA ILLIONSdo. Th.* it la, yoa never  when sleepless *    f^r^^^  Why not  OR. MILES Bf..rvm. TabUts bdp to  the nerve* and permit refreshing sleep. Stop hx  t the drug stot*       and set a. *. Try rh-.TCTes Nervin* Tablet* for-              ,           .,     to. JTctoowmhsi JVcroouc HcadacTic^ gw^fn- , Persons         ^. I lep Sadatcs fPi3 WANTED 3OO GIRLS To try 2CIX. ths  NEW Deodorant Cream, free If not . NIX             : end* Hi underarm odor. XIX to GUAJtANTBlSD to protect your        from underarm  and . * odors. A jar ot XIX lust* . used by thousand*.     NTX today *t 10c . Larcc          10c. Extra. Urgr jar Sc  store-. KtX Bleach Cmm if Ui* omm v ~"                          .                .UVim watch. ~**  . or mM i BSmS^^^^^sSI . ,     *rn ~^CSSBMMRSdBlHK *  .-S*i.     - 1    acru- wp% *"~~^K^B9W     . PKCCof ~-xtm coat, with nv^Mnu. ^ECJfigji        ord^rrd now. SrndK^^MiKS  with -  M.Mf VMyK^^^^^W    ...91.10 vrh^ isV^^^^Ki      *rwd ubP on*         pay bal- Wk^SI       1^0.         .t*             *~      *Mt. KL39 yuu. pay *           for u-rin WKtch     or . ^iat a*nd     *.         and rin* Do You U*      Niojib? AA ILLIONSdo. Th.* it la, yoa never  when sleepless *    f^r^^^  Why not  OR. MILES Bf..rvm. TabUts bdp to  the nerve* and permit refreshing sleep. Stop hx  t the drug stot*       and set a. *. Try rh-.TCTes Nervin* Tablet* for-              ,           .,     to. JTctoowmhsi JVcroouc HcadacTic^ gw^fn- , Persons         ^. I lep Sadatcs fPi3</t>
  </si>
  <si>
    <t>                                           THOMASTON, Ga.--Mrs. Ethel Spinery is in Cleveland visiting her sister, Mrs. Lela Townsend Miss Juliet Dickerson has returned here after spending several days in Atlanta visiting relatives</t>
  </si>
  <si>
    <t>                                           HOTEL MACK ;JO ToarUt Transit Rooms $1 up. 548 Bedford PI. N. E. VE. 8921. "Atlanta, Ca. SEX APPEAL? Th* TtlT Face It the .       . lighter, more .  ort -. mnd  ail for Whltt'i Speciric      Cmm (much). "    Fair Skin Cream." Sea I I the Oltttrm* It makes. 7 jl. SSc at  or direct Vio  7 mall on receipt or pries 15! E . White's Specific K I N IMtet CoT N'uhv . Tenn. Cttom 1h White's Specinc Complexlon Soap. ^Sc. with 1WII11 1,1[~?/   ^~</t>
  </si>
  <si>
    <t>                                           TIM TYLER By Lynmn Young                 FELIX, THE CAT By Sullivan                 By Cy HungerforcJ                 JT S A GREAT LIFE IF YOU DON'T WEAKEN By Jack Rabbit                 DOROTHY DARNIT By chas. McManu*                 HAIRBREADTH HARRY</t>
  </si>
  <si>
    <t>                                           7 GOLDEN-GLO ~^/~  \ I BEAUTY ESSENTIALS H Tljil  P-^M MAILED DIRECT TO YOU JjT*^ I ^^^Sfl lwr^Unu *ni  ""tT tut al .2 ^^^^^^^B        *oir  a YoiTiSf Slop.    .U.            *~   *^ '^L H .  C^^-^__ ^^H       W.      (  U tkt         la f^^tea I f^afiS HERE IS WHAT YOU GET- All FULL S1ZB ^^-=   -^^^^^          f^**5J.llll-1  I^^B^S*^ I VaalakUx Crwa 'iZ E^^9R I    4 r   - ..*~J ^B^^^ 1 J Llvatlck 3 UjgM           .."""'SI I ^VTiCT      ^a   # I ^         hat  T      COSM=TIC8 Cor  alr tH Kyi mum 1 /wil Jino n* r -.^SJM ^SLO PBOOUCn. Im. I I   ^SH 1M CW Wrart.     T*ik. N. T. k_^ LaV^^H B*nd fw C H-'CU               f B7^SSSS# V a* CiK'-oi* . wm ~^   ^ tr fin..', ^H VH^^BlB w         plw . ulu  II. ^^~^^J^^^^^B'S      e4w               kU  far ; 944^ ^B^1^^^^^^ Mum ;^lr ^^B ( ^^B</t>
  </si>
  <si>
    <t>                                           I ft     ealy ens   *~l H ft  to a cup el tilted H U flour lor mat*  [iff   POWDER ff H Same price today fl n as 48 years ago II \V 25      *~r254 if j II Mum(      W WlMf M^tr fl ll ~^*.i^'y-**dJ*t-^*' If</t>
  </si>
  <si>
    <t>                                           All friends of Carne Banks Memorial Board are invited to meet with the Board Sunday at 4 p.m. at the residence of Mrs. W. A. Fountain 242 ... to a Talent Rally, A good program is being planned for the enjoyment of those Who attend. Mr:, S. W. Creddell...</t>
  </si>
  <si>
    <t>                                           to enjoy^^^^^^ Sfe? Tonight and every Meaday WSB 7 F ML M. B. C   V M*    * JoaMS Malteii, Taner ^f Arontia WfcH*, Soprano     ~~^B *    3   ?   W! U9Q9 U Q  ?      S6H!?SLgBa!g JH9  GRSMdRT</t>
  </si>
  <si>
    <t>                                           Gets Important Y Post                 -Nn, .Indis.Jfash. K(Mfc.ot .Cincinnati haj been appointed .group ~.~ secretary at the Monlclalr, N. J., YWCA and Is scheduled to leave .for her new post on September 1. Mrs. Ross, and her husband Kfrmlt Kosa, civil engineer, recently returned from a vacation In Detroit where she was the guest of Mme. Vivian Smith Nash, founder and  of the Bee-Dew Products, Inc., a cosmetic manufacturing establishment. i</t>
  </si>
  <si>
    <t>                                           No Job, Man Constructs Train Model                 By MARIOS' E. JACKSON"                 MASON CITY. Ala..-      - A rr.ode; tri^; complete in every ce- tail ar.d -a or. the plan of the present cay engine Is the result of the creative ability of J=ct Lewu.                 L'cempioyec several months since '-he c!osir.jf of a auU near H^er.ri. Ala.. Mr. Lea-is received his inspiration to copy a train !n d?tail Iron: a .s L and N en;ina that_ passed his  City .-.c.c . Starsir.? to work with scraps frc... a junk pile. I^cwts comp:c;cd .-.is. . T,- spending a s:r.gi3 par.::;.-. Bit by bit he water.?-; pas*ir.5    ;r.E and extract- ec iron", trie junk heap the parts he though: nc-. Gradually trie mode:  shape. ror -r.ffs:? en h;s er.gme he " tr.c tops . a i-Tup cir. fcr the body cf a dra^-. p;?a: as an injector r.e_ui.= a part from a. Model T r-ord: the io-R'iy shoe heel for a T%-iust:e a  rubber atomizer, and for the  re made lise of a  dinner bell. A coal car .-aace cf a  un can holds a j sr.ove: of coa: anc a tea class cf water The car has crudely "printed on thz !~er.c "L and N 1S00." Ke exp:a.r.s that -s-.-is christened so i"~        *--:s  r.       cay. The fire bos in '.lie tram   fire ar.d Lhe vehicle  s = by a R-i.-din;      .c-t (now cro;:er:~ wh;cl: once sent i: spinning i Continued on Pa^c 4: CoL 7)                 No Job (Coatimied fw*m    * I) In all directions. Lewi*,  only two tout* of elementary education. U at present unemployed. Work aft tbe saw mill Save oat some, months ago and.be adopted t1*^ -t^**1*4*- y at a  9^0^~^~^Fm JBi^s a^B ^9^3a^^DUflavaVaas) ^     b% next venture   ^3K vL ^^aa^aai^F av^JaQBi^pB^Oav a9Cav8l^B* Flans ware being undertaken to anM Lewis' model  to  ie NeCO j^iy^iTr^1** ft ry i* by the Sontbem Youth *v-~k"t--. If this   a. remarkable tribute  await tbe creative saw mill . wbo  bis .spar?  in almost perfectly duplicating tbe nation s* carriers. I</t>
  </si>
  <si>
    <t>                                           MASON CITY, Ala.--(SNS)--A model trail complete in every detail and styled on the plan of the present day engine is the result of the creative ability of Jack Lewis.</t>
  </si>
  <si>
    <t>                                           -Atlanta              Published DAILY and SUNDAY at 210 AuDurn Avenu* By ATLANTA DAILY WORLD PUBLISHING CO. Telephones: WAJnut 1459- 1400 fjf Member of SCOTT NEWSPAPER SYNDICATE  Aug. 1028; Became Dally March 13. 19S3  W. A. Scott. Et. Founder and Publisher. Aug. 5. 1918 to Feb. 7. 1034 Altered ta Post Office  t Atlanta, Ga.. n. m^... tte Act of Congress. March 3. 1879 A. SCOTT General Manacer  MACKAY Managing Editor LUCIUS L. JONES Associate and Spcrta Editor DAILY:- 1 Year. S9.25: 6 Mos.. S4.75; 3 Mos, $2.50: 1 Mo. 90   SATURDAY ONLY:- 1 Year. $3.00; 6 Mos, S2.00: 3 Mos, $1.25 Canada: 1 Year. $4.50: 6 Kov S2.7S; Foreign: 1 Year. $5.50 National Advertising Representative; w. B. ZIFF CO. 06 S. Dearborn StH Chicago, ni.. and 381  th Avenue. New York. N. Y. The ATLANTA DAILY WORLD is an Independent newspaper-             and non-partisan, printing news unbiasedly and  those thing* it believes to the interest of iu readers and opposing       against the Interest of its readers. Acuh!   ALL COMMUNICATIONS lo and make CHECKS Da.   " to ATLANTA DAILY WORLD rather than to individuals. The  expressly repudiate* responsibility for return of unsolicited picture*. manuscripts. eSc_ unless stamps are sent.</t>
  </si>
  <si>
    <t>                                           The aviation industry Is booming! Trained MEN are in demand for well-paid job.. Write for information on proved,  I. C. S. Aviation Connes prepared bj- leading . Addreu IMTHHUIOKtl COMflfOMGUCClCHCOlT] Box 889-A, Scnnton,   . Local Representative: R. E. CALLAWAY, 205     -Howell Bid?. Atlanta, Georgia Phoae: WA 1766</t>
  </si>
  <si>
    <t>                                           Cyclist Dies Of Injuries                 Struck by Auto Driven by Salesman Friday Morning                 Willie Hicks Erwin. 20 of 240 Linden Street, died at Grady hospital early Friday afternoon, several hours after he was knocked from his bicycle by an automobile alle;ed to have been driven by J. B Houch, white salesman of 253 15ih Street. N. E. Struck at the intersection of Mills and Williams streets Friday morning at 7:30 o clock, the youth uas ruined to Grady hospital where he was admitted In a  condition. Examining doctors said \v: had a fractured skull He passed at 1.05 P. M. Witnesses said Erwin, a delivery boy. %^it' the "intersection be-' fore he continued across. The salesman s car travelled 150 fee;  the impact, investigating officers reported. The cyclist was  on Mills street and the automobile was headed south on Williams at the time of the crash. Houch left the scene of accident hut sent a lawyer, who met  officers at the Intersection. Traflli: Officer Tom Blackwell later arrested Houch on charges of reckless driving and leaving the scene ol accident. Envin's death gave Atlanta Its 23rd traffic death cf the year.</t>
  </si>
  <si>
    <t>                                           Mixing It Up at the Ball Game                 W;ir iii vatic*. i.i.e h;*rii.~r,~i :   Brooklyn Dodders and Chicaco Cubs Utntfle during  in Chimjro. The 1'rny started when pitcher Claude Passeau of the* CuhM. hit by u pitched ball.            bat at Hut:h Casey, pitching for t h*f         *rx. 'l^-   f    * host.: I i*   -x snow.* Gnbby    rtn^Ct (center). Cub's         , holding Joe Gallagher, Brooklyn player (right).                 f. f X. Phnnrphnto                 m</t>
  </si>
  <si>
    <t>                                           Visitor Leaves; So Does Her Purse                 .Sometimes Its doesn't pay to have friendly visitors. At least Miss Grade Johnson of 294 Cain street, N. B.; .apparently thought this after her pocketbook containing $14 each.; and .vital keys was missing following the" visit' of a: man 'friend Tuesday night, according to city police? reports. Officers are seeking  man f or QucsUcning.</t>
  </si>
  <si>
    <t>                                           Seventh Year                 Thr Sevenui Anniversary of  tenure of Kev. J. W. Adams as pastor of Cliapct Ifill Baptist Churrh, comes to an end this afternoon. Rev. J. T. Dorscy. if Moun: Zion Baptist Church will preach. During this seven-year period Kcv. Adams liar been successful in adding a number of faithful member*.  nd also purchased the site where the future Chapel Hill Greater Baptist Church will be erected.</t>
  </si>
  <si>
    <t>                                           Al "Walks" Again                 Al Smith Famous for his walk out or the Democratic party convention in 1936. former Gov. Alfred EL Smith of ~?esv York, himself a Democratic candidate for president in 192S. has announced he will support Wendell L. Willkie. the Republican presidential candidate, this year. Al posed for this picture an he told         of his latest "walk."</t>
  </si>
  <si>
    <t>                                           Wj Out (    ( U Uoniblete [ Our service is  ec? i)/ /Ae no; t modern K$   facilities and an         staff who pay''" Gft5   sympathetic homage           / deference to those ^SmU OtSTINCTIVC  ^^^f  AT MOOi;il*TC COIT $5.00 A Month 1^ WILL BUY A LOT"ln":.;XfS Hunter HU1    j" 604 CaodUr Bidtf. .WA.</t>
  </si>
  <si>
    <t>                                           Initial Chapel Event At Gammon i                 Oammon Theological Seminary win bold Its first chapel Vrvlee the new school year this morning at 11:30 o clock. Dr. Willis J. King, president, will deliver an address, developing the subject: The Significance of the Remnant for Out Day". President King said the public is welcome.</t>
  </si>
  <si>
    <t>                                           Woman's Plunge Proves Fatal                 CINCINNATI.                 -(SNS)                 Mrs. Billie Hanv'17 n, 31 years old, died of her injuries last  nt General Hospital. It was said that she had been fighting when he neighbors heard screams at 9:30 ;i m. at 414 Sixth street. Mrs. Bilh,. Hamilton was pushed from hei window of her third floor apartment. Police are holding her  for questioning.</t>
  </si>
  <si>
    <t>                                           To Return Fugitive'' To Georgia                 CAMDEX. N\ J (SXS) The state of New Jersey reportedly j offered to return to the state of Georgia a fugitive it declined to extradite last December. The fugitive -was listed as Samuel According to police, Huchannan  was arraigned on a charge__ _of stealing $45 in clothing He  was  Cxat he had "proved you are a menace to I society. I hope the stste of Geor- Eia takes you back this time." The Georgia fugitive w=s picked up in Jersey City last year. The '2 reportedly appealed to Governor Moore, -who decided that Georgia bad exceeded its o-woi la-vre in sentencing the  defendant to 22 to -15 years for  larceny. Ee was held -without bail pending -word from Georgia authorities.</t>
  </si>
  <si>
    <t>                                           Charge Jews, Negroes Barred From NYA Air Course                 Charge Jews, Negroes Are Barred From Air Course                 Report Handed Governor After Long Inquiry                 By LAWRENCE F. LaMAR                 LOS ANGELES. Calif.- (SNS) I Moving with the utmost caution In the final stages of Its almost six months of extensive inquiry conducted Into the huge program of the National Defense Program, In order to determine how far the forces of prejudice have sabotaged                 Its patriotic ends by fomenting the seeds of race, color and religious rivalry, the  Chamber of Commerce, through its Committee on Labor and Industry, this wee? laid at the desk of Governor Culbert Olson evidence of Its findings calculated to bring about startling and significant results. The Labor and Industry committee headed by Lieut (Retired U. S. A.) Journee W. White, has labored, j long and efficiently in uncovering evidence of a collusive nature, that Negroes. Jews. Mexican* and Portugese citizens of this .country are being systematically barred from '-fie  of certain phases of the national and state educational program. In order to prevent their Oelnp employed In the aircraft and 1 othr- gigantic defense work programs. This is being done. It was pointed out. in defiance of existing Federal and State statues forbidding such "discrimination. RIVALS FICTION' Hardly any detective work In rea: life or fiction rivals the dramatic probe Into the fabric woven in conniving secrecy to gradually exclude certain minority groups Americans from the full enjoyment of their j citizenship. The Committee, charged In Its conversations with NYA officials, that conclusions reached in their Inquiry would  the status of dtl2 of the people s Involved under the bias contract entered into between Its body and the State Relief Association for the ends sought by the Cooperative Aircraft Corporations. At the start the committee deal: (Continued on Page 6, Col. 3)                 Charge Jews i (Continued from Page I) mainly with the .'t industry in order to curb the employment Was. Douglas Aircraft Co.. one of the largest on thi! Pacific coast, the first contacted. promt-cd le meet with the Chamber group, but has since failed to meet the body. Later, they hired a Mr Dunning Negro graduate cl' M I. T. sue Stanford University, as an  expert AGAINST A BRICK WALL After meeting with the heads ol j the North American Aircraft Co the Committee le. that It wa: j up against ;1 'brick wall.* as far a"crashing tie employment gates" was concerned. The Industry merely passed the 'buck.' laying thf blame to a lack of technical preparedness on the part of Negro workers, and insinuating that white labor was reluctant to work with black labor. A conference check with CTO officials, brought from that direction a scathing denial, that race prejudice existed, or would be  by organized labor. Almost at tea. as to where next to turn, the vigilant : of the committee, was reworded by the finding* of a mere slip of paper. This slip of paper was to prove to be "the key" to the probable solution to the entire problem and may pave the way toward wiping out every vestige of race and religious! prejudice into blighting the nation. NEGROES BARRED The "slip of paper." an inter office communication lu the offices ^f the ERA was pursuant a contract between the SRA and the NYA to provide youths for trainees In the aircraft industry. Quote. "Please refer to memo under date of July 3. 1940 and memo dated July 18. 1940 concerning NYA Aircraft program. Prom attached Ibt select any of your boys who I would qualify. The qualifications are: unmarried, white youths between the ages of 18 and 24; American born, preferrably of sec- ond generation in good health: they would have to have social security  and birth certificate. Please send cards Immediately to any of my boys who would qualify to my office. Robert S. Kennedy is hard to please. Please send cards  lately." This damaging evidence that non white youths were being barred from certain aspects of the education under the guidance of the National Youth Administration setup, with the connivance and assistance of the State Relief Administration providing funds out of the public coffers is what caused the committee considerably alter the course of its Investigation and study this new educational program i ar.Rle. The resulting findings have since been placed at the seat of the governor, and copies sent to both houses of the State legislative body requesting a  Investigation NEGROES  The chamber committee  difficulty in presenting its case before the NYA heads because of the infrequent cross questioning indulged in by Negru members of the NYA group. However, they did succeed in presenting the facts sufficiently to the NYA heads to have ing for a recission of the contract them draft a letter to the SRA callin question. The interview with facts entirely presented by the chamber investigative body,  forth                     facts that the contract entered Into by the NYA with the ERA grant ed S20.000 to NYA for the purpose of furthering educational program for youths desiring technical knowlege and training in aviation, providing however, no Jews. Portugese. Mexicans or Negro youths Be benefited therefrom. These facts Mere admitted by NYA Administrator Burns. Robert Clougr. E. A. Stoy. Ben O'Brien, all NYA officials: Mrs. Marie Deal, chief Bureau of Certification SRA and William Mahu. district represen- i -. U A. County NYA and Sut- ton of the NRA who cleared this j matter for the aircraft Industrie1:, j These admitted facts 3long with the information that the restric- j tions were requested by Ben Ban- ard in charge of the Technical School. Percy Davis Superintendent of all Santa Monica schools. Mr Stone, from North America Co. Tom Reed, from Douglas Co.. Sver Pederson. from Lockhead Co.. and Vultee's representative unknown were passed along to Governor Olosn. the State legislative body and i other interested citizens groups. Additional information sent t nc Governor calling for a State Pro'jc pointed out that the acts complained against constituted an overt act in the instance of an abuse of the rights and privileges of American monies and a conspiracy to chest and defraud citizens of Uieir con- stitutional rights. A demand was made for a cor- j rection of the evil, and that all American youths in the State Irrespective of race, color or creed be  the same educational od- I vantages in the program, or asi: i that the contract and the $20,003 Kiven the NYA be reminded.</t>
  </si>
  <si>
    <t>                                           LOS ANGELES, Calif.--(SNS)--Moving with the utmost caution in the final stages of its almost six months of extensive inquiry conducted into the huge program of the National Defense Program, in order to determine how far the farces of prejudice have sabotaged...</t>
  </si>
  <si>
    <t>                                           'Avenue* Mourns Passing Of Gus 'Baby' Williams                 One of Auburn Avenue's best -n and best loved characters. Gus Williams, genially known as "Baby", passed away Tuesday morning at. 10:30 o" at his home. 177 Clifford Street. NE. He died at the age of 61. having been ill for Just three days.                 r  :~ci"i:c^ lor trie wilty 20- year employe of the Brookhavea Country Club will be  tomorrow (Friday) night at nine o clock at Mt. Olive Baptist church wish tile pastor, the Rev. W. W. Weatiierspool. in charge of the exercises. Haugabrooks Funeral Home will direct proceedings. BRIDGE ENTHUSIAST The departed Atlantan was a member of the Masonic Lodge" and the Fulton Social Club, operated by \V. J. Shaw on the filth floor of the Odd Fellows Building. The latter, a recreational  of professional and business men of Atlanta, was a sort of headquarters for tiie illustrious "Baby", who was a dyed-in-the-wool contract bridge enthusiast. Club fellows loved and honored "Baby" for his perennial good humor and keen Gallic wit. He was always employing some descriptive phrase that appealed to the fancy of tiie "gane" and. even today, you may hear an array of expressions in the daily chatter of Fultonites that were original gems from the lips of the ever-jovial "Baby". -LITTLE ROUND MAS" "Baby" stood about five feet in height, weighed around 180 pounds, and had a neat little "bay window" about which he was often teased by his buddies. But it was        good-natured fun. because "Baby" had such a swell personality that all the "boys" idolized him. One of the singular characteristics of "Baby" was his unfailing (Continued on Page 6; Col. 3)                 'Avenue' Mourns (Continued from Pasc 1) habit of wearing a  and rra,;rant carnation in the buttonhole of his coat and no one at the club can truthfully ;ay he ever saw "Baby" along the Avenue when he was no: nattily attired and spotlessly neat "BEST" EVEN IN DEFEAT "Baby" was far from the inos: adept bridge player at tile club, but you would never have guessed it He had a "lint-". To listen :he witty fellow at work "sollins" his game, you d have hastened to assure one and all he was "the best m the living word" 'EDITOR S N OTE: one of "Baoy's" pet allegations). It was rich humor to "Baby" and the fact Uiat he was losing as he declared himself - best" meant . He just kep; right on 5fc.-            hi* ". "Baby" was bom in Oglethorpe.1 Georgia, but lived in Atlai-.ta foi years, having been married 27 years to Mrs. Genia Williams, his "widow. Alyo surviving him are his . Hadley WilUams. also of '77 Ciillord Street. ME; a brother. Wheeler Williams, of Oelethorpe. and two sisters. Mrs. Vicie Elliv Oglethorpe and Mrs. Carrie Sum. ner of Cleveland. Ohio. The latter and other out-of-town relatives will be here for the funeral.</t>
  </si>
  <si>
    <t>                                           One of Auburn Avenue's best known and best loved characters, Gus Williams, genially known as "Baby", passed away Tuesday morning at 10:30 o'clock at his home, 177 Clifford Street, NE. He died at the age of 61, having been ill for just three days.</t>
  </si>
  <si>
    <t>                                           A Uia only     Itvel      l\  to cup ol ti(    If j\ flour for moit    !   .  f ft Same price today If h -as 48 years     Is IV .25    5 for 25  11 MjnufjctureJ by UUnt- ll I***!*1*11* mala nothing but Hi  ?a*4tr- under  IB -II of   of ^ 5^^*^W        M^a^^i TEETH THE MOST K SJ MARVELOUS lUSTER H     ^   ^AND SPARKLE- JB Roaches decay- rid den "Blind Spots" that ordinary pastas, powders even water may not enter It's hero I The most delightfully different tooth  -you over board of.    hen saUra and brush touch theNE W formula Llsterloc Tooiii Paste, supercharged with LusterFoam , It Instantly springs lute an amazing "bubble bath" that makes youi mouth  with lifo. So  it surges Intc ntid cleans dangor spots that ordinary  never oven . Cluam and    somo experts Bay up to 95% of  starts. Got the big 2Sf( tubo, or bettor stilt, tbt - 40t tubo  moru than ^i  of toothpaste. Atimy . LaiulxTt Pbarinacal Co., St. Louis, ilo TNI NEW  LISTERINE TOOTH PASTE Su.pe;^^2^r?</t>
  </si>
  <si>
    <t>                                           DAILY CROSSWORD                 ACROSS 1. To let down Permit 8. Book of Old Testament 12. Type of auto 13. Proclaim loudly 14. Sharpens 15. Jfa.- Ian? 16. Pieces out 5.7. Otherwise 15. Male cat  19. Short sleep 22. Kjngr of the fairies 2S. Not -.g 27. Defensive --: 28-Slaxc "29. Goddess -?f youth                 30.-Comclier 31. Japanese shrub 32. Light  33. Thick alice 35- Spigots 3~. Accented       !e *X. Qulike animal t42..       .  s a . Greek letter M.Ts move "^  45- Untidy ~..*6. Bordered  J-Ce=     -S.-          r= i; A.3      ;^~.~ec. :T.Haw3Ca                 9- Li-t of court cases 10. 100 square meters 11. Exclamation 1". An *5c IS. Hijrh." 20.          pirl (Esypti 21. Gaze 22. Chief Hawaiian island 23.Eai3ctf                 24. Embellished 23. Spawn fish 26. River io Asia 25. To exhaust 30. Falsehood ?2. Asphyxiated 3*. French city 33. Clocked. as a racer 35. Avenues (abbr.) 37. 'Wooden pins "5. Remain 33.                       40. Brazilian coin 41. Arrive                 *   *~                        !L.; Z.~W^~' 22 23 2   2     26 ??L 3O j_j 3   36 37 38 S3S w  7" T"  T l ji n z ir^^~~</t>
  </si>
  <si>
    <t>                                           THEN TRY DR. FRED PALMER S SKIN WHITENER... It Must lighten Complexion or No Cost Say "Good-Bye" to the weatherbeaten, unnatural, too-dark outer kin that robs you of love, success and popularity. Don't let surface freckles, pimples and minor blemishes spoil your happiness. There is an easy way to lighten and brighten the complexion DR. FRED PALMER S Skin Whitcner. How It Acts To Improve Your Appearance DR. FRED PALMER S Skin Whilener contains an active, excellent  . Juat  icon according lo   package. Your complexion  BrnwIlKhtcr. brighter aa it  nature remove  .Youmuat be   the way DR. FRED PALMER S SKIN  worka or             .2Beotdruii8. For FREE SAMPLE  3c  to  COn Inc., Dept. G. Box 2G1. Atlanta. Ca. HOW TO FIGHT ROUGH, DRY SKIN- TRY DR. FRED PALMER S VANISHING CREAM ONLY 25c AT GOOD DRUG STORES</t>
  </si>
  <si>
    <t>                                           special: fried Chicken Dinner 3 Vegetables, Lettuce and Tomato Salad. Hot Biscuits -Ice Tea. -25 s Lunch Room S2!~ Irwi,, St., N.E. JA. 81S4</t>
  </si>
  <si>
    <t>                                           DOtTT WASTE YOUR TIME A . I -SELTZERllFTTHETOOk I   OUll.r"        SUN gi^t. StilNIMg. J I PtoRNiNC AyVrgfe=y%jR-irv\ W  dinner, or midnight lunch, a  too I muck smoking, perhaps a  or two great fun tonight; a miserable, letdown. j headache? feeling tomorrow . 2You  who occasionally        a party and *njoy             and  ood food, often pay next day far     tun you had. v Why don't you try Alka-Scltxar for that "Morning After" fc*    ? I Alka-S* is one * irit ful in the relic! oi many I ailments because Alka Seltxar combine* a reliable   reliever with buffered  I . Try It whenever you have       ache. Add Indication. Cold Syms. torn, Muscular Fatlsue,            { Huioilar Pains. I ADca-Scltzer U non- and pleasant to take. Your  I sells Alka-Se'.tzer by the slass at his soda fountain and in con-  packages for  use. Why not get m package  the next time you WS are in a drug /^ Vff</t>
  </si>
  <si>
    <t>                                           The city of Elwood, Indiana the birthplace of the Republican Presidential nominee, has always been prejudiced to the Negro and we are wondering just what attitude will the citizens of Elwood take when the Negro delegation goes to Elwood for the notification...</t>
  </si>
  <si>
    <t>                                           Englishmen Who "Stayed Behind" m Fiancee                 Passed by the Gorman censor, this  purports to show English soldiers lying dead beside their                 motor lorries  in Belgium. The picture te.s just been released.</t>
  </si>
  <si>
    <t>                                           ^ Nji. l-*1{ fSs$9               2ii tit? N MnjpgB/llu ^B6 ^Ik^ ^7  #^SE^ff^?K^^^^C^Bi^K 4'vUe  V^laK ^maIB V^Btt WflBfrfr T\^^"*~ttf tft^"^1 9r*~v\ SffBtf ^6Ca3SB9^ J^~v *rj^m ^^*^t C/7T AUDITORIUM Monday, JULY 29 8:15 P.M. Tickets $1.00 75c 50c SPONSORED BY Atlanta Citizens Committee REV. B.R. HOLMES, Chairman</t>
  </si>
  <si>
    <t>                                           Atlanta Jllft World Pilhllshod DAILY and SUNDAY at 210 AuDurn Avcnu* By ATLANTA. DAILY WORLD PUBLISHING CO. Telephones: WAlnut 1453-1460 Member of SCOTT NEWSPAPER SYNDICATE Established Aug.' 8. 1028: Became Daily March 13. ,1032 W. A. Scott. II, Founder and Publisher. Aug. 5.' IB28 to Feb. 7. 1934 Entered in the Post Office nt Atlanta, Go-.     Eccond-claas mail       the Act of Congress, March 3. 1079 C A. SCOTT*... General Manage .~OLIFr  Mnnaging Editoi "LUCIUS L. JONES Associate nnd Sports Wltni DAILY:- 1 Year. ~!)-?S: 6 Mos..  4.75; 3 Mos.. $2.50; I Mo. 90    ONLY:- 1 Ycnr. $3.00; 6 Mos, $2.00; 3 Mos, St.25 Canada: 1 Year. $4.50: G Mos.. $2.75; Foreign: 1 Year.  5.50 National Advertising Representative: W. B. ZIFF CO. 80S S. Dearborn St.. Chicago, 111., and 381 4th Avenue, Now York, N. Y The ATLANTA DAILY WORLD is on Independent - and non-partisan, printing news  and supporting those things it believes to the Interest of Us readers and opposing (hose  against the interest of its readers. Address ALL COMMUNICATIONS to and make CHECKS  to ATLANTA DAILY WORLD rather thim to Individuals. The WORLD expressly repudiates responsibility for return of unsolicited pictures, manuscripts, etc, * stamps arc gent.</t>
  </si>
  <si>
    <t>                                           Kidnaper as German                 Accused of the kidnaping of Mare de Tristan. Jr., three-year-old Hillsborough. Cel.. boy. Wilhelm Jakob- Muhlenbrotch Is shown above as he appeared when he  in the German army  World war.</t>
  </si>
  <si>
    <t>                                           THOUGHT YOU PrOCX AH "AC a headache. Aaxa-        fPj^jF^VO" AND CHASED THE      ^? I [THING         Ml. ^^^^-^^^j^^ ALKa SEL.. Affords unusually prompt and effective relief in Headach* because it Is in complete ,       to go tc work as loon as you i wallow it. Its  action is road* more positive by alkaline buffers, which protect it from  In the stomach. AlkaiSeltier being a combination of  and -'  ingredients, has gained wide usage and popularity among those who ' suffer from Acid Indigestion,' i C Z d Symptom*, "Morning After" misery. Muscular To- * o-rj. Muscular Poms. AlJca-Seltrer U pleasant to: J take, non-laxative, prompt * in action. Your  hai Alka-Seltxer In   and econom-    : laric         for       use. or he will b*      to T. -jf 3er%*e vou a  p*tH t-*ho. soda</t>
  </si>
  <si>
    <t>                                           BIRTHS Born to Mr. nnd Mrs.: Frank W. and Ella Montgomery. 954 Lena street., son, Benjamin         'Ul. Jiimes and Mary Byrd. 523 Rockwell .-Irect. son. Richard Harris. John and Lonnle Jackson, 82 Meldon avenue, son, Mclvln Conycrs. Willie and Queen Gayles, R. 495 Gnrlrcll, triplets. Alphonso, Alfred nnd Alfredn. WTTilc. and Ccolo Clemmons, 301 Rockwell, son, Larry Kcuben. William  Gertrude Phlnazcc. 866 Welch , son, Winston Marian. Henry uml Orclln Eluckmon. Co1.lct;n Pnrk. Ga., ron. Henry McNeal. Jr. Robert and Osste Ingrnm, 70 Kulton street, dtr., Barbara Louise. Chnrlic and Sallic Dorscy, 4S3 Hllllard. dtr.. Joan. John and Margaret Guest, 'J2 Old Decotur Rd., dtr Elinor AdcII. Nathaniel nnd Mildred Clarke. 474 Dalvlgney. son. Nathaniel Edward. Jr. f*pk</t>
  </si>
  <si>
    <t>                                           Monument To Be Erected For 209 Natchez Victims                 NATCHEZ, Miss.-;s N   - j The Natchez Social Club has j launched a Monument Fund Drive to raise    ney to erect a marble  on the city-" Bluff Park, which overlooks {he  Mississippi Hirer, in com  of the 209 victims who perished in the Khyt!\in Night Club fire here last April W. J. Oates, jr.. of 207 North Pine Street, this  has been elected Fund treasurer, "other I members of the Fund Drive i I Commicee are: w. 51. Clay, A. C. Curtis, J. L. Poindexter i I Sam Jeter, Earl Reed. Mrs. Ad- die Mazlqnc, Mrs. Mattle Sand- I ers and Mrs. Estelle Uoyd.      Natchez fire ins one of the j wont disasters in the history of the country. Negro FSA Unit In Mississippi To Cost $500,000 LEXINGTON. Miss. fA N pi- Expenditures ol over $500,000 will be made on the government s FS.A Negro project at Mlleston. according to J. W Carmean. white, contracting engineer of the Little Rode otf!ce. who arrived here iast week to established headquarters following his assignment for the work. The program calls for 103 farm units, one 10-room school building with, auditorium and        (Contlnued on Pace 3, Col. 6)                 Negro FSA Unit (Continued from Page 1) rum.  building, ^ore bu:ldii)K. shop, warehouse, six personnel buildings and improvements upon fifteen miles of .i roads and between three and foil; miles cf  .</t>
  </si>
  <si>
    <t>                                           Of a total of about 106.000 acre of land in Barbardos 65.835 acre* are under cultivation, there being only one large wooded area.</t>
  </si>
  <si>
    <t>                                           Their Album Draws Praise                 Joshua White and Lawrence- De Pauw gaze at the New York Cemmodort, Mu*ic shop window display on their Columbia  "    .(:t .'i*. *c i^~               and musicianship. Columbia plans to  release another album                 by Joshua White and his Carolinians.- (ANP photo)</t>
  </si>
  <si>
    <t>                                           The summer adult educational program promoted by the Colored Branch of the Atlanta Tuberculosis Association, under the direction of its Educational Department, is meeting with most, satisfactory results, according to the report of Miss Mary Dickinson, executive...</t>
  </si>
  <si>
    <t>                                           SOOTHE *   EYES! MAKE THIS SIMPLE TEST TODAY tYES OVEtWORKIDt Do they smart nnd bum? Morinc      * . Try two drops of Murine right and  and whenever your Eyes are irritated aad reddened or feel tired. Muriae is  pure  , economical, too. Try Murioe today.  ?1     . WBnttSMtsJ I</t>
  </si>
  <si>
    <t>                                           Joe Louis' Trophies Viewed By Hawaiians                 When the          AiiuWur  H--~i". which came all the way from the land of  rass skirts to battle CHicfc-KO*~ Catholic YoutK Orsan*"  squad last Wc-         nicht. visited the Hall of Sports of the American Nejro Exposition at *He Chicago Coliseum, they immediately rush-                 vd to line c-x.lt       of      l_oui* * which included two          ch*           b*   , the   1^      *I awarded him  u 1 939 by.      Mat; '   - as    - Fighter of      Y *nd     boxing glove*    wore when he knocked oat J*m*~ J. Braddock. Jack      *y, Max Schmelinf,        Mann and Harry Thorn**,</t>
  </si>
  <si>
    <t>                                           MONTGOMERY, Ala. --(SNS)-- Potential Hornet power was unleashed in a regulation practice game at Hornet Stadium here Saturday afternoon when the varsity black-Jersied eleven overwhelmed a reserve gold-jersied eleven by a 21-6 count before an...</t>
  </si>
  <si>
    <t>                                           BIRTHS Edward and Mary Stnllwortl.. 379 Chambrrlaln Street, dtr. Uzet1.1. Ralph and Hattle Norwood. 89i Bcckwith Street, dtr. .</t>
  </si>
  <si>
    <t>                                           Employes At Marcus' New Store                 ,*When Marcus Clothing Company opens it* new and modem store at 62 Peachtree Street this morning, three colored employes will share in the opening ceremonies. They are, left to right, Willis Willis, a presser who has been with Marcus for six months; Pete Whitehead, tailor and alterer, who has seen four year** employ with the firm, and John W. Wallace, porter with the clothing company for seventeen years.                 Tbo store, on* of the moit modern in the eo- tire South, also has one of the largest and most wear. New and attractive merchandise is on every complete         of c othing and general men'* 3 shelf. The public is cordially invited to visit the store of which Atlanta's male population will surely rave in the      house from 11 a. tn* until 10 **fr p. m.</t>
  </si>
  <si>
    <t>                                           Bailey Theatre* 81-"  RAFT Humphrey Bojart in "They Drive by Night" Also "Fu Manchu"  "SCATTERBRAIN" with JUDY CANOVA Also Colored Short New! ASHBY SPENCER TRACY In "Northwest Passage" AUo "March of Time"  BUNNY BERIGAN AND ORCHESTRA  the ANDREW SISTERS C A P I T L EDMUND LOWE IRENE HERVEY in The Crooked Road'</t>
  </si>
  <si>
    <t>                                           CAPITOL BEN LYONS JEAN HARLOW in "Hell's Angels" SOOTHE vSo EYES! WAKE THIS SIMPLE TEST TODAY EYES OVUWOftKIDT Do they smart and bum? MurinebringsqujcJcftlicf. Try two drops of Munse night and  and whenever your Eyes are irritated and reddened or feel tired. Murine is alkaline- purr and gentle, economical, too. Try Murine today.  4         SOOTHES  BfimiB</t>
  </si>
  <si>
    <t>                                           DAILY CROSSWORD                 ACROSS 1. Hourly I 6. Military j hat ill. Grinding I material [12. Skinned '13. Cleanse of soap 14. Correct 1 15. Masculine name 1 16. Consumes ,17. Spider's I nest (21. Decline 24. The heart 25. Crowd 28. Question 30. Clamor                 32. Constellation 33. Map of a town site 34. Goddess of peace 1 36. Summits '37. Round vessel 38. Letter C 40. Negative vote 41. Flat-bottom boats 43. Passable 46. Raw 50. Selected 52. Receiving set 53. Offlcer-s assistants 54. Volume oi nmps Jj .H^hv  v 2. Leave out 3. Lease 4. Incendiarism 5. Agent used in                 6. Resort 7. Part of harness (pi.) 8. Region 9. County in England 10. Excess of chances 18. Frosty 19. Perform 20. Vase 21. Furnish 22. Small donkey 23. Harass 25. Italian city                 26. City in* Japan 27. Girl's namo 29. Flowed 31. Open (poet.) 35. European coin 36. Caress 39. Type measure 41             42. Writing tablet 43. Cicatrix 44. A State 45. Beverage 47. Not active 48. Decree                 49. Throw 51. Letter S 52. Butt                 MnT!            ' p Ye*t*rd*y'~ Amwcr                 3 r i5 \   i7 ie h 1'~' i        ?l 22 23 57 2   2   26 27 2~" 2 t ^3O"3I !ila2 "1 ~!1 LI            4 br E3nc TMtarw 8      . Iry. 1*2</t>
  </si>
  <si>
    <t>                                           "Build-Up" Relief Explained To Women                 A simple method has saved many women a lot of suffering! It is based on the fact that headaches, nervousness, cramp like       are often symptoms of FUNCTIONAL DYSMENORRHEa due to malnutrition. Help for this condition so often follows the use ctf CARDUI, because it usually increases the ap- j                 petite and the now of gastric juice: I thus aids digestion and helos build physical resistance. Usual result is LESS periodic distress. i Many who take  a      days before and during "the time" have found this also helps ease periodic discomfort. Women have used  for more than SO years!</t>
  </si>
  <si>
    <t>                                           THE UNION SOCIAL CLUB held its last meeting with Miss Mamie Andrews, 544 Irene Street N. E. Visitors were Rev. J. N. Stone, of Chicago, Mmes. Culpepper, Horton and Mr. Gray. The next meeting will be at 288 Lee Street, S. W. today, at 6 o'clock...</t>
  </si>
  <si>
    <t>                                           Eon voyage to Franklin Delano Roosevelt, our president on his journey at the helm of our government for the third consecutive time. I'll say Mr. Roosevelt broke the third term precedent in a race that was...</t>
  </si>
  <si>
    <t>                                           The 1940 Hundred Per Cent Wrong Football Derby begins tomorrow when nine members again open a campaign of heated doping of games lasting till the close of the season. The novel idea was originated five years ago. Previous winners were Jimmy Perry.</t>
  </si>
  <si>
    <t>                                           SCOTLANDVILLE, La.--(By Richard H. Thomas for ANP)--As the Southern university Cats go into their second week of preparation in the shadow of their new $154,000 ... Pelican Hill. All-American halfback, again looms as the great to carry the burden...</t>
  </si>
  <si>
    <t>                                           DASHING DARK HAT PF.RKS UP EARLY FALL FROCKS                 Loft to right, o!Mlie- tartan, black velvet hat. large stitched antelope model                 A dark hat. new and dashing, perks up your wardrobe as summer wanes and autumn begins. Enor-, awns brims, off-thc-face styles. leathers and veiling* are an in the picture. Priscilla Lane. left, prefers .an off-the-face turban tn black fur felt and velvet. Chic for tea dancing. Virginia Vale, center, has chosen Mack velvet with grosgrain ribbon trim in unusual treatment. It goes around the                 crown and is earned down the back or the head, in two wide, flat bows that hide the elastic that keeps the hat firmly on the head, and" then trails Into streamers This hat has a ceil The large hat, right, is both flattering and spectacular It is made of stitched antelope in the new profile type. It has a, deep back and gathered side drape. Perfect for the Informal dinner engagement.</t>
  </si>
  <si>
    <t>                                           In Memoriam                 In loving memory of our     and brother. Robert Baldwin, who passed one  aco today. November 12. 1939. "So suddenly came the call. Your sudden passing shocked us all. A change in moment fell. Without h chance to say farewell. Mrs. J. L. Wyatt. mother Mr. James Wyatt. brother.</t>
  </si>
  <si>
    <t>                                           Lamar "Geech" Webb is thinking about calling the local-coach officials together at Smithfield Court this Friday night. The first of the five games to determine the T.C.I. baseball championship was darkened out Tuesday. All games were officially cancelled out in the "Y"...</t>
  </si>
  <si>
    <t>                                           TOCCIOA, Ga.-- The Tocoa High School opened Monday with a large enrollment. A large number of patrons was present. Talks were made by Rev. J. W. Westfield. Robert Graves, chairman of the board of education and Supt. J. B. Cheatham, Rev. F.R. Rushing...</t>
  </si>
  <si>
    <t>                                           MARSHALL, Tex.--(SNS)--The Wildcats of Wiley pry the lid off their 1940 football schedule Friday night. September 21, when they take on Coach Mosely's fast stepping Jarvis eleven from Hawkins The game will be the feature attraction at a special day...</t>
  </si>
  <si>
    <t>                                           MEN, WITH GRAY HAIR Here's Inside Tip Look Years^ fa Xg* Younger  This Easy 0         Way !? Stop worrying about whether your gray bair might some day cost you your job- or whether folks are whispering, "That man certainly has aged!" Yes, stop worrying aod start usi or .                       Hair Coloring you can bring radi-  ot, glossy. -appearing color to ALL yoor hair. Easy to apply. The exact shade you want i comes . It won t rub off or wash out. Known and used/or 45 yean. Money back if not satisfied. 1 Ask for  (Larry-use). 1 f your dealer doesn't have it, send $1.25 direct to GODEFROY MFC CO. 3JI0OUVg STREET. SAJNTLOUrS. MISSOURI. y^  ^i*  ^</t>
  </si>
  <si>
    <t>                                           WIN- Contract Bridge By T. EL E. Win-Way I A-Ii/K-l", Q4 Opening Bid 4-4 1-2 Naturals. OPENING TWO IX A SUIT "We had a dool in a recent j team of fou;- contest that only Winslow players bid to a game in spades, the proper contract. The accuracy of Window is almost uncanny." Our Little Rock enthusiasts are becoming jubilant over i  success v.ith Winslow. j North Dealer: East 7 Naturals: JI07 V Q852 a 4 JI0532 A K95 n AQ862 i  943 tt    i 11092 l K865 I 976 s A KQ A 43 V J1076 Q743 A A84 N li S W Pass. 2 Spades Pas; 2N.T. I Pai-j 3 Spade* Pass 4 Spades East  i:h 7 Naturals and a :c- j biddable spade suit opens th*"  with Spades. West \hv Co-Naturals are 8 and bids 2 N". T. East  !hc i  suit ;.~d West sees the Co- Count is R Co-Naturals and R i spades or 16. By the Rule 12 j (R.l^) four odd or Rame in spades is bd ar.d made. H i West li^d three small spades and nci Natural  he would have  at 3 1?. I No. 22 OI.. r BOX 211. j ST.       MO. CAPITOL I Sow Showing "WAGONS WESTWARD" With An All Star Cut CjENDTpiMPlBBtUf?' Saymau's Salva quickly  Py4       ikin  kyf of external origin. Write Sayman      . 13-R,</t>
  </si>
  <si>
    <t>                                           To LU. Library                 JI "MPHI.".                 An {..creased   bony mean* u. increased demand en library personnel at Lincoln I'aiverkily, JcJTcnea City, Me. Harriet Unog (above) was caned from the AtUnta Unlvtnity library where     nerved as cataloguer, to work in     same capacity at Lincoln.</t>
  </si>
  <si>
    <t>                                           MISSISSIPPI AN DIES IN  DEATH CHAIR                 "koSCIUSKO. Miss.- 'SNS)- Admitting his Rinlt and saying he was "really to go" J. C. executed In Miv:u-      j.  electric chair just after  Thursday :or the laying a year ago or a colored woman.</t>
  </si>
  <si>
    <t>                                           Nebraska Williams, 35-year-old globe-trotter who has been walking around the world since 1928, ankled into Atlanta Wednesday night and said he would be in the city through Monday.</t>
  </si>
  <si>
    <t>                                           IfX ^W  CMVEsl 3'S-l*^wI TEITH THE MOST S Kfl MARVtlOUS  rk^JB^Ma        - M Raachss decay-ridden "Blind Spots" that ordinary pastes, powders     waur may not enter Ifi Mre! Tbo most delightfully different tooth      you ever beard or. when  fad brush touch tic NEW   '    , supercharged with Lustrrrooic , it  springs into an  " bath" that  your mouth Uiigle with Ufc. So Onu it  into and    pou that ordinary dentifrices may never even             . Cleanii    whro* Mimu  fay up to Qs% or ducay nuru. On the big 25  tube, or  still, thu double- Avt tube  more than pound or tooth . At any  coun ^cr. Lambert Pharmacal Co., St.      .Mo THI NEW   TOOTH PASTE</t>
  </si>
  <si>
    <t>                                           Last week I wrote you again about the democratic way of life Today. I want to tell you that there are three great means of making he democratic way of the effective in our civilization.</t>
  </si>
  <si>
    <t>                                           The Fighting Kings Social Club met with the president. Mr.Spearman, 719 Fair street, Apartment 286. The club is still looking forward to its eleven years' anniversary dance to be given Friday night at the Top Hat. All members are asked to meet Monday night at...</t>
  </si>
  <si>
    <t>                                           CAPITOL Lee Tracy in "MILLIONAIRES IN PRISON" Batliy Theatres i JOHN MACK BROWN in "WEST OF CARSON CITY" Also: Last Chanter of "ZORRO S LEGION" ROYAL i "BARRICADE" and "CHICKEN WAGON FAMILY" ASHBY "TWO GIRLS ON BROADWAY*1 and 'VILLAGE BARN DANCE' LINCOLN BOB STEELE in "GALLA^ FOOL" Abo: 'A Chump  t Oxford' l^1 EFFICIENT B III* only     l*    H             cap ol       B U Soar for mm* nope*.  l [~f^p BAKING] RiVW powder! tt Same price today 1 U as 48 years ago fl 11 25ounces*""254 11 11 !^T Tfi! H II *f UHH</t>
  </si>
  <si>
    <t>                                           Making Study                 Nelson C Jui kson, head of the Department of Community Organ, ration. Atlanta University school of Social Work, who has been released to make a study of Omahas Woodson Center in order that the  may better Krve the needs of a -RloL community of 14 races.</t>
  </si>
  <si>
    <t>                                           THE WEATHER PARTLY CLODDY; temperature high or 84 degrees.</t>
  </si>
  <si>
    <t>                                           SCHOOL DAYS FOR 20,000 PUPILS RESUMED TODA"                 Record Enrollment Seen In Promising 1940-41 Term                 Several Shifts, Additions Noticed In Systems                 After a       of preliminary ac- i . the Atlanta and Decatut j public school system swings Into I full stride this morning as -  20.~   youngsters  their boots, lunches and penc r; for a nine month tenure in the classroom.                 A record enrollment Is in pros- j pect and plans have been per- i  to handle this Increase. j Thus The youngster who applauded the arrival ol June  days of happy summer time now turn back to the stern task preparing for future existences as citizens. While it is generally  considered that registration and other entrance incidentals were taken care of last week, students who did not attend to these chores are directed to  them this morning at 8:30 o clock. Several shifts and additions have been effected In the system to teachers in order to meet the new order of things generally. USUAL PICTURE Accommodations for the 20.000 youngsters expected to list a? system pupils, are largely the same as of last June. The only variations occur In the case of removal. Beginning today the school work becomes serious. The teachers  10 start; their records and/  -zealously to attain., prescribed programs of both -" ty and quality. The youngsters will be directed to roll jip their sleeves and go to work.1 The 1940-1941 program has been launched and parents are being encouraged to help keep theu offspring in the classroom the entire school year. Officials claim that the combined faculty in the DeKalb-Fulton county system is the finest  assembled thus far. ^ expect records to be. achieved by botb combinations- students and teachers-in making this a memorable year.</t>
  </si>
  <si>
    <t>                                           After a week of preliminary activities, the Atlanta and Decatur public school system swings into full stride this morning as approximately 20,000 youngsters gather their books, lunches and ... for a nine month tenure in the classroom.</t>
  </si>
  <si>
    <t>                                           STYLE FIRST PATTERN OS PERT SCHOOLGIRL CAP AND JUMPER BY CLAIRE TILDEN Most important item in a girl s -to-achool wardrobe is the Jtanper mode so young. Jaunty and versatile. For with a fresh change of blouse, it makes a new costume at each appearance, pattern 215 u a Claire TUden three-piece  that shows all  of *"-~"~~~nt new touches. The Jumper is cut In Just five pieces, with no side                 seams in its ola*. flaring skirt.     long front and back panels are set on a straight grain, and  nukes lor smart, easy '~~~-'nto Shape the neckline high and round, or cut It two j low V-shape at both front and . A band at the side or the waistline lines and helps anchor down the blouse beneath. Both the         short-sleeve Tendons of the neat little blouse are nicely tucked for lit. You may add lace edging  nd a talent ribbon bow. if you ate. Hnally. there* a  Scotch cap  made in just two pieces and is very  ui. Start this tasy outfit as toon as  It'i easy that daughter herself can help you. Pattern 215 is cut in girls' size* 6. 8. 10. 12 and 14. Size 12. Jumper and cap.  2 1-4 yards 54 inch fabric and blouse. 1 5-S yards 39 inch fabric. Send FIFTEEN CENTS (15c) in coins for this pattern. WRITE CLEARLY SIZE. NAME. ADDRESS AND STYLE NUMBER. Send orders to (The Atlanta Daily I World) Pattern Deportment. 210 Assam Artenoe, N. E, Atlanta,</t>
  </si>
  <si>
    <t>                                           CAPITOL SJT Ik9^B ^JR^- MIH Of     MHJttl  OWf     BH   - WF ACCEPT  f LOUR</t>
  </si>
  <si>
    <t>                                           1   I Mm te Mk *H ^mm I Tm     mi oom cw   n Tom. Hvrao* "Bjywl-np-. Sect ala ast  b yoor rim rf  MdttaM.     aot Urn*  w I tod km nato 700 ViM4 BmOm. ^ tty  m   OHt    ML f"**  I Dr. UOm       b I rti^*;  I^L Sli ASM  IRn WK -Wkr ~"t MkrM His I H i?ig ** ai    Bf</t>
  </si>
  <si>
    <t>                                           Most s*D my 1939 Chevrolet DeLnxe Two-Door Sedan. Wttl take cheap car in trade, and get balance financed. Call Mr. Gunter JtA. 7844</t>
  </si>
  <si>
    <t>                                           You can spot the nagger's face the moment you look at it. Eyes sharp and piercing. Expression critical and petulant. Why don't these women realize that what goes on inside the mind and heart pops out on the countenance? What's the value of the flawless...</t>
  </si>
  <si>
    <t>                                           ATHENS, Ga. -- Rev. H. T. Bearden and family, Miss Julia Lee and Mrs. M. L. Diggs were supper guests of Mrs Eliza Phillips Monday. Mrs. Mary Maxwell and family spent the week-end in Atlanta with her brother and daughter. Miss Myrtle Thornton...</t>
  </si>
  <si>
    <t>                                           The Yumphs met with Ira Benson. Business was the main feature of the meeting. The meeting today will be held with Kaleb Berry All members are urged to be present. Business of importance. Lucius Morris, president: Joseph A Beavers, reporter.</t>
  </si>
  <si>
    <t>                                           Visiting Kentucky Legislator Tells Of Saving Youth, 16, From Electric Chair                 By LUCIUS JONES                 aii.v.  \v. Andersen. prominent young lawyer of Louis.! . Ky., who lias distinguished himself in  passage or numerous   Negro  during three terms as a Republican member of the Kentucky State Legislature, spent JYid-iv                 making a round or Atlanta's Negro businesses. In a statement ro the SNS editorial department. Attorney Anc't-rson .-.uld he had been to the Gate City before but liad  been rushed too much to review high points of Negro development. He expected to get a thorough inspection yesterday. Aside from his lofty prestige as a politician and lawyer. Attorney Anderson has  to be regarded one or the most influential  of the Alpha Phi Alpha  In the entire brotherhood. Many have been occasions when he lias been featured as guest speaker for  and uplift  of the fraternity. He has been iu a constant demand for civic addresses and messages for the past ten years. Mr. Anderson is a "27 alumnus of WilberfOTce University and also   *WrtF Mr degree or EfcB- University in -30. For his outstanding- work In the Ky. State Legislature and as a practicing 31torney. he had the honorary degree of LL.D. conferred upon him by his alma mater. Wilberforce. at the "16 commencement exercises. Following            of his LLE.                 from Howard. Mr. Andt-r.son worked from 1930- "t; in the Legal Claims Division of Uir United j      -s Veterans Bureau in Wa-sh- I . D. C. where he received a j lucrative background for his later I political career. His law practice begun formally j In 1933 in his hometown. Louis- ville. where, in August 7935. he ran j for the Ky. State Legislature in the j primary election. He won in that aud wax : successfully timed j                 a first term in the  legislature iff Che  election - iS, later. He was seated January 7 1936. Upon expiration of hts first term, the young - was re- I elected in November 1937 and wa?.  January 7. lD3e. Last month, he was elected to his third i^rni                 He will be stated  Januan 1H-10. The Louisville attorney will be Atlanta, until January 1. when and Mrs. Anderson, the ton Miss Ann Ruetcer of  city. 9 is librarian of Ky. State ColK will journey tc Birmingham for "Steel Bowl Classic After the Magic City game. Andersons will stop briefly Nashville, then return Vo loi ville. An ardent fan. they h: seen all home games of the     Thorobreds this year, c  to Institute to see the nual classic Between Kentucky s West Vlreinia State AsKecl what had been nis ere est single thrill of the whole of 1W0. Attorney Rlchartom s it rud been saving a sixteen               . Ky. , E'lgi Burnham. rrom ilw : ih in un "attack" case ill which Biu ham.  with "assault" of whiu- woman and defended white lawyers, had already             when his (Anderso firm 1 took over th* case. Attorney Anderson told of crucial ordeal through which r         ,- *.*l trial was secured and a later a peal to the highest Kentucky court was won. Dramatically, he told 01 the *8-hour deliberation by the  .1. when the defense had fears lest, despite their grim legal battle, the     - be lost and th" toy be  heti the "iast mile."                 ATTORNEY ANDERSON</t>
  </si>
  <si>
    <t>                                           Atty. Charles W. Anderson, prominent young lawyer of Louisville, Ky., who has distinguished himself in effecting passage of numerous bills promoting Negro welfare during three terms as a Republican member of the Kentucky State Legislature, spent Friday...</t>
  </si>
  <si>
    <t>                                           DAILY CROSSWORD                 ACROSS l.I*ah 9. Wicked 9. omen s 1  10. Weather- cock 11. Scrimp 13. Greek  14. A number 15. Before 17. An sge IS. Child (Scotch) 2O.Man-                 23. Cipher 27. Employ 28. To put on SO. Humble 31. Nothing 32. Unit of work 33. A unit SlSntkettk*                  M-Inaact ST. Fear 39. BinTa Abode 40-Optttlne 4a..ot botfly 46. Bom 47. Policeman  a]     SO Length ) 52. Color of noU  6t.OrtrichU)c. Urd Sft.OUgram SCAflgbt S7.        buildings                 DOWN .1. Fleet S "" 'sJ Morw war-sod 4.                         6. Valley 7. Preposition 8. Incline 12. Garden plant 13. Displace 16. Rhode                 Island (abbr.) 18. At hand 19. Greek letter 20. Adjusted 21. Variety of                  22. Reigning beauty 24. Sphere 25. Fine                 26. Low. chirping sound 28.DuUs 29. Grampus 38.                 tlon i 39. Negative reply 41. Chinese measure 42. Permit 43. An explorer 44. Chief Hawaiian island 45. Woody plant 47. Choose                 *~ Aaiwtr 48. Om49. Enclosures 51. Decaliter (.) 53. Mimic                 MM  i ii^i 11 l2 l w ^ll_in 2O 21 22  77 2Z 23 2H 2i 26 57 as 3~?   v tZi(A cZi.tn.iu.                 So ST ^m 53  by Xlaf FMtum SynticaU.</t>
  </si>
  <si>
    <t>                                           SCTT VALUED AT $20 REPORTED STOLEN                 Carl Stowers. of 1008 Herndon Street. K. W, Wednesday  the loss ot a suit valued at $20. Stowers said a white man went to Us landlady and told ber that be lad been sent by Bowers for the uit.                 Hitler Tells G. B. He's On His Way NEW VORK (SNS)- Adolf Hitler in an address Wednesday to 25.000 German relief workers,  he would "erase" English, cities to  the night raids ofr London's Royal Air Force. Hitler assured the British he Is coming with, his full force. More Nazi warplanes invaded England during the night than ever before, the air ministry reported. English fliers and ground, crew fought back and .were successful In turning back the drove* of invaders. Griffin Street Man Is Wounded Charlie Rttpatrtcfc. of a Ortffln Street address, was admitted to Orady Hospital Wednesday suffering gunshot wounds of the chest  neck. Pttipatrtck was reportedly snot during an . Police had not listed details of ttw shooting late Wednesday afternoon. A woman listed as Ola Ma* Robinson, of Mlchlgin Avenue, to treated for gunshot wound* and. dismissed from  Hospital, according to * The latter     Mated at OM0O approximately on* half hour  the former. '-f</t>
  </si>
  <si>
    <t>                                           FflOTRAI I I HomecominS Game! Morris Brown vs. Florida II ticket rmi  I = TODAY 2:00 O CLOCK- PONCE DE LEOli PARK bb T7T II At Gate $1.TO^?</t>
  </si>
  <si>
    <t>                                           SO-GOOD HAIR DRESSING *e-~on.l Ilnlr lh*~      hop*  ami  Jrt .-rt tu           It  nr ihr p..! -d ,   .      I* nn        In th*i ^^g. Uood        ^ Th. ^~^k air  in th. CC^^^^B Will       RNW ~*lmt B^'r^^^^^^ft      *        KSO^^^^^H            .     It ^^^^^^^^B hi known mnl rv ^^^^^^^II TKV If . ^P^^I^V^B sbk oi k , ^^^Rr^H wo  aat M  ^^Hfl^^l la   ^Ua^Bfl^L^a^K TTJ* "^'a so-~1O"n ProdtM. HlJ^.1 toth. p^pk.              for e^rm. i.n.1 prW^        Il,lr l.   ^ jn, Mwioon    .   .n j^ or Matmw for .  .SO-GOOD CHEMICAL CO. 4  t*Ww ^  - Atbul^</t>
  </si>
  <si>
    <t>                                           The Weather Partly cloudy and warmer.</t>
  </si>
  <si>
    <t>                                           Miss Mary Tomkins was in charge of the discussion Sunday. Choose your Friends" was the topic. We welcomed Rev. Jones to worship with us. The Harmony Four Quartette rendered a program Tuesday night in behalf of the League. Rev. C. W. Peters, pastor. Rev. Gable...</t>
  </si>
  <si>
    <t>                                           J. C. Smith's Famous Men's Glee Club                 Th, famous    * Club of Johnson C. Sm.tli TnUwsiiy is  above. a is under the  of Prof. CarrolL</t>
  </si>
  <si>
    <t>                                           I HAVE had the pleasure of hearing Bishop C. E. Curry, the newly elected bishop of the AMF Church, preach twice since he has been made a bishop. I rate him in the class of the old Bishop Abraham Grant of years ago, then Rev. C. T. Walker of long ago, the...</t>
  </si>
  <si>
    <t>                                           M. P.--I am 15, Everytime a boy comes around my father acts grumpy. What can I do to keep him from worrying us to death about the boys.</t>
  </si>
  <si>
    <t>                                           tf JJreamJ i Get Joyful Relief From BACKACHE i CACHED BT  KIDNEYS I Slop Getting Up Nights I And Feel Healthier Hrrv'a on*  n-j.y to Mimh 'icca I w*~to from Th*          nd   )      I bladder !*uon th*~ oft^n  i .  And            ptt^irI Afck your dru*rl*~ for a Si      box of Goto MxUI Haar1*Tn 'Ml          spt^ u.ff *nd          d!ur*t c *nd stimulant for       *yi    1 BMdH        cp  tome *    .Ptorn or  * ri*y               puffy  tx1 !rr . But be  jfc to     GOLD MKD.VI. a * m*        for   *.k . I Don't        a  .</t>
  </si>
  <si>
    <t>                                           Passing Of Woman Doctor Mourned                 I PHILADELPHIA-      - Dr. Melissa E. T. Coppln. widow of the late Bishop Levi coppin of the AME church, and well known practicing physician here, was burled last i Thursday afternoon following I funeral services at which the lead- ing citizens in the church and the professions were present. Dr. coppin bom in Columbia, S. C. was a graduate of the Women's Medical college here in 1910, and practised in her native city and in Boston before settling down here. She was married to Bishop Coppin in 1914. He died In 1924. Bishop D. H. Sims preached the funeral , the choir of Allen AME church, where  were held, sans three hymns. Dr. Coppin died on September 27. Surviving Dr. Coppin is one i daughter. Miss Theodisia Coppin, recent graduate of the University cf Pennsylvania, and Is now  the Women's Christian  ance. a -work founded by her j mother.</t>
  </si>
  <si>
    <t>                                           I Keeping the Yuletide Good Times Rolling! Levi Mann and his Ambassadors! Top Hat, Tonight, 12:01 till 4 O'Clock, Adm. 44c Presenting Another Colorful Floor Show DANCE IN NEW YEAR, TUESDAY NIGHT, DEC. 31. 9 Till 1; Adm. 55c</t>
  </si>
  <si>
    <t>                                           I You Can't Hide A I  PoorCornplexion!~ fe-j,'-" r .-jSm DO AS THOUSANDS DO j Use OR. FRED PALMER S SKIN WKITENERToHelpWinA LIGHTER,  FACE A bad looking complexion can cheat you out of lots of fun, success and popularity. Don't iry to cover up a  skin that s too dark, freckled, pimpled and blemished j Irons external causes. Just get OR. FRED PALMER S creamy - Skin Whitanar from} our druggist and use it faithfully according to directions with package. Let it work so you can say "good-bye" to ugly skin and i "hello" to a lighter, brighter and clearer complexion. Or. fUED Palmr*s Skt* WUtssar la only 25c. It must satisfy you in every I  . FretSwpte: cad 3c postage to Ga!e=o! Co. 1st i Dept. M-S3, Sox S6t, ~"-'-~i. Gs. I     Skin?  vt)~.             "~~~t ^f U* at         /~r iv</t>
  </si>
  <si>
    <t>                                           Successor To Dr. Williams                 DR. D. V. JEMISON. of Selma, Alabama, who is vice president at large of the National Baptist Convetion. USA, Inc. Ue will succeed    . U K. Williams, wbo was IdUrd in ,in airplane crush this week in Michigan. Dr. Jemison is also  uf the Alabama BapUsC State Couveniion.</t>
  </si>
  <si>
    <t>                                           Canada Speeds Plane Buiiding                 Following mas production methods of the American automobile industry, Canada today is speeding mass production of planes Cor the Royal Canadian Air Force. The planes being built in this factory. *ite undisclosed, are two-seater, dual-control jobs. They are designed lor elementary training lor recruits of the RCAF.</t>
  </si>
  <si>
    <t>                                           jj LE VI MANN and HIS AMBASSADORS j 3 Brilliant Floor Show Cabaret Thrills TONIGHT, 12:01 4:00 A M j TOP HAy RESriUIHSlOB ABMe44c_</t>
  </si>
  <si>
    <t>                                           Music Festival Holds Spotlight Here Soon                 By  ARNOLD                 Wha:, bid.*  to be one of the r. musical attractions ever staged In the Gate City will be held at the City Auditorium for two nights. November 18-j.o. at 8:15 o clock; when the Regional Musical Festival features a giant chorus spirituals, gospel songs. anthems                 and quarte.Ues. Some of the city s leading ministers and choirs arc participating In rhe promising event, which i.~  to attract around five thousand people to enjoy the giant musical festival being arranged. In addition io several local choir*  will be some out-of-town and out-of-state choirs appearing on the "high class" program. It goes without saying that, this affair will bring to the city some ol the finest choirs in the nation. Three states arc sending choirs They are: Allen Chapel, Greenville South CaroUaa; Warren Chapel.                 Clmtaneoju, Trnn'-tucc; Friendship Eap'iM. G:. .    ;~  :i; Bnlicl AME Chuich. AuguMa. Ga.; will send a choir, while     -y Temple '.nil scud a choir from Macon. Ga. Local churches nnd   Baptist. Wheat Strec. Bap-*~t. Big Bethel AME. Allen Temple AME. Flipper Temple AME. West Mitchell CME. Central. Methodist, and Cosmopolitan AME. From reports, the prices ar_"  the reach of the masse, and everybody will be able to secure a ticket. The local churche.i are  advance sale on ticket:, which are  for two night at greatly reduced prices Interest in the musical is  by leaps and bounds as the  fcr *.he much heralded affair. Promise yourself not to       this occasion, which Is going to be spectacular, captivating and 'thrilling.</t>
  </si>
  <si>
    <t>                                           What bids fair to be one of the greatest musical attractions ever staged in the Gate City will be held at the City Auditorium for two nights. November 18-19, at 8:15 o'clock; when the Regional Musical Festival features a giant chorus spirituals, gospel songs, anthems...</t>
  </si>
  <si>
    <t>                                           They Waited Late To Mail Greetings                 O A V03      late to m.iil        and  XQgv" Well, these people did and U.ry had to  tand m ii.nfT Ion; lines in order to ;et their letters anil Vackaires  the . Above is a common seen* witnessed throughout the Utc days leading up U                 Christmas Eve at Sub I'osl Office Numhci J. : in       and Milton cI.-ur   on Auliurn Avenue !'~~    authorities said thai the Christinas .imJ^~ were extraordinarily  his season. "^                 in man}' cases. (SNS SUft  by I'oulkcs.)</t>
  </si>
  <si>
    <t>                                           Atlanta   JThe Nation's Only Colored Daily Newspaper Price rive Cents Ej VOLUME 13, NUMBER 209 ATLANTA. GA.. THURSDAY, DECEMBER 19. 19 JO J</t>
  </si>
  <si>
    <t>                                           BIRMINGHAM, Ala. -- (SNS)-- Mrs. Wyolene Jones Fowlkes, premment Enon Ridge matron of 1415 Fourth Place (North) was mysteriously shot in the back and killed about 9:45 o'clock Sunday night on the unlighted corner of the T-shaped intersection ta Fourth...</t>
  </si>
  <si>
    <t>                                           R^^^ H Finest ^KmJ^wr^k Soft i H^pr^ Wheat I ^^^^^^^^j^^Wjl Your I SB^fi^SsssssI Grocer Top Quality! Top Savings! Comparr prices, compare quality, and next thine you know .TOU H be headed straight for your neighborhood    : Cmhaa OCEAN SPRAY *% 17OZ OCv OdUCe CRANBERRY A cans 3~'  (4  25l i Green Giant Peas '^15/ ANN PACE- PURE j^^^^^b GRAPE JAM i^TT2\ ANN PAGE U A* /I i Salad Dressing Pint  i P7 Quart ^Pj ~~^^^^5S ja, A OF jar ^3y [I FOOD STORES    Wax Papertr2225/ Oysters 5c^10/ Pimentoes 2  S 5* Ri* SOAP PADS 0R Sma" Q// DrlllU ALUMINUM CLEANSER Pkg. ^f BakingPowder Jo^ 13^ JIM  GRITS s-ii.     15c I IONA Bartlctt- Dmscrt Halv.~. P I I I PEARS 2 i.u .cm. 25c r L. V U l\  S ASST "ED PLAIN OK SELF-R1S1NC FOODS ,.2   15c SUNNYFIELD IONA -ED ^W Tif d  "9 u r     K-~.b.   , Si-Lb.BMi fi-lb. Bat:  3   . Cm Z5C v CHEESE.... u 21c z5Llr5l: .VE PURITY2i-u.ci^2Se ION A DOC FOOD 12-Lb. 'M-lb.      C-lb. BaL" CALO 3 Mb.     25c ?Qe''7ev!'9AA a^a;s.. ioc [39''75"'ZOcl ComLMIIk S 2 ct25^ I EightO'Clock 2 ;25c Lard "gg" S 15^ S 30^ j JANE PARKER COND. MILK IS4. .Cm 21C Frillr CaKPQ WH.SO.VS CERTIFIED 35  1/ BEEF HASH 2i-u.c-.25c -ov^5O^    5l/ RECIPE... 4Jk.ru. 13c j 5 1 fiQ "-- FUDGE and Cake R.an-^X.0^ j ,        lfc0i..17C NECTAR TEA BALLS Pri-K ....   . is 15e i PICKLES L"   i Pickle Pilch Aut. VwKtm. 10-0i. Jw IOC SWEETHEART TOILET SOAP 4 u. 20c WHITE SAIL CLEANSER 3 u c... 10c i IVORY SNOW s-o, Pk,. 10c 1240.. n, 23  KLEENEX CLEANSING TISSUES Pki.  a iso 10  KELLOGG S CORN FLAKES .2 Pk,. 15  WOODBURY S FACIAL SOAP 3 Okn 25*  3  w-ot.n.,.. 25c 22-oi.Pk(. 23t OCTAGON SOAP 5 s-n    10e OCTAGON SOAP POWDERS 5     PkP. 1 1  j</t>
  </si>
  <si>
    <t>                                           Atlanta jJl^World The Nation's Only Colored Daily Newspaper VOLUME l^NUMBER 107 VTLAXTa. GA.. SUNDAY, SEPTEMBER S. I9    PRICE FIVE CENT</t>
  </si>
  <si>
    <t>                                           IF OVEREATING 1$ A SIN, I $       $ AM A SINNER*.* BUT ALKA-  IF 1      BAP EFFECTS  PlWffig. A GOOD appetite: hearty \_ ner; food that we like but that doesn't like us- of cours* we should "    good digestion govern appetite" but do we? Most of us don't and u a  we occasionally suffer from Acid Indigestion. Heartburn. Sour Stomach, or Gas in Stomach. When that happens to you Alka-Seltzex Try Alka-Seltzer too. tor Hem. Ache. Muscular Fatigue, "Morning AtW and Muscular Pains. Alka-Seltzer contains an    (sodium  ) which acts quickly be-, cause it is entirely dissolved and ready to go to work as soon u you swallow it. Alka-Seltztr also contains alkaline Duller salts which make the action of its analgesic more positive because they protect it and  up its action. Get AJUca-Scltzei at your 'J^rC: drug store in handy packages '[^ for ham* use or m! 4 5jL by the glass     ^eV lr</t>
  </si>
  <si>
    <t>                                           In The Social Realm</t>
  </si>
  <si>
    <t>                                           At eight o'clock tonight and tomorrow night the University Players will bring to the stage of the Little Theater (Spelman College) the three-act comedy "You Can't Take it With You" by the famous playwrights, Moss Hart and George S. Kaufman. Under the direction...</t>
  </si>
  <si>
    <t>                                           Frost Predicted This Morning                 "Frost to accompany a  ture drop to six degrees above freezing" was the weather mant prediction last night for thl5 room tag. The cold wave, pushed down from, the North, lowered the temperature of Southern cities Wednesday night.</t>
  </si>
  <si>
    <t>                                           YATES MILTON S 3 STORES  BOXES FOR  Cashmere Bouquet Set mm  k Woodbury Set 5 VC Kit-hard Hudnui TOILET SET ^*5 i 1-'--")- Tin 1      ; POWDER fc^ AA ^/^^^ v- I-:: oz. IJoitle TOILET WATER ^^fmW VARIETY OF TOTS ^^^f^ 2Sc up mL^^4/ j^^R^laR 1-98-2.98-3^0 The Gift"""'00 M^ Cocktail Sets Every Woman Knows ~~^^^^^^^Iib Six    -~se!)-     ' with Give her Niinnally'-.. Qidcklv Relietfe* AnK  (tla-ss space,  .l for ^1. 91 1A .;. COLDS H^ 5119 NuatullvV  - COUGHS I^^FI gic uam^ ibat     - Jvrtace/A. B^@'^a C..;n.ft pm.!1 i Mr.- -y-^-il   ,  living, auu ^KfiisiJKiudaDilBi^^^bvP'^jI delicious Chocolates. I ^^^^^^^^i Set 2Sc</t>
  </si>
  <si>
    <t>                                           MRS. DUGGED CARY honors Mrs. M. S. Davage with breakfast Saturday. 'September 1.10 a. m., at Morris Brown College.</t>
  </si>
  <si>
    <t>                                           DAILY CROSSWORD                 1. Warp-yam 4. To append 7. Pursue unrelentingly 10. Masculine same 12. Enthusiasm 13. Kind daisy 14. Egyptian god IS Metalhc rock 17. Bean or .burden 18. Region 20. Body or water 22. God or war 25- Habit 26. Draw 28. Land                 measures 29. Dessert 30. Born 31. Queer old fellow S3. Ruin 8*. Commotion 35. Piece of sculpture 88. Buns swiftly. asa brook 38. Masculine pronoun Cl. Body of water 42. Resort 45. Ascend 47. Palatable 49. Sharpens CO. A fulcrum pin 8L Insect B2. A number DOWN J-Ktnjof Unti 2.Makea holt in 3. Undeveloped  boot*.                 A. Region it Prohibltuc:st3 6. Colors 8 Negative reply 8. Comic 10 Cake of Indian meal 11 .Hewing tool 16 Radium .) 18. Kettle 19. Before 20. Skin openings 21. Beginning                 23. Spirit lamps 24. Fragrance 25 Joker 26 Title of respect 27 An * 29 Reads 32 Energy .) 33. Public . 35. Explosion 37 Music note 3$ A  o9. Metal 40. An herb 42. Blemish 43. Heap                 Yrktrnla.v** AaMtrr 44 Arabian seaport 4  . Selenium  i 45 Exclamation                 7  J WIO II 2c 21 ^7 22 23 2W 22  V^26 27 ^2 31 32 33 3S 3*~ MO ^7 M /^7 V2 V3 Vf     H6 7? W7       HI 5  "1 1  I     1      b/  Feature! ByoOlote. lac. l0"11</t>
  </si>
  <si>
    <t>http://search.proquest.com/docview/490632810/</t>
  </si>
  <si>
    <t>                                           Name 1 2 Negroes On Chicago Draft Boards                 CHICAGO. Oct. CANP) An- i nouncement Tuesday by Covcrnoi I Steele. the new governor who as- j sumed office last week:  Uw death of Henry Homer, gave l: J Negroes on the south side or Chi- I cage, places ou local draft boards. I Those  arc as follows: I James Eortck, 3431 South Michi- gan. George W. Bladrwell. 355! Vernon: Aaron l*. 3S30 Soinb Pvjcway; Claude W. Holman, 400 :- Richard- Jones. 452! South Parkway: Clifford E. Jones 4832 South Michigan; Leslie D. Abemathy. 3929 Vincennes; Elison j Murphy. 317      37th: Spcncci Dickerson. 4314 South Parkway.                 Robert It. Taylor. 5630 South Parkway; Curtis Stillvell, 70 East 6th Si ret: Roobort S. Harrison. CO41 South 1-arkway.</t>
  </si>
  <si>
    <t>                                           Santa Says 'Save In Rhodes-Wood's tajE!   !Christmas Sale!' 'n^sSa ^H 1 A A fl k V*"^^H Use Your a II I A ^^^^I^^^^^P^ I-'VING ROOM, BED ROOM Nothing Down KOufllBHHbS^K ^THji^'^ Ca*fc "Mr ^^^f FOOTSTOOLS J  SlITIi iii.lu'1-.lt-ml in Ulnc. Illtir ..r lirr^n 1    IT' M ^T  try.. M.l ~,c  nn (MC.^. . liH.l.iw.      ! ~-,.~,,.l q q q MKT.M. ". KMI .K". mill 5 lABl.k iin': I .30 J^ f e 3-PIECE BEDROOM SUITE I on" SO-95 -.^^JX^'X-sSc^^^-^cn   -'-l. an  H,,~C..,:          9 _M B MuU NothinC Down- SiW^TrJ^L El ^SSJ 4 50c Weekly w- \0 %J V V  tar=ai,,: ruii.~i^ ~-..t. FREE DINNER SET WITH THIS SUITE A. ton ^      **^s  r^i  ^M    [~I w,.-! ^V ^k m  r.       in .  .....I it.t.1           .v .~ IJOWtl II '"^ITl ~*;"rrr=~ Lounge Chair ^^^*"JJ"r"'J^^^^ I i^^^^^ep/^ BiCYCLES S29'50 "P And you muy   -      I-  /~^^6h^^J^BSS[ ^F .tSL"l^^:"::    Q QK ^^^^1  rh   ll.~n,.n null. I. ill Rl.i.-. Win- A Tl.dO jJ  B^^^*J^ IHH ^W or f.lwn     -.    ,i,.b..      . Tin- I \J lt*~T^^ /*!K^            r-.-r.ll.1r ~-         ! \*0 VW S ^W N'cilhintr Down .$1.00 Weekly L^^w^ y j SOFA BED KS 'j /^"H 6R0UP....7 PIECES *k 50  K/f $~^H I Th-   V.\ BK1~. n.o.l- hv IC^I r.~. 1. PiAm.V AS ^k ^^     y^^M Tt KK1). tilth Walniit- ~.~ool urmi. anil Tun. Cl ^4 ^B ^^^^WM^Bfl ~-*!rv Hi.. UV    .i - Hn (H'~*. 1^~ ^F ~^B9v^9B^B (-.  . KM) .KS and BW^~ ~~~^Whitehall at v</t>
  </si>
  <si>
    <t>                                           Get         Florida!                 ERNIE LEWIS Ercie Lewis is a crack end from Sca'tle. Washi-.gton where he :~Iaycd four years of scholastic football with Brfcadway High School An  pass receiver and terror at defensive work, Lewis is expec'.ed to solve many of the Acpie  on the flank this . lie U on the , end of the Edwin Moore-Ernie Lewis aerial combination which  to ro places tMs 'aU. LrwLi b 21 years of age. 6 l eet. and 2  in height, and weighs 190 pounds.</t>
  </si>
  <si>
    <t>                                           So your boy friend is going to be drafted--or. maybe it's Big Brother or Junior who'll be wearing O. D. for the next year.</t>
  </si>
  <si>
    <t>                                           THE WEATHER .Y CLOUDY: Temperature  of W degrees. j</t>
  </si>
  <si>
    <t>                                           GOODBYE fc.34 CXTUtNALLV  Uj DARK*! % SKIN 1 /\ i^ LIGHTER COMPLEXION Sagr "Good-Bye" to the too-dark enter akin, pimples mnd * (OH externally caused) that rob yoo G/         . TryOr.FRCDPal* mar s Skte Whltener  to directions, with package. Itabould  ct to  and brighten your  or   back. Only 25c           . Free Trial: i r^ad SeooatMleto GiOENOLCO., Inc. Deft. B- Atteota, Ga. I</t>
  </si>
  <si>
    <t>                                           Funeral Rites For Dr. Williams Today                 Rt  ARNOLD                 CHICAGO. 111.-  S N   - Thousands of Baptist dignitaries and high churchmen from many points in the nation invaded this city Tuesday to pay lost respects to their fallen chieftain. Dr. L K. Williams.                 This morning at II o clock at the j OUvct Baptist Church, where Dr. i Williams served as pos'.or until his passing recently in an airplane crash. Dr. A. L. Boone, pastor of Shlloh Baptist Church. Cleveland. Obio. and First Regional Vie" j president of the National Baptist Convention. Inc.. will deliver the main funeral eulogy. EXPECT MAMMOTH THRONG Stephen A. Griffln, chairman ol the Boar*' of Deacons at Olivet Baptist Church, estimated around forty or fifty thousand people will try to near the funeral services. The edifice wll! seat around     - ty-two hundred people. J Matthew Burgess, treasurer ol the National Baptist Sunday School and BTD Congress, said around 10,000' 4ert:ed the body of j Qbe deceased Baptist statesman Monday night, intimating that Around 1.000 people marched pas'. Dr. Williams- body Nevery hour  s it laid In state between a Christian and on American flag Tuesday. Some 5.000 viewed him at the funeral chapel. GEORGIANS ARRIVE FOR  Georgians arriving here by train Tuesday include Revs. L. A.                 ton. M. L. Klnc. Roland Smith, w. H. Borders; Mesdames L. ,L. CraiR and W P. McKinncy. A group from Alabama and Flonda. joined the Georgia delegation at Nashville. Tennessee. The organ at the church played continuously for several hours, while faithful members and Boy Scouts stood at attention as the people passed through the fashionable church. Trains arriving early this morning are expected to bring legions of people. Dr. D. V. Jemlson. Selraa, Ala., who has been elevated to the presidency of the National Baplst Convention, arrived Tuesday. Dr. J. w. Goodgame. pastor of Sixth Avenue Baptist Church. Birmingham. Ala, will present resolutions from his congregation this morning. POLITICAL SURVEY ON TRAIN A conductor on the crack Dixie Limited train conducted a political survey between Evansville. Ind.. and Chicago, among the Georgia. Florida and Alabama delegation The poll showed tbat President Roosevelt and Mr. Wlllkie ran neck and neck with both receiving fortyfive votes. Though Tuesday was Election Day. Chicago's huge Negro population showed signs of grief and mourning for Iier deceased favorite son. Lawyer W. R. Baynes Is not dead, but his wife has passed. It was Rev. w. H. Haynes who perished with Dr. Williams. It Va* rumored that two members of Olivet Baptist Church died when informed of Dr. Williams' passing.</t>
  </si>
  <si>
    <t>                                           CHICAGO, Ill.--(S N S)--Thousands of Baptist dignitaries and high churchmen from many points in the nation invaded this city Tuesday to pay last respects to their fallen chieftain, Dr. L. K. Williams.</t>
  </si>
  <si>
    <t>                                           NEGROES REPORTED VICTIMS OF GROSS INJUSTICES IN NAVY                 Birmingham Youth Discloses Evils To Race Newspapers                 Goodwin Worked Four Years, Twelve Days On Big Ship                 By WILLIAM FOWLKES                 ?roes In U:-.c!~- Sam's Navy are "rut ;n the brie" and  . trial \vhe:i they protest their :oi-!y position in the mess attendant rank their inability to im* to a   and the :ri.'.i!;s. . nces :md discriminations they ;;ct in the nation s sen                 -Wens* service, it was related here 1 ?unday. Shannon Goodwin, of Birming'::m. Ala., one cf sixteen colored youths discharged from the U. S. Philadelphia because they revealed to the Negro press the, treat, .now. accorded, members of Uic race  the "fighting sea dogs." as in the city en route home from Vorfolk. Va., where recruiting  authorities gave him his walking papers for being "undesirable"  nd "unfit" for sen-ice. Goodwin was loud in his con" of the treatment accorded him by forces of a nation hich is his r. land and which he sought to serve and advance in its employ. Alter four years and 12 days of service on the heavy battleship "Philadelphia" Goodwin warned that bis -country apparently wanted, no service by members of its most numerous minority group except in the bottom rank, starred with undesirable treatment. Condiions on the Philadelphia are considered a fair sample of the Navy as a whole. REVEALED TO TRESS The Alabama boy said that with two others he wrote a letter to the Negro press telling of "" conditions in the Navy. A copy of this letter w;is forwarded           _ from the Department of Navy in Washington to Commander Hambcrt Ziroli. of the Philadelphia. Immediately Ziroli got busy and ;tart,ed investigation of this "discontent" aboard ship. Goodwin said. All mess attendants, that is Negroes, abroad ship were called before him. one by one. and asked  the letter of protest. Goociwin said he admitted his part in writing when questioned. In answer to the question of why he wrote such a letter. Goodwin said he replied that he wanted the public to know the treatment ; accorded Negroes in the Navy, their j 'liability to get a change of rating. The commander is alleged to have told Goodwin that he would have j been placed in the brig for asking j a change. j Having no knowledge, of law. j Goodwin said he was tricked Into j  a statement telling of  decision to reveal Naval conditions. The next day he revealed names of he other letter writers upon a promise of "help in the mess" and signed his name to a statement that he and the others "willingly** put their signatures to an add is ion of he  protest. LOCKED IN BRIG On the next day. Goodwin and the  mess attendants were locked up in the brig as general court-martial prisoners. he said. The officers die! all they could to  down the prisoners' morale during the twenty days of imprisonment on 'he ship before they wore I  ent to Goat Island for sixteen days' :urther imprisonment. it. was MKtod. When the marine captain wens      San Fnmciseo for a brv,; ill "which to place the prisoners, lie  told the warden that they were "tough customers." The warden Is then said to have indirectly advised the boys to attempt to escape, knowing they would be shot in any such attempt. A marine is charged $1.05 tor shooting in any such instance, a dollar for the act and a nickel for the bullet, it wa.stated. Incoming mall of the prisoner; was censored and they were "      *#' what 10 write to the outside world. LOCKED UP AGAIN On November 28. the youths were released and sent to the recruiting stations .nearest Uieir homes and (Continued on Page t; Cot, 3)                 Birmingham Youth (Continacd from   ,~ j) places or enlistment. Three days later, travelling without guard. Goodwin said he arrived at Norfolk recruiting station where with others he wo.t  up for another seven days. Upon discharge. Goodwin, who had advanced from third clas to tint class men .  an average 3J5 rating of a    'Ublr 4Jwwa!i  .1 ': iii-mt tu join the Navy a^aln Tnr  , :  -    art    I'. S. Nawl Service and you     NOT  for re-      -                 mart. -For yen to  in any branch of the service weald be a (nod which will he detected by your  and which win  yoa to Imprisonment, forfeiture of pay and dishonorable discharge." The warning was signed by S. H. Gaiubrill.   com. . Upon Goodwin's  was written "undesirable'' for "." Hr was given transportation to Birmingham, a  wid cap unit  savings. Goodwill said It wus tlie custom that discharged mm be given money (or a  outfit, including a null and overcoat, but that he (ailed to get his,  from service aboard the Philadelphia along  Coodwin                 were Flist-CIaas Mess Attendants Byron Cedl Johnson and Jesse WUIard Watford; second-class mess class attendants Fiord Ovens.      Bonley. j. E. ponder. J. W. Ponder. Robert Turner, Amah Perry Cooper. G. B. Rice. H Robiaoon. J. H. Porter and Floyd St., Clair. Rone stood trial as to i toe usual case In  uch action. DISAPPOINTED WITH  Goodwin said he was -d with the Nitvy. which upon hi* bring  -" opportunity tor . education and .    said the Ule Ol a mess attendant was not onr to be  as "enjoyable." According to Goodwin, nws att^Qdar.ts get lip at 5:30 in the                 morning and have to work, ott and i on but never really off. to as much as 930 at night. A hall-hour Is given to tidying, alter which the attendants shine three or lour pairs of officers' shoes, dean up their room*, gather up their laundry, sometimes wash part ol it and then tbey may eat. In the me* room they must serve the officers and  their various desires. They must  three  of about two and one-halt hours dura, lion each  the    . Between1 meals and the  of tbe . the mess . ^ no place to go aboard ship, must  moving and appearing to be doing  or they caa be reported lor being the wrong places at the wrong time. The Utter reportedly                 It  and while the crew works  eight to lour dally, the mm  mutt mark that  and much more. BJack-fiu*   aboard ship ridicule Ute Negro raw. chapo Inins talk of -n   " and Soutiicm-bom  or low  wane Negroes w salute them  ren In their . Goodwin . There are constant threats, the strictest of  and  to enjoy the  usually   the *k'  mid other "grinding* JltunUuii-:. There is  and fc^rw lUon in naval chapels and  places -.  la the  . Tliere l-s ; to br but x mnb; attendant.                 Goodwin wm not sure of his future during the time ol questioning before he caught the bus for Alabama. He said he     engaged  woman in Portland.       . and that he expected there after    - Christmas !1 and go into  *~th the     he saved  years in ^V"*1' A.  by trade, he         to           a smaM *op OregOO    tarn up. He abo Dlays a trumpet. Befw departure. Goodwin  ald he  the Beoeral public would  prola* , to    Navy, which may soon stc I" SU* ta* 1" *   . of a   as    W ~*mi' nt thp</t>
  </si>
  <si>
    <t>                                           Negroes in Uncle Sam's Nary are "put in the brig" and discharged without trial when they protest their lowly position in the mess attendant rank their inability to rise to a higher rating and the insults, inconveniences and discriminations they get in the nation's sea...</t>
  </si>
  <si>
    <t>                                           IT Was Christmas Eve at the WORLD office...my thirteenth Christmas Ever at the office and thirteenth also for columnist. I. P Reynolds.</t>
  </si>
  <si>
    <t>                                           Xmas Cheer Fund Passes $160 Mark, But Is Still Short                 L P TO the "imc  retired from headquarters for a much-needed. Ions  rs^t. the 1940 Atlanta Ehilv WORLD Christmas Cheer Fund stood at S167.60, Uu still was $102.40 short of the amount of S270 raised in th'; complete U'39 campaign.                 A little less than a r.\~ek remains in the current dnw and there is a " "' of ..'.he 1939 tout. I: i, all left with the  public. If it exhibits the trus Christmas spirit and Christ is permitted to enter it-eir he?n?, they will give freely. Their  (will  the .-wi-fss of 'he latest nnd       urgent effort. In fact, many individuals, (Jub people, and ;!         h;~vc already been moved bv the Christ spirit. Already, thev have . Already, o hers are  dai!\. Slowly Inn surely, the 19*0 fund is mounting. The Blue Boar Social Cub contributed S2. instead ot -~1. as was.. !~ stated in Tuesday's i^sue ^t this nc-.v, and  deadline-  vet . v-amo from a bis- Person who ' his name as just "Yours Truly." 1 hh S2. added to the. additional ?!3 received Ti:cscl.iv nr, nil  he time c.i this report. linked with the previous  vj^X)  .he  total of S167.eO listed ah,-.ve. rhr.ee             for the in cash Turs/tav u-.-re D,ON OR AMOUNT Letter Carriers (Gate City Branch 172) Mr. R. B. Perry, president S 5.00 Mr. and Mrs. Charles Pritchard 445 Ash by St., .V.W. no Friendly Ten Gub Mrs. Willie Mae Lee, President 00 Independent Savings Club Mr. W. C. Crumley, president 09 Mrs. Ruth K. Williams ^00 Mrs. Ida Geer Jones inn TOTAL RECEIVED TUESDAY 13*00 PREVIOUS TOTAL 150 DEADLINE RECEIPTS GRAND TOTAL TO DATE S167.60 TOTAL SAME DATE LAST YEAR $183.97</t>
  </si>
  <si>
    <t>                                           UP TO the time officials retired from headquarters for a much-needed, long overdue rest, the 1940 Atlanta Daily WORLD Christmas Cheer Fund stood at $167.60, but still was $102.40 short of the amount of $270 raised in the complete 1939 campaign.</t>
  </si>
  <si>
    <t>                                           IN MEMORIAM                 In ; memory of our dear beloved one, Columbus Gat**, who departed this life three   today. We  yon so moch our tongues can never express the pain within our heart*. Mr*. Irene Gate*. Wife Mrs. Maltic CaUw. Mother Mr. C. W. Gate*. Fatjier</t>
  </si>
  <si>
    <t>                                           TIM TYLER                 -By Lyman Young</t>
  </si>
  <si>
    <t>                                           MADELINE JACKSON STARRING                 NEW YORK- (T Y   - Exofc Madeline Jackson, who billed "" has \won thousands   l stage admirers because or he: ability as a dancer this week, Is .sharing top- and headlines at the Brooklyn Star Theat-e here. Miss Jackson who hail* from Biruv . Alabama, will be remembered for her brilliant performance in New York, Cleveland CWcago, and Detroit site clubs.                 Man And Woman Convicted Of Manslaughter A man and woman were given voluntary manslaughter terms in Fultcn Superior court following a pica and jury conviction Monday. Upon his guilty plea to voluntary manslaughter. Milton Arnold was meted a sentence of from six- years in the Georgia penal system by Judge John   . Humphries. Arnold slew Clarence Hardin with a  on August 10.  an altercation between . it was slated. A sentence or  -toseven years was given a women listed as4 Mrs. Bessie Smith following her conviction on a voluntary manslaughter charge. She w"as tried for the October 5 knife slay-  of Rcbert "Wyatt. I Both Milton Arnold and Mrs. Smith were under indictment for: murder, but the offenses were re-  to the lesser charge of voluntary manslaughter. Convicted on a charge of shoot- ing at .  Bellamy was sent to prison to serve a term of from one-to- . Bellamy was tried for the October 20 assault with  to murder with a shotgun of Judge Parker Mobley. Jurors round him  of shooting at Mobley. Bellamy was aslo convicted on a charge of  of state liquor laws and given a twelve-month term to run concurrently with the term for shooting at another. i Rev. M. L. King Reported Dl The Rev. M. L. King, pastor of Ebeticzcr Baptist Church, was           under the care of a physician Monday. He became ill Sunday and was unable to conduct services at his church Sunday evening, it was reported.</t>
  </si>
  <si>
    <t>                                           Mid-Summer Affairs Hold Attention Of Gate City Clubs</t>
  </si>
  <si>
    <t>                                           Seek Million Dollars For Skegee, Chicago Airports                 Appeal Sent To Senate By Brown                 WASHINGTON, D. C- (SNS)- fhc Senate Appropriations Com: headed by Senator Alvln Adams (Dem.) Colorado, received the appeal of Edgar C. Brown, president of the United Government Employes, Inc., requesting Urn Congress earmark a million                 dollars of the $30,000,000 Civil Aeronautics Administration fund granted by the House Monday In BR10539 for Tuslcegee Institute. Tuskegee Alabama, and Harlem Air School. Chicago, conducted by National Airmen's Association Willa Brojin. director. This Supplemental National Defense Appropriation authorized expansion of the Nation-Wide air pilot training through the purchase of necessary land and adequate facilities. Favorable action by the Senate Appropriation Committee on Mr. Brown's, proposal would assure equal training for Negro Air pilots, which tner are sow almost       - -c-- NO NEGROES TRAINED Mr. Brown pointed that there are now in operation a. dozen more large well equipped airport* and pilot training centers in tht * and South supplying the TJ 3. Army with primary 'pilot training, but not one of which train; Negro air .pilots despite Public Law No. 18 and the Schwartz (Senator H. H. Schwartz. Dem., Wyoming) j amendment stating specifically that, "one or more of these aiz training schools shall be designated by the Civil Aeronautics Administration under rules and regulations prescribed by the Secretary of War fsr the training of any Negro Air ^ilot." It was also emphasize by the V Q. E.  that the CU'll Aeronautics Administration is prohibited by federal status. Public L*w No. 153. from denying the j benefits of the CAA pilot training program on account of race, creed or .color. This would be done unless funds are immediately utilized to pur chase land in the South where there are so airports or modern equipped air training fields for the use and Instruction of Negroes in flying equal to that provided foi all other American youth.   The demands of this matter become imperatively urgent in view of the "draft" law. which .also prohibits discrimination on the bash of race, or color and since hundreds of the 36400 colored draftees to be inducted* this year In the military service will be qualified and desirous of assignments to the 0. S. Army Air Corps. The purchase of land and the building of proper flying facilities by the CAA as Tuskegee Institute In Alabama and Chicago at the Harlem Air School, now under supervision of Negro instructors wil] afford a proper beginning for a nation wide air pilot training program for Negro citizens.</t>
  </si>
  <si>
    <t>                                           WASHINGTON, D. C.--(SNS)--The Senate Appropriations Committee headed by Senator Alvin Adams (Dem.) Colorado, received the appeal of Edgar G. Brown, president of the United Government Employes, Inc., requesting that Congress earmark a million...</t>
  </si>
  <si>
    <t>                                           F.D.R. and That Dog                 Her* iK that Scotty dog that accompanied President Roosevelt 02 his "trip in the Caribbean.     president pets him above during one of his                   president If now bade in T7' after stopping at Warm Sprlngi,   . ta route home.</t>
  </si>
  <si>
    <t>                                           4How To Be Happy' Borders' Subject                 How To Be Happy will be     I subject of the  the Rev. William Holmes Borders, pastor of Creator Wheat street Baptist church, will preach at the church Sunday morning at 11 o clock. The Jubilee Chorus will sing.</t>
  </si>
  <si>
    <t>                                           Says Industry Ready For Workable Creed                 NEW YORK.  SN3~- Industry i is ready for the presentation ol mature religion- dally, hourly." said Mr. Harry TJviller, Impartial Chairman and Administrator of the Dress Industry. New York City, before the 10th annual meeting of the Department of Race                 tions of the Federal Council or I Churches, held at Riverside Church litre. "If we can impress people with the view our great religions are taking toward their lite here and hereafter, we will be able to solve the question or rate industry as well as  everywhere." he con- . "It !s Impossible to hope that the people who are dedicated to a common interest* in the labor unions and employers will loose their race prejudices if they are i surrounded by it else where. The only groups that can overcome it I are the church and all organized religion."                 HOLD DISCUSSIONS With this keynote sounded to over seventy national church and community leaders of both races present, the program of the Depart- j mem Included all-day sessions with i seminar discussions with respect I to the Christian -Ideals In Industrial and church fields respectively. Mr. Mark Starr, educational director. International Ladies Garment Workers Union. Mrs. Maida Springer, a Ncgrfo worker and members of that Onion, and Mr. D. S. Sargent of the Consoli- j dated Edison Company shared the topic of the morning  interracial conditions in the Union and the Edison Company respectively and suggesting, the possibility of working; together in private council with church leaders. At the luncheon session the Rev I Allen Knight Chalmeis of Broad'-' way Tabernacle talked on the need for        realistic in questions of race, democracy, religious Ideals "We strive for an ideal tomorrow but borrow in the process, of iu  from the falsehoods of yesterday." said Dr. Chalmers. "We do not put our faith to the strength of our principles until    have made ourselves secure in the world s past falsehoods. .There Is an ideal about what this life can be. and to that ideal you must be true If you are being realistic at all." FELLOWSHIP DISCUSSED In the afternoon visiting ministers from New York and New Jersey joined in two hours discussion of methods of promoting interracial fellowship through their own churches. Givink a bird s-eye view of community conditions in certain areas of upstate New York. Dr. Murray S. Howland of Blnghamton cited cases where Interracial committees at work at one time faced a surprising amount of race prejudice in the schools, in the employment (Continued on Page 6, CoL S)                 Says Industry IContinrrd from      1) field, and - church groups Through acme programs of education.       :;l visitation to those in responsible position, wider  u-i:h members of both races and frank facing of facts by mini- :ters . much prowess has been made in -some areas. "I'eopl- In larger cities." stated Dr. Howland. "should come to a realization of the Isolated com- j munity of Negroes where there is i no hope for future development bcI cause they are not growing ir. numbers.... Also we should erase j the viewpoint that things have to be done FOR Negroes We have to face the  of the Ncero group in the lead and doing for itself and that white friends j should try to back them up I That view and point has helped I ia getting interest and financial support from white groups in some i cities." AGAINST FIXED DAV I Reading  from Negro ministers in the New York area who asked for comments on the observance of Race Relations Sunday. the Eev. Clay Maxwell. pastor Mt Olive Baptist Church,</t>
  </si>
  <si>
    <t>                                           NEW YORK. --(SNS)--Industry is ready for the presentation of mature religion--dally, hourly, said Mr. Harry Uviller, Impartial Chairman and Administrator of the Dress Industry. New York City, before the 10th annual meeting of the Department of Race...</t>
  </si>
  <si>
    <t>                                           Pleads Guilty To Slaying, Gets One Year                 Mis? Helen Newton. 21. of the rear or a Washington street, NE. .cs. was given a sentence ol one year Friday , in Fulton Superior Court upon her pica ol guilty to the slaying last June of 17-year-old Charlie Banks, alia* Mopp. of. the same address. She was sentenced by Judge A. L. Ethrtdgc. Judge Ethridgc ordered a mistr al in the case Thursday night when a Jury failed to reach a verdict after deliberating two and 3 half hours. The defendant said she  Banks engaged In a fight       ilic scolded him for molesting his own mother. She declared she stabbed him in - when he tried to strike her with n stove lid.</t>
  </si>
  <si>
    <t>                                           Judy and Anne Conova l^anj; ThomDson AND ORCHESTRA On Screen "The Captain is a Lady"</t>
  </si>
  <si>
    <t>                                           WORLD OF WOMEN</t>
  </si>
  <si>
    <t>                                           JOSHUA JOKES                 8jr i                  Brother 'Ball    ; Ylpm* *W*V lie. tat but mm     IM  M</t>
  </si>
  <si>
    <t>                                           MARSHALL, ...--(SNS)--Tne ...wildcats eoged the Arkansas Sate Lions bete here tonight by the count of 7-3 in the opening game on the locals Southwestern Conference schedule. The game started slowly and the teams battled 0-0 at the end of the half.</t>
  </si>
  <si>
    <t>                                           Versatile                 (Sonny) YOUNGER This fitted Clark sharpshooter ruled All-Conferenrr last campaign and is  up to jn   this year. The South Atlanta Panthers will need him ill his best with supreme            coming alone from all fronts in "41. However. Younger  have plenty of help in  Albert (Aibyl Hendersbn and Kara (Sugar) Coates. both AU-SIAC. and recruits Don Braithwaite, Rody Jacox. Rob Robinson and Broiler Bill Scrubbs, genially known as jus: "Billy."</t>
  </si>
  <si>
    <t>                                           The following listing is in effect from October 13 to 26. All time shown is Eastern Standard. Subtract 1 hour for Central time; 2 hours for Mountain and 3 hours for Pacific coast time. As is the unavoidable case in radio scheduling, all programs are subject to last...</t>
  </si>
  <si>
    <t>                                           I Style Firsts I '=* =*=~ i Pattern 264  HAS NEW WAISTLINE Keep those "home lire*" burning i warm welcome- by looking your most  self, in this pretty frock,  Tilden has plumed Pattern 2fi4 with an eye both to becoming appearance and  sewing effort. The entire front cf the frock !s cut in a staple piece, but the effect of a waistline dress is siren by. seams that slant In from the sides. A treatment thai means less sewing work and quick. sr. easier ironing! The softness the bodice is -in above these side scams and held smooth at the shoulders by darts. Buttons' vU a smart trim at both the shoulders and the waist. There's a choice of long or sort sleeves and there are two neckline versions: one V-shaped: the other a higher squared-V. Let colorful ric-rac edRC the neck and the shorter sleeve version. You might take advantage of the few pattern parts necessary to make this frock and select a plaid or checked fabric- for the matching of the pieces will be very easy. Send for this pattern now. and start off the new season with a new ! Pattern 354 is cut in mines* and women s sizes 12. 14. is. 18. 20. 30. tt. 34. 36. 38. 40 and 42. Size IS  ircs 3 yards 35 inch fabric and 1 1-2 yards ric-rac. Send FIFTEEN CENTS (ISrt in  for thk . WRITE CLEARLY SIZE NAME.  AND STYLE . Send * to ATLANTA DA1LX WORLD. 210 Atsbnrn Avenue. N. T._ Atlanta.   .</t>
  </si>
  <si>
    <t>                                           FREEZING WEATHER COMING! Equip Your Car Now with ANTI-FREEZE We Carry All Kind Standard Prices SKELTON S SERVICE STATION 295 Ashby SI.. SW.- 24 HOUR SERVICE- RA. 9.303</t>
  </si>
  <si>
    <t>                                           JJs Engaged                 The engagement of Mi!~ Hirlair. I  Green, ThoinaMJii. to I  R- J Weeks, Now York id Atlanta. Is. announced by the - mother and father. I. and Mrs. Elijah L Green, also r Tbomaston. The wedding will solemnized December at t.     's AME Church. TliomasMiss Grren is a 1937 graduate r Cark College and is now acuity member of Thoui. j Ylinine School. Mr. Wccts. a 1940  of Clark U principal of e Jasper County Trainitu School. I . Ga.</t>
  </si>
  <si>
    <t>                                           LOS ANGELES, (N P B)--The eyes of the nation are at present rightfully turned toward the west. The writer at this time, brings into focus one of the brightest members of that celestial body to yet scintilate across these western firmaments. In Ceelle Burke...</t>
  </si>
  <si>
    <t>                                           In each of these United States of America a political campaign is on in full blast. It marks a reckoning that comes every four years with a regularity that usually bespeaks progress despite the fact that so many of our citizens are constantly marching and may be called...</t>
  </si>
  <si>
    <t>                                           i* OST people wtu Use Dr. Mile* Anti-Pain POIj say  ooa pHl  relieves their headaches. In the regular package, Dr. Mies Anti-Pain Pills cost ooe penny each. In the  packages, ooe penny buys IVi  Why    *fc Yoo Try Dr. Mftt Anti-    PWs?  tute good,  ct , 80 not upset the stomach, con. taim no opiates or * . Yoo     be nj2  away from 1  store when you get jot*  attack of Headache, Neuralgia, or Muscular Ache* and Paxnx. 1 Why not get a package of Dr. MBea Anti-Paio Pills today and b*  for *           S F23*.  ?     . SS^SA g"3^gill^^^^aM^^^^^B ai fa^V^gg^-'^ IM</t>
  </si>
  <si>
    <t>                                           42nd Anniversary                 KEV. W. AD VMS  ol Chant! Hill Baptist  wiD celebrate his Csd birthday anniversary Monday night at Cbapel HUL Tbc  and  mends win honor him en that nicht. The Rer. Mr. Adams b abo the -moderator of the ML Herman Mbatonary Baptbt</t>
  </si>
  <si>
    <t>                                           THE BUSY BEE CLUB OF THE COSMOPOLITAN AME CHURCH held its last meeting with Mrs. Harriett Maddox, 575 Iwin street, N. F. A delicious repast was served by the hostess at the close of the meeting. Several visitors were introduced. The club meets today...</t>
  </si>
  <si>
    <t>                                           BUY N. A. A. C. P. CHRISTMAS SEALS 'A distinctive * \n silver on red  BOOKS Or 100-SLOO b u I Order /    N. A. A. C. P. i SO Fifth Ave, New York Citf I NERVOUS TENSION I Shorn la   and  I Tea in tot It company for yourself or         1m -      i* Tom, Nctvouj, "Kered-uj) Don't min oat on your thai* of tood timet. Tbt      tlrn* taxed  male* yon Wakafnl I tri*~bU- ttw.*              1 I Dr. Mile* Nenrta* b I ^*" formula com* s I H  under      Vision of  is on* at       '~ moH ^53  labor*~1^1      .</t>
  </si>
  <si>
    <t>                                           Patriotic Drama To Open                 Rehearsing for The American Way" which starts tonight at the City Audlisritun and continues through the 13th. art- Herbert Rawlinson. veteran character actor who takes Uic lead, and Miss Alice Richhour;, of 509 ManXord Way. Atlanta. A special section of       for this patriotic drama has been reserved for  patrons.</t>
  </si>
  <si>
    <t>                                           Gfrv""""--1 CHARGE -K iW S^fe dP***^ HIS GIFTS ^S P^f. y 62 P.,r  ,nS the poy L^T^ -i^-^ *t PEACHTREE MnViS.k'0"'' Frb l0"' ~"d '%i '.%* ^4*  - 7W to Brood \Li \^v His Fovorite    /s s*~re J ^4^T *8 C""' problem ol Sn Chnsrmoi 91ft ~)el  Hown J J.     "0^1 'w t diH.cull 01 it ~*m4 Just th.nk at f/ie SriJOr(Cj( h - "Ho$ hr a hobby'" "Docs he hkc rhc          " 1 no man ever "H he n ^-o.-'" Thee. iod,~. i,~ .he Xr. .n m town m had too many I"     'm AnJ '     we ho e /tA^V I I  d. oni.crs Hete ore tew ^ I j-k.  li -; 'A^TTTyc-^a^rw, .~.~3MI '^7 F"     ^. Mml w     ym ll  Hit      . 'l JL  Kl\Mj5i ^^B H *     C0   "          Myln         BttB^^ ".                 ^Q MJfiHKBlMlk . middy or  cent  to  car. 1 4SHB5^W ObJS^^BB^ A Jrylcv 'i/zj/^^^M^r*^.^ al ^*y 'his Xmas ^k^^^?S^i^^^B _^SS Wt 'l0*t tlie k""' ol        ~"0"r"Crit       oU fl ^^^^T^^B %~ ""l" "  the richest ot .  W I L^. T tft^B  Ci ~"nt . , blanket , terry and  B ILxJliMH lMp him wsw R 5/1-^5 $1O -SO I LEATHER  \k 1A ij JACKET  f*   n;M ,..~..M X-~ 1W1 ^~A^B ^m^M ws  m nt faf Mert*1 anting. ~^B tWi ^^L^BBBSl^/  WHW'</t>
  </si>
  <si>
    <t>                                           COLUMBIA IS still issuing platters waxed by Duke Ellington before he jumped to Victor. The latest pairs Country Gal with a re-issue, Jubilee Stomp. The first is in the Duke's best slow blue style, with sending solos by Hodge's alto, Cootie's trumpet and Brown's...</t>
  </si>
  <si>
    <t>                                           TIM TYLER -By Lyman Young                 FELIX, THE CAT _By Sullivan                 DOROTHY DARNIT -By Ghas. McManu.                 IT S A GREAT LIFE IF YOU DON'T WEAKEN - A _By Jaek                 -By Cy Hungerford</t>
  </si>
  <si>
    <t>                                           NEW YORK--(C)--From present indications. Harlem wil be well represented on Broadway this season. Ethel Waters' new play will soon greet the first nighters...and now comes news that Bill "Boniangles" Robinson will be co-starred with Phil Baker in "All In Fun" It's a Baker-Leonard Stillman musical and went into rehearsal October 14.</t>
  </si>
  <si>
    <t>                                           CAPTAIN JOHN EARL WHITE No relation lo     -*t (Hunky WhJU?, except !(i   and . Captain John Earl White, * tackle, JE u key man in CUrk't bid for victory  Morris Brown this afternoon at Ponce De Leon Park. He was. a consistent performer in 1939 and, like vinegar,     improved with ai(e. Coaches Ralph          and. La rkc Suber are banking heavily on Kim.</t>
  </si>
  <si>
    <t>                                           CAPITOL LUM ami ABNER in "DREAMING OUT LOUD'1</t>
  </si>
  <si>
    <t>                                           FfMTRAI I City ChampwThip Gamer Morris Brown vs. Clark 8..^ I wW I  THANKSGIVING DAY, THURSDAY, NOV. 21st 2 P.M. PONCE de LEON PARK AT GATE $1.10</t>
  </si>
  <si>
    <t>                                           DAILY CROSSWORD                 ACROSS 1 Fruit drink 4 Part of a locomotive 7 Broad smile a A culture medium 10 Mate: into a law 11 Rustic 1 3. SworO 11 Pennies (               * p**n IC ArSrniatiw vote 18. Clique 19. To toll L'l    verf 1M Forenrm bono L'8 American author 29. Near (po*l.) Eagor ^l. Avoid 32 Sweep of a scythe M. Salt :;7 Danish coin ::S A8     1 1          13. Proportion ID Shaped  a cupola 1G Sarcasm  7 Artifice 4K. Dispatch    Norse god M) Clrl'snamr DOWN l Arabia Caminp cube.s Entry 4.         "1 Uaf S Chill Hi. i fevr.                 buildings 7. Insect To rush 10. Letters 12 Permit i? Nevertheless 10. Sovereigns 1'fi. Midday .n.-al 21 Min.-nd spring 22. ChiWa 2C Riv#r  Sp.) n.'i Meadow                 26. Short sleep 27. Part or "to be" 29. A star 31. Hearing organ 33. Marvel Z4. Sorrowful Z:~ Below (naul.) 36. Boundary 3S. Want of tone 39. Discover 40. Plaything                 42. Like an   ) 44. Region                 y/WA I2 I3 Y/AH r 1* \ZV//. i:  I" j/X II 12 21 22 23 V/2H 2S 26 2  34 35 36^57 ^7 3  3H 5o "H V2 'ZZhzM vmr\ I ^aol 1 fe^ i..:.;t-..j l, Z;zt::,:t. lu..</t>
  </si>
  <si>
    <t>                                           Bailey Theatres GEORGE F1 Hump lire/ Bo,; rt in They Drive h.v ~'-'-J\." Also "t"u Miinchu" ROYAL "SCATTERBRAIN* with JUDY CANOVA Also Colored Short N\-   SPENCER TRACY in '"Northwest Passage" AUo "March of Time"</t>
  </si>
  <si>
    <t>                                           ^/^Mk Made of WWJunWmk soft VMl Mmr J^M Wheat</t>
  </si>
  <si>
    <t>                                           CAN REV. HERMAN E. Gore be duplicated as a revivalist preacher? Rev. B. L. Davis says the Rev Down, of Cleveland, can duplicate Rev. Gore. Remember Rev Davis introduced Rev. Gore to Atlantans. The question is: can he bring another revivalist to Atlanta...</t>
  </si>
  <si>
    <t>                                           JOSHUA JOKES                 By I. P. ReyaaU*                 A fellow who don art  is  ducked Mt.</t>
  </si>
  <si>
    <t>                                           FOOT MOREHOUSE vs. Tomorrow 2 O'clock -tickets-^ ,?ii*  A I L MORRIS BROWN Ponce De Leon Park EISSKb/.V^</t>
  </si>
  <si>
    <t>                                           Toledan Dies Of Heart Attack                 TOLEDO.                 (SNSt-                 Stephen Thomas. 46. of 821 Pmewood avenue, died in his home Monday  a heart attack The fire  rescu* squad attempted to revive the man but .'ailed. Survinns arc his wile. Johnetta. sons. John. George. Qbert. and WUlard:  Mrs. Lonnie B. Jackson. Ruih. Dorothy and Velma Thomas: father. George Thomas, in Arkansas. Somcts, wi!l be held in the                 Icy Funeral Home at 8:30 a. m 1. m. Fiiday snd at 9 a m. In St. Benedicts Church. Eurlal will b; In Calvary cemetery.</t>
  </si>
  <si>
    <t>                                           Special Christmas dinners, decorations, programs, religious services and other holiday festivities are on schedule for the officers and soldiers who will remain at Fort Benning d ... the Christmas and New Year's holidays, it was stated at post headquarters Monday.</t>
  </si>
  <si>
    <t>                                           Jesse 0. Thomas Sneaks In Florida                 Field Director of the National Urban League, Jesse Thomas.        through the city tram Ken York en route to Tampa. Florida, -where he is to be the guest speaker at the anneal meeting of the TarnDa Urban League. He wiU also speak at the open. Ing meeting of the Negro EMvWoo of the Community chest of St. Petersburg, on the  or the sist.                 By L P. KtTMUf Brother Bell   7       a f-llow is always  tor       oom  a*~di  (remit,</t>
  </si>
  <si>
    <t>                                           f i h 5Sflflp^pflP^P^P^^B^P^P^^P^P^^P^P^^9^P^^P^B^P^P^9^H^^H^E^H^^P^B^^   3 PLr ur ^ift^V Tnl5 it Arc m t I v/^'V "*r STERCHI S CHRISTMAS GIFT JUBlLEJE-^jU^NOWl 1 The South' S Largest Department Take your choice       above playthings for the little ones \*""^Eljf ^^BBSfc ^jit1'^ a Store of Honiefuruishinss for y *1-00 eac*1- 1 *  f M- English Oak Suite 10-Piece Living Room Croup Special! ~*~*-             ,  ?       i SS2^^*^\\' V^^rP!  fine  uit*  t vl^gF*'" t .1-rd.^y built, .i./ f M. S/^f^SrS^ftm-. ^^^^^^'^ra^M^B: WE CAN SAVE*  as I Furniture Account I g^^S^*4^~3^~t^^Lc^i Santa Claus</t>
  </si>
  <si>
    <t>                                           Yum! Yum! That Turkey Certainly Was Good'                 It ns turkey ami all the trimmings for Yonge Street pupils Thursday when they were       -J to a Christmas dinner in their new . Top p!toto  a * of Uic children  before (he 'cafeteria steam table and ing served by au adult worker       the federal - program. Bottom  *ho'.~s  of the         m:I:.m)1 win- also came for its .slur? of ~.pci-..J dln".cr. The nursery s:houl    -il^ 1340  at the Yoiik-Sti tc. School. The fci'.'rol ccv  nt through its Surplus FomlCf       'Ur. f^ a    eat deal of food to Vonce Street f it  free of charge lo  of families  to /-h them with  dirl--. Note (lie milk before each child in                 *he nursery school photo. (SNS Staff Photos)</t>
  </si>
  <si>
    <t>                                           ANOTHER FORWARD STEP FOR I If II K I I StaU Coll**e of             VI JLJ Jim 1.11. Wili Conduct Short Course In Livestock and Poultry Farming During January and February Low -Cost, 8 -Week Study Offered to Young Farmers, 18 Years Old and Older Sy ATHENS, beginning Monday, January * will be less than fifty dollars for 6, and continuing through February 28, the -* period, the Univcmtr of Georgia College of Agri- t0 ;,^ m  hf. culture will conduct Farm M,ort Course arc. Farm   ]^ Ui^o* Feed^s. for Ccorpa*  men Farm Dairvia?. Poultry Hu.,-, Crop  the latest and mont profitable mcth- VToJacAo^, Soil Manupcment, Poultry     lo be UKd m  and  Feeding and Markctinp, and Market - Clasbc. of Uvctock. Here's a real step forward for Ccorpa As part of onr natural interest in any agriculture an opportunity for aspiring  of Georgia's real development, thin young fanners to add to their fanning Company hopes that many young Georknov ledge quickly, thoroughly, and at pans will avail -      of this ~.            cost. The course is designed to  wve opportunity. Full detail* may Jmi ob. one normal  year s instruction in  from The College of Agriculture, two months; all absolutely necessary     University of Georgia, Athens. GEORGIA POWER COMPANY Agriculture Division Channing Cops, Manager</t>
  </si>
  <si>
    <t>                                           Bob Douglas grabbed up Sidal-Singh, not for box-office color or attraction as many observers are inclined to think, but because the basketball genius loves nothing so well as he does a world's title Clarence 'Puggy Bell should be the best courtette in the country this...</t>
  </si>
  <si>
    <t>                                           Alleged Safe Crackers Are Under Arrest                 George Buaklej. alleged leader cf a gang of safe crackers.  other suspects bad been captured Monday and booked on charges committing 13 robberies in and  Atlanta. Detective Superintendent J. A. McKlbben  the arested men as Bunkley. Andrew Bryant,  Lee. Richard 'Matthews; Grant Benjamin nod      brother Benjamin. Each of the suspects gave Atlanta addresses. Arresting officer quoted the men as admitting three recent Atlanta robberies and 10 robberies in other cities or the state. Tlie gang is believed to nave cracked safes in Cedartown. Xtvnan, Rodman. Sandersvlllc 31. McRae and Atlanta Bunkley was quoted by  as saying he was recently paroled while  a 15-year sentence for burglary. Detective McBObben was of     opinion that Buckley learned the "art" of  " sales while at Tattnall and recruited tog other five suspects when he was paroled.</t>
  </si>
  <si>
    <t>                                           55 Years Meted To Young Man, 22                 BIRMINGHAM. Ala.-                 -                 Court sentences aggregating 55  'were Imposed cm Willie , 22. Convicted on     charges of robbery and one criminal attack, in Clcrult court Tuesday. In each of the two robbery cases Ferkins was sentenced to a ten  term, and 35 years In the attach case. Perkins has still to face one charge of grand larceny according to city Solicitor Jim Long.</t>
  </si>
  <si>
    <t>                                           Woman Kicked In Mouth By Youth                 Miss Louise Lawrence, of 3TG Foundry Street, NW. w the victim of  and battery at the foot of on apparently lute white school boy In front of whom ah? stepped Tuesday morning to board street car. it was reported to city pol!~*. I The victim mid  he was  on the car at the corner of Peachtree and Docat.ur Streets around 3 o clock Tuesdav  when the incident occurred. One of n number of white schoolboys kicked her in the mouth after she BOt on the i street car In front of him, it was I stated. Police reported no arrest I in the case.</t>
  </si>
  <si>
    <t>                                           AUGUSTA, Ga.--(SNS) -- The Purple and White fleet of Paine College Lions swept over the purple and gold Hornets of Morris College, here Saturday afternoon to the tune of 13-0.</t>
  </si>
  <si>
    <t>                                           COACH EDWARD .J. (OX) CLEMONS' Lane Dragons were the hottest club in the Southern Intercollegiate Athletic Conference last week, shading Morris Brown 43-41 in an extra period and bagging the LeMoyne quintet 75 to 40 in what is generally regarded the largest winning team's total in conference history. The biggest previous victor's total the column can recall was Clark's figure in beating Fisk 69-57 several years go: S. C. State's total in whipping...</t>
  </si>
  <si>
    <t>                                           Not content with dominating Europe, Asia, and Africa. War the Insatiable has invaded the not-so-harmonious world of American music. Since December 31, the three major radio chains have boycotted all music controlled by the American Society of Composers. Authors and Publishers. Already the list of casualties includes "God Bless America", "The Rosary", "At Dawning", "St. Louis Pines", and practically every important American song published during the past fifty-six years.</t>
  </si>
  <si>
    <t>                                           Virginians Charge Draft Discrimination                 emporia:" var )^- a charge that Negroes required to router for selective military training at Bmporia. October "8. 'ere told by a soldier  at the front door of the armory to go *n the b.-cfe door hat been brought by members of the GreeflvlBe                 ty branch of the NAACP. The protest of the action Is disclosed in a letter addressed to an Emporia dally -bom. -F. A. Sealy. president or     Greenville NAACP unit. The letter follows: "It has been brought to my attention that Negro registrant*  (or registration at the Emporia armory building were told by soldier, placed at the vestibule building, that they po around and enter from the beck door. "The United States armory, in this instance, should not be considered as the private residence or anybody to so designate entrance to potential Negro soldiers, who came there to offer their lives, and in compliance with the conscription law. "It takes other than . ammunition, tanks and airplanes to win a war. Tt takes morale behind this equipment and If this morale Is broken or destroyed, woe be to thr  In which it happens. "We have such an example in what happened to France In   European war. but is this be the adherent trend that our American  Tnffihcs to  If we Intend to stop Hitler, if. and when he should attempt to  over here? It Is a very bad start:  stop It In time. We ask for the good of the service and for the stake of American democracy.''</t>
  </si>
  <si>
    <t>                                           EMPORIA, Va.--(ANP)-- A charge that Negroes required to register for selective military training at Emporia. October 6, were told by a soldier stationed at the front door of the armory to go to the back door has been brought by members of the Greenville...</t>
  </si>
  <si>
    <t>                                           When Add          , Got StoMocfc or Hesttbar* nuke     {~el   or  yoa, try Afln-Seltznr, which  ; buffers and as helps counteract the  Sbootts y^^        AyiditTi But flw Relief of tht^'  ^Meti b only ft       part of what you on expect ADo-Sehzer to do lor you. Yon will Sad it effective far Pain       in Bmiaeke, Nevnlgio, CoU* md          Aches nd fatas It  an analgesic, (~  ), made men  and effective in ita  action by  buffet VVOfltt Hlu ^POCK 9f MaTCBRMNB  make you feel tired and  out, enjoy the           effect of a glass of  toner Alka-Seteer. al Pwg Saw tt eat af  n ay tai</t>
  </si>
  <si>
    <t>                                           Will meet with Edward Brown, 279 Ashby Street, SW, today at 4 o'clock. All members are urged to be present. Edward Brown, president.</t>
  </si>
  <si>
    <t>                                           DALLAS, Texas --(SNS)-- Zip Gayles' Langston Lions clinched a share in the Southwestern Athletic Conference football title for 1940 Saturday when they toppled the hitherto undefeated, united Prairie View Panthers from the pinnacle with a surprising 8-0 pasting in a...</t>
  </si>
  <si>
    <t>                                           As Siegfried Kloffer sat in his first-class compartment on the train from Stralsund to Berlin he wondered again if von Wallenfels had had any ulterior motive in his remarks to him ... The immediate satisfaction be bad felt When he had pretended to declare himself...</t>
  </si>
  <si>
    <t>                                           Deciding in favor or Government Defense Service over pro basketball. Charles (tarzen) Cooper, great pivot man and center of the erst-while World Champion Renaissance quintet of New York City, has secured his release from the Bob Douglass outfit.</t>
  </si>
  <si>
    <t>                                           SAVANNAH, Ga.--At the Friday morning chapel service of Georgia State College, Dr. K. Clayton Powell, pastor of the Abyssinia Baptist church of New York City requested the cooperation of Negroes in solving current problems, in his address on "The Negro Church...</t>
  </si>
  <si>
    <t>                                           CHURCH-GOER IS ROBBED OF $7 CASH                 A bandu robbed Mrs. Annie U* Stewart or S3 r-js-h while s-hc wa.on her h;iv to church Sunday .  h? victim reported to rtf I police Monday. The       'rcd .~n Huntrr Strtet  Mitchfll it wns '-d. a toll man tt  a gun ~:is -il as the</t>
  </si>
  <si>
    <t>                                           Industrial Bank Has Biggest Year                 "Washington - Taking its place among the leading banks cf the country ihe Industrial bank of this city announced thai this year, the 5,769 Christmas Savings accounts handled S96.490.JU for the depositors in accounts ranging from 50c to $10 each. Doyle Mitchell, cashier, reports this is the _b!   .t year the bank has enjoyed and also that few of :he savings  were misdirected or tost so far. Already, the majority of the accounts have been cashed in. At present, the Industrial employs 12 persons to handle the j volumn of business it transacts. Not only does it service the colored people of the neighborhood, but governmental activities and buildings.</t>
  </si>
  <si>
    <t>                                           Despite the very Inclervent weather last Sunday Professor C. M. Clayton, principal of the Harring Street High School, Decatur. Georgia, was guest of Mrs. W. M. Scretchins's class of young men and delivered a very timely address to a group of interested...</t>
  </si>
  <si>
    <t>                                           XAVIER'S MIGHTY basketball empire is through with its 1941 SIAC road games, concluding a two-Week twelve-game road trip this evening against Tougaloo, a non-conference foe, out in Mississippi. Tougaloo was also met last night.</t>
  </si>
  <si>
    <t>                                           THE GREATER ALLEN TEMPLE PROGRESSIVE BOARD will meet Sunday, December 8th at the home of Mrs. and Mrs. Eddie Hill, 158 Brandon Street, at 3 o'clock. All members and friends arc asked to be present. Della Howard, president; Edith Rebecca...</t>
  </si>
  <si>
    <t>                                           STYLE FIRSTS **T/ P.  /I' LINGERIE TOUCHES OS I .V, 1 SLIM FROCK -rtT^v )^W  a     -~rf- as the I Z"1^ L^ i   "Abreast or the  li^v u.v;'/!.', budding twiB. is a flower-fresh f /O^-.l-:^:v)~5-\^!!~ IT/ Print frock with lingerie touches! k   ^\ij;\~\V/ L Pattern 304 is a -again style I ft MnM'~~'^?'X"\-*i il t!ms CXDertl.v designed by Claire V    ;S\*   "k;.-~?/ Tfldcn to sUm. flatter, and           S"%K/7 haac* the more mature figure. HM/ir* i-*T/?3f I That 1 W- - front r^Y-i'~'''~\~~ I . together with darts N^ Vi -;-r-'3~*\ 'hat slant in from either side r-    /Ssi^SA  U'c *'alst- K1^ woo*. PerQ iU Tv;M I  nt- Just one P81181 appears at TfT .'i "r.\ AX. thc       of the nicely cut skirt y'-  .vou seem taller: narrow'1 \s cr" Your  may ^e short, or 1 \iV 'n  three-quarter style: a LJ- f \V\ front-buckled belt is optional. The f '~!*-    4"c\jl rk \ pointed collar is  "k i 'I- 1-' * in(: on lts owc- Perhaps with butI"'' JfvmW  i 5 down ^hc center seam I I'" -"'fLv V VIK for          1 smartness. But for M'   ?iK?'V-'l^W a   1 '      . let a ^l i }"-N*iVV -i \l\ '~~-       jabot cascade down the r^fkP'^''--W'''\'^k/^9\ front- Make ;t of  or. h'~,lit;.' Z '~~%",~    ;~TK wndy. of foaming: lace or or  [~~~~".*}~!~ ''~~~~~~~'~'~']~?$ W  "J'elct embroidered batiste. i   *~**'..: '%Xrh:'?. ~"*.Vj7 Bith the rest of the frock. In one ^^'"*"*^ f v of ^oso small cool- print Vfli I m it dr-si!^'s- Youil find this x^-le a J{ Z I TU 3p   to stitch up. aided /-/SUjirYl Hill th^ clear consise Sew Chart! h J l/)\ y 111 Pnttcrn 304 is cut in women s CA-- I P I      'iw*   (. 36. 38. 40. 32- 44. 46 and ( T.l ttj 4S Size 36 requires 33-4 yards 39 ^-~fV^A\ I I lnch  nnd 1-2 yard . I m\/ S"1 1 'rir'^EX CENTS (15c) Jn I I \W\ \l\'\ 304 "~ll*s for U11"1 P"    . WRITE J I \Wto. Um^O^^^h cir^m.v . name, ad1 1    ^^^^V 2RESS AND       . W I IictW. Send orders to Atlanta. Dailj World. Pattern Derartment, 310 SSSSSSSSSSSSSKaSSZ      : A'tnuf. n'^ Creorjja.</t>
  </si>
  <si>
    <t>                                           Some smarty has found out that the average housewife, in the average sized apartment, with the average family--whatever that may be--tramps seven miles a day when going about her domestic business That's going places and not getting anywhere. When you stop to...</t>
  </si>
  <si>
    <t>                                           ENJOY a REAL FEAST Thanksgiving Dine At SUTTON S Special Thanksgiving Dinners 50 S CAFE J12 AUBURN AVE. JA. 8341</t>
  </si>
  <si>
    <t>                                           Just Hfk a Week Will Buy Either of These FineWatches^     K..IH   look and work ^fl^ -m like  than twice SS.9.V Thry'rr ^^^^QC Ihr  nun nrw   s\.y\t ^r ^kj^B%^^^ full* . and . ^k^V 50* A WEEK NATIONALLY ADVERTISED GIFTS AT CASH PRICES en EASY CREDIT TERMS Htnilun W.ukr. Cr..    B.di.. Bate,* WilckM i..: s.,.,r gis-,"*;: w.,,,,. -..i.k K.   Jrarlr;         , a    ..w. WXrkM Lonsinn Wlttnuun Wutchrs SCH!MEER S 48 WHITEHALL ST.</t>
  </si>
  <si>
    <t>                                           Madame Lydia Complete Life Reading 25c f\ T*Us LnekT Wj.l// N.me. *~d T\i v 7/7 ~*ym- she C\ V k m \fs    !     I *X life. F."    time in Atlantm  you can let fait life rada, far 25c. Now permanently located 297:'. Peachtrev Road at Kuckhead. Georgia 0 AM. io 9 P.M. Daily and Sunday</t>
  </si>
  <si>
    <t>                                           Lost articles can be retrieved through World classified columns. Call yours in today:</t>
  </si>
  <si>
    <t>                                           Capitol Theatre Sun. thru Wed. Ill-- SafuMsiy Evening Post's n:~~'.  :     sails tu 111*-" "Tugboat Annie Sails Again" with Mar.- Rambeau Alan Hale Jane Wyman and Ronald Reagan Wed.. Dee. 25th "WORLD OF PLEASURE REVUE" On Our       Bailey Theatres I I "MAN  - -l-) MILE- j I nn.l *Uo "Winnert of the Wc.f ROYAL EKKOh FI.YNN j Star ..f KOl'.JX HOOH in "THE SEA HAWK" j aUo "Fu Mftnchu'* ASHBY -A!:!! LINCOLN IN ILLINOIS' i v.if!. RAMOND MASSEY aUo 3 Other Picture*</t>
  </si>
  <si>
    <t>                                           100*~ WRONG CLUB Games j         f f in K K h     -i 3r hi bs e: 2 y Ky. State 20 IS 7 9 *l 0  7  62013] 5 Morris Brown  7 13 7 :}14;i4 I4:10  4 VVilberforcv 7 10 6 13 10-13 19 13; 7! 4 Florida j 10' 13' 13.14; 7- 7 1312 l-l' 5 Xavier 6: 0 6 0 6 0  6 7: 6 T 1 Southern :1  13 13 7', 13j 6; 7J 0 14 13: 9 CJ. S. Marines 7 7; 0; 7: 0' C! 0 10;i2i 6  2 Pacific ',14 13; 7;12j 6; 6; 7: 6' 0;12  8 Georgia 2.1 27 20 1340: 12 14' 7!20 13; 9 Miami 0 0; 0  6; 0j 6j 6J15:12j 7  1 Notre Dame j 6 7: 6 0' 7; 7:16 13! 7i 2 S. California :14 1314 13 12' 61   7    13j 8 Texas ;14 10 14 6 19, 614H920;i3  9 Florida i 6; 7j 6113. 7, 0; 7114! 6  7  1 S. M.U. ^lO 14 14-18! 3:141 6!19'14  9 Rice ;14! 7', 6: 7i 7^ 0  0! 7[12i 7  1 Texas Tech 119 13: 7- 6 1718I13! 3!13 13  9 San Francisco J14 C 6 13 0] 6; 610; 01 Oi 1 Villano\-a 10 13 7 Hi 0 0i 610: 0 6' 2 Auburn ;i4' 7 13 7 13 18 14 9 13! 7' 8 S. Carolina 19 13 1913 20 6 "  12 19 13  9 j Citadel 7 0; 0 7 0 0 614: 6 6  lj San Diego j 6 6 6 12 0 12^ 7 3: 6 12  4 Hawaii 7 13 7 6 6 6 6 7 13: 0; 6 Fresno State 27 10 19 13 13 6 13 14 13i 6; 9 Ark. State 0 7 0 7 7 21 0 12 6 0! 1 Alcorn ;660660 6'07 0!0 S. C. State .20 l.Ti:V 7 19 6 13 14 19 13;iO</t>
  </si>
  <si>
    <t>                                           kk OST people who use Dr. Miles m AnH-Pam Fills say that one pill usually relieves their . In the regular package, Dr. Miles Anti-Pain Pols cost one penny each. In the economy packages, one penny buys 1% pills. Why Don't You Try Dr. Mil*. Anti-Pain Pills? They taste good, act promptly, do not upset the stomach, contain no opiates or laxative medicines. You may be miles away from a, drug store when you get your next attack of Headache, Neuralgia, or Muscular Aches and Paau. Why not get a package of Dr. Miles Anti-Pain Pms today and be prepared tor emergencies? Bcmbr Fackat*. ZS VOm. 23*  Pkckago. 13 rob. SLM</t>
  </si>
  <si>
    <t>                                           CHEST COLDS For real, quirk   dun*** of an aching  cold and iu  rub on AIu.~UTo!r, a   "-". Better than a mustard plaster to help  up painful Ion!  tion! Made in 3 Kticnsth*.</t>
  </si>
  <si>
    <t>                                           Of unusual interest and significance to Atlantans will be the joint meeting of the Gate City and County Teachers associations, which will be held tomorrow afternoon at 3 o'clock at the Butler Street YMCA.</t>
  </si>
  <si>
    <t>                                           42 NEGROES ON 8 ADVISORY BOARDS IN FULTON COUNTY                 Group Will Assist In Draft Work                 Appointments Made By Gov. Rivers                 Following appointment by Governor Rivers. State Selective Service headquarter? Friday announced the names of members of eight advisory beards to Kejrro draft registrants for   Countv hoa rar'^TEiriarjre                  Istration. I The boards will aid Ncpro draft j  in preparing question. n.^lrcs or In developing evidence for appeals from classification by local i boards. i The boards as announced are: j FULTON BOARD NO. 1- S. W. Walker, chairman. 781 Fraser St.. S E. M M. Dowdeil. 89 Richardson Street. S E Jack Johnson. 626 Marl in Street-. S. E R. H. j Reeves. 404 Martin       . 3 E.: W. H. Scott. 39 Little Street. S. E E A. Polla-d. 531 Frascr Street. S S FULTON BOARD NO. 2- William .1. Truitt. 76i Fraser Street. S E M S. Davage. chairman. Clark University: J Neal Montgomery. 5TS Reed Street. S. E. Dr E. H. Martin. 188 McDonou^i Road and S. L Vaughn. 1U3 Ridge Avenue. Southeast FULTON BOARD NO 3- A T Walden. chairman. MO Westmnre Drive: S G. Sellers. 1337      -y Drive. S. W. Dr A. B. Cooper. 1391 Hunter Street. S E. .lames    Holloway. 681 Mitchell Street. S E and Dr C W. Reeves. 639 Fair Street. S W  BOARD NO. 4- B., T. Han'ey. chairman. 841 Fair Street. S. W.; Dr. R. H. Carter. 529 Tatt. nal Street. S W James Slade. Morris-        Collecc: Miles G Amos. 3 Ashtay Street. S W Dr B. F Anderson, 37v Sunset Avenue. (Continued on Tn^r Col. SI                 Group Will j (Continued from P*Ke I) s w. FULTON BOARD NO. 5- C. R. Yates. chairman. 1221 Hunter Road: R B. Osbome.. 220 Lawshe Court; H. M. Ivey. 28 Ashby St.. S W.; William M. Anderson. 567 McDaniel Street. E.; Oscar L. Huiel. 1040 McDaniel Street. S. W. FULTON BOARD NO. 6- William A. Robinson, chairman. 947 Hunter Street. S. W.: w. T. Cunninpham. 53G Rockwell Street. S. W. J. B. Blayton. 1235 Hunter Road; Joiin W. Willis. 1091 Sims- Street S. W.. Robert P. Gre^n. Mitchell Street. Sot/Jiwest. west.  BOARD NO. 7-^J. W. Dobbs chairman. 540 Houston St. N. E. Arthur L. Miller. 3C8 Antitr Avenue. N. E. Dr. C H. Johnson. 2i5 Boulevard N E- L. D. Milton. 410 Merrits Avenue N. E.. and         Crawford. 52 Boulevard. Northwest. FULTON BOARD NO. il- T. W. Holmes, chairman. 789 Boulevard. N. E.; W. L. Murdaugh. 403 Gartrell Street. N. E.: Hil'. L. Ferrell. 349 Irwin Street. N E: Felix A. Robinson. 371 Irwin St. N. E. and Benjamin F. Hurt, 347 Angler Avenue. N E.</t>
  </si>
  <si>
    <t>                                           Following appointment by Governor Rivers, State Selective Service headquarters Friday announced the names of members of eight advisory boards to Negro draft registrants for Fulton County boards with large Negro...</t>
  </si>
  <si>
    <t>                                           The Yellow Basket Social Club has planned a delicious menu for its many friends on Thursday night. December 5th at the assembly room at the YMCA. Mrs. Carter, president of Jolly Jarris Club and Mrs. Andrews of the Evening In Paris Club will be...</t>
  </si>
  <si>
    <t>                                           Road's End for Armstrong                 This picture, taken during the later rounds of the Henry ArrastronjjKritzie ZiTic  in Xw York, shows how Armstrong gamely fought nn. with his eye cut    ) L!!g profusely and with his jaw'^wollen The referee stopped the bout in ti.e  round giving Zivie thr- decision! Armsti'onR  he would retire from the ring.</t>
  </si>
  <si>
    <t>                                           Than Ohm tha    4 of Hanaf al Body Vaate     Iddiiii                                   - (  p        .   "5*~  M lov  T t"p aad . -_     altM  f   r Mxldir           l*   a *~i . *r</t>
  </si>
  <si>
    <t>                                           DALLAS, Texas.--(SNS)--Southern University's Jaguars and the Langton ... continued their neck and neck race for the runner up slot in the S.W. Conference football standings over the past week with victories over Texas College and Wiley, respectively...</t>
  </si>
  <si>
    <t>                                           Hitler Warns He'll Sink All i U.S. Aid Ships                 By The Srott Newspaper Syndicate                 - (SXS) Atlalph Hitler bluntly warned          that all United States ship.,  aid to Great Britain trill be sunk. In a special broadcast to the World, the Fuehrer proclaimed that Germany is ready to strike a mighty -blow 01  dk-ision- against Britain this spring. HiUer boasted thai Ger. many has secret weapons in  tor thr mighty assault on Britain by land, sea and air. He said that Girmany lias  cal- i       -  of the United States' aid to Britain and that the Keit-h stands  to cope with every eventuality of the American nation s Intervention.</t>
  </si>
  <si>
    <t>                                           Patiopiace [fill ^ service that we ife3  conduct is one of beauty,     dignity and  tion for the . ^^1 Only in this manner can 1^31 1Ce con'"lue       K^U] patronage. Knil AtK  WHOM Wt HAVE</t>
  </si>
  <si>
    <t>                                           Sunday we have planned a ... day. There will be a special Sunday School program for the children. At 11:30 a.m., the pastor will preach from the subject. "The Shadow of Death". At 3:30, the subject will be "A Banquet, A Pretty Woman. And A False Light"...</t>
  </si>
  <si>
    <t>                                           "I'm camping out there." Griff motioned in the general direction of the hangar Brent had told March about. "I just flew up from Kansas City this morning. It must have been spring or something--anyway, I had this unaccountable urge for the open spaces. But I've already...</t>
  </si>
  <si>
    <t>                                           Atlflnf a ^^^^SSIcsyX^ edition ^^*  -Vf**' f ir jj jf News"The Nation's Only Colored! Daily Newspaper z^. saar Atlanta. Georgia. Saturday. January 25, 1941 i ^</t>
  </si>
  <si>
    <t>                                           DON'T LET TRAFFIC THROW YOU FOR A LOSS CO TO THE GAME - CAR JSfffffErSSSSBSBSA ^ade YLmiUL^^^3WA Finest Y^KF^ H soft  HF^^^^r^   Wheat HL^^^^^H Ask  BBaB9      ^</t>
  </si>
  <si>
    <t>                                           HAMPTON INSTITUTE, Va.-- (SNS)-- The Hampton Institute Pirates pulled back the curtain of the 1941 basketball season on Saturday. January 11, by setting the Howard University Bisons on their heels by a 51 to 46 score on the Hampton court.</t>
  </si>
  <si>
    <t>                                           He Wanted To See His Master Inaugurated                 When President Roosevelt set  from the Executive Mansion in Washington to Uke Uie oath of office- as l- of the United States I for the third . his Scully pup -Falta'' couldn't  why he                 .vas -f  rft behind and a-.u- 1., become ;i stowaway in his mas.  -. The TrcMd.-nt ,,    led. ar.d li.rc is FalU  l.ikin; a presidential bawling out inr Iiis  attitude.</t>
  </si>
  <si>
    <t>                                           NOTICE WANTED 100 WAITERS APPLY TO W. M. Smith M the Ansley Hotel December 5, 194a at 1 p.m. 1AOGT people  Dr. UUai Aatl-     Fills ay tbat ocm    their       Am. Ib the  , Ob. HOm AbH-FUb Fflb eo* pnM Pwmt hoy* 1% Wfcr DmI     Try Dr.      JUH-P.fr Pat.? V^Hi l^V VpiHIBB V7 WMiufV ^" ^L^^ wI^m wm ^hm^ M^K    imOH j^^ Rl Jim I          4v 5imb A INMfar 4    mA Pkte I      aot stt a * of Dr. tarn - Pffli       aai; MID9SD93</t>
  </si>
  <si>
    <t>                                           Principles are the deep laws underlying life. Just as gravitation runs through every particle of matter from sun to sand grain, just electricity pervades all things, and chemical affinity works always and everywhere, so there are certain laws that eternally operate in events and...</t>
  </si>
  <si>
    <t>                                           JOSHUA JONES                 Br I* P. IUtmU*                 . Bell Mjrt the "Bof" budin. hi like tick and MsMmt . Kick If     4mi'1  tul aa Accident U yu to.</t>
  </si>
  <si>
    <t>                                           Hemophilia is a heredtiary disease occurring in males, but transmitted through the female characterized by a prolonged coagulation time of the blood and a tendency to hemorrhage, which may be spontaneous and may follow a slight trauma. There is...</t>
  </si>
  <si>
    <t>                                           PHILADELPHIA--(ANP)-- This city unanimously endorsed the ... honor paid Marian Anderson by her home town last week, when she ... given the much coveted Philadelphia award, more ... called the ... award.</t>
  </si>
  <si>
    <t>                                           BLUEBIRD RECORDS JACKSON, INC. 186 Auburn Aw. PA. 3977-78</t>
  </si>
  <si>
    <t>                                           In appreciation of their cooperation. Mrs. William Driskell, founder and president of the DermisCora College and the DermisKura Manufacturing Company, honored about seventy-five of the alumni members with a turkey dinner and party at the Driskeil...</t>
  </si>
  <si>
    <t>                                           Pay Hike For Rail Employes                 Red Caps And Car Waiters Are Included                 Wage  increases totaling more than $7,000,000 for some 70,000 railroad track workers, red caps, dining air waiters, office and other employees will become effective March 1, 1941, Colonel PhiJip B. Fleming,                 tor of the Wage and Hour Division. U. S. Department ol Labor announced Wednesday. The wage increase was ordered in approving a recommendation ijv the railroad carrier industry com . appointed under the R.ir labor Standard Act (Federal Wage and Hour Law). After an ' Investigation of wages paid by "faUr6ads. the committee under the chairmanship of Frank  1\ Graham, president of the University of North Carolina, recommended establishment of a minimum wage of 36 cents an hour for employees of trunk line  and 33 cents for short lines. "About 65.000 of the one million or more persons employed by the trunk line railroads and the Pullman Company, the Railway Express Agency, car loan companies and terminal  win receive a wage increase under the 36 cent minimum." Colonel Honing- said. "Some 5.000 of the 21.000 employe- or the short lines will be affected by the 33 cent minimum rate. As  are rising, the number of workers vhr. will receive wage increase on March 1 is probably larger than these figures which are on th; basis of studies made in 1S3~. 3RD LARGEST INCREASE I "This is (lie   wacc increase to be ordered under the Wage and Horn Law. The largest was In ihc  industry where a schedule of minimum wage rates from 32 1-2 cents up to 40  an hour Increased the rate of almost 200.000 workers. The second was the textile wage order which increased the rate of about 175.. 000 workers. The number of workers for whom wage rotes increase*; have been ordered under the Wage and Hour Law U now more than 600.000. All of Uicsc are engaged in the making of cloth or .1 except those under the paper." leather and railroad wage orders. It is estimated that about $35,000.000 more will be going into their pay envelopes on an annual basic "Work Is now under way in  for the eventual issuance of wage orders in all interstate industries which employ considerable numbers of workers at less, than 40 cents an hour. the Seal of the w.-yrc and Hour Law." 1939 STUDIES Railroads principally affected by the wage  on the basis ol 1830 studies made by the  nre: The Seaboard Airline Trill increase annually the wages of Its lowest paid employees by $6 J00: The Atlantic Coast Line by $611.000;     minoU Central (Including the Yazoo and Mississippi VaThy) by $443,000: The Texas and New Orleans by $413,000: The Southern Railway by $412,000; The Mlssour!Padfic by $385,000; The Central of Georgia by $212,000: The Southern Pacific by $165,000; The Louisville (Continued on Pare 5. Col S)                 Pay Hike (Continued P-cr I) i and Nai!- by SI.WI": Tli- Florida Eas'. Coast by SI 2". I"": The Louisiana  Arkansas.     J126.000. Tho ChicnRO. Rock Is- Iiind and Pacific by SIM.OOO: Thr I'.l^Uii:~l.    -Cv:i! Northern i j Texav  bv S'flfl.WO Olllrr tci.icU Wllidl tt.il h.llr In im.Tea.-c tilt: ;e rate nl '*  T.s ol   .i.v: Tiu- Ali.s.-ou:i-     .  - Texas by SOG-COO: Thr Tex.i.-. a:ul I'ucific by SS3.0CO: TI-.o Cult Co.tm 1 lines by $91.noc: Tnr A'.cl-.in.-o:i. 1 Tapcka and Suntii Fc by S31.0H0: j Til" SI. Louis-S.'ii P.-; mi.': sco bv SCrt.r OO: Tile X...Miv:!lf. c::al'.,iri(HC:i .a, (I .SI l/. bv SS."i (1(10; "liM St. I :       .\r..l.M h\ .v.'X. I A'.-!""!''!!!": I" ll^'li.-.. :.             j l.y I In- i.     :nl.-.. L'1'.. ,.l mot'- j j         .~ciI Ui:  . :i\\ ~-:n' :~ll    .UH' tvr-rr :.  tt r;*:~H.. I j -Hief! :i:. '"W.'rsln II      . L'lnncl I  hy :Miilu'i*n     ": ^ihi j li 000 employed by " Iuk Tlie  ol  workers wlio will  ihe \vaue *. i ;:re ^l     Uie ; table: CLERICAL AN I  STATION i FORCES i Telephone Switchboard Opurut- I i nrv :~llH '* As.sist.-mts- 17~: McssenaJis :md OfHcc    ^- LM48. JiUiilors and Cleaners- !iT0 j BacBuise. Parcel Room ;md SUitioti Attendants. -$70 Truckers . Wjirehoiuscs und PlHtfonnsi 1.843. Common Laborers "Stations. I Warehouses. Plmtornis nnd Grain Elevators i-  K. MLsccllMieo'j.s Employer* Under                 Clencal r.nri Station Forces- 501 M..WCT-: Or WAY ~; -I     11         !l!"ll' '.'P".T-'l.'jrj is:. fc'\tr* Cmuz \T*n- sk:;;; SrcUnnmrn *JI.7^R. I M:iiii:~-n:m:v i,{ Way (ii ; j oth T than fc"xlr;i (Jans Men* Gardeners and Farmers 008. Crossing ;ind Brirtsi' Flaumcn :ind Gn'cmon- 0.928 Miscrlluncciti MaiKiiinnncc- of Way       - sr.'. MUll' ClIAIT cil UCI* Ouch Cleaner.- TXS. M1OP LXBOKEa CRttCI1 Classifu-d Laborers 'Shop-. En-          .s ar.d Vowcr Plants)- 1.83K (.;~.%!:iTii I           'Shops. Engine- h UK.-. ;u-.ri Power Pjnnui- '. Gi'tirr.il l.i ;. 'Sttires and R;'i !::n:ili"!i  Tmibrr Tlf.^ i lant.si . i : i-.i ii-kt. i.ir rii: CRour i i U'.mi.-, Mi.-..'-"~.'U'.. "i Unii'i; I t i t I Kilili-it .' .~;~nr:.tn*c, oi Oinin: CaiM Mi.-~~-ll.^ Dining. Itullct. itc Car Croup TOt'.. POLICE DEl'AKT. C.KOfl* Watchmen- i"s). Sn'itchir.i: and Terminal Co:r.' Employct-. 2.5M. Railway Express Agency Ernalovocs 7(TJ. i Pnllnian Company Employees- I Car L";;n Conipann's Eiiiployca -724. KmploviHv; hi Electric RaUro-ads which are a parl of the Steam Railroad System 371.     CHN Short Lira- Railroad Employees cent ' 5300.</t>
  </si>
  <si>
    <t>                                           Wage rate increases totaling more than $7,000,000 for some 70,000 railroad track workers, red caps, dining car waiters, office and other employees will become effective March 1, 1941, Colonel Philip B. Fleming...</t>
  </si>
  <si>
    <t>                                           Here is a mighty good statement made by Mr. Claude Mullivan, a letter carrier: "A man prays for what he wants but God gives him what he needs and sometimes trouble is what he needs to purge him and make him trust Him.</t>
  </si>
  <si>
    <t>                                           ^J^ KRAFT FRENCH    \ DRESSING</t>
  </si>
  <si>
    <t>                                           Atlanta Jlljjp'torM Published DAILY and SUNDAY nt 210 Auburn Avenue By ATLANTA DAILY WORLD PUBLISHING CO. Telephones: WAlnut 1459 1460 Member of SCOTT NEWSPAPER SYNDICATE Established ug. 5. 1928: Became Daily March 13. 1932 W. A. Scott, n. Founder and Publisher. Au?. 5. 1928, to Feb. 7. 1934 Entered in the Post Office a: Atlanta. Ga.. as -class mail under the Art of Concress. March 3. 1879 C. A. SCOTT General Manager CUFF MACKAy" Managing Editor LUCIUS L. .3 Associate and Sports Editor DAILY:-1 Year. $82!,; 6 McS.. ~~.75: 3 Mos.. S2.50: 1 Mo, 90c SATURDAY ONLY:- 1 Year. S3.00; 6 Mos. $2.00: 3 Me*. S!   Canada: 1 Year. $450: 6 Mos.. S2.75: Foreign: 1 Year. SS.50 NaUonal Advertising ReprewntaUve: W. B. ?-lFF CO. C08 S. Dearborn St.. Chi-^Ro. IU.. 381 4th Ave.. New York. N. Y. The ATLANTA DAILY WORLD is an independent newspaper- non-      -.  news unbiasedly and ! those  it believes to be to the interest of its readers and opposing those things       ;i the interest of its readers. Address ALL COMMUNICATIONS to and make CHECKS payable ATLANTA  WORLD, rather  to individuals. The WORLD expressly :,vs res*ons.bi1ity for return of unsolicited picture*, manuscripts, etc.. x:nless stamps arc sent</t>
  </si>
  <si>
    <t>                                           The Clark University Panthers, on the vengeange trail following a dramatic upset by Florida A. and M. College the past Saturday night at Sunset Casino, are drawn in Tallahassee today for what should be a stirring loop battle against the Men in Orange, currently holding down runner-up position in the Southern intercollegiate Athletic Conference.</t>
  </si>
  <si>
    <t>                                           Carrying a Torch                 Mayor LaGuardla Carrying a. torch, but not because of a hapless love affair. Mayor Fiorello LaGuardia of New York is shown above as he prepared to       officially the work of  down the Second avenue elevated. He    wearing a torch mask and carrying torch gloves.</t>
  </si>
  <si>
    <t>                                           JONESBORC, Tenn.--"Wholesome recreation, preferably in the out doors, is a most effective deterrent to crime and disease, and must be adopted as a part or the program of life by the Negro racial group if the race is to survive," was emphasized in an...</t>
  </si>
  <si>
    <t>                                           T. E. M.--I went steady with this buy for 6 years, and we busted up 3 months ago but he tells me he will always love me. Now I love him too and I want to know what to do. I told him once that when I married I would never live with my husband's people. Is this one...</t>
  </si>
  <si>
    <t>                                           UNION RACKETEERING HINDERING DEFENSE WORK, TEXAN CHARGES                 Says Race Barred In Training                 Lack of Trained Men in Industry Cited as Result                 By JOHN H. THOMPSON                 HOUSTON- KA N   - Backetterioe  both CIO and AF of L Unions in this state Is seriously hindering defense work. C: W. Rice, militant,  leader and  of the Ncjro labor Seva. solo Negro labor paper, declared in two of a aerie*, of editorials in                 his paper. Mr. Rice na.s recently completed an  tour of the state in the interest of labor and according to him finds racketeering : on numerous defense projects His editorials declare that unions arr charging workers, both union and non-unions, enormous sums to join locals and that these ;ums are pocketed by die organizers. Said Uic article "Labor bosses und racketeers from the overworked territories of the North and 1-Ea.t, are shif Ik*  headquarters to :his state and mapping plans ic control the defense Industries here and will organise all other industries.. The defense projects will be the arsenal through which the unions and racketeers will get control of other Industries." UNIONIZATION NECESSARY Rice further contends that the National Labor Relations act almost "made it necessary tor a worker to Join, a union to work at a. legal occupation.' Ee says tha; union workers represent about 20 percent of the workers of the state and are -forcing contractors to  contracts to use all union labor, both skilled and un- though they are unable to furnish enough or either for their membership.'" Citing Camp Wallace, near GaIveston. Rice said in his editorial that often workers who have paid from -$16 to $200 to join unions are fired as soon as they haw earned enough to pay their union dues." Even union men with paid up cards from other towns, though their union is a national ooe.     being made to pay to join the local unions, he charged. Goinj still further the editorial sauted that a labor leader in Calvexton had made enough the first weeks, under the new rulings tel up by a local court, to buy s car. home mid vacant lot and always carry a large roll of money. Before the project started at "Camp Wallace this union official is said to have been practically (Continaed en Page CoL 1)                 Says Race I (Continued from Page broke." PROHIBIT TRADES TRAINING IC2 the fact that labor. unions nave barred Negroes from their rolls over a long period of lime. Rice said they have prohibited school boards from setting up  schools or the Negroes who desire training at trades. Speaking of the lack of trained men in unions today. Mi*. Sice said "that defense Jobs throughout the Joimtry are calling for men with high skills in various trades: there Is a definite shortage; we do have many Negroes who are capable of filling these Jobs but they are barred from securing them because they cannot join a lily-white union: Schools throughout our state and perhaps the country, are  Nesro youth training, not in skilled trades but in the semiskilled and unskilled trades." Workers on the various projects in Texas are required to Join unions .but are not asked to attend meetings. Rice charged. And. according to him. labor in this "state Is puzzled, is asking the question: -Why is it necessary to Join un- i ions to work on government jobs?1It is charged in this editorial that unions are disrupting projects, fomenting strikes, sending their  in to mTS* shorter hours i and more     in the industries. t LOSS OF FREEDOM SEEN Avowing bis belief In bona- unions and Uk- right of workers tc have collecting bargaining. Rice  a wrung to labor when he stated that the thinking "worker, white or black, should sense the grave danger in the present labor situation., .it is likely to soon cause the leas of liberty and freedom, inherent to every man." The article concludes with tub pertinent statement: "It Is paradoxical for America, to talk about becoming the arsenal c( Democracy when workers are  and barred from unions, denied a chance to work and arr in no better condition from an economic standpoint  those workers Hitler has captured." Mr. Rice has been a leader ui the labor movement for nearly tvo "decades.     conducted the Labur News, an . for Negro workers for the past ten. years, is Known nationally as a leader with . and courage.</t>
  </si>
  <si>
    <t>                                           HOUSTON--(ANP)--Racketeering among both CIO and ... of L Unions in this state is seriously hindering defense work, C. W. Rice, militant labor leader and editor of the Negro Labor News, solo Negro labor paper, declared in two of a series of editorials in...</t>
  </si>
  <si>
    <t>                                           Speaks Today                 Forrester B. Washinslon. director of the AUar.u School of Social Work, who will o" local problem* In  work on * pr^ during the   inc^thc Ninth Annoil Vocation, a) "Oppertonity Cunpaicn to be held M Wen  Street Baptist  at three o clock (ESTI      .</t>
  </si>
  <si>
    <t>                                           The Second Session of the Woman's Missionary Society of the Georgia Conference CME Church met December 13-15 at St. Luke's Church, Hartwell.</t>
  </si>
  <si>
    <t>                                           Sunday Crime At Usual Peak Past Sabbath Day                 James High aim David Allison. 20 and IS, of 554, Jones Avenue  were  for pistol Ore irom the hands of Curtis Miller. 30. son Simpson Road at 12 p. m. Sun_ No  scored, on either, mnh.                 Mrs. Clara. Baker. 25. rear 803 Yorkshire Road, was stabbed in the right side of the stomach at 6:3S p. m. Sunday as she awaited a street car at Georgia Avenue and Fraser St. Her estranged husband. Ear! j Baker, is  with the crime which was perpetrated with a i switch blade knife. The victim does not know where Baker lives ot where he work*;. She was admitted j to Grady. i Will Smith, alias 'Pap.' S3. 14j j Moore Street, was stabbed in Uio chest and lungs and admitted to Grady in s serious condition Sunday . The attacks occurred at 2:25 p. m.. rear 288 Decatur Street. Police are seeking Johnnie Green 30. rear of 288 Decatur Street Apartment 0. According to witnesses the victim was assisting a drunk man into apartment 7. when Green rushed out telling the victim he  "too much mouth."1 They claim no visible provocation occurred to bring the  such action. Smith's condition wut listed as serious.</t>
  </si>
  <si>
    <t>                                           James High and David Allison, 20 and 18, of 554, Jones Avenue were targets for pistol fire from the hands of Curtis Miller, 30, 559 Simpson Road at 12 p. m. Sunday, No hits were scored on either man.</t>
  </si>
  <si>
    <t>                                           Final Rites Today For Mrs. Wragg, Ex-Atiantan                 The remains of Mrs. Jessie WragK, former Ailant.-m :md wile of the Lite Dr. W. P. Wracc will Or  here ni. Soulhvirw tins afternoon at o clock. Mrs. Wracci died Saturday in Brooklyn. New York. She u-us  known here  lier association with her  who was one of the :  s ol ine American Bible Society. Dr. D. H. SStanton. nn Amrnr.i"       SSocirlv -ial. will :n Jliarce of..crii:        at tin1 -. OUier ministers will parl.         . Funeral "nti vicon tor l.Ur ^:   .f I                 v.i-rc held Tuesday hi the Old Bible I Houvj in AMor I 'lace. N. Y.. with Dr. G. DarliiiRion. treasurer or the I American Bible Society. officiated. Following the ceremonies at I Astor Pl:ire. the body was -d i to LotiK Island where it. . . Tlic ashes were scut to AlUmm for bu:ial. Here  New York fi.r ihc Imiil    -.~. are thr  iliin--,ii iM-    ihr -:. Mrs. .f;*.    - l*". Cionvan^n;    .   . .1 Priiv. Mrs. C. W.   ' ann I'lnf I. C. Goiizniali.</t>
  </si>
  <si>
    <t>                                           GOLDEN GLOBE SOCIAL AND SAVINGS CLUB met with Mr. Alton Kelly, entertained by. Mr. Walter Gray. Next meeting with Mr. Robert Gaither 343 Houston St., N.E., at 8:30 sharp, Mr. Walter Jones, president: Mr. Walter Gray, reporter.</t>
  </si>
  <si>
    <t>                                           Sunday, February 26 was truly a high day at Fort Street. The Rev. P. L. Inman. District Superintendent, brought to us two inspiring messages; and the people went from each service rejoicing. The business session was held Monday evening, with practically all...</t>
  </si>
  <si>
    <t>                                           ROBERTS, Mr. Wm. Reeves--The friends and relatives of Mrs. Annie M.Roberts, Miss Gwendolyn Roberts, Messrs. Charles F. and James A. Roberta, Mr. and Mrs. Mannie Mack, and family, Mrs. Carole Boaston, Mr. McNell Roberts of N. Y. City Prof. O. W...</t>
  </si>
  <si>
    <t>                                           Fifth District Teachers Will Hear Cousins                 R. L. Cousins supervisor ef the colored division or the State Department of Education, and M. D. Mobley, Director of the Narional Dcfen.se JTOgram of Ceorgla. will be principal speakers at the meeting or Fifth District teacher; -u* morning in     cafeteria                 at. Boofc.T T. Washington High school. Cousin:; will speak on  Southern stairs are doing to promote graduate work among Negroes and to equalize salaries of  and Necro teachers, while Mr. Motley will  on "Offerings of tfw National Drfen.se Proftrnm oi Attorney A T- Wnlden will  on "Leeal Aspects of Equal Economic and Educational Opportunities for Negroes." P. U. Whotley, NYA Wort PUjininc Supervisor, uill speak oiv"OpportunJUes      ^       3~!To"=05l-or- Youth." A quartet' composed of Misses Mahala Smith. I. G. Johnson. E. Renfro and Mrs. R. C. Dbtou will render two selections, while Miss Smith will sine two . Mi^s Annie E. Massey also will .-ins a folo. The meeting will point toward the state  In Augusta April Bill. C. L-. Harper, principal of Washington High School, is president or the Fifth Dttrict tc^. while Mrs. L. D. Shivery secretary.</t>
  </si>
  <si>
    <t>                                           R. L. Cousins supervisor of the colored division of the State Department of Education, and M. D. Mobley, Director of the National Defense program of Georgia, will be principal speakers at the meeting of Fifth District teachers tomorrow morning in the cafeteria...</t>
  </si>
  <si>
    <t>                                           DOES. KEUjr '                 8 Ca. -Ylfts. Neffli Whit* passed      here WcdnctfS day after a lingering Ulocss.      rites were conducted from : Macedonia Baptist  ! the Rev. H. Flower,                         'M By l P. EajnaMa J BrotlMr BeU wjr* two 'VMa dont omIco a right but too mfl wrongs   a</t>
  </si>
  <si>
    <t>                                           "SHOULD EVER you grab the bull by the horns. be sure that your hands don't slip have tried to sweeten a dunghill unit lavender water, and a bad living man may keep up a good character by au outward shew of religion.--but in the long rum it will turn out to be a losing game.</t>
  </si>
  <si>
    <t>                                           "Easter Egg" To Be Funeralized                 Mrs. Mattie McDuttie. famil-  known as Easter Egg. on Auburn Avenue, passed at her residence. 644 Irwin Street. Tuesday. February 13. Funeral serv- Ices will be conducted this Thursday, at 2 p. m. from the Chapel of Cox Brothers Morticians, -with Rev. D. T. Bibcock and others I                 officiating-. Interment win be .In South View Cenctcry.</t>
  </si>
  <si>
    <t>                                           Find 39-Year-OId Atlantan Dead                 Robert Perkins. 29. 442 Chamberlain Street, was found dead Sunday  at S:IU o clock- in bed. Dr. H. M. Holmes examined the deceased and made the announcement. The wife of tin- di'.v.ised ~'.is sitting with  Uvceused person when notified of tier           '.i . The dead man was  by Marion Walker of tUc same address. The Coroner's  will be held Monday or Tuesday.</t>
  </si>
  <si>
    <t>                                           Traditionally, the Morris Brown-Clark basketball game tonight at Sunset Casino at 8 o'clock brings together bitter rivals which have always held a grudge in their hearts and rivals which Usually play a brand a ball that keeps the spectators in a frenzied passion of...</t>
  </si>
  <si>
    <t>                                           WOMEN, here s 2-way relief!                 Month  month, some  go on suffering from periodic functional pain and discomfort. Then they learn the help of CARDUI! Probably that is because CARDUI increase!) appetite and the flow of gastric juice; so aids digestion, and helps build up strength, , physical                 for many. That's one way i it may relieve periodic pain due only to functional causes. But it may also help relieve periodic distress if you start tak- j  it by the directions 3 days before your time. Remember, j modem facts and over 50 years of popularity invite your confidence in CAttDUL I</t>
  </si>
  <si>
    <t>                                           I THOUGHT YOU 1 1 I TOOK AN 1 HAD A HEADACHE. ALKA-$? HOW COME VOU AND CHAD S THE FEEL $0 GAY? J [THING AWAY. . ~^~X/yj^ ALKA SELTZER  unusually prompt and of-  relief in Headache j because ii is in complete solution, ready to go to work as boon as you swallow it. Its  action is made j more positive by alkaline buf- fcrs. which protect it from breakdown in the stomach. Alka-Sci'. being a combination of ; and alka- lizing ingredients, has gained wide usage and popularity among those who occasionally suffer from .4cid Indigestion, Cold Symptoms, "Morning After' muery. Muscular Fa- j tigue and Muscular Pains. I Alka-Seltzer is pleasant to take, non-laxative, prompt and j effective in action. Your  has AUti-Sdtier in handy small and econom-        for  tur, er he "ill bf  io V-^if   ^r vea r jb.;. f*~)</t>
  </si>
  <si>
    <t>                                           The Elementary Girl Reserve "At Home" held at the YWCA on Wednesday, March 26. was a most enjoyable affair. From four until six, music gay laughter, dancing feet, and the delicious aroma of spices and good things to eat transformed the building to eat transformed the building into a...</t>
  </si>
  <si>
    <t>                                           Donald Grant Speaks Tonight At University                 Donald Grant. Scottish author i ond lecturer who has been honor- Ml by the Universities of Vienna and Innsbruck, will speak  at 7:30 o clock at a forum in ihe J Atlanta university library. HU i  will be "A New Order in j the Orient". j For several days Mr. Crani j has been visiting in Atlanta as gui-st of Speunan College. Yesterday, before a large gathering ot faculty and students of Atlanta                 University. Morehouse College, and Spelman College, he surveyed conditions in Europe and Africa in a lecture entitled "Britain Now Strikes- War in the Mediterranean and Africa". He is recently from London, where he has  for Uic past seven years. Mr. Oranfs. hobby Is golf. During his sojourn in Atlanta, he has l.layed with Bobby Jones and Charlie Yaten. At various times he has also played with practically all of the great gotten of Biltaw,</t>
  </si>
  <si>
    <t>                                           Atlanta  World The Nation's Only Colored Daily Newspaper ~'^='   " UME NVUb*i* ZM -.                  Price five Cents</t>
  </si>
  <si>
    <t>                                           Ail i /    ^Jii^i?B^\ ttt i CITY Atlanta       World edition ^N-Io.'.O.IvColor.d Daily tWp^r  FiyQ VOLUME 13. NUMBER 181 ATLANTA. GA.. THURSDAY. NOVEMBER 21. 1940 1</t>
  </si>
  <si>
    <t>                                           Columbus, Ga. Grid Team Entertained                 The above picture is that of the winning football team of the Spencer High School and. their guests who were recently entertained with a banquet in the cafeteria of the Spencer Bleb School by  big-hearted Dr. Thomas H. Brewer, prominent Columbus physician. Reading from left to right: First Bow- NathanId Walker. Arthur Williams, James Carter, Theodore Hall, Ernest Patterson, Cnrtii Dozler. Oliver MeBride, Henry Cooksey, George Catnes, Willie        . Ben Clark, Edgqri Morris, snd Robert Johnson. Ceeond Row- Ethon "Davis. Robert Rogers, Robert Howard, John Davis. Andrew Fsrde, Carl Pace.                     Fuller. Homer Bryant. Charles Benton. Edwin Sparks. Homer Bill. Elbert Sapp. ind Prof. F. Q Johnson, assistant coach. Third Row Samuel Burke*.          Davis. Joe Carter. Fred Shepherd. Alvin Brooks. Jajper Reese, Ernest Walkrr. Edward Jacksen. Curtis Morris. Clyde Smith, Albert Bell, and Isaac James. Fourth Row- Prof. John Martin. Head Coach; Dr. Thomas H. Biwer,     . F. K. Larapkln. Prof. B. H. Price. Prof. Hooifr Williams. Mr. D. D. Moody. Mr. John L. Sponlers. St.. Mr. Crawford Marshall, Mr. Brlgtum Younr. and Mr. John Butler.</t>
  </si>
  <si>
    <t>                                           RELIGION NEEDED IN THESE TIMES,  ADVISES                 Baptist Leader Addresses Big Audience At Ebenezer                 ftv TASCHKKEAi; ARNOLD i                 "Religion has ; in say to people in a time like this," Or. W. H. Jcraniriii. president of the Nalioiml Sunday School and im* Congreaus, declared lo a. Inn?'* 1 group of  Baptist. h Tuesday night at Bbennu-r i                 Baptist church, Dr. M. L. King, minister. The tamed lender of young u.i;~Osts warned that too many 01 i.nr young people are letting their  So on the rocks, and n. to declare that ? must be 'done about it, urging pi rents to let their children hear Hum pray sometime. Dr. Jemagtn was ably introduced by Or. C. Hubert pas or of Providence Baptist church, who styled him as being one cf Uu greatest personalities in Uu- 11:1tion today, who is fighting the battles of the race as a true prophet of Ood. The Rev. B. J. Johnson, pastor of Greater Mt. Calvary Baptist church presided with grace and dignity. Dr. Jcmagln spoke on the theme "Who Cares?" He declared thai "we are no longer running away from the' shadows. We are coming to {Tip with different problems. But with this new attitude we are standing en our feet. The moment  ceases to rest upon. Cod "it turns the" hand- -." Others speaking or the program included: Revs. M. L. Kirs. C K. Hlls. William C. Blyins; while Rev. A. M. T.* prayed and Rev. a. G. Davis read the :~. The financial appeal was mede by Revs. R. H. Milner. Y L. Davenport and D. A. Dbeon. OFFICERS PRESENTED I National and State officials pre- i I rented were: Revs. M. L. King. S. 1\ PetWttrue. A. G. Davis. Y. L . C. N. EUS, E. D. Lawson. Roland Smith. R. H. Milner. D. A. Dixcn. J. M. Gates. J. A. Hopfein?. T. Arno'd. H. H. I Anderson. Wm. G.. Blvins. W. W. Weatherspool. C. S. Jackson and Mesdames Geneva Haugabrooks W. P. McKinney. L. L. Craig. A. D. Williams. H. Knight. Pear! Reese. Rossie P. Blvia"!. N: W Crawford and Deacon L. D.        Music vas Tndered by  oi Thankful and Ebcnrzer Baptis1. .      Owie B. Prpoman (Continued on Pace $' Col. S)                 Religion Needed j i (Continued from Page 1) sane s. solo and Mr. H. Boll or Zion Bill, spoke. In the afternoon. Dr. Jernagjn was the honored guest at a. goodwill tea held at the borne of Mrs. Geneva Haugabrooks. Those attending this tea were Revs. B. J. Johnson. A. J. Walker, B. H. Milner. A. Bell. C. N. Ellis. D. A. Dixon. W. W. WeaOierspool, W. H. Borders Wm. G. Blvins, Roland Smith. T. Arnold; Deacons L. D. Keith and S. W. Walker. Others present included: Mesdames Eva Mae Arnold. L. E. Grier. W. P. McKinney. W. M. Pcttersan. Dollie J. Alexander. Mabel Johnson. Ethel C. Fowler. Julia Pate Borders. Rossie M. Bivins: Misses Ruby Pinson and Floretta Povthress.</t>
  </si>
  <si>
    <t>                                           "Religion has something to say to people in a time like this," Dr. W. H. Jernagin. president of the National Sunday School and BTU Congress, declared to a large group of young Baptists Tuesday night at Ebenezer...</t>
  </si>
  <si>
    <t>                                           On Monday evening, a lovely compliment was paid Mrs. Frances Burdett on the occasion of her birthday with a dance at the New Masonic Temple.</t>
  </si>
  <si>
    <t>                                           TODAY, We TALK about Atlanta University, not only because it's a delightful place to go, but because the last week people connected with it have, done some entertaining that is really worth talking about ... and this is what I mean:</t>
  </si>
  <si>
    <t>                                           "Poor" Ex-Slave Dies; LeavesS 10,3 55 Estate                 FORT COLLINS. Col.- t8   - -A $10,355  left by 87-year-  Mrs. Georgianna Golf, who died March s. may be shared by a scion of the family which once owned her as a slave and the county welfare department which supported her at its Old People's Home for 17 year*. John Limn, white. oC Cambridge. Mass., whose family once owned the  nnd die Larimer Count}' Welfare Department seem to be tfce two parties    sharp in the estate. Investigators found $1,900 and. a  in a safety deposit. $8,455 in a savings account and stocks.                 I Attorneys for Lunn declared they  rould stele to have the win. Its contents as yet undisclosed, admitted to probate In County Court. When Mr. Cor; was a small child, she was given to Lunn-s grandmother. Considering herself a       of the family, she stayed on - the emancipation proclamation freed thr slaves. County Welfare DirelOr Walter Dalby was instructed oy county commissioners to seek reimbursement for the care of Mrs Ooff      27. 1924. onta she died. March J.</t>
  </si>
  <si>
    <t>                                           THE Parent-Teachers' Association of the David T. Howard school met Thursday afternoon at the school A general announcement was made that on the second Thursday in each month the association will meet. It is asked and urged that that parents bear this in mind and...</t>
  </si>
  <si>
    <t>                                           DAILY CROSSWORD                 ACROSS 1. fairy Lick up 7. To be in debt 8. Father 11. To do a favor 13 Ruin .4 Son or Adam 5 Moldy 6 Goddess of 2 mischief Compass point 0 Instrucuon 1 Gull-like bird l Often (poet.) 3. A lake 6. Finish 3 Child's game 1 Observed 2 Italian coins 4 Regret 6 Bend 7 Blue dye 1 Fodder vats ,3      .g vehicle  4 A long view '.6. French coins 47. War god tS Come out into view 50 Short for Theodore 31. Constellation 52. Still 53. Body of  DOWN l.Mlst 2. Solemn wonder 3. Vou (old form! 4. Not  6. Subside 6. Goes to                 Farts of churns  10 Governor of Algiers 12. At home 1U. Isolated lull 10. Greek letter 17. Xothard IS. Province ot Canada ;0. Therefore !2. Narrow inlet :u. Fresh IS. Sprite !T. Nothing                 Arrayed i O. Firearms ZZ Ways of departure CO. Editor  abbr.) SS Elephant s tUS K J9. intimate 10 Beffinni.if 42. Music note 4-l.Tub 40. Anger 46. Selenium (sym.) 48. Epoch                 ; iaM^-:;i Id'CtiI '1*3' 49 Spring month 51. Jewish month                 w/%w\ i2 r p^p H 5 6 VV7 ?Z8 9 IO /~x g^_ r     El TkzjL 26 27 2S j^   ? 3O 31 36 %/ 37 3  3? MO l^^l W7 MS KT 1-2 SUtribuUd Lj ^ 1' Sjodiui'.e. tec</t>
  </si>
  <si>
    <t>                                           THE WEATHER r/ CliOCDT;  Jow 25</t>
  </si>
  <si>
    <t>                                           THE WEATHER i TaJr.     temperature  r 3t it-' 'frees.</t>
  </si>
  <si>
    <t>                                           Hartley Toots, Orchestra Leader, Killed In Crash                 HAMILTON. AlA.-(SNS)- Hartley Anthony Toots, band leader was crushed to death here Satur- dny night when the bus in which members of his orchestra were I  struck a tree. Occupying a Iront  cat of tile I bus. Toots became excited and I   the door upon seeing the accident wa:~ unavoidable. He caught between the tree aod door. Duke Kuddleston. featured  .  three cf hjs                 fingers in the wreck and three other members or the  suffered slight injuries. The bus wo* en' route from Vlcksburg. Miss., to Florence. AIiu, where the band was scheduled tc play for a. dame Tuesday night. Toots, considered a wizard on ihc ": bans." was a native of Ma's- sau L'lands and a . of Tal- lade^a CoUege. I The orchestra will continue lu present schedule under the -! tlon of cce of its members.</t>
  </si>
  <si>
    <t>                                           Law Lecturer                 Silas E. Gamer, recently appoint, ed lecturer in taw in the Lincoln University School of Law. Su Louis Mo. Mr. Garcer is s former president and veteran member of toe Moond City (St. Louis) Bar Ass*, ciation.</t>
  </si>
  <si>
    <t>                                           The sharp crack of a willow wand, applied with vigor to a horse hide spherold, means the welcome sign of spring and promise of sizzling of weather that makes beetles sing and limbers up ball-players arms. This is the scene out at Martin's park, home grounds of the...</t>
  </si>
  <si>
    <t>                                           CHICAGO, Feb. 27.--Basketball biggest event, the world's championship of Professional basketball, will be settled in a five-day tournament at the International Amphitheater here, March 15 to 19.</t>
  </si>
  <si>
    <t>                                           Refugees From Paris Tell Of Hitler's Hate Tactics                 Charge Colored Women Sterilized By Nazi Officers                 NEW YORK- (A N   - To those readers of Hitler's "Mein'  Kampf," familiar with  conception of the way members of the "black races" should be treated, reports of the  ,lo which Negroes are being subjected in Nazi-dominated Paris come as                 no surprise. In the fun-loving city which American Negroes had formerly regarded as a veritable haven for the oppressed. Hitlers theories have been put into practice, and    - 14 colored refugees who arrived her.'                 Friday had terrible talcs to tell. It was revealed that colored women are sterilized and then shunted around to various prison camps ia occupied France wher; they serve as prostitutes for prisoners and guards. The children remain behind to work as domestics "lor German and French military j authorities; those not old enough I to work are girt n Just enough food to keep them alive. Among the passengers were the two daughters ot Eugene BuUard. only colored aviator to serve in the last war. Jacqueline and Lclita. who told their father that the family s $50,000 gymnasium and restaurant i had been taken over by a young j German who had been living in Paris before the war and who urned out to be     of Hitler's fifth columnists. "Hie girls who were bom in France and .-^     no English said "When v:k- ventured out into the . the Oirmans would laugh at us and call us animals." Mrs Arab-He Middii-ton. formerly of Washington. revealed that she had been forced to leave her 10-year-old son behind with whit.- friends who promised to take carp cf him "until I am able to get r:in oi:L."</t>
  </si>
  <si>
    <t>                                           NEW YORK--(A N P)--To those readers of Hitler's "Mein Kampf," familiar with his conception of the way members of the "black races" should be treated, reports of the astrocities, to which Negroes are being subjected in Nazi-dominated Paris come as...</t>
  </si>
  <si>
    <t>                                           Bishop Fountain Speaks Sunday At Cosmopolitan                 Bishop W. A. Fountain will be guest speaker at the Founders' Day j service Sunday at Cosmopolitan i AME church. This day is set aside j by all the churches of the AME de- nomination all over the world to honor the birthday of Richard Allen, founder of the Rroup. The choirs will  special music under  of Prof. Hoyd Sullivan, director. National Scout Sunday also will be observed. The scouts will be present in ;i body. Andrew Lewis, scout commissioner, will be present                 Jury Finds Winn Guilty Of Assault                 A jury in Fulton Superior Criminal Court Friday found Homer Winn. of a Bradley Street address, guilty of a  of assault with intent to murder In the shooting las: February of LeRoy Cridell. 26, of a Boulevard. N.K.- address. The jurors fixed Wintfs punishment at two to five years in prison bur recommended that the case be                 treated as misdemeanor, -which carries a 12-month sentence. Winn will be sentenced Monday morning-, the Fulton County Court clerk announced. In his statement to the Jury. Wtnn declared he shot in sell-defense after Cridell threatened him--, wilh a knife. Wlnn told the court an argument started when he questioned Critfrfl about taking uptime with Mrs. Wlnn. Crideli -was shot four time* at the corner of Randolph and Irwln. Streets. ;i                 Dean Hill Speaks At Central School Dean C. Leander HU1 of Turnei Theolwri ji.1 Fmntaary. ~.      Brown college, will be guest speaker at Central Methodist  Sunday school tomorrow at 10:15 o clock. It was announced Friday by Mrs. P. J. Cogglns, supt.                 Agriculture Meeting Ends Here Friday Called by farm leaders one ol the best sessions held in the South in several months, the Southern Conference for Agricultural Workers was closed Friday afternoon. More than ;.              .oi sixteen southern states' attended the five-day conference held at Savoy Hotel. Many of the delegates left Atlanta early last night and a few others were planning to leave this morning. Fridays session consisted ol committee reports omd discussions.</t>
  </si>
  <si>
    <t>                                           The City Wide BYPU will hold its monthly session Monday night at 8 o'clock with the Travelers' Rest Baptist church. Edgewood, according to an announcement made by the president. Clarence Tuggle. A busy session has been indicated by leaders of the...</t>
  </si>
  <si>
    <t>                                           The following students are at home with their parents for the holidays: Misses Beulah Fowler. Helen Holmes, Mr. Clarence Brown, Misses Trudie Burnson Mr. John Black and John Greene Mrs. Ludie Smith and daughter of Rome, Ga., spent the...</t>
  </si>
  <si>
    <t>                                           FELIX, THE CAT -By Sullivan</t>
  </si>
  <si>
    <t>                                           Nips Revolt                 Col. Fulgrociu BatNta President Futgcncio Batista of Cuba has suppressed a revolt in Havana by  stern action which included the arrest of his chiefs of the army and navy and the suspension of civil liberties. At the same time, he summoned congress to meet at the end of a 15-day period.</t>
  </si>
  <si>
    <t>                                           Atlanta Jgift World IIS" The Nation s Only Colored Daily Newspaper -r-r volume 13, NTOffiER so? atlanta^georgia.^, march 3i, i9H     Price Five Cents</t>
  </si>
  <si>
    <t>                                           Croup at National Capital Lincoln Day Dinner                 Anu.i./,nc 1.000 persons who attends* the Liacoln Day pinner at the .Mayflower Hotel Mt T \"   ^ by Thc-~ias E. Dewey, N'^v York District Aitorncv. were (left to right) Robinson McJlvains. as- to Joseph W. Martin. Chairman 'of the  Comniuee: .Dr. John R. Francis, prominent Wwhington dentist: T^ yT",5 ?-        .. Natjona' Com-: for M'ssJwip..;-. Franklin Waltr^.,i??1 v P""^:   *;'       "~l Committee: Dr. Enmctt J. Scott.</t>
  </si>
  <si>
    <t>                                           Near tragedy Overtook five workmen enroute home from Louisville, Kentucky. (where they had been employed on a construction project, when a tire on the car in which they were riding blew out on Highway 70 last Saturday morning around 8 a.m.</t>
  </si>
  <si>
    <t>                                           Summaries S. C. State Cage Tourney BOYS Winner Locer Granard. 23: Mayo. IS. Mather 37: Oiangeburg 12 BT\V 38; Alston 28. Penn 36; Wilkinson 14. Sterling 40; Butler 26. Granard 41: Pendleton 15. Mather 42: Burke 36. Emnictt 24; .Schofield 15 Avery 35; Tomllnson IS. ICHS 2C: Irmo 18. QUARTER FINALS BT\v 30: Penn 17. Sterling 23: Granard 15. Mather 42; Etanett 11. Avory 17: ICHS 15. SEMI FINALS I Sterling 43; BTW 32. Avery 30; Mather 27. FINALS j Sterling 51; Aviry 27. GIRLS -Avery 20; Penn 9. Sterling 22: ICHS 19. Mayo 18; Granard 5. Harbison 29: BTW 28. J Coulter 22: OrangeburR 15. Butler 22; Tomllnson 1. Schofield 35; Walterboro 13. I QUARTER FINALS Avery 32; Sterling 24. HarWson 30; Mayo 19. Coulter 19; Butler 17. i SchofeH 27; Emmett 5. SEMI FINALS Harbison 23; Avery IS. i Coulter 31; Schofield 20. I FINALS Harbison 28; Coulter 27. I</t>
  </si>
  <si>
    <t>                                           Meets Toe Next                 Abe Simon Heavyweight Abe Simon. Xew YorKer. is Joe Louie" next opponent. The bout is scheduled for Detroit. March 21.</t>
  </si>
  <si>
    <t>                                           Two Killed in Truck's Plunge                 Wlirri tin In. I i .1. I i -I I ..i. .1, i I on 1lpl""l I'." \\iin;. .V ^i t I'- I- I tli. ;-.,VV ViTk (Vuli- -I I: nil I I. ..I I-.: I..' .illi. L^, probably  iib from contact wild Iliinl rail, set tlio I ruck .</t>
  </si>
  <si>
    <t>                                           These Men Run Aggressive German Nation Today                 Iliiu i. iitM N, HfNN, i;/4T, Ley uud Ljuunierm                 He- i- ii ,,v in Berlin at Nazi party ~;. tho picture Hhow.s all the important German leuders  Hrrniun Uoering. the No. J Nuxi. Krom                 ilu lift. Kudner Adolf Hitler. Propaganda Minuter Gocbbels  Rudolf Hess, SUtc Leader OoriltMr. JUichMUr Or.     and Relchniiniatar Or. Lammsra.</t>
  </si>
  <si>
    <t>                                           Morris Brown's seven game winning spree has taken her to second place in the conference standings. Clark, her opponent Friday night at Sunset, dropped to fourth place, but has a chance to recapture her former position by winning from the Wolverines...</t>
  </si>
  <si>
    <t>                                           ^."~Sr  A PAJ*BL1*   DRESS   Wsr*~-n. ~*% P0* YOUNGSTERS      ^JlC Jffitm*. The "P1*1*11" Ukes dresses ^JUSytf  with  or originality and ^        '         *! And mother clothe* ^Bimlnil^'^lV A'.VBI Ulat are practical, up-to-thc-mln^WWHIn^3\'jB utc- and ea3~' make at home. ^^~          Ifff^MirM clarie Tliden combines all these ^^r  Si features )n P*1^   tor ^V        ^^ig'^r J'~        , Pattern 892. Those ^F ^Bflf/i^^^MH panelled lines are -as-a-flash W SZ\^I^SrWwpSM t0 stitch- Wouldn't a striped fabric y/~\o^^      ^^9l a smart choice, with the center vlf \^^NH1u1hIe^~~ and  ront P321'15 and sldc K^( W JKIIhWm^^^ b3Clc P*"*1" on a cross-shaps?        ^~  you d  ~~^c the trock P^Jto^^^Sl\l\\\R\^^^  on Ulc 8nt era111, say ^^^^' a ' Pf^t or a //^^W^^ colored monotone? Youil love the JHilHHOL/* S=y scalloped line formed by the 3%aa^~Br^jK^^^ panel tops where they meet the ^"         ^^^ yol"-'s' 'ron' and back. And u. prim ^TEsrJjSjJiE^HBw*^  optional collar,  In y^^^^fflS^^^^^^^ f . white, makes a . crisp '^^^^^fi^^S^ i touch- ScaUop- the         il ^^^^^^^^^^ k :'~u cul them :Jlon' or have leng. ^^^jMB ~^^^P^^i lull sleeves that end in trim SfSapffiH      3    i . The belt may be lice! '^^af/~HH II l^^^^^r^ ln Iront or b/: bright buttons ^^^t^^^B j look jaunty ai the sleeves and ^B/^^ft"q"*^^^^     panel topy. This vivacious frock is S^ ?^J so .-imple that you ll probably I H I TD stitch up two or three styles in     ^Jn f\ ] fabrics. S^W 1 r Pattern 892 is cut ln children s t^^i M I i)  i2e!' 8 ^'ze 6 rc" I quires 2 1-8 yards 35-inch fabric. \J \_gf Send FIFTEEN CENTS (ISc) in j-\ ir-^-~ coins for tbis .  K%S r^l) 89^ CLEARLY SIZE. NAME,   f I DRESS AND STYLE NUMBER. Send orders to Atlanta Daily Pattern $92 WORLD, 210 Auliurn Avenue.  Atlanta. Ga.</t>
  </si>
  <si>
    <t>                                           Dr.C.A.Constantine i  I  S Pebtree: Sd Floor  t Aatttrn m W^^ are sure to be just what you want light, delicious and of fine texture. KC BAKING POVjBgR Use only one level tta-^  to a cup of HjjgjF sifted flour for most recipes. NERVOUS TENSION Tea. an set  t matmor tm  or  4m       n Asm; NtrroM, "K*j*l.vtr. Sort ala eat oa year ton  aed .     next t!m* ui- SSl       70a Wikafnl  DB.  11MS Dr. MDw Kcrrto* la     aw ol AnMda'i     ~^^9        labors* IMffTi . IR1     4 1   11^ I M bait MOW tut  IZl SMi'*  SHf At    t Oww law</t>
  </si>
  <si>
    <t>                                           ATHENS, Ga. -- Stewardess Boards No. 1 and 2 will meet with Mrs. Missie Joseph Thursday at 5 o'clock. The Missionary Circles of the first AME church sponsored a program Sunday. Mrs. M. W. Hill gave a tilk from the subject "Who Knows in a Time Like This?"</t>
  </si>
  <si>
    <t>                                           It is befitting that our leaders and friends who know at democracy cannot obtain on half fares, make at this ... time certain demands for home consumption. The ... crisis of the nation is at hand, so much so we cannot ... forth any effort of effective value on the old scale of ... a part of the people a part of the time. There must an integratign now. We cannot go after our goal in the half handed deceptive methods sponsored by the...</t>
  </si>
  <si>
    <t>                                           CHICAGO--(ANP) -- For the first time in the 14-year history of the annual event. Chicago is being represented by a team of Negro fighters in the Golden Gloves Tournament of Champions in progress at the Chicago stadium Monday, Tuesday and Wednesday Of...</t>
  </si>
  <si>
    <t>                                           Twins For Ensley Couple                 BIUMIXCrHAM.                 JS.VS-                 Mr. and Mr*. Willie War.- wrr,, (lie  parents in Ensley last Saturday         tbe stork  them and left tUo  L*. Bettvc     and Dorothy Jean. Mrs-. War. is  fine and the . J ?T T PO'"lAS at *e - Tbe Wares 2^  Ensley Mr. Ware  for an Ensle,- ice cream .                 (Photo by P. Flttchcr. Birmlntlun, WORLD staff' '^)'</t>
  </si>
  <si>
    <t>                                           NEW YORK, DR. GODFREY NURSE, seldom misses the better Broadway Negro shows and thinks "Cabin in the Sky," one of the ... stage production of the past 20 years ...the good medico, product of one of the best known families in the West Indies, won's...</t>
  </si>
  <si>
    <t>                                           THANKS TO THE energetic determination of Congressman Arthur W. Mitchell, your sole representative in the national legislation, a Supreme Court which during the past two years has shown itself favorably disposed toward making the broad principles of the United States Constitution applicable to ALL, the people, will shortly rule on the much neglected issue of discriminatory railroad...</t>
  </si>
  <si>
    <t>                                           The vim and zest of youth in search of glory... the thud of soft leather covering hard knuckles... the shouts of the crowd... and the smail of resin the honest perspiraiton will be the sense-reeling experiences handed out in generous portions...</t>
  </si>
  <si>
    <t>                                           MACK S TAILOR I SHOP and SHOE REPAIRING 139 A.    St.. S. W. Amhrnl 1S32 Work Called for and Delivered. Expert Shoe Rebuilding. Men'. Half Sole. Heel* $1.00 Ladie.' Half Sole. HeeW 73c Owned and Operated by Colored Outstanding Used Car VALUES! '39 Mercury 2 DOOR SEDAN '37 Oldsmobile COACH J40 Plymouth DOOR. SEDAN '37 Chevrolet 2 DOOR SEDAN DELUXE '37 Ford 85 TUDOR '38 Plymouth 1 DOOR SEDAN '38 Chrysler ROYAL COUPE  MOTOR CO. EAST  CA. W23</t>
  </si>
  <si>
    <t>                                           Morris Brown Founders' Day To Draw Crowd                 y DAVIS NOUUg                 Wembers of "    trustee board of Morris Brown College and presiding elders council will begin arriving today for the Founders' Day program to be held in. the college  at 10 a. m. Wednesday.                 More than a thousand pastors will report to the thirty-nine  defers on the   41 budget for the school. Rev.. A. M. Rooerti presiding elder of Allington District, and Rev. W. P. Sbertnon. West Ssvannoh Districi. have made advance reports  the lead in a state-wide contest designed to make the Founders Day  this- year the greatest in toe history of the school. Bishop W.- A.- Fountain, chairman of the trustee board, win preside at a business meeting; following the program at the college shapel Wednesday morning, when (Continued on Page 4: Col. 2)                 Morris Brown (Continued from      1) - will be mace by presiding ^~ and pastors ol the state. "The Vision" a historical pageant showing siic growth or Morris Brown College, will be shown Wednesday night at Big Bethel Church. President W. Fountain and members of the faculty have made  for the greatest  or thr school history. Dr. CTas. Stewart of Portsmouth. V*.. fin deliver     Founders' Dav  . Menibsrj the AUE Muucters UMos win held its weekly session today *t U-:30 a. m. when complete pums for Fessdes? Say -sin 'v. .</t>
  </si>
  <si>
    <t>                                           Members of the trustee board of Morris Brown College and presiding elders council will begin arriving today for the Founders Day program to be held in the college chapel at 10 a. m. Wednesday.</t>
  </si>
  <si>
    <t>                                           The satisfaction a guest columnist experiences in helping to spread the news of a forthcoming sport, extravanganza is exceeded only by the pleasure of ... the enormous boots worn by the inimitable Lu Jo.</t>
  </si>
  <si>
    <t>                                           Bruised When Struck By Auto Tuesday                 Moses Zcllers, H, 123 C;iin St.. received  bruises on the Icll leg  he was knocked From his bicycle by mi auto driven by c. E' Clark, 46. white, 1721 Flngler Avenuc. about 8:30 o  Tuesduy morning, ; lo reports. Thc.' occurred when young Zellers'is- said to have  his  the path of the cur  Mr. Clark as both, :  on 'Boulevard Just  Houssin Street . to the left. Thfecyellst was  for bruises'  Hospital where he wns  Lcroy Smith, -driver. ZclIeA.was allowed to return           X-rny  no broken ' Ttte car s left front fender wns slightly dented, according to police ,' white Zcllcrs' bicycle " smashed front,^!). Tlie "  n.  of reckless         ond, '.- BITTEN BV       ! Chirllc PaUerlbn/68. 1348 Hooper A^.. suffered painful Rnshes on 1)58.^ left -leg when  by n dog     "~t:U.' o clock Tursday  .~ The man' wos  homo 'when the das attacked him. Afler'treatnicnt at Orudy Hospltnl Clinici-'Mr Patterson was dismissed. 'i\'.^.:'.                 Ordain Rev, IX Williams In Late Father's Church CHICAGO- (ANl')-. 1* K. WlUlunu,- Jr., son of the Inlc hew] of the Nnlioiiat  Convention, -.Inc., '  lu the ministry Slmdny ai West I'olnl Baptist C'liuixli, In services held  cntl or Olivet Daptbt church of which hit. rather      . Hnndreili' or Indent In Ilio Chicago    In. the .riles of *Hon for the ~-  who whs thoroughly questioned and examined, on three  or experience: Christian experience,     to ministry, and views on Christian doctrine.</t>
  </si>
  <si>
    <t>                                           In its last meeting, the Atlanta Interfraternal Basketball Council passed on the eligible participants in the seventeenth tournament and approved officials who may work the games.</t>
  </si>
  <si>
    <t>                                           New blood will offset the old and inset an item of novelty in the seventeenth annual interfraternity basketball games opening Saturday evening, March 15, at Sunset Casino. The second leg of ... will take place Wednesday evening, March 19, with the final round...</t>
  </si>
  <si>
    <t>                                           Thank You, Atlanta! I SOUTHEASTERN ARTISTS express their gratitude for the splendid manner in which You, Atlanta, have supported and patronized the appearances of the nationally known artists, including Count Basie, Jimmie Lunceford and Erskine Hawkins! Your unstinted support has enabled us to give you the best entertainment obtainable. March 27th has been tentatively set for the appearance of BILL ("BO JANGLES") ROBINSON. You will be informed by the press as soon as definite arrangements are concluded' for his coming. Your continued cooperation, including the high quality of decorum and good order, will enable us to continue to bring to you the finest artists appearing on the American stage to-day. Thank You, Atlanta! Southeastern Artists MARCH 9th 1941</t>
  </si>
  <si>
    <t>                                           Rev. Border To Be Heard On WAGA                 The Rev. William Holmes Border.-., pastor of Wheat Street Baptixt church, will speak on the subject ''Good Will" this, afternoon at 5:.3O o clock, in a special broadcast over Radio Station WAGA. Music will be rendered by the  choir under d-rection of Prof. E. A. Starlinjr. The broadcast will originate from Wheat Street church auditorium.</t>
  </si>
  <si>
    <t>                                           Wanted   jmj unu   u dm    r g.   t       MTgr*   4. 3fe        ffg*:.*. n ft*.     4hMA at ^m  MBee  t teem,  t^STttJaSffla RIM</t>
  </si>
  <si>
    <t>                                           Does your family regard homemade breads and great treat? My family does... and you should see all of us indulge in mouth-watering sniffs and all of us offer to take part in the tasting tests</t>
  </si>
  <si>
    <t>                                           BSjMB NATIONAL BROADCASTING (Q.Ihc. Thurs. Evening ^^^^^L^^^^^K^^^^^r MARCH 27th. S :3() PM ^^^^V^V^^^^^^~   [^^^^r AUDITORIUM H*^^%3h^~^V^ Boxes     *~ ^AT -A A^^^^^^T FULL Reserved Section Sl.fi." ^^^HH^^^^^^^^^_*a v ^^^m TWQl Orchestra and ^^^K^^^^^^^^^^P^SiH^F t m Dress Circle $1.1 n ^^B % V   ^^W HOUR Balcony S5c ^^^^B^^^^^^^^^^T JOINT A Snuihca^        ^^^^^^^^^^^^^^^^^^^^ r AMV^rDT1 Altrui'lion V-V/i^       'I</t>
  </si>
  <si>
    <t>                                           I ^^^^^^t ..^=* Vr/A- .-ivr jr .--~[~~~.'~A 15^353^^^' SIZES8)   3 V/15THS Hft      ^I I EXPERT SHOE REPAIRING We have all grades of material at reasonable prices that fit the purse. Put on by expert shoe makers. West Side Shoe Shop 010 W. Hunter Street, S. W.</t>
  </si>
  <si>
    <t>                                           DAILY CROSSWORD                 ACROSS 1. Fabulous 11 bird i: 4. Jewel v 7. Fuss l1 8. Girl's  9.      x: 10. Seize  teeth 2 12. Odor 13. Topic 2: 15. Cushion 16. Twilled 2. fabric 19. Exdaina- 2 tion 20. Land measure 21. Native of GaUda 24. Annoy 25. Cavity 26. Harass 29. Penalises 30. Send forth 31. Gain 32. A painter (poss.) 34. Jewish month 36. Ounce (abbr.) 37. Establish 38. Friart title 39. Inquisitive 42. Era 44. Require 46. Wealthy 47. Swiss river 43. Outcast class of Japan 49. Attempt 50. Split pulse DOWN 1. Scraped together 2. Norse war god 3. Opposite 4. Chatter 5. Prepare tor publication (.Marine office                 9. Clcatrix .1. Breathe out 12-Roort 14. Strengthens 17. Anttered animal 15. Jumbled type 21. Circumference 22. Part of face (pU 23. Electrified particle 26.Wadinff bird                 27. South American river 28. Tear 29. Percolate! 21. Tiny 33. Ufce .".4. Chief (prefix) 35. Exclamation 28.Pertalninf to a focus 40. Chair 41. Period of time                 '* Aatwar Fiber used for cordage 45. Arid                 ii: i! II I! 1'~ i.i 1 _II'3 _l 1_ Iilllli!! 2fe 27 2S" g I3' 1  ii 32 55 72J 34- 3S fill555""!!!!!!  i!L 1  II Olnributed by Kiue Femturw           . Inc. 5</t>
  </si>
  <si>
    <t>                                           COX BROS. New Insurance Service I Agents for American Home Hu I tual Life Insurance Co. of  Washington. D. C Sick. Accident and Whole Life Policifts. Group Individual $100 to S1000 rox BROS. MORTICIANS 380 Aubnrn Ave, NX. WA 15M</t>
  </si>
  <si>
    <t>                                           Raps Lend Bill as "Ev 11"                 :ii:itor Henrlk ^          Rapping the Icone- bill. Senator Henrili Shipsteiui ol     .    old the senate that it congress approves the bill "we v.-lll pay the bill with our money, uir resources anil the  blood of Amencan boys."</t>
  </si>
  <si>
    <t>                                           CHICAGO WARD BOSS IS NAMED IN GRAFT TRIAL                 Southside Leader Is Involved                 Gamblers Accuse Ed. M. Sneed                 CHICAGO (AX?)- Edward M- Sneed. :ird ward  of the South i Side, who is also u county commissioner, was named Thursday as an intermediary between William R. Skidmore, white, and                  who testified that they paid graft to Sktomore for 'protection against police interference. This testimony was brought out in the trial of Skidmore by federal attorneys in on income tax evasion case. Skidmore was charged with collecting million* annually for   protection." The witness who implicated Snenl Thursday was Ezra Leakc. an exconvict and former policy game operator. He" testified that Sneed introduced him to Skidmore in the scale shop of Skitmorc's junk yard in September, 1922, and stood bv while he hunded Skidmore $500 tor permission to start his policy wheel: Describing his meeting with . Leake ~*id: "He accepted the money and put it in his pocket. I started to operate a policy wheel." GAME OF CHANCE Asked by an assistant United States attorney what that was,  replied: "Its a game ol chance with 78 numbers. You  numbers and nave one chance in 7.776 of winning." Describing the operations of thi policy business in Chicago. Leakc sad that he operated at 42nd and Sttte streets, but that the  Karae is controlled by a syndicate which has 4.000. stations throughout the city. He said that bets were taken from 5 cents up and that there were three drawings of   daily. He testified that he operated hi;. wheel off and on for four . bui that he was continually raided,  j "other people werent. and I wanted to know why." His attempts tn find out took him to Skidmore 4ft or SO times, he said. Some time:, he called twice in a single day. AT JUNK YARD j I wanted to know why $ couldn i run and everybody else could.' 1 Leakc continued. "Skidmpre      he would take care of the' matte: and he would tell me to come bac': (Continued on Page 8, doL SI                 Southside leader "Continued from Pa*~ Onel ." Or. these visits he said he saw I Edwr.rd Jones. -.U:   Tins recently " 10 28 months in prison lor- income tax frauds., and others whem !:v identified as polio" game operators, hanging around the tunk yard. The judge ordered the names stricken in accordance with his nil- ing that no one should be placed I At the Junk yard by witnesses un- i less the person was to be called as a. witness in the case. Cioss- Lcake William Stewart. Skidmore's attorney, compelled him to admit he was sentenced to prison In 1923 for armed robbery. Leake ;.lso said he has been investigating policy games, for the Property Ov.-ncrs" Improvesien; association, but :hal he got nothing but expenses. He said Uiat    had Kiven  about policy "Poratinns to :t fir.t assistant stati V attorney and a:: o dna! f the treasury depar . Copirni.^ i?. u  figure on Chirrsr s South Side, is i not only a politcal power of formidable . but also is     I tive in inar.v civic and charitable movements among his people. H* has beer, generous with his money and his  efforts in  :si; i  . Electee ' commissioners by a  vote, he       an active pail n      deliberation* of tbw body. .-k ning on (~' Important</t>
  </si>
  <si>
    <t>                                           CHICAGO -- (ANP)--Edward M. Sneed, 3rd ward committeeman of the South Side, who is also a county commissioner, was named Thursday as an intermediary between William R. Skidmore, white, and gamblers...</t>
  </si>
  <si>
    <t>                                           Pastor Takes Stand Against Chorister                 ST. PAUL. Minn.- (   - A letter which has been leu-warded to the editor or the Alabama Tribune. Montgomery explains the position  f the Rev. Bcnjamlu A. Moore. Pastor of SI James AME  In dealing with a chorister, a former resident of Montcomerv.                 The letter reads a* : RBV.  EXPLAINS  OX CHOIR      DIRECTOR Editor: A.\ per your request 1 imi giving you this word in  lo ninny statements  mis.  recording my administration of the affairs of St. James A. M. E. Church of St. Paul, Mini). Certain difficulties arose to the 'ri cr.i thai on Thursday nigh1-. January 23. the former chorister ar.d myself       into  about     continuance as chorister  J St. .Tames- ChUich. We (Jecidctt thai she Uiould resign and that her    be  alter the morning  of January "   . Tlie  was no: In her Place on the  date. Subsequently, at a meeting of the chorister, the choir, and myself  t her home. I Informed them that i T considered thc^ iis hav- j tag resigned, and" that no programs cr broadcasts should be  In I We future in the name of St. I James Church under the director- ship of anyone no longer- considered in the employ of the church. at least as lar ns activity was .                 1 advised them to  u scheduled program under i different name or else  a different director. In spite or my ruling as head of die  and a!! of Its . tlie broadcast was held in the name of the church and in the name or the chorister no longer tn active employ. In order not to be mistaken and tc know who was      . I immediately went to the radio station and at the end of the broadcast Informed the former director of her net of Insubordination and ol the choir s position due to the act. on Jhc place where the infraction occurred. I have since been threatened, and accused of being uu-QinsUan and  In doing what I felt necessary  n      public matter. I have never been so accused nor Ircatcd by anyone, and what I did was done only for the best  of rhe church and for the individuals concerned. Respectfully, BENJAMIN N. MOORE. EiliUr** Note: Word has come to IWs newspaper Iliat Rev. B. X. Moore, Wednesday night, nr lng in his official capacity dissolved     St. James Choir and ordered an immediate  of a new . inviting members of the old choir to  new choir by consultation  pastor.</t>
  </si>
  <si>
    <t>                                           ST. PAUL, Minn.--(AT)--A letter which has been forwarded to the editor of the Alabama Tribune, Montgomery explains the position of the Rev. Benjamin A. Moore, pastor of St. James AME church in dealing with a chorister, a former resident of Montgomery.</t>
  </si>
  <si>
    <t>                                           You'll be given Good Service end Full Consideration whenever you want to borrow from us. Prompt Action, Liberal Credit. Simplilied Jlocut Method loans up to Several Hundred Dollar* COM MU N  loan Investment CORPORATION  BUILDING, ROOM 207 98 ALABAMA STREET. ATLANTA, GA. Talaphon* Main 1308 Ommmltf Invyilrmnt CwtWtom Pay 3% fi</t>
  </si>
  <si>
    <t>                                           NEWSSTAND BURGLARIZED                 A burglar broke Into Uie Orate j newsstand at 51 Decatur Street I during the night nnd escaped with i several magazines. Walter Crutt told police Investigating - j said they found two of the s.:i magazines behind the building</t>
  </si>
  <si>
    <t>                                           First Showing Of "Native Son" Sponsored ByNAA CP                 To Open On Broadway On March 13th                 HBW -YORK- OSNSj *$ Tnmux." me most--about 'Character In Richard Wright's   novel will walk out on a Broadway stag* tor the first time in his We. when t.ht National Association for the Advancement of Colored People                 mr the first preview performance i of "Native Son.- w the St. James Theatre. West 44th Street, Thurs- j day evening March 13 at 8:40. i The novel -was adapted for :hc I stage by Paul Green,- 'Pulitzer  author, in collaboration with Mr Wright. The play, a production of the Mercury Theatre, will                 be staged and produced by Orson Welles and John Housman. Canada Lee. who did '. work In the Federal theatre, and starred in Theodore Ward's "Big White Fog.T earlier this year- nil! Lbiy the role of "Bigger Thomas." He -will be supported   * a cast 01 experience actors, many of them members or Orson Welles' Mercury Theatre group. Others who will play featured  arc: Evciyn Ellis, as Biggoi-s mother: Anne Burr, as Mary Dalton: and Rene Mitchell who has                 the mosl important  auk-    t!v play, that of Bigger* Rirl. j Helen Martin plays tlie part ot Bigger's sister. Vcra .1. Flash RlIcy. the Broadway night club ,: Wardell Suuuders and RodescerTimmons play n,,, part of Bi 8B"s companions in delinquency. AS, important addition to the cast wm 6e 12-yer-old Uoyd Warrwi. will play the. role of Biggc? Thomas's younger brother. Officials of NAACl- said t  j raised from the benefit performance will be used for the org:m- j i?tl'~i?,             work. Ticsets will go on sale from the association s national office at 69 S"^T1"1*- Tuesday- Februaoz*- Prices range from 50 cents  in the balcony, to S2S0 foi I orchestra and box seats I</t>
  </si>
  <si>
    <t>                                           NEW YORK--(SNS) -- "Biggest Thomas," the most-talked about character in Richard Wright's internationally famous novel will walk out on a Broadway stage for the first time in his life, when the National Association for the Advancement of Colored People...</t>
  </si>
  <si>
    <t>                                           M 81 THREE DAYS                 tod.. y, Mond.. y I'uiLai.iy on l!".- SI Tlif.itrr ic.^in. Sliarime  in the film ;rc Cary Cooper. Madcleinr Carroll and Rober? Preston.</t>
  </si>
  <si>
    <t>                                           Beautiful Girls With Silas Green                 ThU * of   will appear with Silas Grvrn from New Orleans when Uie celebrated                 hov performs Thursday  at the Oi!y Amtitorium. Tickets arr now on sale.</t>
  </si>
  <si>
    <t>                                           !25c CALLS YOU BY NAME! 25c! Without Ever Seeing You Before! I If you are in doubt of what a genuine Palmist can do, K consult Madam Mingy. l wil1 ten ~'our inner- most thoughts and desires, and how to sain them. I I have helped others, I can help you. Gives names and 1 initials of your enemies. Causes speedy marriages. 1 reunites the separated, settles lovers' MfaH f quarrels, shows you how to better your ^H-1-~-Pl i business, get a good position, better ^B-1-f-fM your finances, settle lawsuits and es- F^'H-oB i tate troubles. Change your Luck! K/^ $ Two questions answered free. Readings Ixfl i Daily and Sunday 10 A. M. til 10 P. M. W^J* M f 638 McDonough Rd. j Across from Federal Prison. Take Pryor-Federal J Prison Car to End of Line. Look for Neon Sign. 1 I ^Hftt BEGINS WHEN WE ARE ^SS^      WE BE WISE! /^^X  iff j^ Td !ff^^ wi!' V**A1         iKc * i  }M*m\ of your ,           of     * Ht^f^'^aL^^;-.^. fl . Bp^         fw W '~'lily l .. J ^T. netting . Rcmovn looi* QM^Mn{^     . Molin     hair look ^KflBf^^HpyV^Hn^ live and  and  osy 1o monog*. ^0B^ G*' C      today. You'd bo  ^9             ot 1Ko improvement in  hair. MILLIONS USE-IT</t>
  </si>
  <si>
    <t>                                           Church News                 PINEY GROVE BAPTIST - Boulevard                 Sunday Is our Holy Communion Day. Services as usual with Communion at 3 . Choir No 2 will furnish music Jor the day services. Choir No. 1 will, furnish music for- night services. BTU ac 5 . Evening services at 8 . Her. E. P. Yopp. pastor: B B                 Georgia B. Show, reporter. AMANDA FLIPPER AME  The Non-Perella Club met with iMrs. Mary NeaJ Sunday afternoon The majority of the members were present for the interesting meeting. The club is boosting the captains which are creating a bit of interest. Mrs. Mary Driskcll. president; Rev. E. P. Yopp. pastor: Miss Louise Thornton, reporter. Services last Sunday were . Two powerful sermons  were delivered by the paster, who  hV series of Sermoas on the Personality of Jesus, preaching from the subject "The Pace of Jesus." The members were happy to have the pastor return after brief Illness. The second quarterly conference will open Friday evening;. Both sermons will be delivered by the presiding elder Dr fi E. Romans. Music by Choir No Rev. E. P Yopp. pastro; E B                 Douse, reporter. LIBERTY BAPTIST CHURCH Ward 6 of ihe church presents Choir No. 2 in a broadcast at the church Sunday at 4 . Mr. Lawrence Mann, director. All lovers of music are invited to bear these singers. Rev. B. L. Davis, minister: W. i,. Murdaugh and Jack Ingrain, deacons. An Electrical Wedding will be sponsored at the church Monday night. March 10. at 8:30 o clock. Ten brides and  are to meet ot the altar with fifty attendants. The winning bride and groom and IMtendants  stand under the lighted arch. Some of the city s best talent will appear. Some ot them are: Mr. B. C. Riley. Mrs. Shara Bickers Robinson. Mrs. Juanita Russell and the speakers :,    Mrs. Geneva Haugabrooks Rw. Penn and . Mrs. P. E Davis, mistress of ceremonies. The public invited lo Jhts rare event Miss India Combs, president. TRINITY AME CHURCH The pastor preached last Sunday. Holy Communion was observed. One  member was lidded i.o    - church The p: :       -  -d i!k-  services. Communion v:ua observed. The attendance of ihr ACE League    . Rev. Jacob R. Motil of South Africa was guest -i M the  last. Sunflay. Hiusi-0 lor I tut Mibjrct "My Ten Year-, in America and Whut Tliey Mrau to Africa Rev. \v. J j?     . p:: Sirs, r M, BarrivM. re ort-r- 5t SOLID ROCK BAIT.  RCH j Will  a    ; building, pro- i                 gram Monday night, March 10. There  be a       me speakers on program are: Revs. T. Barnes I G M. M. Thomas. M. Turner. ITe." Jordan. B. j. Hardy ft e ~?t2  h ^B.T..e.yNR6.SHfpX E. D. LumpUns. j. h. Lestw E D. James. a j. Jcta^"8^ f Darden. C. *r.       j. Wa^ JYe f"""" "road Invitation i ^cb, of our friends. Rev. A L Humphrey, minister. Sunday school opens at 9:30 a-m- Sunday, March 9. The pastor wm preach at toe eleven         service. The Senior Epworth League will ACE ?5*  Leagues win meet at, Trinity church at 6:30 b-. A,i members and friends of both i- are expected to attend Rev. j. h. Bridges, pastor. Miss L p. Bryant, reporter. .EltS  BAI TIST CHURCH The pastor v.-Ul deliver both sermons Sunday. The Mi-stai will meet at 6 . at the church. Th" choir and pastor conducted services at Sterling Chaprf BaptisChurch. Rev. c. S stinson. pastor. Tuesday night. also Rev Johnson or thr Morning Star AME Church. HopevUk-. Oa. Rev. Stinscu and his members will meet with trie Travel Rest members Siuiaay all .lay. Tii* public is welcome, . B. \v Freeman, pastor; j C.'. reporter. OLIVER BAI TIST CHURCH Sunday was indeed u successful day at the church. The        de- i livered a splendid sermon. Sundnv School begins at :l a.m': Preach-                 ing at 12 o clock;  at 6:30 pm.; Preacclng at 8 pm. The Lord's Supper wm be served. Visitors are welcome. Rev. J.' A. Favors, pastor: Miss  Dunlap, reporter. BROWN CHAPEL 3APT1ST CHURCH- State Street Sunday School begins at 9:30' ajm.; Preaching, ii aon. and 8 . by the assistant pastor. Rev. J. it. Mann. The Pastort Aid Club  meet with Sister Starr at 4 . Monday night. Mother's Board will meet with Sister The!ma. Xandy. sat State Street. The i public is invited. Miss Ruth Cloud, i reporter: Rev. B. W. Freeman. I pastor.</t>
  </si>
  <si>
    <t>                                           Sunday is our Holy Communion Day. Services as usual with Communion at 3 p.m. Choir No. 2 will furnish music for the day services. Choir No. 1 will furnish music for night services. BTU at 5 p.m. Evening services at 8 p.m. Rev. E. P. Yopp, pastor...</t>
  </si>
  <si>
    <t>                                           Scottish Rite Masons To Meet In Philadelphia                 PHILADELPHIA-       The United Supreme Council AASR will I hold its diamond jubilee sessions n Philadelphia May 10-13. Representatives from 44 consistories, all in northern and western states, will be in attendance. All meetings will be held in the Prince Hall cathedral at Fitzwater and Mole . The Scottish Riu- among colored Masons hud its origin in 1820 in Philadelphia. The present United Supreme council came into being in 1881 as the result of a consolidation of three supreme councils in thf northern states. Dr. Summer A. Furniss. a well known physician of Indianapolis. the sovereign grand commander nr the order, and George W. Craw, ford, prominent lawyer of New Haven. Conn., is the lieutenant Srand commander. Snatch Thief Takes Purse Containing: $30.90 From Woman A pocketbook containing $30.90 was reportedly snatched from Mrs. Myrtice Esby. of 60* Magnolia St. N.W.. as she walked under the tunnel at Magnolia and Mangum Streets. The victim told officers that a man approached her anti asked il she wanted a job. When she told him that she was sick at present and that the had n jcb when she got well, the man allegedly snatched her  and ran. He then emptied the purse and threw it back Into the face of the victim, she informed Investigators. Child, 8, Injured In Auto Accident Hghtjear-old Selena Mae Phillips, of 15 Jeptha Street. N. W.. was in only fair condition at Grady Hospital Saturday from injuries suffered Friday when she was struck by a car on West Hunter       .  to reports. Witnesses told traffic investigators that the CM ran out into the street at 80S Hunter from between parked cars Into the path of a* automobile driven by Willie Thorni as, of 83S West Mitchell Street. Or. fleers made no case against Thomas. The victim suffered a possible fractured skua aad leg.</t>
  </si>
  <si>
    <t>                                           Ten boys and girls from the Sunday school retold the story of the death and resurrection of the Risen Lord by the ordinance of baptism Easter Sunday morning by the Venerable Dr. Carter who stands upon the threshold of 59 years of consecrated service too...</t>
  </si>
  <si>
    <t>                                           [Here's HowTo WSTAHnT] COLOR HAIR JET BLACK I ..GRAr.  0*          . NOW. f or only  0e      cu  M * instant  BLACK STRAND Jrt Bitck BurColoriiic. GtBirlltttM*                -       on Ub*L Yoni Mxw,       tb.              to add tUmor to  . BLACK STRAND IHtTAMTirr BLACK HAM COLOHUtO           ALL DRUB STORM</t>
  </si>
  <si>
    <t>                                           RING down the shades, slam the doors, pad the keyholes, and stop the press! Hold evahthing, hold evahthing, folksies, the wires are burning up: gossip along the ole Love Mart is seething like a poiting cauldron--and the ole Winshell-Imp is "on the losse" again!</t>
  </si>
  <si>
    <t>                                           TUSKEGEE INSTITUTE -- (SNS) -- The Lewis Adams Lecture Series, sponsored by the Community service Foundation of the Tuskegee Institute School of Education had a most suspicious beginning with Dr. W. E. B. DuBois, famed author, sociologist, and scholar as it...</t>
  </si>
  <si>
    <t>                                           Rare Bird From Antarctica                 Herwlll M. Bryaat and petrel .Among the rare bird* brought back to the U. S. by the Byrd Antarctic expedition wan into giant petrel (*~t bird)  being held 19 Herwill M. Bryant, biologist member at the expedition which hi* return to the V. S. after a year and a half at the South Pole. Bryant alao brought back some red beak penguins and polar sea guli*,</t>
  </si>
  <si>
    <t>                                           \CfiHJ$\ FRYERS. HENS, OYSTERS. ^VgKy^V EGGS, Economically Priced. HOOPER S CRYSTAL MARKET 206 Auburn Ave. WA. 4418</t>
  </si>
  <si>
    <t>                                           GREENSBORO, N. C.--(SNS)--"Freshman girls are 'middle adolescents' and therefore in the generalized sex-interest period", said Mrs. Ernestine Cookson Milner of Guilford College to the freshman students of Bennett College, in a lecture Tuesday night which...</t>
  </si>
  <si>
    <t>                                           MIAMI, Fla.--(SNS)--The Miami Ethiopian Clowns handed the Kansas City Monarchs a 6-0 shutout in an exhibition game before 800 fans at West Palm Beach, however the Negro American League champs came back at Miami, to ally a ninth frame rally and...</t>
  </si>
  <si>
    <t>                                           GEORGIA BELL SOCIAL club met at 997 Ashby Circle. New members are Mrs. Estella Cox, Mrs. Henrietta Woods, Miss Annie French. Visitors were Mr. W. C. Pension, Mr. T. D. Denmark, president of the Joe Louis Club, who gave instructions and...</t>
  </si>
  <si>
    <t>                                           HOTEL MACK M Trarist A Transit Kmw, U Dp. MS Badfard FL.N.E. Vt MZ1. AJlantm. Cs. Vnt PBUng.</t>
  </si>
  <si>
    <t>                                           STYLE FIRSTS ^-r-rp"\ "N young  'Viui r-V^' *VV *  ^ tii-:-ti:i.m.mkii  I ,f- J 'M '~~~.i!CVE= :i i:r.-.:iHi; llo;li h.-r  l-=- - 'i:'"! '^T 1% mo?'. I V* i^*. i':i.'li:!!R. yi i - m\1c oil \p\ I I   'i'i"u .-- Piiilcrii SM by 1 V t-l.iii    't . Tlieic'.s nil .ip/Icss I I. V- A ili-.rm ;i^iia il-.iii . bodice ,l.re:u- I 1'-^-,- K ~"mi. S;  -i.ln- Is Riiyly w:il!.-.~'.i'(l nil ai-ross uic from and !s 'l1  il  nri it.v lic- al I* llv.' V 01  llr-.-k. ; . 0 I. v '!tl "1IS*: t'-oi r.i. ! I3  1~\ ^V?i l1"" ;"'B malic? Is lull- l\*-l ^-J i::iiIi!~!mI. will  ab.ivc T-* si I-.1 u'~ wais! to  your .. Utf l/?   !~ "1 A w:ii llK''ul U i" 'l11 /v wS' I  ii"1"iti. :;!x a slim, lii lie look VWKf-'! ~)r.:    t!-,i-( ilm . .And a Irom A. I* r-nin-l ^  - skirl for n r/ ;i'. S';j. U- V 1'! :  is    y I -!y. ",i von like   f^".' 1 "''-j I '-t i-y Uii- bad; bodice, (ho  vn -.":3.V, I* "d ciii  a  d or flower $    \y     -'V'ly-^- pi i U would til? ! You I I:^~^   I '"'k1"- W!~ii lo  the tie and /'~'".I s-    :tii. clips, a pin or a  of -JjA /~5~; :,ij flowers at the neck. Even though '(T^Tl^\ i-'"-'i''--t ~;'i*i"' t-i V(~" mav l)o u  lr*          *M Lif\ f-T :'A "cr- the Sow Chart will help you     /~'~~\ /?v. es^ajj-i finish up this track speedily! ^      \ ZvH /:frp:\Sri P"1'"" 333 is cut hi misses' and 1 v -7 W(mcll s siz(!S I+- lc' lTi- 2~. 32.   : I I I WJjMMf 3  \ 38; 40 and 42. Size 1G requires /I I I \fi2Ei 2 7-8 yards 39 inch fabric. M l I y(  Scm1         CENTS (ISc) m ^T2C- 1 ftk SEM coi"s fnr      pattern.  333 L Wlk\  CI..Y SI7.C. NAME. = ADDRESS 'AND STYtE NtraiBEH. S*ml  to ATLANTA DAILY WORLD. 210 Auburn Avenue, At- j lanta,   . I</t>
  </si>
  <si>
    <t>                                           i The Weather SHOWERS: temperature high of I 85       .</t>
  </si>
  <si>
    <t>                                           ESS NERVOUS TENSION Sbowi hi both face asd Banner Too are not fit company for yourself or anyon* *lse when yoo  re Tenx. Nervous, "Kejred-np". Don't mis out oa your * ot food timo.     next time  nerves mak* you Walulul Ranleu. Irritable, try ih*  effect ot OB. MILES  Dr. MUea Nervine     formula com-~ n  under the - ML vision of skilled  In one of America'* null  C3 modern labora* WSf^ Wtf     oss-c  1^1 Bfl     BMtU (1      l lull Mk. JW ^MSeJ^^* At     8</t>
  </si>
  <si>
    <t>                                           Baseball Summary SOUTHERN LEAGUE STANDINGS W. L. HcL W. L. Pet ATLANTA 4 0 1.000 Jicw Orleans 3 I .750 Memphis 2 2 Isoo  Xashvillc 2 3 .400 Chattanooga z 3 400 Birmingham 1 2 .333 Knoxvillc 13 ^50 Little Rock 0 3 .000 Yesterday^ Result.. ATLANTA II. Nashville 7. Aiemphij II. New Orleans S. KnoxviJle. 10. Chattanooga 9 no innings.) Eirmigham.LiUlc JSock (postponed, rain.) WrdnesdayV,        ATLANT/1. a; Xashvillc Chnttaitoog.? at Knoxvilfc Birminsham at Little     . New Orleans nt Memphis. AMERICAN LEAGUE THE STANDINGS W. L. Pet. Philadelphia 1 u 1.000   1 0 J.00O Boston I 11 ioo(j N'cw York I 1 .500 Cleveland 0 1 .000 Detroit n 0 .000 St. T.ouis n 0 .000 Washington 0 2 .000 Tuesday's Results Philadelphia 3. New York 1 Chicapo 4: Cleveland 3. Boston 7: Washington fi. IX-troit at St. Louis, rained out. I Wednesdays r,3mv I "'.~- .1: Bo.-rton. I rinl.- :,1 Nc-.v York j ^i at Cleveland Detroit ;il St.   ,uis NATIONAL I.KACI K  STANDING"! W. I.. IVl. rh iri Mpiti.-i 1 fi 000 N'nv Yurk 1 n l.iwt J Si. T^Mti^ 1 11 t.OW)! Chic:~:   I f. t.Rnp l*i:tj*;: .11 I Opo CinclTinati  i 1 .tH.1i'1 BrwkJyn 1  Fo-.ton 1 000          's KrSUlU    - York Btoc.klyn 4 Phiindduhia fi: B- I St. Lotii:: 7: Cincinnati 3  7: Pittsburgh 1 j Wcrtnrsday's Games N'riv York at Brooklyn    ;ti.ti at. Pljiladolphiri Si t.i.iiis at Cincinnati Pittsburch at Chicau"</t>
  </si>
  <si>
    <t>                                           Rev. Gore Will Be Revivalist At Wheat Street                 The Rev. William Holmes Borders, pastor of Greater Wheat Street Baptist Church, will deliver  inspiring sermon from his pulpit Sunday at II a. m.. developing the subject. "By Faith". Rev. Mr. Borders In an announcement last night, said a two. week revival will get underway Monday evening at the church. The Rev. Herman Gore, the Teople's Evangelist," who halls from     Louis, is returning to the Gate City to -conduct the ? awakening service. The- three Wheat street choirs and talent from St. Louis will fur. I  music for the revival. Rer. j Mr. Borders said the Rev. B. L. Davis, of Liberty Baptist church of this city, will assist the guest minister in conducting the services, j Well known In Atlanta and Georgia. Rev. Mr. Gore Is expected to attract overwhelming crowds. Last year when he  at Wheat Street, it was necessary for j the church to install an amplifier, in the basement of the building.</t>
  </si>
  <si>
    <t>                                           IN MEMORIAM                 In  memory of our. dent Auaband *nd father. Emmott Adams, who passed away     year  today. May 8. 1940. Heaven only knows how  we Biiss you. t Mm. Devon Adams, wife Mrs. Katie Bailoy. Mrs. Margaret Mann Edward Adams Emmctt AdamK Howard Adanu Charles Adanui Calvin Adams, children. IN MEMORIAM In Loving Memory of oar darling husband and son. Mr. Thonia* J. Arnold. Jr., who 3  enc year ngo today. More and more each day we mis' you. Friends may think the wound    healed But they little know the sorrow Lies within our hearts concealed. Mrs. Anne T. Arnold Mr. and Mrs. T. J. Arnold. Sr. Mrs. Nettie Armstrong</t>
  </si>
  <si>
    <t>                                           j. C. Coley Is Laid To Rest                 By i\ .WS                 J. C. Coley. outstanding church j worker and letter  was fu- j  Wednesday afternoon at] the Ivrv Brothers Funeral parlors, i   "-" from the Booker T. Washington Hish School were read l ;:H' r.rv Wm. Holmes Borders ii:.- .-iia1 nt Prulessor C L. V.m\k:- i A solo w;is L-: by Mu-s Jewell T..:^. ;  ^' by Hcjnpton B.-.:kcr Rrv. M i.. Km; made re- \U'.:;.- t!v.' \v:iter :-- fri :he letter earners. rti V. ^:r. Bord.:~ delivered the                 funeral sermon in an  way. telling of the church work ot J. C. Coley. The vast audience was touched when Rev. Borders told of the contribution 'he deceased had made to humanity. A choir hastily nude up c! cantors ef the. church from  he worked for many years rendered music for this occasion. J. W. Dobbs was load tn his praise of the deceased in his talk et Tfca .</t>
  </si>
  <si>
    <t>                                           GREENSBORO, N. C.--(SNS)-- A. and T. college, which boasted of outstanding ball clubs before baseball was dropped from recognized CIAA competition, is brewing another aggregation of ballhawks.</t>
  </si>
  <si>
    <t>                                           Life Sentence Meted J. Smith In '3/ Murder                 A -year-old murder cast- was  d Wednesday morning in a Fulton Superior Court when James Smith. 22. pleaded guilty to 0 c fatal shooting of Miss Emma Freeman who resided at 5 Solomon i Street. S.E. Following out the terms of the consent verdict, tiu- court sentenced I Smith to spend the remainder 01 his life ir. the penitentiary Tile young woman was shot to  with a shotgun at 17 WooQ-i vard Avecue. S.E., December 17. i 1937. She was dead on arrival at Ciady Hospital. City Detectives Taylor and Hilderbrand said Smith was apprehended last month in the state or Fltcida. The state contended the gunshot wounds suffered by Miss Freeman were intended for another woman, r</t>
  </si>
  <si>
    <t>                                           AA OST people who use Or. Miles /vv Anti-Pain Pills say that one pill usually relieves their headaches. In the regular package. Dr. MSes Anti-Pain Pills cost one penny each. la the economy packages, 000 peony bays 114 pills. Why Don't You Try Dr. MiUs Anti-Pain Pills?  taste good, act promptly, 80 not upset the stomach, contain no  or laxative medicines. You may be miles away from a  3rug store when you get your, next attack of Headache, Neurot910, or Mutcular Aches and Pains. "Why not get a package of Dr. Miles Anti-Pain Pills today and be prepared for emergencies?. Secular Fufcafa, S Mlb. S* Eowumr . TS Pffli.</t>
  </si>
  <si>
    <t>                                           Atlanta   XJA2.Y ana 31 2iO Aubur* iv^ous B? ATLANTA DAH.5T WORLD PUBLISHING CO Telephone* WAlnut 1*56 1480 JMTOber or SCOTT NEWSPAPER SYNDICaTS   Diisheo Aug. 5, is.28;  Marerii.Tsii w. A- soon, tour.gar anq         . AUg. g, t928- Io PeD iMs  tt toe     Office at Atlanta, Qa a, -eia*  u^                , Marti S, 1679 G. A. SCOTT r- CUi? MACKay'.: Gsnerai Manager c^. JON^ ..,,3- Z=a g       : 1 Year.  4.50; Moa.. $275? p^ gg National Advertising Representative: w B 2IFF CO  6 3. Dearborn St.. Chicago. PL. SSl      AVe.,' New York. N. Y. Tte ATLANTA DAILY WORLD i, an  newspaper! non-sectarian ana non-partisan, printing news  ana supporting   It Believes to oe to tne interest or its readers una * those  against tne interest of its reader*. Address Ali COMMUNICATIONS to  nd a*Ke CHECKS payable to ATLANTA DAILY WORLD, rather than to individuals. The WORLD  repudiates responsibility for return of unsolicited pictures,  , etc unless stamps are seat.</t>
  </si>
  <si>
    <t>                                           Easter Atmosphere At Teachers' Ass'n                 An Eaiter  hovered orer thc 2    annual .ei.ion of the Georgia State Teachert and Educational Allocution when ..hly.cUd  chool mirm, began (           in         from ,~1 ,ee. tion. of the  Ute. Caught by the SNS cameraman                 , tbi. quintet, left to . Mrl. J. M. Daren, port, of Athcn,: Mrs. Ruby HarrU. of Auftllta: Mil. Ruby Richjrdton. of Keyiville; Mi.~         Smitb. of- Athens, and     Mir. W..w. l._                 winton. (SNS PHOTO by MACKAY)</t>
  </si>
  <si>
    <t>                                           In his own smooth usual methodical way, the Rev. Herman E. Gore began another revival at Wheat Street Baptist Church this week. Rev. Core will conduct a two weeks' revival and the prediction is a pocked house every night. The writer hopes much good will...</t>
  </si>
  <si>
    <t>                                           Noted Radio Choir In Chattanooga Concert                 CHATTANOOGA.                 -~                     "Wings Over Jordan" will be the center of attraction in Chattanooga Friday nigh;, April 18, when they -will be presented An concert at the Memorial .-. beginning at 8 p. m. The nationally toown choir fc heard over a - hookup even." Sunday morning, and is b*" ing sponsored by the local branch                 ct the NAAC? vh:c:i V? PA Stephens Is preside;.: Ticke r. ar-~ '-; .old r.ip:dly. j snd may !j? lr: at the  I places: T. L. Krily's Place. -~0 E. 3th Street; L. snd C. Store. 202 E. 9th Street: Chief's Lunch Room 215 W. 9th Street; BUI Grossman's, 317 W. 9th Street: Third St. Pharmacy. 1730 3rd Street; and at on colored schools. White people  purchase tickets at the following places: Standard Music Company. 108 Cherry Street: Ugget Drue Company. 636 Market Street; The University of Chattanooga. Central High School, Chattanooga Rlfb, Baylor and McCallie Schools. I A special section will -be observed 1 for white- people. i</t>
  </si>
  <si>
    <t>                                           Reeling, Kicking With 'Solid Jive1 Levi Mann ami his Ambassadors TOP HAT Tonight 12:01-4 NIPSY S FAREWELL ADM. 44c</t>
  </si>
  <si>
    <t>                                           EEI MARY FOUND WHAT She was looking for j For 25 years So-Good Dress- I ins:', has satisfied. So-Good Products are known the world over for Quality and good results. If you want your hair to be well dressed and to look good. Ret So-Good Hair Dressing and see. Get your box of So-Good now. You will like it. It may be just what you vee been looking for. It does the job completely. For rale by mail 50c a jar. SO-GOOD CHEMICAL CO. Atlanta, Georgia  Cretini W The Cma ntd by I nan. Yoor  WJ WO* RMnQa</t>
  </si>
  <si>
    <t>                                           GIRLS' Muslin Slips and Pants Here', your chance to     OOsm enough to U.t the   all . Sixes 2 to m. Origr. 50c WOMEN S SHEER DRESSES Cool, lovable sheers in    % a  of attractive a*- 3 jC sorted styles!  12- ^'~^w *2. Qrig. 1.00 53 MISSES' AND WOMEN S BLOUSES Sports and dressy styles. AA White and pastel*. Bro- OOC  sixes. A real Key- values' Orig. 79c 200 PKS. OF MISCELLANEOUS SPRING SHOES Broken sizes. *5 pr*.  (trl dre** and *j Q sport oxfords. I I V 140 prs. woman s shoe*. Ann Stenas an4 Paris        - Orfg. W8 to 5 prs. * .hoe*. 10 ~~$ prs.  satin ami-.</t>
  </si>
  <si>
    <t>                                           The annual Spring Concert by the Spelman College Glee Club and Orchestra last Thursday night was a memorable occasion. It was a rare experience that the audience long will remember as one of the finest concert ever presented by this organization.</t>
  </si>
  <si>
    <t>                                           NEW YORK--(ANP)--Negro, groceries looked with disapproval upon the clarity loan bill signed by President Roosevelt last week. In a prepared statement issued from its offices here, the National Negro Grocers association through its executive secretary, Charles.</t>
  </si>
  <si>
    <t>                                           Here's New U. S. Open Coll Titieholder                 Cnig Wood, of Mamaroneck, A. Y-. receive the trophy emblematic of the U. S. Open      i championship from Harold W.     -  ? (      )     - j  of the U. S. Coif         'On,    Fort Worth, I Texa*.      . play nfr m a. polo      to protect                 i torn b*ck * shot it f;roat fin*l ?U    *r  KrufUinK Colonial Club courir, to w;n      *~?  In front Omny Shuttf. K     WooJ'*   *coud major victory Mf the     . Me woo ihe Au^     MdBt(fr^ In April.</t>
  </si>
  <si>
    <t>                                           AT YOUR CAPITOL THEATRE TODAY Tl.ru SATURDAY W. C. Fields in "THE BANK DICK" On     State "52nd Street Jamboree" S_Acts of Vodvill R</t>
  </si>
  <si>
    <t>                                           The white boy dropped a telegram on the Daily World news desk. The office radio was on at full blast and the sports announcer was having a jolly time, so it appeared, telling his millions of listeners that Billy Conn was giving Joe Louis a heck of a beating.</t>
  </si>
  <si>
    <t>                                           FOR THE PAST score or more of years Hitler has dreamed of a "New Order." For nine years he has welded the German nation at the price of his people's extreme sacrifice into one mighty militaristic power, boasting the world's mightiest army, the world's most destructive air force, in a determined effort to turn his dream into reality.</t>
  </si>
  <si>
    <t>                                           AS TIME WORLD CRISIS deepens, and the old order changes more and more preciptately thought turns naturally to the coming order of things. What precisely will be this coming order can only be guessed at so dim are the outlines of the aspirations of the...</t>
  </si>
  <si>
    <t>                                           One Of These May Be Cotton Queen                 j MEMPHIS, Ten... (SNS)- The*, fir, you tec here  be queen of the 1941 Meraphv* Cotton-Maker. Jubilee. They     (No. 1) Ha An- nit Byrd Hwkman: (No. 2) MiM Mattie Edna                 Minion; (No. 3) Miu Ttwlau Mtrguwt Yoaag; (No. 4) Mim. VirtinU A. Cray.  n4 (No. 5) Mm         Ch.rlin, B*.</t>
  </si>
  <si>
    <t>                                           IF YOU AKF, LONESOME M*^t   *iir S*   .rar1 thru           l'~(    ^l I '~rrv*    ^Ai-i* Clah In America. MemlTM r^-rf. ".  MttTrlmcv thru uar . All type* ut      Nr^rw    **~. KitrNiM* tt 2~*  for    * ..  COI."     ?1.1' K. Box OEIC-H, IMitladalptLlM. Pa. 10 LOST BOCKS OF MOSES l**~            in     1 U U- 1      -f How. . Hor m eu twip )     . 'Lnra tb*             knd Ihnwtf*. Ct*n fv*    CetThisBookFREE.'    d      of     .     ?*~n ^BK COO. CnroarBoQfcrBlse.       . .BtuU     1.C COMPANY ltS3n  f. 6. Box 6566. Dept. NP."~~    Cbicaco. IU. L^Blichten Wlien you apply XIX Bleach Crtui it lightens youi*  kin  shades or money bick. Almwt at oner you discover added Beauty and Charm. You. can look more  e to men. more lovely, more beau*  NIX act* :. so don't wait. Get NIX today at all Cosmetic* Counters. Lug* Jar</t>
  </si>
  <si>
    <t>                                           I !25c CALLS YOU B\NM! 25c! I Without Ever Seeing You Before! 9 It yon are in doubt of what a genuine Palmist can do. % consult Madam Mingy. I will tell your   thoughts and desires, and bow to gain them. I C bare helped others, I can help yon# Gives names and M initials of your enemies. Causes speedy marriages. g  the separated, settles lovers'  m quarrels, shows you how to better your ^H-~-~ JV I business, get a good position, better ^   -l-    J yoor finances, settle  and es- M-*^! % t*   troubles. Change your Luck! KT^ mTwo questions answered free. Readings ^k )vm M Daily and Sunday 10 A. M. til 10 P. M- W^J* A % 638 McDonougfa     m Arrow* from Federal Prison. Take               9 Prison Car to End of Line. Look for Neon Sign.</t>
  </si>
  <si>
    <t>                                           Sellers Brothers, minus eight crack players inducing seven of whom were batting .306 or better upon their departure, resume its softball activity with a practice drill Wednesday afternoon, starting at 4:30 o'clock on the Morehouse athletic field.</t>
  </si>
  <si>
    <t>                                           SPAULDING REAFFIRMS FAITH IN WASHINGTON                 -Takes Issue -With Dr. Harris' Criticism                 JEFFERSON CITY. Mo.- (.A-N P)- "1 am a firm be-! liever in the teachings of Booker T. Washington. Fifty' years ago. Dr. Washington visualized conditions., that are very definitely facing the Negro today. To my way     thinking, the soundness of his doctrine is more apparent to- day than it was 50 years ago." declared C. C. Spaulding. i president of the North Carolina Mutual Life Insurance! company and president-emeritus of. the National Negro I                 Business league. Tuesday night as main speaker in the  lecture series celebrating the 75th anniversary of 1 . university. A s                 In tills way did the well known i D'. leader disagree o= the same  and before a similar I audience with  made a Jew weeks ago in this lecture  by Dr. Abraaa Hams, noted economist of Howard university. At Giat time Dr. Harris called Washington's theory ot industrial education "outmoded" and "not suited io racial needs." at the same outlining a deferent system of industrial education for use in Ne- gro schools. Without mentioning the  by name. Mr. Spauldlng said I "I frankly admit that I probably am at variance with some of our present day schools of thought that advocate the scrapping the so-called 19tb century ideas of Booker T. i Washington. Throughout the country  are nan? Negroes successful Negroes who were; schooled in Institutions founded upon these ideas and who have developed into successful, independent, influential citizens in their respective communities. "It is "possibly true thai the facilities of many of our technical schools do not measure up in every respect modern       -! Let us bear in mind, however, that this condition is not necessarily an indictment against the schools themselves, but rather the  of a biased conception of (dative  as  affect racial groups. "I am  oid fashioned  to believe in the dignity and glorification of lator- in clean hearts nnd soiled hands. In the matter of education, it is my firm belie*, that unusual emphasis should be placed on the training or youth to compete in the new order of  as they affect the nation We are passing through a period *hen skilled labor at a premium -a time when our technical Mheote and Und grant colleges are in position to render their greatest service. '"The day is at hand when our youth should be taught the vita! necessity of knowing how to do i something with their hands Dur- j ing these times when prepared- j new Is the dominant idea I* na- 'Ccntir-rr! pips 4. rd                 I Spauiding j I Continued from . 1) J  ,  labor,  of racial identity, will find i J its Tjiace." Mr. Spauidirijt sa:d lie  it "unfortunate" that in the past "well meaning individuals devoted their efforts to the cultural development of the Negro at the expense of a mere practical  of training" and said he believed todays youth were changing thu idea. Speaking of the problems  Nesro businesses, he said they li-ve been laboring under Uie handicaps of proper appreciation on I the pari of the public and the j public s failure to lend consistent I support. This he blamed on the j Nesro's peculiar status under the American system along with the i kmd of teaching he has received "Inefficiency, irregularities and lack of confidence  long  their toll from Negro business in general, yet our businesses have lived und will continue to ad.Mtnee* Mr. Spauiding asserted /'In Hie past ye-ors strenuous efforts were made by those interested in the Negro's development to improve many phases of Negro life.      little encouragement wan given him along the lines of developing and organizing business enterprises, or the cultivation of commercial talon s thai would enable . to learn a livelihood in these fields. "Today we have a different situation in that many of our schools and colleges have established commercial departments properly equipped for the development and training of individuals in this field, efficient, bookkeeping.  and acountants are now at the disposal of our business institutions. Their knowledge and In the development of sound and ability have slaved no little pert consistent business practices that are now part and parcel of our  organizations  the fact that the journey toward the goal line has been lengthened by detours."</t>
  </si>
  <si>
    <t>                                           JEFFERSON CITY, Mo.--(ANP)--"I am a firm believer in the teachings of Booker T. Washington. Fifty years ago, Dr. Washington visualized conditions, that are very definitely facing the Negro today. To my way of thinking, the soundness of his doctrine is more apparent today than it was 50 years ago," declared C. C. Spaulding, president of the North Carolina Mutual Life Insurance company and president-emeritus of the National Negro...</t>
  </si>
  <si>
    <t>                                           Seek Identity Of Body Found In River Swamp                 AlT.rSTA. Ha (J NS) Coroner K. Allen Elliotl is still seeking identification of the body of a middle-aired Nej;ro m;in that was found in the river swamp          -n miles below Augusta  n the Sand Bar Ferry road .Monday afternoon. The body was found by a youth who was walking through the swamp on the Hal Thompkin's farm. He summoned officers and the body was turned over to the coroner. Coroner Klliotl described the corpse as being 50 to till years of .         210 pounds with the upper and lower front teeth missing. The body was clothed in a khaki shirt and denim trousers. The man had been dead three or four days. There was no evidence of foul-play, the coroner said. The body still remains at Blount's Funeral Home.</t>
  </si>
  <si>
    <t>                                           CENTER NAMED "BU1 HAiX"                 CAMP CLAIBORNE La.- CAMP) -The recreation hall in the 387th Infantry area at Camp Claibomc, La-, has been designated "Bullock Kali". This action was approved by Mo). Gen. K A. Walsh upon th* request of Col. Raph C. Holliday, commanding officer of the 38701, to honor the lat, Lt. Thomas J. Bullock, the first officer of the regiment to meet death at tht bands . enemy during     Tcrld wax.</t>
  </si>
  <si>
    <t>                                           AMERICUS, Ga--Misses Genevieve Wilson and Mitlyn left Sunday night for Jacksonville, Fla. Dr. Ulysses Wiggins of Camden. N. J. and his father. Randall Wiggins were guests of Mr. and Mrs. Charlie Dozier last Thursday. Mrs. Johnny...</t>
  </si>
  <si>
    <t>                                           Revival will begin Monday night with Rev. B. R. Matthews preaching. Baptizing on June 1. All candidates are asked to be present. On the sick list are Mother Harper., 130 Davis Street. Sister Emma Smith on McDaniel Street, Miss Biretra Mae Johnson, 44...</t>
  </si>
  <si>
    <t>                                           It seems that there is much confusion in the thinking of southern white people in regard to the relation between taxation and education in a democracy. We have a sneaking suspicion that when white officials in the south try to explain small appropriations to...</t>
  </si>
  <si>
    <t>                                           In accordance with a custom of some three or four years standing, the First Congregational Church on the coming Lord's Day will observe what has become known in the church calendar as Brides' Day".</t>
  </si>
  <si>
    <t>                                           SO-GOOD HAIR DRESSING MAYBE JUST WHAT YOU HAVE BEEN LOOKING FOR. A GOOD DRESSING MIGHT BE WHAT YOU NEED. WU1 Help You To Dress Your Hair In the Latest Styles HAVE BEEN SOLD AND GIVEN SATISFACTION FOR MORE THAN 20 YEARS. TRY IT TODAY. SOc Per Box. SO-GOOD CHEMICAL CO. 743 Ow*~  * Am, B. . Mothersills KUBfESSWMACH DISTRESS WHEN TKAYEimS    IF OVEREATING 1$ A JIM. I SOMETIMES AM A SINNER** BUT ALKA-* HELPS IP I TEEJ. BAP ?  TjjWffig. A GOOD         : a hearty dinner; food that    Ilk* bat that doesn't like   - of   "IK good        1* but do   ? Host of  u don't and as a  we occasionally suffer from Add; Indigestion, Eeartborn. Sour Staa-; ach. or Gat in Stomach. WhttJ that happens to you Alka-Seltzer Try Alka-Seltzer too. for    *fl che. Mutnlar . TMomW After and Muscular Pains. Alka-Seltzer contains an anaU) cote  (sodium  ) which acU -'  it is entirely  and ready to go to work as moon a* you swallow it. Alka-Seltzer also contains  buffer salts which -tha'  ot its analgesic mora pod-1     because they protect ItTaad peed up iu action. Get AUca-Seltzer at ^i drug store in handy %Ctf! for^ bone use or j^^B</t>
  </si>
  <si>
    <t>                                           ATHENS, Ga.--(SNS) -- The Friendship/Baptist church. East Athens, Rev. A. M. Lampkin, of Atlanta, pastor recently concluded one of the largest financial drives in the history of the edifice. The campaign was filled with keen interest during the entire...</t>
  </si>
  <si>
    <t>                                           IN MEMORIAM                 In loving memory of our devoted wife and mother. Mrs. Selene MeGavocle Burney. who departed this life one year ago today. June 2, 1940. Dr. J. W. Buroev (widower) Mlsi Catheriiw Burney (daughter)</t>
  </si>
  <si>
    <t>                                           j PATTERN 408 j A alUE-BCT'iONED  lCU  i.Mli- .IOU1 fulfil 1.. ^.uuv ^.          ;tru lie Uuiujimij; 01          i., Noilly   Iculurc ice iio\v jc  Uwr  in u ouy Mwiluptra line ana  ^oes ii.ji^ui aoun the leti      . A -;  for . loo.  ~'ou to press the aai "~ent in a -spread pi-s;,;. Tutr* the becoming style notes in .--shaped . m a soft bodice and in a trim  inset band. A choice  or long sleeves is included in this pattern. For a bright finishing ti:uch. do sew colorful ric-rae all I i-ound the     . the bodice but-, toning and the . Choose Rood. -wearing cotton print -and order your pattern today: The Sewing Guide that  wit'~    ? pattern will  each sim- P'e step of the way! Pattern 408 is cut in misses' and  s sizes 12. J4. IS. H\ 20. 30. i 3? 34. 36. 38. and 40. S\?* 16 re- i q- 3 3-8 yards 35 inch fabri.1 1  nrf 3 5-8 yards ric-rnc. I Send  CENTS (15   in coins for this  WPITE I  SIZE. NAME AD-i DRESS AND STYLE NUMBER.   ?rd orders to Atlanta Daily Weld. 2'0 Auburn Ave.. N. E..! M'arito. Ga.</t>
  </si>
  <si>
    <t>                                           I TMOUCMt YOU I I TOOK AN hAO A HEADACHt. AIXA-5 MOWCOMtVOO AND CHASED THE t U.L SO GAY? 1 1 6 AWAY. ALKA SELTZER affords unusually prompt and effective relief in Headache because it is in complete solution, ready to go to work ar oon as you swallow it Itt  action is mad* more positive by alkaline buffers, which protect it from breakdown in the stomach. Alka-SelUer being a combination of  and  ingredients, has gained wide usage and popularity among those who occasionally suffer -from Acid Indigettion, Cold Symptoms, "Morning After" misery. Muscular Tatipu* and Muscular Paint. Alka-Seltzer is pleasant to take, non-laxative, prompt and  in action. four druggist hu Alka-Sdtssr to handy mull and - leal Urge  for bom* use, or he will    (lad U.V- if1 ~*nr* you a glass   f Alka-S*      .^li l at hla soda /   BCaWfJC fountain.     ^~~</t>
  </si>
  <si>
    <t>                                           Knockabout J(Tf% Sportswear VJiVV for style as well ~^ Vak( 1-3 In 60 Days UjLjEuIfiUlu I-3Ib96 Day* REOPENINGl Jackson Street! BARBECUE STAND I THE HOME OF GOOD THINGS TO EAT" I 1 94 JACKSON ST. JA, 6738 I Today, Friday, May 16r 6 A. M. I Open Daily 6 A. M. to 2 A. M. I Featuring the Best Rib and Pork Bar- 1 becue Sandwiches in Town Fried I Chicken Dinners a Specialty Ice Cold I Beer and Bottle Drinks Curb Service I by Attractive, Neat Waitresses. I We Deliver Until 12 Midnight I B. H. Hodges, Proprietor</t>
  </si>
  <si>
    <t>                                           The center campus of Spelman College, encircled by many colored lights, was transformed into a beautiful amphitheatre last Saturday evening for the recital by the advanced students of the dance. Thirty students took part in the performance which was under the...</t>
  </si>
  <si>
    <t>                                           Aged Woman Found Dead In Her Bed                 Mrs. Mary Morman. TO.  A 117 Mildred Street. SW. was  dead in bed ..round 9:30 o clock Wednesday morning according to city police report*. Her  on. Dave.  officers that, he liad been  to lot his mother sleep late in the morning, but th-~t after he failed to sec her around 8:30 he  Into her room. He  her Jync across the bed. The body 'as taken to Hartley's Ashby Street Kom'-. ; funeral .</t>
  </si>
  <si>
    <t>                                           -'-^^i ^ii n IM, ^^a^a^a^a^^lM m^m m Save More Save More Greater Values At Your Big Star New Red Bliss (Boiling Size) Potatoes 5 $c Ga. Tender Green Snap Beans $c Small Yellow Georgia Squash 5c Fresh Dressed Pan Trout 14c Smoked Slab (Rind On) Bacon 23c Prize Winning Round Steak 29x Red Diamond (Strike Anywhere) Matches Sc Sanisoft Toilet Tissue 10c r Standard Pink Salmon 15c .'s Corned Beef Hash 2 2Sfc Tarpet Brand Corned Beef 16c This Advertisement Effective at All Atlanta Big Star and Little Star Stores. Visit Your NearMt Today. YOU WILL SAVE MORE</t>
  </si>
  <si>
    <t>                                           I 1 rf HUH (MAI, **W *~^W ^^       -AWOKE TIRtD, NERVOUS!" Pl^^^^B MY  WASlMY DOCTOR SAID '~~MSM3   3 OR 4 THAT l' HAP  k TIMIS A . TORPID KIDNEYS. I YOUR GOLD MEDAL HAARLEM OIL 1  HELPED ME I SLEEP AND y^ PEEL BETTER AM A  NURSE. /j^A\ It art  p ofM M       to    t. tW Wlk. jB^^^-^^     tk* blood ^loi"Dr.*   'ii'. Llita.1 far. ^      ^'AL.   os law   ( for \   ^ K i n^ta.Butb*        *~                    A _^R y**** I cud ^*^I*~i2aa^~voS^aog^~M /*-~i_y""^v-/y'</t>
  </si>
  <si>
    <t>                                           Looking For Suit, Find Stolen Sheets                 Tollce officials Sunday had booked a young woman on suspicion of  a large quantity of sheets, pillow cases and other articles from Grady HVpttal where  worked several years. Investigating  said they found the stolen goods at die home of a woman listed as Annie Pearl Jewell. 24, of 144 Moore St., Se, while they w.'re at the house looking for a stolen suit.</t>
  </si>
  <si>
    <t>                                           LIGHTNING KILLS PAIR AT REVIVAL MEETING                 Bolt Proves Fata! To Two Mississippians i                 Men Were Attending Services                 MAGKi.. Miss. (SNb)- A  01  3 uuu K i lieu two young men fine uus weeK on Uie   oi ^  v.  a revival was iii progress.  were Joe Rankin, i!'.~. anu ivi. Cooley. a. who w -re standing under a  11:  tne church,  themselves from an c. storm. Approximately 2,000 people were gathered either upside or near the church at the time of the -storm. Several others were *reported to have felt the shock. Cooley was a husband of less than six months and  was the father of six children.</t>
  </si>
  <si>
    <t>                                           HOMER GARRISON MOTOR CO. Dodge Plymouth Dealer East Point. Georgia CA. 3123 '40 Dodge".... $695 2 Door Sedan '39 Dodge 595 4 Door Sedan Radio '40 Dodge 845 Two-tone. Sent covers. Low mileage '37 Dodge .345 2 Door Sedan '37 Dodge 375 4 Door Sedan '40 Ford '85' 625 2 Door Sedan. 14.000  '39 Chev. Trk. 225 Pane!-       Clean 25 Others $50 Up</t>
  </si>
  <si>
    <t>                                           THE WEATHER Fair. Low temperature of 53 *.</t>
  </si>
  <si>
    <t>                                           NEW YORK--(ANP)--DRAMATIC MOMENTS, 27,000 (paid) baseball mad fans, became silent at the eternal hills, as Satchel Paige, greatest of modern day pitchers of color, twists upon the greensward of Yankee stadium. victim of a fast ball thrown by a...</t>
  </si>
  <si>
    <t>                                           Hot days now but don't forget it's going to cold days after a while. "Nut Ced," lets all of us remember that.</t>
  </si>
  <si>
    <t>                                           John Willis Is Taken By Death                 BIRMINGHAM. Ala..                 Mr. John Willis, of 114 Sth Avenue. South, passed away June 16lh at the Veteran Hospital in Tuskegee. Alabama. He is survived by his widow, Mrs. John WilUs and two sisters. Mrs. Lena Willis, Mrs. Louise R*. Funeral services were held in Calera, Alabama, Welch Brothers in charge.</t>
  </si>
  <si>
    <t>                                           Rites Held For J. Livingstone                 BRUNSWICK. Ga.- Mr. Joseph Livingstone, one of Brunswick'! out known citizens, died at hi! home on Amherst Street Thursday night, July 3rd. Mr. Livingstone was born ir. Crescent. Georgia, but moved tc Brunswick at an early age. Be hat Uved here for 45 years. Mr. livingstone was a faithful member of the First A. B. Church for more thar ten years. He is survived by bis wife, Mrs EUa Livingstone, two sons, Johr and Leroy Livingstone, and one daughter. Delores Livingstone Services were held at the Hrst A B. Church; Rev. Brockington officiating. His body was Interned at the cemetery at Crescent, .</t>
  </si>
  <si>
    <t>                                           Leon Wilson Named! NYA State Adviser                 BIRMINGHAM. Ma.- (SNS) Llgon Wilson, principal of Snow Hill Institute an-1 it Field Repreferntatliv for the Natlona! Yciirh       . sl.   October 1. 'S4-i 1::.: been i. NYA      A'* on    :    Affairs. It was  Saturday by Dr. John E. Bryan, NYA administrator. Wilson who1* Headquarters will be at Snow H11J. In Wllcox County, succeeds Venice T. Spraggs. who has been transferred to the National NYa Office In Washington, where she has been  ro the Youth Personnel Division as Senior Youth Personnel Assistant. Since 1940. Wilson hat served the National Youth Administration as I Field Representative in Student Worlc. As Stale Adviser on Negro I Affairs, he will coordinate all Ne- I gro NY A activities in Alabama. I</t>
  </si>
  <si>
    <t>                                           I BIG NEW STYLE IOOK FftEE PAGE BOY  i ^^B9^^ IjdP occ4 bair. ^BBI^^SwC. Ovrf 29 vear* with j ^HJP**r'^v^*4J - i ^^Ev ^Cv Traoilormjiioo* ^Bf '^ti T/ w h ^ thing iq hair i ~*!*tST P?tC1S* KOOtl%. Braidv. I 1  Sole .          \ etc. 1 HUMAN1A CO</t>
  </si>
  <si>
    <t>                                           Oriental Creara L ,                  L ~\fl* vp. A . ^C/    T-vi a</t>
  </si>
  <si>
    <t>                                           Pullman Porter Gets S1 .000 Tin                 LOUISVILLE- (- Friends of C. Harrison. Pullman porter of Washington. D. C. wbe found a king s ransome in his car here      Derby day. May 3, are Just learning that Harrison received an award of $1,000 the largest tip ever given a Pullman man, as an appreciation for      honesty in returning the ring which was valued at $120,000. The ring belonged to Mrs. Elizabeth Altemus Whitney of Middleburg. Va* and is reported to the moist valuable article ever left in a Pullman car. Porter Harrison "found the ring on the floor as he was making op the berth. The tone -was so large, Harrison related later that although he realized* It looked like a diamond, he did not think Its was real. The insurance adjusters paid Harrison the reward. The ring was insured for $75,000.                 Says 'Skegee Erred In Lynching Report                 RALEIGH- ca N P)_The action of Tuskegee Institute In  as a lynching a murder which occurred In Caston county last April was challenged by William R. Johnson, consultant ol Che state board of charities and public welfare. ln a statement issued Wednesday. Johnson pointed out that lynch ings ln the United States have decreased ana thai uf the three recorded by Tuskegee for the firs: six months of 1941. one of them was erroneously reported. Crediting I  Carolina with what* the I                 (lies show to be deliberate murder, "serves neither the state nor Negroes anywhere," Johnson said The men accused of the murder which           listed as a lynching are now serving jail sentences which means, the educator said that -here ln North Carolina a premium is placed upon human life We do not claim a state ol perfection here by any means, bu' those nurtured in this 'soil and who have grown up with the state, know that we have come a long way In lh* development of race relations at work."</t>
  </si>
  <si>
    <t>                                           AUSTELL, Ga.--Miss Roberta Freeman or Elberton, Ga. is spending her vacation with Rev. and Mrs. E. A. Freeman. Mr. Willard Ruch passed away June 29. The South Side Club will meet at the home of Mr. and Mrs. Homer Pitts Wednesday night...</t>
  </si>
  <si>
    <t>                                           On Sunday morning at 11:00, Rev. William Holmes Borders will develop the subject. "Substitute For God." The W. H. B. ... and the Jubilee Chorus will ... the music for the worshippers at the historic Wheat Street Baptist church.</t>
  </si>
  <si>
    <t>                                           Return to the city Tuesday of Manager John (Red) Moore assured 10 clubs in the 1941 Works Progress Administration and City Parks Twilight Softball League Ivey Brothers, formerly J. P. Allen team No. 10 in the pairings and will not see action until Monday...</t>
  </si>
  <si>
    <t>                                           Flush Poisons From Kidneys and Stop Getting Up Nights B.        .       -aM,B*~~ _J2           for M oaa u         and   aaa ^*Ue tttt . , torn w why  to  your        by  up thru the ? Vent b* ma EA8T KASKmnd a*.          Oil Cmonla</t>
  </si>
  <si>
    <t>                                           To Pinery Grove                 REV. E. S.  tei  called la !* c! Finer .- :! Chare*!. !      . Hi !s Icr:ntr ji^stor ol Llt'lie Z!5  EautsiC , Ortver, Va., und 'jMI. Uuiuim BipUsl !!. WVilminetan. Kr. C. Rev. Mr. Stephens  ! ;it IMorric co!!   . 3'. S. C, a^d !:us  !e Georgia for tht past (wo years a-' Hlorrls Brotrr* College. I!b Is a noted young  2 i! eap.ibit pn;pel singer. J^ext  iif  a  a! ! at Bran Slrset B2p!!s.~ SU!"!ttr. Scutis CsroUci.</t>
  </si>
  <si>
    <t>                                           ^^^^r^i A PUR! AND           8 ^^^^^KV ^^^^^^J #ln I S^snci flavor. ^^d^B      -     i. .!^ ..nlj    Ili^     .   ,iU Tinnpuny. I.~nt Iijjud City    YocV  UU 1                    the l-.iw.CW.       .~ Corner" Altonu,</t>
  </si>
  <si>
    <t>                                           Janitor To Act In His Own Play                 NEW  - Horace Willard is probably the only janitor in the United States who has written a radio plav and will also act in it.                 A janitor at Columbia's station in Hollywood. i\_\n,  first mad* his radio debut four years ago as an actor on Fletcher Wiley's -Sunrise Serenade'' appearing thrice weekly. When  recently announced to its non-professional employees- including janitors, page boys, mail clerks, and stenographers- that it would give them the opportunity to produce, direct, east and  in a new series of dramatic . Willurd jumped at this chance.                 Since his ambi ion has ~\~    been tn be a producer of N^urc rad:o . he TPcnl to work  and wrote ail                  V5 minute play called "One Way u Glor}'." In addition to writing thi- j play' he -Rill also act in it- Hi: play will be  on a net i i series named "Young Ideas'" com- . June 29. "Ynunp Ideas j j a  ou-. of the      i junior workshop. a;i  j I radio theater sponsored by Donalc i %V ThornburBh. vice-president ix -hai-iic -A CBS Paciiic coast opera lions and the KXX education* i din-cicr. Mrs. Frances Wilder. Thf i  Junior workshop was !       in 1538 as a training schoo: inr   r.-ith  .~:irt silent to give them  1 i x;   :~":ict: IP.            . j Or. :hi* senes Willard wt!. i yn-.-fc  with              radu i ,Co:.l on Pas* 6. Col. 2                  Janitor To Act j (Continued from Page 1 1 j directors supervising  pro- I grams. Each director will Mipervis* one show of the series, so Dial up I prentices may receive the benefi' j of working with as many : I producers us possible. Since WJlard lias appeared as ar actor on such outstanding : I as "Scattergood Baines," -Blondie.' "Silver Theatre." "Screen Guild j slurring Jean Arthur. "Dr. Chris Han" and several others, he find: that this experience has been crear assistance in his radio play I writing. * Proud of the fact that he wai born on tie fourth of July, Willaxc                 has always lived in Los Angeles.    j is 27. married, and has two chil- { dren: Eva. 5. and Richard, 3. f graduate of Jordan High school lie also attended Comptoa Junto! I college where he majored in dramatics. Although he has worked as t janitor at KNX for the past sij years, some day Horace WUlarc hopes to devote all his time u writing short stories and radic plays.</t>
  </si>
  <si>
    <t>                                           NEW YORK--(ANP)--Horace Willard is probably the only janitor in the United States who has written a radio play and will also act in it.</t>
  </si>
  <si>
    <t>                                           Card Of Thanks                 The family 01 the late .Policeman I Charles Parks Wright wishes to' thank the many colored friends for the kindness shown following his sudden .passing May 4. The good deeds wUl never be forgotten. Mrs. Charles P. Wright, wife. Mrs. R. A. Wri^it. mother. Mrs. OUn Thrash, a sister. CARD OF THANKS I wish to thank my many friends for the expressions of sympathy extended to me during the death iot my . Miss Annie Mae 1 9     . I al:o viz* to thank Ivty Bros., for their service. Mrs. Mary L. Howard.                 Funeral Notices v YOUNG. Mrs. Virginia-- Wends and relatives of Rev. and Mrs. Nathaniel Young and family ore invitee! to attend tile funeral or Mrs. Virginia Toune today, Sunday, at 2 p. m. from Reed Street 3 church. The Rev. C. N.Ellis . Interment Souln, View. Pollard Funeral Borne. WILLIAMS^ Mr! Arthur- Tno friends and relatives of Mrs. Annie Williams'. Miss Bessie E. Williams. Mrs. Delia M. Spear. Mrs. Elizabeth Jones and Mrs. Julius Hughlcy are invited    attend the funeral of Mr. Arthur Williams today (Sunday) :it 2 . from Flipper Temple A. M. E. Church. Rev. David Norris win . interment love Joy. Oa. All flower jMs and  arc requested to meet as the residence. 271 Chapel Street, at 12:30. Ivey Bros., morticians. BERRY. Miss Dora- The friends and relatives of Mrs. Ida Berry are invited to attend the funeral or Miss Dora Berry today. May Uth. at 1:30 from Beulah Bw  Church. Rev. A. Davis officiating. The remains will be  to Greenwood. South Carolina for interment. Ivcy Bros- morticians. WILLIAMS The remains of Mr. Henry Williams are held for In-*t^o-n of          . David T. Howard and Co.</t>
  </si>
  <si>
    <t>                                           RESIDENTIAL BOMB TERROR SWEEPS DALLAS                 Bombs Fall On Dallas In EightKJIousing Blitzkrieg                 No Arrests Made In Any of Series Of Outrages                 DALLAS. Tncas-      - A  that shook houses  a mile radius and was heart over most of the city Mundoy  ngaia  attention on      " year-old racial  TOtble. i                 AghUi bombing to take place; tine* Jan. I. no one was hurt and I damage was comparatively light. The explosion occurred at Sonj Jadnto Village lor Negroes, a  development against which white  nave bitterly fought. Traffic was tied up for eight or nine blocks away and police  on a square around the village to keep back one of the largest street crowds ever seen here.  WITH DYNAMITE Police said tLe bomb contained at least three sticks of dynamite, it is the type us-d on WPA  in this area and since several theft* have been reported in this territory, this may be the source of the material. Pobcc Chief iT***ti M. Welch said that an the  used in the 13 outrages  last Oct. 1 have been of this type and unless local offices are- able to solve the  crimes, federal agents ,mny be brought in because of the possibility that federal material! have been used. The bomb exploded a few feet from the back' door of the apartment of Mrs. Mary Louise Wilson who at the time was visiting Mm. Helen J. Brawn in another apart-  in the U-shaped building. Mr*, i Wilaon was knocked from her chair i to the floor. The force of the bUm reduced a picket fence  the rani to splinters, tore a eater b the Ground and shattered a wooden abed covering the gas meters for the  apartments. The panels of two dons were blown out and home  jarred. The front win. dow of a house across the street same person. Because an of  bombs were of the same type.  think they may nave been the work of this man. The San Jacinto  1   was, violating the city ? member of the Dallas Park board and prominent realtor. White persons living in the neighborhood objected to the  and took i the  to court on the ground i he was  Uie city  (CoaUnsed on      6: CoL 3)                 Bombs Fall (Contlinurd from pa?c II code. Ripley won however. Chief Welch demanded Tuesday that his force  the  and promised cv*ry effort would be I made to stop the outrages. Hesaid  picked officers had been assigned to this detail alone and I if present efforts fail, rewards will be offered for information. Thus far no arrests have been made in any of the outrages. Thr list nnd dates : Oct. 3. 1940. : Oct. 24. incendiary fire: Oct. 26. bombing: Dec. 3. bomb1 ing: Dec. 21. bombing:. Jan. 13. 1941. two bombings: Jan. 17. bombing: Feb. C. ; Feb. 11. bombing: March 6. bombing; April 14. bombing: and Mav 8. .</t>
  </si>
  <si>
    <t>                                           DALLAS, Texas.--(ANP)--A terrific blast that shook houses within a mile radius and was heard over most of the city Monday night again focussed attention on Dallas' year-old racial housing trouble.</t>
  </si>
  <si>
    <t>                                           On May 18th, by virtue of a proclamation by the President of the United States, we celebrate "I Am An American Day."</t>
  </si>
  <si>
    <t>                                           I Getting Grey? Use Cotone    - h;      "  .  .  ^ hair dr**~\r\s ami rx- . COTONE CO.. WA. 1802 DONT FORGET SHIELD S Cleaning -and Pr^ Shop MOVED TO 93 PIEDMONT ST.. N.E. E. B. SHIELDS. Prop. COX BROS. Sew Insurance Service Agents for American Homo Mu tual I-  ? Insurance Co. of Washington.   . C. Sick. Accident and Whole Life Policies. Group Individual S'.OO to S1300 COX BROS. MORTICIANS SHI Auburn Ave.. NX. WA 15S2 HOTEL ARNOLD 1868 Simp.on RA. 9497 All "m- rooms with hot and ci-W water. .Remote control mu.-'ii-. .Private Dininjr Rooms Bill Service Si. up. FREE PARKING SPECIAL TODAY CHICKEN :v. Vejreiaole.*. Lettuce, and Tomato Salad. Hot Biscuits i.'oft te or lie Tea. 35c Nan's Lunch Room 529 Irwin Si., N. E. JA. 81S4</t>
  </si>
  <si>
    <t>                                           Atlanta  wk* The Nation's Only Colored Daily Newspaper /T JS NEWS        14'  8 ATLANTA. 1A. FRIDAY. J.NE B. Price Five Cents</t>
  </si>
  <si>
    <t>                                           Eight Persons Dicxi in This Train-Auto Crash                 Sight persons, members of two West CarroUton, families, were killed when Pennsylvania  train,  at 70 miles an hour, crashed into their automobile near Dayton. The victims tad^^__ children. What little remains of the automobile la  In tali .</t>
  </si>
  <si>
    <t>                                           j STYLE FIRSTS fa a  Sfi AFTERNOON FROCK 7 ^T/ ma# soft bodice jT That charming .ul-qualily -.-e^TY X -PiTtiCN Iook that    "Uy sot. r: th clothes r^T W M 1 1 in the higher price br.,.-Uei is shewn I fr ^AV.\ V Ifrlfvi by the loveI-v     Irock. V VWi Ci J' -l-fl iA"d aU lhis is -   !--- for the Mm. II !~S ,5^. 1j V,  pie making! WelLcut lines \'5  ,"V. Al'lwTUr  s01^'"!-' -fen- and  li^' L xf\*ML/;."/ 'V1  - what 1*T \^~V4X^S7//W    s I- 356 its air of distinc "T IT^ I Uon- T"*1^'5  U5 HaUrry aU 1 \J_23z-f V through the bodice where the easy I trK jpA full-cut lines are held trim by rows t7   W of d3rts at thc Slioalders and by l/jy- ?B'^ more dart* that '' out from V^ ^t \i M 1 thc -frOnt      . with the ,~3f ^J^     cool, slenderizing V-r.e.3:i:n; and  1  1^ -vj\\ V thc row oi *~  the center JS1' Ai, k '- ihe wh?le   and Trvf *?i US' w WiWv most - Though just short fil"    H* MW^ Puffed      shown, a three.  t*^ U "ft* HlKi   sleeve version is included In /~,*5vSL t Jv,: V i HIM thc Piittcm. Tlic       .-~ction skirt Jk, 1 1 } 7* 'VM1    simple and slim with just enough I       \ 1 I55'\l ^91  ror JXTitcl *asc- You'll mike ~~^I S^l?/'* 1' I up Olts  ~)Uiclclv- with tt e Srw. Vii  V     In*    lr^ Guide's aid. choosing a cool. i liK^V IC Htajr flowered sheer or a neatly j I  W jW J  5j$ ,H patterned crepe. And you ll wear it m *wi^      v :-C V I for ^OPP111^. for luncheon, for dini!Li-~-i*^ ~^*J^^   ^ ner^nd-movie evenings, looking j i crisp, and cool and very feminine. /r-TT-^j. I j Pattern 356 is cut in women s I (1 j)\ I sizes 34. 36. 3S. 44. 46 and ft* i i 48- Sl2c           3 yards 39 inch I vSk\,l Send Flt'ltaSN CENTS (15c) in  l VA coins for this pattern. WKl'l'.K     } fl I "d CLEARLY SIZE NAME. ADIB VSVl Mil I /$- DRESS AND STYLE NUMBER. D *     WtK \i six/^% Send orden Pattern DeportfarTkgMBMlmj. W^S^ Atlanta Dally World. 210 imf ^B^aa Tr n I Auburn Avenue. N. Atlanta. Qs.</t>
  </si>
  <si>
    <t>                                           They'll Take Part In Spring Concert                 Members ,,f ih^   v .ns at Morct'otlrsr "I... will r,  - pan in th, annual  l.\ Hi.-  of Atlanta Tnivrrsity. Ma.- C..~~~-r anil Sprlmun College in Sistrr* t . I'ridr.v . ul N o clock. i Kcartini from Iclt to  arc: Professor Kemprr jr.       . .~r of music in      institu- j                 ; Lm mtuc I Mansfield, ten or; Jnhn Turner, tenor: .Tatno      .  \     : Sidney Grrrnard. . and V*r_ twin Mcl.t iin.         *~# A hi^Itlisht of      r\*  il! be ihr prcs^ of an old Italian violin ~* n-ith .i .. Oaturin^ Vrrnon       . who liu*   n si^^m                  his ability in . Mral  of G^.</t>
  </si>
  <si>
    <t>                                           the Atlanta Crackers cited out their 27th win of the season against only five defeats Wednesday night at Ponce De Leon Park when they deicated the Birmingham Barons 3-2 behind Allyn Shout, bennings Poindexter, and Ed Houser. Poindexter was the...</t>
  </si>
  <si>
    <t>                                           Mrs. Matte Gaither introduced her friend, Mrs. Ola B. Terrell, to her friends when she entertained with bridge at her Pine Street home Wednesday evening.</t>
  </si>
  <si>
    <t>                                           Mrs. Marion Starling, professor of English at Spelman college, delivered the main address at the general assembly in the cafeteria before nearly 500 students, enrolled at the Booker T. Washington high school yesterday at noon.</t>
  </si>
  <si>
    <t>                                           Vacation School Time At Wheat Street                 Wlieat Street Baptist church is conducting one of the largest vacation schools ever  P0Dscred in Atlanta. More than 250 children, ranging in age from three to 16, had registered last week. Twenty-five alternating teachers with Robert Hightower and Eugene McGowan as co-principals, are                 instructing the pupils. The Rev. William Holmes Borders,  fl, the aggressive church, is shown here giving  to some of the  lots attending ihe school. A huge concert win termini.                 the vacation  next month. (SNS Photo).</t>
  </si>
  <si>
    <t>                                           STYLE FIRSTS                 Pattern IK SPIRITED FROCK VC- AT S1DK If you want to "rev -; simply", yet attractive enough tc wear throughout a busy day- tiere t. Just the style for you'. Pattern ISE by Claire TiMcn will take you trimly, gayly on your daily rounds of errands, visiting, home  and spotting activities. That saucy and novel buttoning down the  Sives you a chance to use bright color notes The neckline ss a     over to ihc .side loo. in a very new and becoming . Notice the soft Mousing through tile bodice witi.the fullness gathered at the shoulders and above the          . And speaking of waists, have you ever scon a , more spirited       treatment 'hsa thoss double poks. placed high above the natural waistline? Generous darting at tiie back       insures neat fit there, and a sash from the sides may tic crisply in back You can have  -ln. puffed' sleeve;: or brief, cool caps. Be sure to use cherry rlc-rar edging all along Use neckline, the sleeves and the front waist, letting it pick up the color tone of your buttons. Notr hurry- order/ this useful  today! V Pattern 155 is cut in misses' size-13. 14. 16. IE and 30. Size i6 requires 3 3-4 yards 35 inch fabric  Z 1-2  nf ric-rac. Send  CENTS (ISri in coins for this pattern. WRITE CI.KARI.Y gI7E. NAME.  AND STYLE .. Send orders to ATLANTA DAILY WORLD. Sio Auburn Avenqe. Atlanta, Gs.                 WK 1</t>
  </si>
  <si>
    <t>                                           NEW YORK--THE PASSING of 41 year old Margaret McFarland Conn., mother of Billy Conn, has its sad side as noted by expressions among Harlem's sporting fraternity. Everywhere we've travelled and especially, among boxing fans, sympathy for the Irish gamecock...</t>
  </si>
  <si>
    <t>                                           Admits Killing Common-Law Wife                 Cily Police Term Slaying One Of Most Brulal In Long Time                 .loir Davis. 2G8 Raspberry Allen, N E., Tuesday was -U tn servo ton years in prison following his plea of guilty to voluntary manslaughter in tlie blunt instrument slaying March 17 of his common-law wife. Berniee Morrison.                 Joe Davis, of 2B8 Raspberry Alley. M. B. Tuesday was sentenced to *rvt ten years, in prison following iis  or guilty to voluntary man. laughter in the blunt, instrument toying of March IT of his common, aw wife. Bernlcc Morrison. Davis contented his innocence in he slaying to the last but dr: in the case led to the guilty plea at the  of  unsel, it was learned. The stale d!-J not insist on Davis1 ;ria! on (lie murder charge, due tu the  s age of (B yc.irs. it      revealed. Tlie slaying of tlic Morrison wo                 man was termed by city  us one of the most brutal         . No person actually saw the slaying, according to reports. Several residents or Raspberry AUey told officers investigating the case that they heard "bumping" noise around four o clock the moraine of Mnrch 18 in the room where the principals . The victim was pronounce dead on arrival at Grady hospital. Evidence  that instruments including a small ash shovel. knife : a pistol were w.*(t in (Continue on      S. Col. 7)                 Admits Killing (Continued from   *e l) ihe crime. A lamp   r. the room was broken, ;       r.ad been :i *-. Davis was arrested by Patrolmen J. C. Clay and T. J. Sik-~s whc said he had stains on his :. and hands when . He was also the only person, m  room of the crime, it wax states. Blood was scattered over 'he entire room,  reported. Slaying: of the Morrison woman marked the 20th violence occur, ranee among colored           loi the  year.</t>
  </si>
  <si>
    <t>                                           Joe Davis, 268 Raspberry Allen, N E., Tuesday was sentenced to serve ten years in prison following his plea of guilty to voluntary manslaughter in the blunt instrument slaying March 17 of his common-law wife, Bernice Morrison.</t>
  </si>
  <si>
    <t>                                           TOMORROW!! ELKS" BARBECUE At Hanley'i Firm Round Tr'p by Truck*- 25c ALL GOSPEL SONGS Cm! Be With You 15c How Many       1(K All I* Wall 10c life     Ba Beantifvt 10c Send All Orders To THOMAS A. DORSEY 756 Omkwood Blvd., Dcpt. C. Chicago. 13. no connection: Members of Gale City Elks Lodge Number M. 1. call     Uteir friends thai the -Ella- Employees Barbecaeto be held on Jonesboro Road is in no manner connected with their picnic al  s Farm.</t>
  </si>
  <si>
    <t>                                           Divorce Court was new to Miss Appleton. Long as she had lived is Atlanta, she'd never even been near the imposing courthouse building. But last Thursday, she dropped by just to see what the folks meant by grinding out divorces."</t>
  </si>
  <si>
    <t>                                           ALL GOSPEL SONGS I Cod Ba With Yoo 18c j Mow Many Tanw* 10  All U W.II 10c I Life Cu Ba BMatiful 10c Send All Orders To THOMAS JL DORSET 755 Oslcwood Blvd., Dept C. j Chicago. IU. j r MIT LUCKY 7 HERBS I K I FROM 7 LANDS! B*     la 7 It mm. trr  I B-rt. tnm 1 1m***. .il ml ) ,~~r  tar 7  GOOD 1.CCHC g^J far         8 CO. Ml B. I</t>
  </si>
  <si>
    <t>                                           MRS. MARTHA WINSTON honored Miss Beatrice Fuke of New York City with a lovely dinner party recently. A crystal epergne filled with roses formed the center piece for the table Mrs. Nellie Pritchett assisted Mrs. Winston with entertaining...</t>
  </si>
  <si>
    <t>                                           T h e Honorable Arthur Mitchell, Congressman from Illinois, when offered the as sistance of the legal staff of the NAACP, in his fight against crowism On railroads in</t>
  </si>
  <si>
    <t>                                           WASHINGTON, D. C., May 15--Joe Louis is ready to defend his heavyweight title here on May 23 on the sixth stop on his "Fight-a-month" series and the 17th defense of his championship with Buddy Bear as the hopeful aspirant.</t>
  </si>
  <si>
    <t>                                           WIN-WINSLOW-WAY Contract Bridge j By X. H. E. Win -Way A-li, K-l  H I Opening Bid 4 4!-i Naturals. TOPPING BOARDS "We found some peculiar hands during our winter season and much difficulty was experienced on some occasions with the bidding. We were fortunate in having Winslow with its cxi/ methods to guide us and we have finished another successful tournament round with top score. The hands we are sending you will nuke much discussion and caused many losses." (From San Francisco.) 74 Nat.. E-W vuL West Dealer: A   6 AK6 9864 3*2 AQ2 N A J105 V J8I V Q10SS A72 W  Q86S S 4, A10 8743 V 754 10S 4, K97S I Dia. ..2 Dia. Pass -2 N. T. Pass S Hearts .Pass 3 N. T. This is a difficult hand to bid but every bid made was sound, providing of course that ihe North-South team was nl-o using Win-Winslow-Way. The overcall bv North merely discloses 3H Naturals and a Diamond suk. The Counter-bid bv East also disclose" Sv; Natural'    ! the Diamond -ajit coT"~      covered, r No-Trumo hM b" East would have shown but 3 Nnturals.     sterile distribution    ?e       .^ a Vo rr*ni"iTi contract. AUhnupH v.~ t-j.^d Is the most difficult of    . It has b#en our  i"cr.  that  xis* it    a greater extent than *        P^d course have more     its    .    .    \ WINSLOW. P.  Ov 9ii           It41. *H Klrht.       4. ST. LOUIS. MO.</t>
  </si>
  <si>
    <t>                                           Confound it! North was actually flushing at Nadia's flattery. In a vain effort to collect, to study himself, he gazed across the snowy expanse of tablecloth at Von Rentner --huge, faultlessly dressed, and thunder-browed. The Prussian must be seriously smitten with Nadia; he...</t>
  </si>
  <si>
    <t>                                           Musicians To Gather Today For Berlack-Mann Nuptials"                 BETTY NOTES:                 Lois Berlack To Become Mrs. Levi Mann At Lovely Lawn Ceremony At ti:30 This Morning                 AS RARE AS a day in June arc brides so lovely as Lois Rcrl:ick will Ijc this evening at C,::',o o clock when she        : Lwi M.-inn. A most. beautiful garden ceremony on Greensferry Court. University Homos, has        planned for  Uirjjo event with attendants surrounding them gowned ;: in blue and yellow carrying:  umbrellas.                 The bride will of course be  in the traditional white and will meet her  at an arch linked with palms enclosed in an artistic white fence. I You know that Levi is ;i musician, and naturally at their wedding, his fellow musicians would surround them. They are to make their presence felt, when a large - i ed orchestra -r the  of Mr. Earl Starlinp plays the  march and a program of prenuptial music. Mr. Graham . is to render :in accordian number and Mr. Drew Days a violin solo. Vocalists lending their talent on this occasion will he Mrs. K. A. Hugging and Mrs. Way- j  Rniy accompanied tiy Mrs. Kenneth Days. Of course there have lx.i*n parties and parties for Lois and T.cvi.. and presented al Uicm have been some very unusual . O:ie lovely gift, w-.is the bride s hook which was presented to T.nis by Mrs. F. Haywoorl at. Mrs. Haywood's home when she entertained with a shower (and she  will keep it .at the ). Another was the most unique cook 1 ook presented by Miss Ruth Caldwell which she h-ad made herself. Ruth had found a handsome bridal couple, and appropriate pieces of poetry which she placed on the back, topped with fhc words. "The Rride's Ct*~k Book." Enclosed she has wonderful receipts which Lois plans to use. at her first opportunity, and of course ther-? are many more which have come at the  table occasions which have taken place this week.                 GUESS WHO S BACK? None ether  Myrtle EsWs. Cwdci'l Myrtle flew in Mic   wli:~ her  little :xr\. Alfred I'almCT Gasklll. Jr.. who now bo:i.Mn  months ef op.f. Shr i". '\~-d also hy Mr::. E-irl B. Eutrhlns. cousin or Detroit. Myrtle is m%  as cv*~r. ^nd will we have chi'.ice to sec her? Yf\. She's to b? hen" nil . : cur-t ot Ivr mother iind lather. Mi. ^nti M.s. W. H.                 Eastcs and numerous parties have j hern planned i.n her honor. She I herself is  us a ch.inc* !~i  Ilic . Mrs. Hulcii- j iflr.  she entertains with open hou.v today at thr AW Hamilton J  on Howcll Street That". very sood. ton. for we will  a ch^nre to .".re lirr and loll    now s;'    11, is to  her back. .-n-I JACKSON lia;- 1 1 'hi W'jtkil'1; '-n U* this ynr :it Ihp Uuivnr.ltv r.f C^'.                 when vacation time came around she took hers. And she* spending it right here in Atlanta with us She's the guest of Mrs. Margaret Curry at her home on "0" street who is seeing that she is well entertained. She had a small group of Elizabeth's school friends, remember she  froT Spelroaa and Atlanta University: In for bridge Saturday afternoon, and together they spent s  evening. MINNIE EDWARDS did    have an opportunity to change her name when she married Mr. Robert Lee Edwards on June 14th in VXiycross. But that did not  her at all. She's as happy as a lark as she spends her last few days hero  preparation:; to return to Waycross where she will  her home. Her romance was an Interesting one, starting when she went from Doiislas. Ga.. where she was I . to Waycross to visit.      I Beulah Campbell of Waycross. Af- ler th? introduction of the two i Edwardres he surprised Minnie j several times with causal visits. and tl"\n in April, he presents her with a diamond  which  their . Mmnio came home n* usual after school had closed, but  .".ho returned .0 Wayfrov;  Uipv          .    -'.s now spe.: her tiro"  this and that for h-T hr.vnr  is to     fnr hiT  she :; on July 13. . .K. v  xr in Up Miss from Birminchnm. hai \n \\v p;csl Ihrrc wr..fcs )y..n  ^lU st  it hfr  r:~.'). Mr. L. H. RtMvood :   ! aunt. Mi.ss Ftonni"' K:ili' T^. ;it their )      on Ashliv C'-rovr. shr s  VvV'li'"   :iv with the S. B* McMalti     :. Al:ih;itn.t.       .si"' ha.s )';.ci ,-i fino timr. ?    'Vii.s ~.-d :ii ,i Mvnd-!hc il.iv p.Miv si    - him" of    . ('ll:itl(':i Atkin.-., n Ihpjttfp p; ;!Vn by Miss Kdvth" Birth**,       'r :.~'^nri'*i(ip- f.ii-tv :     .Miss IyMtie HHiley at Ri: *sin*oi t\\^r; ho'-.trs^, th^^trr  r:      bv Mrs. A. A. Reid and     ?       - viM nr from Mont."fimi rv. .Trantir- Wrichl; ;;ll(i p il-.mcr at thr I. Cow.' t- suit, bv her pal. Gloria MrKath. Oh. ::h':;       a           timp. :ind wishes sho  st*y</t>
  </si>
  <si>
    <t>                                           AS RARE AS a day in June are brides so lovely as Lois Berlack will be this evening at 6:30 o'clock when she marries Levi Mann. A most beautiful garden ceremony on Greensferry Court. University Homes, has been planned for their large event with attendants surrounding them gowned alternately in blue and yellow carrying matching umbrellas.</t>
  </si>
  <si>
    <t>                                           Song Festival Draws 20.006                 Roland Hayes Other Artists Thrill Chicagoans                 CHICAGO-      -Thf. second "Spiritual Son?: Festival"      at Soldiers Field stadium here Sucdny afternoon brought a galaxy of noted artist together whe contributed Ihclr service? to present an Interesting, varied and inspiring program. The proceeds are designed                 to go for war relief. Despite -the weather -which threatened all afternoon, a brief rain falling just before the event was scheduled to start, a goodly crowd assembled in the huge bowl. A - choir led by Prof. J. Wesley Jones opened the  alter which Roland -Hayes sang. Mr. Hayes met an exceedingly warm reception from the audience a: he rendered two numbers one classical and the other a spiritual. His voice was in superb  Inn. Robert Hemingway was the accompanist. Eddie South, violin virtuoso, thrilled the groins in which was a generous  of music-loving whites, with -Intermezzo". "La Oltana" and "Lotus Ijnd" The Southfernaires. note radio quartet, added to the - program by singing two songs, one  a new Rtzaf tune. "We Ate Americans Too", before the crowd demanded an encore. Lowly Ethy! B. Wise coloratura  of Washington an/; the faculty of Lincoln university, was delightful in -Afors e lui che " from the opera La Traviata. Her second number wss -When I Get to Heaven*, a very moden spiritual. La Julia Rhca, the gold-voiced dramatic soprano who is singing the title role in "Aida" at the Pittsburgh convention of the National Association of Negro Musicians  week and who sang the same role with toe Chicago Civil Opera Co, two years ago. sang "Emanl' from     opera of that name. Natalie. Henderson, the child prodigy of Cleveland who has been soloist with the Cleveland Worn- en s Symphony orchestra, won the j hearty appreciation of thje  on Face CoL 7)                 Song Festival (Continued Dm page 1) ace when she played "Concerto In Minor", by Grieg. Her mother, tits. Leota Palmer Apple,  her on a second piano. Bobbin Brooks, boy soprano from Hollywood; William Kranfclta. Chlago baritone, possessor of a grand voice, ar.d the Sharps and Flats, a Chicago chorus, also appeared. The afternoon came to an appropriate dose as Mrs. Mary McLeod Bethune.came to the. P1*1" fonn and before that great  stated beneath the . read dramatically, ('A Mother's Prayer to a Patient God.-*</t>
  </si>
  <si>
    <t>                                           CHICAGO.--(ANP)--The second "Spiritual Song Festival" held at Soldiers Field stadium hem Sunday afternoon brought a galaxy of noted artist together who contributed their services to present an interesting, varied and inspiring program. The proceeds are designed...</t>
  </si>
  <si>
    <t>                                           DAILY CROSSWORD                 ACROSS l.Pat 4. Club 7 South American republic 8. Tart 10. A hoarder 21. Prickly pears 13. Melody 14. Bear witness to 15. City in Pennsylvania" 17 Exclama-  18. Devoured 19. English  20. Babylonian god 21 Pronoun 22. Meadow 23. City in Ireland 24. Narrow inlet 25. Place 26. Enclosure for birds 28. Twilled fabric 29. Musical note 31. Scour 32. Ventilate 33. Flowed 34. Close to 35. Nave! officers 37. Secreting organs 39. Eye 40. Ointment 41. Metal tag  42. Fish trap 43. Fuel 44. Overhead railroads (abbr.) 45. Sea eagle DOWN 1. Crave ,2. Relating to space                 3. Prickly fruit envelope 4. Conflict 5 Sharp 6 Prong 7 High-Seas robber 9. Part ot a churn 10. Kind of parrot 12 Stem 14. On the       16 Notion !0. Larva of botfly                 22. A part of the mouth 23. Drinking vessel 24. Steal 25. Persian elf 26. Steep, rug. gred rocks 2" A criminal ZS. Borders 29. Wooden hammer 30. Insert 32. Snakes 33. Kind of sleeve 35. Slacksmith's block                 ig spTa pii_ li=  IL ^ 5           IMiE.        ^*j ^~IcnJty's Amwer 36. Masculine name 38. Toward the lee 41. Simian                 W. i! q Wl l2 Z II     i17 11 l!     !Ll 34 l!! 1* ~!L I                 - A cryptogram quotation 7" ZM NT    .   ZM NT . NT PV ZNT 1 . a              bp^nI^.^^cosS? A3 i Distributed by King                    , lac</t>
  </si>
  <si>
    <t>                                           Last year, close survey of the base performers of certain athletics in the various meets preceding the fourteenth annual Tuskegee Relays and 3rd annual Southern Intercollegiate Athletic Conference Track and field Championship made possible the picking of 12 out of 15...</t>
  </si>
  <si>
    <t>                                           TWELVE MONTHS SAVING CLUB will meet with Mrs. Minnie Johnson. 238 Lee Street, Thursday night, August 28. All members are asked to be present at a progressive whist parry, Mrs. O. R. Blount, reporter Mrs. M. A. Johnson...</t>
  </si>
  <si>
    <t>                                           The Atlanta University Summer School, since 1933 conducted jointly by all of the Atlanta Institutions for the higher education of Negroes, will close on Friday, July 18, after a successful six weeks session. The School opened on June 10 on the campuses of the...</t>
  </si>
  <si>
    <t>                                           Stingy Black Baron pitchers held the St. Louis Stars to six hits Sunday as they shut out the invaders twice, 2 to 0 and 4 to 0.</t>
  </si>
  <si>
    <t>                                           A4 OST people who use Dr. Mile* Anti-Pain Pflls say that one pill usually relieves their headaches, la the Tegular package. Dr. Miles Anti-Pain Pills  one penny each. In the economy I packages, cos penny boys 1% pills. Why Doo't Yo- Try Dr. MiW. Anti-Pain Pills? They taste good, act promptly, do not  the stomach, contain do opiates or laxative          . You may be miles away from a 3rug store -wben you get your next attack of Headache, NeuroJ910, or MutcuUrr Achta and Pain*. Why not get a package of Or.      Anti-Pain Pills today and be prepared for emergencies?, Bcsnlar Tvckaf. HB*. S*  . lg . CJi</t>
  </si>
  <si>
    <t>                                           Atlantans Move Up In Air School                 By JOEL SMITH                 In direct contrast to the treatment accorded Negro soldiers by M. P.'s and the white residents of communities where they are stationed in the South. Is an insight into conditions in the Mid-West, gained by the writer in an interview with Pvt. William McBride,                 of the 99th Pursuit Squadron, Cbanute Field, Rantoul. HI. Pvt. McBride, who was in Atlanta over the week-end stated emphatically that, "the white people are  nice to us. everywhere we go, and the M. P.'s treat us much better than they da the white cadets." At the present time, there are 400 Negroes, from all over the country stationed at Chanute Field, the largest aviation training school in the United States, and practically all of them are former star athletes of the various colleges represented. These cadets are majoring for the most part in aviation mechanics. The cadets from Morris Brown and Morehouse Colleges are distinguishing themselves in their respec(Cottinued en Page 6: CoL 6) I                 Atlantans (Continued from pare 1)  fields. This group Includes: William McBride, Jerry Brown, Sidney Johnson, Morrison Groves, Edward Simmons. Joe Edgar Pope, Jim Reid. Glenn Bead, Eugene Coleman, Lionel Grimes, -~~William Dowell and Mathew Dempsey, (Morris Brown): and William Warner, James Nelson, Charles Chisolm, Hugh Holmes, Morris Connally. Lee Young, Alexander Crawford, and Herman. Wilcox, (Morehouse). Glenn Head, former honor. student at Morris Brown has passed successfully the examination to become an air pilot and is expecting to be appointed soon. Likewise, William Warner, of Morehouse who holds the highest rank of the entire Atlanta group has completed his course in Parachute Rigging. Incidentally, both Head and Warner are graduates of Booker T. Washington High school. Physical Education is required of all cadets and Jerry Brown, former Wolverine captain and Jim Held, also Morris Brown all-Amerlcan are instructors. Among the courses In which At-' Inntam are enrolled are: Administrative Clerk. Airplane Mechanics. Parachute Rigging, Link Trainer. Weather observing. Teletype Operation and Aircraft Machinist. The members of the 99th Pursuit Squadron, scheduled to leave for Tuslcegee around October 1, are stationed in four buildings, well equipped in every detail. There are several Recreation Balls, and a spacious Library. In addition to social recreation                 games, they play . tennis, I and engage In  meet*. I</t>
  </si>
  <si>
    <t>                                           In direct contrast to the treatment accorded Negro soldiers by M. P.S and the white residents of, communities where they are stationed in the South, is an insight into conditions in the Mid-West, gained by the writer in an interview with Pvt. William McBride...</t>
  </si>
  <si>
    <t>                                           The general topic for discussion among local fight fans yesterday was the Joe Louis-Billy Conn championship fight. Throughout the day various opinions were expressed in barber shops, stores and street corners, both on the West Side and Old Fourth Ward.</t>
  </si>
  <si>
    <t>                                           NYA Putting Over Fine Job; Letter Relates The Fact                 BIRMINGHAM. Ala- (SNS1- Praise of the spirit or the Na- I tional Youth Administration in accomplishing the seemingly lm- I possible Is contained in a letter written to the state NYA office in I Birmingham from the head super- visor of the Waterman Technical School project at Murphy High School In Mobile. Purpose of the supervisor s letter was to applaud the work done by Negro NYA youth In construction j (Continued on pace 6, eoL 7)                 NYA  Cantiaawi from      1) of the Waterman School, and commend the spirit of cooperation within the NYA without which, be I implies, the work would have been virtually Impossible. The Waterman project, the supervisor says. Is looked upon by those building It as a monument to NYA, which they regard as "a. worthy cause." Commended, too. are other NYA "       and the office staff, under E. B. Bowman, area director. for their willingness to cooperate. Work on the Waterman project was started, the supervisor writes, with a "Kindergarten crew" of boys. Admitting that he bad some doubts as to the success of the work in view of the obstacles, be says all those doubts are gone now. and "the boys have shown me they have what it takes."                 Denied 'Democracy" j                 ^~UM-    ..    ,- )- The-Miasoari- ~*i^ preme court Tuesday -the decision of a lower court which denied Incite Bluford. managing editor of the Kansas City Call, the right to enter the University of Missouri school of Journalism. The-court s decision was based on the contention that Miss Bluforc! was not entitled tr. enter the white university because of the lack of a previous demand on Lincoln university. However, the court held that the University of Missouri must accept Miss Bluford "if upon proper demand and after  t reasonable time the desired course is not available at Lincoln univesity." The decision pointed out that the state is making an attempt to establish school of journalism at the Negro university.                 Iri a unanimous decision thv court said it was the -duty of this court to maintain Missouri's policy or segregation so long as u does i not come hi conflict with the .fed- 1 ^'al constitution." i According to Atty. Sidney Red- n;   . NAACP        who" with I Any. Ch.ir!es Hr. Is  Miss Bluford. a  for                 a rc-!        has been filed. They contend that the state is not prov. equal opportunities for Negroes II they must wait tor  desired. T- the senate passed an      .pri.-\tion bill that  5 5.000 for a Lincoln university s.'honl -,t Journalism The bill has yet to bg -d by the house.                 MISS l.rCH.E</t>
  </si>
  <si>
    <t>                                           MAKE MONEY HUM la            f m,        Wrlu tot  cnu    ts th.  Statn</t>
  </si>
  <si>
    <t>                                           ... INST., Ala.(SNS)--The Fifteenth Annual Tuskegee Relay Carnival, which will be held here May 10, premises to be one of the most colorful of any of the events yet staged at the Institute. The entry list has the largest array of talent and the participants...</t>
  </si>
  <si>
    <t>                                           Bishop Moore, Dr. Farmer Clark Graduation Speakers                 President James t". Brawley of Clark College officially announced Saturday that Senior Bishop Arthur J. Moore, resident bishop of the Atlanta area of the Methodist Church, and Dr. J. Leonard Farmer, of the School of Religion ot Howard University of Washington.                 u. v. will oe we commencement and baccalaureate speakers respectively for the 1941 graduation exercises of the college. Bishop Moore was a senior bishop of the former M. E. Church South and a leading figure in the consummation of the union of the three branches of Methodism to form the present Methodist church. He has long enjoyed a reputation as an outstanding lecturer.                 Or. Fanner is widely known through long-standing prominence as a minister and educator. He was granted the degrees of A.    B. D.. and     . by Boston Unli- After notable service as a pastor he occupied successively the positions of Dean of Rust College Holly Spring. Mississippi, professor of religion and philosophy of Wiley College, Marshall, Texas and professor of Old Testament at Gammon Theological Seminary ol Atlanta. He is currently a  of the faculty of the 8 of Religion of Howard University. In  ill of these positions Dr. Farmer 'served with great distinction. He enjoys the reputation of possessing i breadth of scholar- In                  Held* that if  bjr ttw IftdJvldual  of tbe Nepr. race. Audience*  Um  have bwn         fay ,</t>
  </si>
  <si>
    <t>                                           President James P. Brawley of Clark College officially announced Saturday that Senior Bishop Arthur J. Moore, resident bishop of the Atlanta area of the Methodist Church, and Dr. J. Leonard Farmer, of the School of Religion of Howard University of Washington...</t>
  </si>
  <si>
    <t>                                           NEW YORK, N. Y.--(SNS) -- Negro skilled workers will be employed at the North American Aviation Corporation's plant in Kansas City, Kansas, the Urban League of Kansas City, Missouri, announced in a report received today at the officer of the National Urban...</t>
  </si>
  <si>
    <t>                                           Cafe Workers Win Strike In Nation's Capital                 S W Agrees To Pay Increase, Hours Adjustment                 WASHINGTON. D. C-  A N -Winning their claims against the bit S. and W. cafeteria here, some 120 strikers, the majority whom were Negroes, .started bade to. work following a 12-hour conference en Monday, a spokesman for the United States Conciliation service announced. Members of "the Cafeteria Workers' union employed at the cafeteria have  On strike since May 26. The terms ot the agreement a.i announced by Jack Mink, business agent, United Cafeteria Employes, Local 471. CIO. Include: Increase In pay  f four to five cents per hour; those working nine  a day getting a $2.70 a week Increase; time and a half for overtime; arbitration of all disputes* and setting up ot  machinery and two weeks'  one of which will be with pay. The workers had been out  and had the full support of other organizations  with their cause. The S. and W. Cafeteria operates In a large number of southern cities on the eastern seaboard and 1* regarded as one of the strongest Independently owned -cafeteria chains In the country.</t>
  </si>
  <si>
    <t>                                           On last Monday in a special White House Memorandum President Roosevelt called upon the Office of Production Management to take steps to use the full force of the nation's manpower in the present emergency.</t>
  </si>
  <si>
    <t>                                           I am seventeen years old and my boy friend is in the Navy. I am very much in love with him and he says that he loves me. He writes me quite often.</t>
  </si>
  <si>
    <t>                                           I MAKE MONET I TUC WAV I Ml "15. . . lux. Hmm I Oppartvaitia. UolioNtwl Aa CbhuI      I Inf.na.tiM. FM. Write tot  tlO Bth    . Hn</t>
  </si>
  <si>
    <t>                                           The Georgia Bells Social Club gave their first dance June 13 at the Neighborhood Union. The regular meeting was omitted on account of the dance. Thanks to the many clubs and friends for the cooperation given to make the affair a successful one. The...</t>
  </si>
  <si>
    <t>                                           The Warren Memorial Usher Board met June 8 at 4 p.m. at Warren Memorial Church. The next meeting will be Sunday at 4 p.m. with Mr. Robert Bradley, 17 Ashby Street, S.W. Business of importance.</t>
  </si>
  <si>
    <t>                                           H he s hired by another woman s beautiful hair You can molt* your hair       , entrancing with Godcfroy't Lariaus* Hair Coloring today Wkn      i .  et*n  . . Woo-t nb off or walk oot Pcrmitj . xmm -dmt^Ur-TUjtm. Moti.rb.ck If sex .    t      UrUm . USE) Mad sus  to Codcfrar    . Co. 35 10 OUw St. Sc Umu. Mo. : Om n OraeM m KM ^~JJBi^ "AH COtOilWC,M</t>
  </si>
  <si>
    <t>                                           5.00 A MONTH WILL BUY A LOT IN Hunter Hills 604 C. Bid*. WA. 5882</t>
  </si>
  <si>
    <t>                                           Surfeited with society and all it represents, Christopher Allen Bishop, scion of an aristocratic family, gives up his $25-a-week position in Wall Street and leaves home. In a roadster, won in a radio contest, he tours the country. After Picking up Joe Kane, a former...</t>
  </si>
  <si>
    <t>                                           A tl a ti t a Jiiiik Wbrl d edition Jr\. 1 1 d JL JL L CL (T^^~m^tYH V T  1 M=   mws while The Nation's Only Colored Daily Newspaper TTTT.T.::1 j.,.,L.um, '.ft "l.,1 '^^AAAt k, i Price Five      ; V PLUME 14, NUMBER -35 ATLANTA, (JEORGIA, 5liA\7      3, 194i SsWllla</t>
  </si>
  <si>
    <t>                                           The joint committee of white and colored Ministerial Councils met in the office of the Urban League. Monday to arrange a joint programme of the quarterly meetings, of the council.</t>
  </si>
  <si>
    <t>                                           mm own Sj' L ZI)*  ^Icomlnet;    1^~</t>
  </si>
  <si>
    <t>                                           Fort Benning Soldiers To Entertain At Gowdy Field                 FT. . Gu.- 1SNS1 Musicians ol the Fort Betuiing, Ga I Reception Center a group con-  of a 20- band, a chorus, i and a quintet of songsters- will give a musical program        J night at 7 o clock at Gowdy Field. I                 A program that will vary from I the strains of llie "Hat Sut Song" i to the melody of ihr Negro - 1 tual "Fairest Lord Jesus" will be offered free to military  civilian personnel at Fori Bcnnlng and to the public In general. First thing on the program will be a drill formation by the prominent cadre of Company B.. of the Reception Center, with lit Sergeant Walter Brown acting as drillmaster. Then the chorus will slug                 three songs. "Accept Our Thanks" three songs. "Accept Our Thanks," "Home on the Range," and "Fairest Lord Jesus." Next, the chorus will stag three request spiritual numbers entitled, "Steal Away," Hand Me Down My Walking Cane." and "Deep River." This will be followed by two numbers rendered by the band, "On the Square" and "Attorneys and Counsellors at Law." The Quintet of sinters then will render "Walking by the River,' "Hut Sut Song," and "From Taps til Reveille." Lt. Col. Prank Toclrhrart. commanding officer of the center, wm speak briefly before the chorus                 sings another group of three . They wlU be "I'm So Olad Tnwbia Dont Last Always." "Is There Any- body Here Who Loves My JmuC and "My Lord. What a Mounting.* At this point several  colored Ttslton will give brief . aod then the bud uid chonn wlU Join in "The ' Chorut." The  will be doted b* mass singing of 'O*od Bleu AattU .'% ca,N ltd by h^Ti^ ^it qq * j Trie  hour,  Meondft-M 1U  to be given by the 0eHM3*jj U being developed by Cftmtm Km rale Officer. Chaplain InttrfMB</t>
  </si>
  <si>
    <t>                                           FT. BENNING, Ga.-- (SNS) -- Musicians of the Fort Benning, Ga. Reception Center-- a group consisting of a 20-piece band, a chorus, and a quintet of songsters--will give a musical program Friday night at 7 o'clock at Gowdy Field.</t>
  </si>
  <si>
    <t>                                           Why Pay Rent? 2 New Houses Modern      . 5 and 6 Rooms with bath. Hardwood floors; Modern Plumbing; City Water and Sewer; Screened ;'r: Siue and Back Porch; Large Lot 80 Feet Wide. Bernattf Street IN HUNTER HILLS He: CASH PAYMENT- AND PAY BALANCE LIKE RENT. Call or See s. i: M. W. FODRIE 1111 C. Bank Building Office Ph. \\A. 6432 Res. RA. 1087</t>
  </si>
  <si>
    <t>                                           Five Soldiers Are Injured In Auto Accident                 Camp Croft Recruits Sustain Fractured Legs                 SPARTANBtTRG. S. C- (ANI'~ Five soldiers, stationed at Camp Croft and a  driver were I seriously injured early Frldoy when the cab struck the Preys creek bridge  on Green- I ville highway near Clevedale. was demolished. The driver of thi;j vehicle. Thomas Foster, was report- ed in a critical condition ut county colored hospital. i The soldiers, all of the 27ih training battalion, were removed to the station hospital at Cam? Croft. Suffering from compound fractures of both- legs was Pvt.i Kenneth Fisher, Greenwich, Conn whose condition was announced as critical. Sgt. Larce U Lee, Jocksoo, Tenn.. sustained a fractured hlg bone and pelvis: Pvts. Isaac E. Bryan. Jr., Jacksonville. Fla., multiple concussions of abdomen and chest: LeRoy L. Simpson, Orlando, FUi.,  of the left leg; and Alonzo B. James. Brooklyn. N. Y_  concussion and scalp . County officers C. N. Rill and R R. (Dick) Soulhers and military police investigating the erase, stated the car struck with such severe Impact the body was ripped from the chassis and the motor torn from its mountings, and [ought fin.</t>
  </si>
  <si>
    <t>                                           Crimes of the traditional stabbing and shooting type continued unabated Friday and Saturday, with the Record Bureau of the Atlanta Police Department listing two homicides and four stabbings.</t>
  </si>
  <si>
    <t>                                           Wife's Bills Too High, Joe Louis Says In Court                 CHICAGO      - Joe Louis,  world s heavyweight champion ofH the prize fight ring was in court B^ again Monday sod be admitted ~} having several arguments with  wife but declared he only argued^K when she ran up big bills. Bfl Be said he often told her b*^H could not pay bills of M.000 to^H $6,000 a - plus as much u^H $4,000 a year her . ^H declared he bought Marva (       ^H Louis an automobile each year   d^H even purchased her a ^H       and a diamond ring lart^J (Centlnaed on Page CoL 1)  ^~                 Wife's Bills (Continued from Fare 1) Christmas. Louis appear as a witness before Master in Chancery Dwight S. Bobb in an alimony hearing on how much temporary alimony his estranged  ifa should receive until her divorce suit is tried in circuit court Mrs. Louis filed for her divorce July 2. charging cruelty, and on August I. Judge Michael Felnberg granted her nn allowance ol $200 a week pending a recommendation by Bobb as to alimony.                 DEFEAT FOR WORKERS KNOtTS 14-MONTH STRIKE HOUSTON- (ANP)-Afwr walk-M tag the picket Una for H ^H months. Negro pickets of the n*~^~  Product company cave upl^H despair this past week- Dortag *J^I this time white union*, with ^H they affiliated whtn they lost  jobs, aided a bit In       pickets live. ^H A white union mads    ^H mands on the Metre ^^H the poultry concern,  Mj^H groes to walk out tome 14 monia^H ago. The Kegroes did so. In tif^M period between       walkout ail^B the present, many of Um   have found other Ob^Oa^M ly a faithful few  to JMk^H ket dally. :l3^H WUto worker* new bold wPm^M oaot  by onload. ^il^H</t>
  </si>
  <si>
    <t>                                           Summer Queen                 Mrs. Leora Trollinger of Cnhin. N. C, who, last week. won the coveted title of -Miss A. and T. of I the summer school" in a campaign j directed by Men Ordie Roberts, diI rector of physical education for women, A. and T. College. Greensj boro. N. C</t>
  </si>
  <si>
    <t>                                           M^B^Br j/  SVJ _MBBBBBBBfc.'^ Mfi4  0y^^B ^i bb^^bb*''3       . *~   mm  Jt  umn,         * .  by  / Sraadway     .  .     lor       *     . ?~li. tSN \  -a 3Kth       4.      York</t>
  </si>
  <si>
    <t>                                           Camp Wheelers Draftees Rated                 CAMP WHEELER,   .-       Seventeen- selective service trainees attached to the 16 battalion aC Camp Wheeler have received'      #s as members of the non-commissioned officers' cadre in theLr battalion.                 These 17 men will assist In tnt Instruction ,ot the. next group of colored  to occupy     16th battalion. They have been  as    - officers by virtue of their outstanding work. The battalion Is now .completing its 13 weeks of basic Infantry training, required before they can be attached to any regular army .or national guard units. Camp Wheeler is engaged primarily in this type of training. -where In a trainee gets the funda- 1 mentals of Infantry work, and   he has completed this basic coarse, he to thoroughly familiar with the soldier s place and duties, s an individual and at a member  c a  or heavy weapons                 pony in the infantry regiments. The newly named non-commissioned officers In the 16th battalion here are residents of Pennsylvania. Maryjind, Virginia. North Carolina, South Carolina, Missis-  and Tennessee. Their names, with homes, follow: Harvey C. Brooks. Philadelphia; Cornelius Brooks. Wyomlsslng. Pa.; Prank Jones. Wainsburg,    Jbmes Murray, Westchester. Pa.; Ernest Lovelace. Washington, Pa.; John H_ Temple, Philadelphia; James Prattis, Philadelphia; and William Fainter, Middletown, Pa. Also Jewel Reaves. Memphis; Curtis Spain. BlshopvlUe. S\ C: John        ,       ,n, Miss.: Kenneth Arringoon, Wlnston-SlUem. N. C.: Conway B. Jones, Charlottesvtlle. Va.; Russell Carter,              .; James Pleasant, Carolina county, Va.; James Hotloman, Newport News, Va.; in.i       c^i th Baltisjore.</t>
  </si>
  <si>
    <t>                                           CAMP WHEELER, Ga.--(ANP) Seventeen selective service trainees attached to the 16 battalion at Camp Wheeler have received ratings as members of the non-commissioned officers' cadre in ...</t>
  </si>
  <si>
    <t>                                           Jamaicans Given Defense Victory                 NEW YORK- fA N P)- The decision of the British government to make the emergency defense regulations In Jamaica exactly the same as those obtaining In Britain vas welcomed      last) week 6r the West Indies National Council as art Important partial victory                 in the struggle (or cMl liberties to tht West Indies. As a result of the vigorous tight and representations made against (he arrest and detention of W. A, Domingo, president the West ladles National council. Immediately on his arrival In Jamaica on June 18. tile question of the extraordinary and absolute powers vested In the governor, of Jamaica was raised sharply in the House ol Commons by David Adams, a. Creech Jones. Mr. SUverman and IGss Eleanor Bathboae. The matter was also presented to toe colonial secretary of state by A. Creech Jones. These important parliamentary interpolations followed upon the rigorous campaign launched by the West ladles National Council to secure the freedom of w. A. Domingo and to check tbe abridgement* of                 riva liberties m tie Island}. TMi  was launched publicly at the mass meeting held on Jvlr Mth at tbe Renaissance casino In New York City. Tile resolution there adopted was forwarded by airmail to Prime SCs*   Churchill, Secretary State (or the Colonies Lord, Moyne. British Ambanndor  United States Lord HallfRx.  nd to Sir Anhur Richards, governor of Jamaica.</t>
  </si>
  <si>
    <t>                                           NEW YORK--(ANP)--The decision of the British government to make the emergency defense regulations in Jamaica exactly the same as those obtaining in Britain was welcomed here last week by the West Indies National Council as an important partial victors...</t>
  </si>
  <si>
    <t>                                           Discussed Agricultural Problems                 Thr IVachrr.StudrnU of tki- Social          Drpartmrnl of thr Miuitsippl Nrgro Training chooi, formerly bad a week s .ire training  in tho programa of tba A(            Extenaioa        . Farm Security Administration, p r    - 4 TnW*                 Rradinc from l*ft lo, : A. 1_ Holsejr. AAA: C;Im T. Hubrrt. FSA, A. U Perlda. of tb Social Science Department of    - School: B. B. Dansby, Auittant to tbo President; L. H. Jama*, Social Science Instructor: T. M. Campbell,                 on Swrice and Corn*    King,. FCA.- (ANP).</t>
  </si>
  <si>
    <t>                                           The revival is now entering the 1 second week with Rev. E. P. Yopp, pastor of Amanda Flipper AME Church as the speaker. He will develop the theme, "The Need of a Bath," Thursday night. The public is invited, Rev. M. B. Keene, pastor.</t>
  </si>
  <si>
    <t>                                           Churches Total Decline Since 1926, But Membership Shows Increase                 Census Bureau Releases Figures                 By ALVIN E. WHITE                 WASHINGTON- (ANP)- Negro churches in the United States have shown a decrease in their numbers since 1926, according to a report from the office of Joseph H. Houchins in charge of Negro statistics for the bureau of the census, i Consolidation and abandonment of the churches are among the reasons advanced as the reason for the decrease from 42,585 in 1926 to 88,803 in 1936. Other causes are purely economic, says the department, in submitting a report.                 However, new faiths have  uo while others have died down. Now churches not heard from is 1825 Include the following: Christ's: Sanctified Holy Churcb Colored; Tire Baptlad Holiness Church of'                 Cod oi the Americas; House of God. i Holy Church of the Living God: I The Pillar, and Ground of Troth. Bouse of Prayer for all People: House of the Lord; the Church of Inunanuel: the Latter Houtc of the Lord. Apostolic Faith: National David Spiritual Temple of Christ Church Union; Triumph the Church and Kingdom of God in Christ; and United Holy Church of America. Incorporated.                 Among the defunct African! Orthodox church of New York and the Free Church of God in Christ. The largest number of churches are reported as follows: Baptist 23.093 AME 4JS78 AME Zion 2,252 CME 2.063 ME colored 1.730 All others 4.578 Of this number 13.528 churches are located in city, or one church cut of every thre f"""; the Negro population. Seven states had more than 2.000 churches. All were in the south and are listed accordingly: Georgia 5.954 Alabama 4.011 I Mississippi 3,638 Texas 3.081 North Carolina 2.562 South Carolina 2.158 Louiisana 2,028                 Next in line was Arkansas, which i reported a total of 1,939 Negro . Despite the decrease in ihe num-     ol Negro churches, member- ships showed an increase. In 1926 ihe   5.203,487. and in 1936. it had jumped to 5.660.618. representing slightly more than i one-tenth of the total reported i church membership, and better i tian 3R^ of the total Negro popu- lation of the .</t>
  </si>
  <si>
    <t>                                           WASHINGTON--(ANP)--Negro churches in the United States have shown a decrease in their numbers since 1926, according to a report from the office of Joseph H. Houchins in charge of Negro statistics for the bureau of the census. Consolidation and abandonment of the churches are among the reasons advanced as the reason for the decrease from 42,585 in 1926 to 38,303 in 1936. Other causes are purely economic, says the department, in submitting a report.</t>
  </si>
  <si>
    <t>                                           GOING OUT OF BUSINESS WE CLOSE OUR STORE JULY 1! Tremendous Savings On All Shoes Every color every  e white shoe now drastically cut OUR HARD LUCK- -YOUR GOOD FORTUNE! L- AlvLi u 2 PEACHTREE STREET 1 10 PEACHTREE ARCADE</t>
  </si>
  <si>
    <t>                                           Southern Belle At Horse Show                 "       Uy for the        and the . ,t        t hoi-M. .how U.t ^Dd. Her. Mi.. Francma Everett, of Durham, N. c.  ia          ,e     j,,j A, event.  t Speedway Crdem. vl!i lU lu"?j ev r held Nororfc, the mnt   . for the benef."    _Ne*' _     UrJ,~n   .      I                 MOp=     Ho.-       two of Hlrltm'i worth. t icst          . I                 Internaiton I      Photo)</t>
  </si>
  <si>
    <t>                                           Punch Em Well, My Son!                 Ponchlne  has taken on added importance In recent days, doe U  order* of war material)!* far the * of the fighting -~emt*~etat and defense of oar  land. For  came*. Net*oa  have been denied tbe richt to handle electric- neb as thin in tbe hands of Corporal Anthony Jenex. of Champaign. IH. Jones bs at tbe Clnnate Held Air Corpx Technical TfcaJnlns School loir a 12-week coarse. Increased pressure from Hitler fat                  1    .-(ANP) Fbatol.</t>
  </si>
  <si>
    <t>                                           MACK S TAILOR SHOP and SHOE REPAIRING i 139 A.hby St., S. W. Arahertt 1832 I Work Called For and j Delivered EXPERT SHOE REPAIRING. CLEANING Altering Pressing Owned .ad Operated by Colored we        HOTEL ARNOLD 1MIK Stfnphuc St. Atlanta, Ga. ItA.      All     -l.l-     . Koch  HwJaa Hoc and   .ltl KnnnlAC H'afor at All      HmOis.        - Contrid Muxtr Id Kitrh Kitwu Olaliti; ICtMiiua Itrll ,'~ 81.00 11- KKKK t- John Smith Co. We Specialize in Chevrolets Fords, Plymouth* and have 80 Chevrolets 28 Plymouths and 31 Fords in Stock WE ALSO hav* Men-, Packard*.         . Pontiacs. Buivkv. Doilgrs, Otdsmooiln and  ?i priced to sell. ALSO 40 Chevrolet, Ford,      .~\ While and ti. M. C. Truck*.          You ure fully protected by our "BetterThan-a-Cuarantee Plan" 'The Old Reliable" John Smith Co. Chevrolet Dealer 430.540 Wrat Peaehtree St. Ml Sprint Street S8C Wat Peicbtree</t>
  </si>
  <si>
    <t>                                           DEATHS                 UlJie L. Whit-Held. 37. 498 1-3 Fr-scr Sireot. S\V. Frank Dennis, 54, 199 Houston Street. Johnnie Tuggle. 29, R. 76 HUUaTo Street. Cafers Gaittier. K 1G Fort Street Rachel Bussey. 55 450 Auburn Avenue. Annie B. Bltntx-rk. 40. 297 Butler Ella Green. 72. 115 Cain Street Waymond Jt. Young. 5 months. 1259 Scoit Street. XW. Mary E. Morman. 53. 117 Mildred Street. S. W.</t>
  </si>
  <si>
    <t>                                           THERE ARE NOT many opportunities to make a direct Comparison of Negro tennis with white tennis, due to the widely known color ban in this country.</t>
  </si>
  <si>
    <t>                                           Executive Order Of Government Jobs Is Asked Executive Order Of Government Jobs Is Asked                 Discrimination In Bureau Is Pointed Out Discrimination In Bureau Is Pointed Out                 WASHINGTON, D. C- (ANP1- Demanding an executive order revering the employment of Negroes In government Jobs as well as In defense industries the United Federal Workers of America adopted a resolution to this effect as part of their Droeram In the WASHINGTON, D. C- (ANP1- Demanding an executive order revering the employment of Negroes In government Jobs as well as In defense industries the United Federal Workers of America adopted a resolution to this effect as part of their Droeram In the                 ly held two day convention, which met in Weshington. Decrying the discriminatory prac-  against Negroes, the commit- j tee assigned to look into the govern- mental program reported In favor of such an order and further re- f commended the support of on anti-discrimination bill. Each of the locals of the order was called upon for full cooperation In putting over the program to end discrimination against Negroes -lii the Government agencies. It was further recommended that: a federal unit be set up to Implement the executive order request-' ed and to see that Its provisions were carried out. A crack was also taken at' vicious  service system  permits appointment officers 'jJM' (Continued on Page 6, CiK'jSijf ly held two day convention, which met in Weshington. Decrying the discriminatory prac-  against Negroes, the commit- j tee assigned to look into the govern- mental program reported In favor of such an order and further re- f commended the support of on anti-discrimination bill. Each of the locals of the order was called upon for full cooperation In putting over the program to end discrimination against Negroes -lii the Government agencies. It was further recommended that: a federal unit be set up to Implement the executive order request-' ed and to see that Its provisions were carried out. A crack was also taken at' vicious  service system  permits appointment officers 'jJM' (Continued on Page 6, CiK'jSijf                 Executive Order (Continued from Page 1) pass over Negroes. The group recommended that in such cases, when an appointment officer passes over the persons at the top of the list submitted to him and gives a position to one lower, he must submit in writing to the civil service commission his reason for so doing. The group went on record as recommending a very strict policy of promotion, with the establishing of promotions on strictly seniority basis. One of the most Important recommendations, however. was the one dealing with segregated units. "We are opposed to segregated units." the resolution said, "because of two factors: first, it tends to promote racial animosities, and second it severely limits promotional opportunities for Negroes This latter has been one of the drawbacks of the segregated units and has been one of the main reasons for the retention of these units. By limiting Negroes to certain phases of work and staffing certain projects with all Negro workers, there is little chance for promotion excepting a limited lew who do not gain much headway after they reach the peak in that particular section.</t>
  </si>
  <si>
    <t>                                           WASHINGTON, D. C.--(ANP)--Demanding an executive order covering the employment of Negroes in government jobs as well as in defense industries the United Federal Workers of America adopted a resolution to this effect as part of their program in the...</t>
  </si>
  <si>
    <t>                                           POLICEMEN GOT 'EM                 Islah Hunter. or 506 Hunter street, sw:, and Susan William* 27. of 483 Auburn Aveaue, Tuesday were reported to custody of city PoUce    in the alleged theft of n dresses valued at SSI and other       from a Pryor Street store. The   n employe u the store, ma said to nave been carrying ma.       tor his wife to sen for sometime. Police reported they recovered1 a quantity of the  stolen materials, which       to sen In their         JMehoss" sale at headquarter*.                 JOSHUA  "S By I r. BarMl* J;.^ an. imi MNnr. mmi'      -Mt if iw mi  m Mt Onftrta      He</t>
  </si>
  <si>
    <t>                                           Count Basie And Orchestra At City Auditorium. Tonisht                 .Pianist's Music Makes People Want To Dance                 Count Bade, who brings bis famous swing orchestra to the city 0n tonight  arrangements with Music Corporation at America, can Ripply a brand of music that has an irresistible magnetism In any zoom.                 Basle's music makes people wan; to dance, and when It stops. It has built up so such a climax, the dancers and listeners usually cheer  and loud. Basle, who was discovered In Kansas City toy Benny Goodman, considers the latter tops in swing musicians and rates Benny as one of the greatest all round musicians of all time. At his home,     Count has a musical library ol more than 1.000 recordings. Including all of the Benny Otxylnnin. Duke HUington and Jimmy Tiuncfcford . Recently Baste signed a three year contract with Bregman, Vocco and Conn publishing company. This is why: Some of the songs Basie has popularized and which soon after became popular Include: "Every Tub." -Out the Window", "Time Out", -Jumpin at the Woodside," -Good Morning Blues," Topsy," "Swinging the Blues". -Doct "Sou MH5 your Baby," -John's Idea," -Swinging at the Daisy Chain," "Count and Lester," -Sent For You Yesterday and Here You Come Today," -Now Will You Be Oood." "Blues In the Dark." -What Do I Get For It", and "Blue and Sentimental." Basle's "One O'clock Jump", is one of the most popular tongs he has written. Advanced tickets arc on sale at the usual locations and are selling for 75 cents. Tickets will for 8  cents to night at seven o clock ut the box office. The dance Is ftom 8 to 1. Archie Muckle, local Jitterbug king, will entertain patrons tonight at intermission time.</t>
  </si>
  <si>
    <t>                                           Count Basie, who brings his famous swing orchestra to the city auditorium tonight through arrangements with Music Corporation of America, can supply a brand of music that has an irresistible magnetism in any room.</t>
  </si>
  <si>
    <t>                                           Oriental Cr^m ~^U^^ ^hLm Ifatf^^M 4ft C ^ft</t>
  </si>
  <si>
    <t>                                           CHICAGO-- (ANP) -- Olivet Baptist Church in Chicago will live again. Reconstruction of the famous deligious edifice, long one of the landmarks among Negro Baptists in America, is rapidly nearing completion.</t>
  </si>
  <si>
    <t>                                           DM- 111 IB Have proved to be the finest feature shoes to PREVENT^ CORRECT FOOT ILLS for CHILDREN .-~;"A i^i* Ruth Thomus.     7,  of Mr. and Mrs. Prostcn Thomas, 200 Randolph St., N. E., Atlanta, wears Vitapoise Feature shoes to make her legs crew straight and to keep her feet normal. Vitapoise Feature Shoes if' Correct and Prevent ^SSSS^Sy." Heels Turning In $3.50 to $6.75 \JH JUNIOR DEPARTMENT ^"^^HmHEH</t>
  </si>
  <si>
    <t>                                           E SERVE 0B.Y1HE H5T Regular Meals Sandwiches Soft Drinks Beer And Ice Cream BEST BARBECUE IN TOWN butler s grill 906 Hunter St., S. W. Ra 9342 Copartnership J. B. BUTLER BOYD HENTON</t>
  </si>
  <si>
    <t>                                           Dr. Thomas J. Davis, M- D- B- DEg. PHYSICIAN- AXD SURGEON' BF^.' :   'Pr''s' in'-' EMer. Griffin District, Atlanta, ^fe*fe_:j^SS Coortjia              WKEmT^ SPECIALIST: Diseases of WOMEN BlP^  M and CHILDREN ^B fcy OFFICE 837 Hunter Street. N". W. HhJ^-^ (Over Varsity Drug Store) ^~H*~      ! Phcne: Raymond 5710           Rwiidencc OFFICE: TO Bradley Street. N. E. _-..     Phcne: Jackson 2408 C S'^TION ATLANTA GEOiRGIA     HOURS: 9 loll A.M.. 1 to 3 and 6 to ^   .</t>
  </si>
  <si>
    <t>                                           HE WAS A BIG. ruddy-faced white man, this visitor who had been sent back to the desk by the information lady.</t>
  </si>
  <si>
    <t>                                           I COLORFUL BEAUTICIANS' BALL Music by J. Neal Montgomery, Ork SUPPORTED by STREAMLINED FLOOR SHOW TOP HAT Tonight 10 till 2 RESERVATIONS MA. 5106 ADM. 55c</t>
  </si>
  <si>
    <t>                                           DEATHS                 Rev. Robert O'Neal, 70, 128 Thayer Avenue, S.E. Willard Jackson, 25, College Park. Ga. Lesiv Brown, 53. Hickory* N. C. Emma D. Hendrick, 45, R. 247 Linder street. Hcrschel Morton. 37, 220 Fort street, N. E. George Keiley, 26, 636 Fair street. S.W. Henry Chambliss, 60. 850 Prcctor street. Mary Westbrook. 89. 261 Weidon f luce. Wade Brown. 47, 281 Hilliard street. N'.E. Harvey Lindsey, 63, 1125 Ave i.ui- F. J.-sxi.- J. Lovetr, 30. 71S Ellis st iwt. Clenit.' Brj'ant. 2 mos.. 190 Aii hum avenue. Jolin Mitciivll. 59, 'So Boulevanl. Lawrence W. Morrison. 11. I71() Knob avenue.        Lee Davi?. 17 mos. 515 Hunt street. Willie Lewi:,, 50, 263 Harris street John Williams, 59, R. 27 Bass street. S.E. Sallie B. Quillian, 27, R. 819 Fraser street, S.E. Deacv Anne S. Hale, 11 mos 274 Scott street. Mattie P. Owens, 23, R. 570 Humphries street. Eckie Mnrks, 43, 273 Chestnut street. N.W.</t>
  </si>
  <si>
    <t>                                           THE ARTISTIC NEEDLE CRAFT SEWING CLUB --was entertained last Thursday afternoon at the home of Mrs. Mary Shannon with a birthday party for all members who had birthdays during the first six months of the year. The club will...</t>
  </si>
  <si>
    <t>                                           A. and M. College. Normal, Alabama has elected Dyche Smith. former Morris Brown grad great, as head coach He was at Edward-Waters lastt year. "Blackie" Means and "Horse" Hopson, former Horless were in the city Wednesday.</t>
  </si>
  <si>
    <t>                                           These Items Hot on Sale 'Til 9 A.M. Thursday, Limited Quantities! No Mail, Phone or C.O.D. Orders! Nationally Advertised Thlirsflay S Tite Hhole Toten Comes mm 9 Specials Running In for r     NfT . 2'., rrf,. 36  V ^%~ Foil fil-~1J-^1_ _JSaF s"fe- and headed. JM M- mm MM i    *^"r7 cp, 59c \*s.4f _i__._B-__ d JE- - window shades.  ,, y\ A JV17ffS8$43S %       _S9H_ '"C WJ 5 6   e*~~ /ona. ^^'6r4f\ -fc* a. ""*w5 Ja^MHBl Guorontetd  complete  ith brack. S^       . ,/Mw S^-1 2_f_ JV ff BBhHH    - fc'"' Seeo/     _L _^_$S_8  .^     _fc fe7~_) M_Bs__FaME  SPREADS. Sinol, Qnd Ml ^^^TmSSm^B 3-95 u f 9  j ei. / ^UD 'w' vie Wuc-      t"   .  SiMI8SBeH 5O'e f jaf s '""'rf to beat for el*. t j f         /W: Z4f I.4S t^ w'~- **r'~.  of natures usually found only in  .] wash ClOTHS. Pmtet colon. i,m - ^~^H selection. Spun rayons and much more expensive suits. MIglifSM  5 *y. *~*~,  or  9c. 6 hr-Z9c gSSg^WWm "epes in becoming stripes and Quality fabrics, tropical rayon MH^      ni1 8    RUSS- 0 on(.~.~~(       MiSW 13 *~'as- Limi'ted quantity! Many worsteds, gabardines and con-  SOL JBb^M           Rt9ul"ly 5"~ 3-9'!*   sSt one of a kind VfNH-fAN . Siferttrf   ope. I^^I^TmI *eg. 3.95 \   Ti*    fnf   -         fo wort . 37 to 46,    it me for School u - leng j 00 Ltmtteii Quantity Minfc and Seal  noys woo/rf. $;~,   9e   i ^1~* WHS CHENIUf BATH SfTS. Bath mat and N^ ^'WJM^?^' %*ffi       lid in many colon end . Keg- ^rv^/ 1 ^j****- USf '~M 79c ^wdS^li^^k Coflts 1 %Jv r hu . f!LW02i. *LiU"~~ ^HWSiHMm O%  *fO UfjSz* Itonat -rt Mcmtd. Lorth colon. H         ^      TL^^^m^^WW If perfect      ^./ifC^ BT^ -^  0 ~^^       Ke^Uarf, 43 J,S Fastco,ors-..Fullcat.Broad.^(^M^ TJ81$~~ ^S^^UT N" W'  (A  ond fancy pat- X^MUgSSt ^VS JH0S7J At4D S"'*75' ^^^Bfflf^^^l you wouldn't believe possible at Urns. Regular attached collar J^Suf^a??^ KI^S Ms  tow price. QualJong . All sixes.     3~~$~k i*""1 eom4rf Sao BK3BBe^BK /ty /ura you probably won t b* TTT*Sf* ZZ?~  22* B^I.^B  to find later for so IHtie. SOYS' .b,  - BKjtmlM 1 Tfcis Is Blouse Season!    m.        i.~ c^^^s n  j  t        ^1.59            Priced Tliurxdaff Only; fil j J^M i MAMAS. Wenr       - Smart M ^* /v Evening Blouses a^~ j -^ar- ^-n Sandals cottons, Jwntungsmsolidsond Wffll^*{ ~?~*J?% ?~L'1k'" ^~  \      . High, Cuban, medium, stripes. Frilly or tailored shirts     ^F^P 1 w to -9* ^=5^ j    and blouses 32 to 44 EWW l49 college and flat heels. S, SlKwIf./ GfKLS* COTTON SUPS, iw.'/t-up and 9/ narrow, medium widths. ^.-i^^- ^^JSisSL^.^T- trap . Sizes 8 to 76. Reg. 79c ^-i^-^^T,. For Snarl Stmrr* 59e       *II  c Mad 5        for for  A4/    * amo women s gowns W^-B *~~We *~       /tie. Ww.    *. .-^(Sa ~'Iflifffl 9 ular       lilts 57e ^73*"** MM.4M.J %9MM.      SHANTUNG  for moio' onJ .'L ^~K*- '-7^ Jackets Ft?% o4~- w*79' s-c %      slips *%  /L*^2   t^Homtnt  crepe  . Assort-    MTo m  V^T ^J-;   p/oid jackets for JagaBggl cut.   sulo/- and  iiia. Smcondi f white, red, black, and navy. school and sportswear. Beauti-       **. 1   f Sizes 32 to SO. Also -up Mly tailored. Sizes S-16. jSS^^A. **^1 2^5*2 *^!?5' I ^i ~*oi,Her . Men's ews-woot coats. % 3F Cotton K*va**v 24,8 VmlmT i; ^ 1^"1**0 J^^^ ~.-tart. 1   Newest fall patterns. Solid eo/- oW SmzTiV ~^.'25^ i^^^k oPPOrt""^ to sen on aft ors and stripes. Well-tailored,      ^~')n ^^^^^l 'KH/se ~'* smart looking. Slacks for all        . I'l T0TSr ^ SITS. coot, (^ A^^^^V need'"? for  to own*. occasions. Sizes 29 to 42. it^i.TfJt^t^      Ztt^tS aH'^Z *4orfe to M for TW 5.49 MsSSBeSEv Save Almort 50% Xf^-^^'^^'^ 7 T7T w TTTT R-_, -rf /~*v w* w Grand Values fat Wool   -~ Cnewilte A Hff T_^"~~7-_^I_a J^'-.Sae, 32 to 40. 1.17 tf. Iff. AOlVeiS  an(,    cow^s.        *ki*       IIP Id -SL-SA QQc 1OQ on An exciting  every homemaker will rush in for. Guest HU^STSt '.fSt / Section of odd     , ot    /er/~/ swings. 5 ze terry /s, grand for school-bound sons and dough-  c 27c Cherries, solids and figured wools. Lovely pastels, smart j ters. Assorted colors. 5c towels limit 10-to-a-customer. MISSIS" AND WOMEN S gowns. Porto for almost any room in the house! Be here early' Keen typo m tn me ond pmk. Heavier J mrf  tin*. Stmndt of i9c mud 79c J* MISS . rayon kM.       . I -fcJ P/_\T ClMflP       ^KMlK--- I i 1 __W_B___BHI w*   . 6  tf /~9s.    . 2ic isr '~~~~~~~~~~H_______H___H______j</t>
  </si>
  <si>
    <t>                                           New York Public Library Requests Cab's Jive Book                 NEW YORK SNS- Tnat "live talk" has become an Integral part of the Eng isk language was evidenced this week when Cab (VaUowpy received a letter (rom L. Reeddlck. Cuarator of the New York Public 'Library requesting several copies of "Cab CaUowny s                 Jive Dictionary* for the 11Jtfarys flies. Calloway is chiefly ; for the creation of this new language, in 1938. Cab decided to compile a.  of the unique words, phrases, and expressions employed by Negro musicians. In association with BUy Rowe. well known newspaper columnist, he drew up the first edition of the "Jive Dictionary." The original printIng of 100,000 copies was soon exhausted and Cab compiled a revised booklet, embracing new expressions brought to     attention by musicians and retitled "Cab Galloway's Catologue" Thus far  over 500.000 copies have been distributed 01 over the world. Smos) he began his new (        on    , 6! CoL 5)                 The script conference with his three  Is an essential part of Cab , Hi-dr-hu "Qulzzicale" broadcast over Mutual Smrrtay at 10:50 p. m.. EDST Huddled (left to ) are Brother Etcetera Xreodnay, Brother Cavalcade Simpson, Brother 62 Junes and Calloway.                 New York (ContinoM from pace 1)       to const radio program. "Cab Galloway's Qutaimle," Oab has given booklets to aF the contestants on bis . Since the broadcast was inaugurated eight weeks ago. thousands of listeners have written in requesting the booklet. Id view of the fact- that there Is no charge for the book and Is printed at CaDoways expense, the Jive Dictionary has become an expensive bobby for Bis Royal Highness of Hi DeHo. CaUoway ls  enjoying a brief vacation, bis first holiday In three years. He begins his fan theatre tour on *Wdar i with a  s stand on the stage of the      Theatre in Phlla- delphin. Immediately after he I competes      date. Cab. his band and the personnel of the stage show, hop aboard two specially chartered United Airlines planes for Chicago whne they open nt the State Lake Iseatre the following morning.</t>
  </si>
  <si>
    <t>                                           NEW YORK --(SNS)-- That "jive talk" has become an integral part of the English language was evidenced this week when Cab Calloway received a letter from L. D. Reeddick, Cuarator of the New York Public Library requesting several copies of "Cab Calloway's...</t>
  </si>
  <si>
    <t>                                           ^MISERIES Fetling "punk." headachy, ... imply because of sluggish bonds?    your bowels into action . gently, and thoroughly with FEEN-A-M1NT.     too*. tasting chewing sum laxative. Take -MINT at -nm moraine          rebel, helping you win bade your usual pro and sparkle. Millions, botS  and old. rely as FEEN-A-. Why suffer? Cat FEEN- today. NERVOUS TENSION Shorn la both tua nd Btnaw You     not fit fuj (or yourself         ala*  70a arc Teow, XtrreuM. "     -np". Don't ala eat en Tear * I good timM. Tba  tiro*      taxed       yea Waktful      *~. Isitabla. try tba  effect of i DK. MILKS  Dr. Ida* Htrrbw k   tha . Tision of   la en* of Araazia'a molt  labor*.; Mtb eWt     tr tn  BaMa  LM baH , ^^^^P ^t * SV^K AMaM</t>
  </si>
  <si>
    <t>                                           i Homecoming Dance Tomorrow Night j 8-12 I  f Morehouse and Le Moyne -*"r SUNSET "CASINO j Music  Troubadours ADMISSION 35, Go To The Game by STREET CAR NOVEMBER 1ST LE MOYNE vs. MOREHOUSE</t>
  </si>
  <si>
    <t>                                           Thefts marked the majority of week end ... in Atlanta crime circles, police reports reveal.</t>
  </si>
  <si>
    <t>                                           Star at A.A.U. Meet                 Top, Nancy      , 14, of Portland, Ore., receives a medal from Curtis Smithdeal, after the girl set a new U. S. record for the 1,500-meter event at the National AJV.U. Women's Swimming Championships at High Point N. a Nancy, a cripple for the first eight years of her life, made the distance in 22:12.2. Bottom, a^hampion comes back as Helen Crlenkovich of San Francisco shows her form in a two and a half gay nor. -She recaptured the platform diving championship she lost last year.</t>
  </si>
  <si>
    <t>                                           FEAR GRIPS 1,000 SOLDIERS                 MANY QUIT 94TH AS ARMED WHITES ATTACK BATTALION                 I . Ark.- (ANP)- Fear grips the 1.000 men]  many of the white officers comprising the 94th En-! Kinder battalion, out of Fort Custer, Mich., who have run} al oul of the native white prejudice against both northern Negroes and  since coming here last week for the wav j j-'.                 Su serious is this race and sectional prejudice that many . have left their outfit and are willing to take chances with a court martial when apprehended, rather than remain here ana run the risk of being kil ed or wounded by white civilians or state highway patrolmen. Two white lieutenants have already  assaulted and told their insignia means .nothing down h^re.                 Efforts are being made by  officials to hush up the trouble, i The soldiers, for Uielr own  tion. have asked that ammunition be issued them. This request was J refused This means that if a riot j j actually breaks out. it will be emp- i ty -s against the bullets of the I natives. i FROM DETROIT, CHICAGO Soldiers of the 94th are mainly from the Detroit and Chicago ureas. Their officers are also from I the north, some having gone to I school with several of the men in I their charge. The entire battalion i is not willing to accept southern ideas on the race question. At the same time, there are oth- i er colored soldiers from Fort Leon- 1 i ard Wood, Mo., and southern military reservations. These soldiers I come mainly from the south. Thus far there has been no friction between them and white natives. The first trouble came a week ago Sunday evening when soldiers in uniform visiting Gurdon, Art, about eight miles from here, were ordered into what the white military police called "the nigger section," and told not to enter or leave the town by the wain highway. Injury was added to Insult the I next evening when MP's struck j several soldiers and threatened them with loaded revolvers. The timely arrival of an army officer is all that averted a riot. After the officer managed to quiet the soldiers he ordered the MP's to put up their pistols or he -would turn the men loose onthem. VIRTUAL SUICIDE At the battalion bivouac several miles away sentinels refused to go on guard duty because they were not given ammunition; scores of soldiers blasted the sending of Negro MP's to town without as much as a club to protect their men and enforce their orders. It was pointed out that such action was virtual suicide if anyone chose to start trouble. The effort to secure - 1 tlon for the guards was led by Staff I [Sergeant William M. Henderson. He pleaded that he did not want ammunition for the entire company, but only for the men of the guard, who through the long night were to protect the lives of a thousand men and property of the U. S. government. Henderson contended that as part of the TJ. S. army Negro troops should receive the same consideration, or at least the same respect as other uniformed men receive. Henderson argued further that it Negro soldiers are expected to give their blood and their lives for their country, that at least they should be permitted to protect themselves from people who hate them no less *~~*~~} the dictators. He declared that he had refrained from giving the order that would endanger the lives of his men with nothing accomplished. Youngish. Wisconsin bred Donald A. Curry, white, 2nd It. leader of the second platoon of C. company, relayed the request for     1Pitkm to a higher battalion officer who refused to the grant. Subsequent]; a platoon order resulting                 from a company order reduced to the rant of private staff Sgt. Henderson. Line Sgt. S. A. Acty and Corp. R. Settles. UNREST BREAKS OUT Tuesday night the smouldering unrest broke out again. Two more soldiers of the 94th were beaten by state police. Flashlights, candles, and Improvised torches Illuminated the pitch blackness of the Arkansas woodland as hundreds of soldiers came out of- their pup tents on the run. bent on tailing vengeance on the state troopers and MP's who were responsible for the assaults of the previous three days, and who at that moment were crowding soldiers off the roads with speeding automobiles. What doubtless quell a serious situation was the appearance of .Major Harmon, commander of the 94th. He assured the men that "all would be done" to quell the disturbance and protect the but that a war department regulation forbade live ammunition on or near the war gone area. The commanding officers of all the battalion s companies entertain the       attitude toward the situation. On the eve of the battalion s removal to more concentrated position for war game activity, some 30 uniformed men were accosted by state troopers, and private James A Woods so seriously injured tnat be was retained, at the post - j NEGROES INSULTED I Thursday morning s trouble started when a state trooper, passing the mile long battalion column, called to Lt. Curry. "Hey. boy. keep those niggers off the (Contlnnid oa face 6; Col. 6)                 Many Quit (Continued from Pat* 1) road, and stop them from yelling at white people." He was quickly informed that there were no "niggers" present; and the rear section of the column started to close in on the car. The police ear then drove away. A short while later the column was stopped and driven from the highway into the ditch. When Lts Curry -and BrasamUe protested the action they were told that "nigger soldiers were molesting white people." The army officer denied that any civilians bad been molested by soldiers, until they had first been accosted. "A nigger has no right to. talk bade to a white man no' matter what he says." the trooper said. The white army officers were then struck by one of the troopers while others threatened them with machine and riot guns. Six truckloads of white MP"s sat by and did not raise a finger. The officers were told that "your tin bars dont mean a damn thing in the south;" that southerns ran the south and no one from the north would change that. Throughout the day and night other army officers were Insulted when accosted by state troopers. MARCH IN DITCH The soldiers were forced to march in the ditch beside the highway, often walking in water up to their knees. This assault on the white officers is what convinced many sol-' diers that it would be better to desert than co stay here. They reasoned that if whites were not safe, they would stand no chance at all. Since the natives know these soldiers are unarmed, they can do as they wish without taking undue chances. Many soldiers fear some of the local whites may decide to ambush them, or perhaps  the water                 i supply If feeling runs sufficiently 1 high. Far that reason many wired home for money with which to leave. Nearly SO were In the first group quitting here. Some wen picked up in different cities and returned, but others succeeded in getting complete]; away. Some have planned to return to Fort Custer and report,  1 further action. If this is done  in 11 days, they are listed merely as AWOL and they will not face a desertion charge. j 1 However, Major General Robert C. Richardson, Jr_  v\       ]g      seventh corps sought to belittle the entire series of Incidents. "Some of these northern Negroes," he said in a statement released Saturday, -not .understanding the attitude of the southerner and apparently to avoid further trouble have left their command and are reported absent without leave, returning to their former station. Fort Custer. Instructions have been sent to military police to apprehend them and return them to their command.**</t>
  </si>
  <si>
    <t>                                           PRESCOTT, Ark.--(ANP)--Fear grips the 1,000 men and many of the white officers comprising the 94th Engineer battalion, out of Fort Custer, Mich., who have run afoul of the native white prejudice against both northern Negroes and whites since coming here last week for the war games.</t>
  </si>
  <si>
    <t>                                           For many years the outstanding people in the community among Negroes were the ministers and the teachers. In many cases the men teachers became preachers and very often the preachers were teachers. These two characters were highly honored and respected by the people whom they served. They were models for the children.</t>
  </si>
  <si>
    <t>                                           CRIPPLED BOY TOPS'                 FORT WAYNE. tad. (ANPi- Crippled since early childhood by! an attack of Infantile paralysis Samuel Stuart. Jr.. 19. won "the i highest honor possible fo,- a jr^d- uate cf Ccntrnl  school. Valedlctorftn of his class and voted      most  graduate by i his classmates In the mixed school. he Is perhaps the most respected and admired of the 1941 class. Not only was Stuart proficient In his] studies, but he won a reputation i for himself as Indiana's foremost high school  and orator. i SOME NERVE. LADY i Mrs Pearline Hearn. of 169 Gilmw Street. S. E. was the victim nf n robbery by snatch, she reported t., police Tuesday. Aceordinc to the victim and           witnesses, a' v.-hitc . Vnown ns Jamey Bunn-r. of Donclnsville. On who for- r.iT v ^i in the . sn.itch- i I'd Mrs HcTrn's purse and cash ofj  $5.00 value.                 Two Die, One Hurt In Wreck Near Augusta AUGUSTA. Ga Two women were killed and the husband ot one critically injured in an automobile      3ie?(~           .rt;. Thc dead axe Mrs. Gladys Younc. Fletcher of Fairfax, S. C. and Mrs. C. U. Hajxison of          . Mr. Harrison was injured and Ms condition is described as critical by attaches at University hospital. There were .no eye witnesses to thc crash but officers who investigated stid evidence at the scene Indicated that the car left tie road, crashed into a tree and turned over several times. The party XhS enroute here from Charleston to spend the weekend ~"hen the wreck occurred approximately a mile east of the city. Danburg 4 H Club Formed . Ga.- Miss Ardelia Bettie Sutton was elected president of the 4-H club organized July 9 at the residence oX Mr. and Mrs. J. C. Sutton  the direction of Miss Camilla ^state home  agent.' Miss Weems        .jit; chairman during t-~i^~-. t\r^pW^[nr^"-mnA ^. Other.-        "~tected -were w. T. Cofer. --president^ Miss Sara Frances WrTirhirloi?. secretary: Miss Regtols Cotter, treasurer; Miss Londer Bell BarksdaJe. garden committee: Miss Ida Ruth McLendon. home improvement committee: Miss Willie Bell McLendon. food preparation committee: Willie Norman, corn committee: Charley Mack Norman, swing committee and Lee Green Coffer, cotton committee.</t>
  </si>
  <si>
    <t>                                           TUSKEGEE INSTITUTE, Ala.--(SNS)--The opening game of the Tuskegee Institute 1941 football season with Xavier University of New Orleans, Louisiana, will be one of the feature attractions on the home schedule. The members of the Gold Rush team have won the admiration and respect of the Golden Tigers. The gridders from the Crescent City were the victors in 1939 and again in 1940, but the Tigers have riven notice that they will turn back the Wrightmen.</t>
  </si>
  <si>
    <t>                                           NO FOOTBALL COACH in the Southern Intercollegiate Athletic Conference has taken his 1941 duties with a twinkle in his eyes and the suggestion of a smile on his lips. Gloom in the memorial fraternity of the SIAC is so thick it resembles early morning fog around the Klondikes.</t>
  </si>
  <si>
    <t>                                           Sworn In As Fort Deye-ns Hostesses                 Mrs. Madeline K. Du^ger. I,  nd Miss Frankie M. Taylcr are thown as they were sworn in senior a'.d junior hostesses respectively *t Fort Dcven*. Mwsft., following their appointment by M*jcr Ceivcral Franci* B. Wtlby, commander of i the First Corps Area. Col. Collin* \% administer- ing the     . Mr*. Du^ger is the mother of 6 chil- j                 JrL*n. the        being Edward DugSer, Tuft's i- track star And holder of world s records in :Sc  hurdles.      Taylor           of BoLton Univertity School of Social Work and tho Bo.tor. Air Raid Ward School.                 (Signal Corpi      )</t>
  </si>
  <si>
    <t>                                           Georgia's New Farmers Rally To Nat'l Defense Call                 Fine Session End! AtCampJohnHope                 By J. E. COX Teacher of Agriculture Screven County Training School Sylvania. Georgia                 FORT VALLEY.  Ja.- (SNS)- Kepresentintc 107 school chapters with a total membership of 4,575. the Georgia Association of New Farmers of America in session at Camp John Hope. Fort Valley. June 25. 26 and 27. chose and developed tho stirring and timely theme-" N. F. A. Leadership in National Defense."                 Tn addition to the regular features of the confab Judging livestock a"d crop seed, public speaking: and  singing contests a warm and fighting spirit of allegiance to the nation permeated the conference as definite plans were presented and developed for N. F. A. collaboration in the great program of national security.                 Echolns tongs of America." and "God Bless America" Immlnatlng from the souls of more than two hundred coys, advisers, officials and guests. KU no doubt ot thr sincerity of their purpose. HOLD QUARTET CONTESTS Culmliwting the convention activities Friday evening, public  and  finals were held nnd winners to the judging contest were announced .By margin ol 32 points. JctiVo Phelps.' Brooks County Training: School. Dixie. B. U. Wynn. adviser, clinched state honors In public  -with the- subject Conservation A Challenge to Southern Farmers.- Placing second and third respectively were D. R. Holmes, willow Hill junior High School, StBtesboro. John Lawton : and Gamlel Hilsou. E. A. Hunt High SchooL Fort Valley, j. H. Twitty. adviser. Quartet  finals ended Titn Swaaisboro H. and I. boys. K. F. . .  top honors. Second and third places respectively to Shelman Vocational School. Ira S. Clover, adviser: and     Onion Junioi Hish School of Boston. Gtu Solomon Baker, adviser. In the judging contest finals, the Willo*- HiU High School team of Statrsboro upheld Its first place district honor and took the coveted State loving cup. Second, third, fourth and (ifth places were filled in order bythe t.wicc- state champions. New Union High School team. Brooks Oounty Training School. Quitman, Sett Anderson. I adviser; Brooks County Training School, and Lowndes        Training School. Valdosta. P. L. Hughes, adviser. Final* in the JUdKtrtir contest? were held at the Bibb County farm, adjoining military Camp Wheeler. The convention got under      Wednesday afternoon. June  Uv I with the  of the                  trustees tor the NFA AssesibUef betas he d Wednesday and Thursday evenings and Friday afternoon when official business was disposed 01. A state WA Adrlsory i Board was appointed by the . Membership of this Board Includes Waldo Whatley. J. N. Cox and John Lawton. SUtesboro district; J. H. Twittr. J. Williams and Victor Radolpn. Griffin district: and Joseph Humor.  Baker aad Benjamin Anrierson. Pelnani District. In a heated business session Friday afternoon. Curtis Dans, E. and I. School. OdUa, won  to the  ot Staf NFA president. other officer* elected : Herman Thomas Brooks County Tnilnlnc School Qultman. vice president: 'WUUan) i Clark. H. A. Runt High  y-; Curtis Rhyme. Swamsboro H.      I. . reporter: and Booker T. Byrd. Candle: County. Training School. Metter. treasurer. Professor B. P. Grutcher. or the State CoDejt. charged the officers  theit i  at an *  ceremony Friday eren.  ATTEND Among toe Ttsttqrs at the convention were W. H. Shell,         on Negro Affairs, Georgia NYA. (CoaUnoad     ^        S)                 fine Session (Continued from page 1) who addressed the assembly Wednesday evening, offering a  plan of cooperation for NYA curt NFA youth in promoting :i program of National Defense: W. E. Street, of the Tenant Purchase                 Section, PSA, who reminded tie New Farmers that. 50  of race dr.-s are rejected because of deficiencies due to poor nourishment, thus emphasizing the need of trained agriculturists to inform our people. He  urged the boys to prepare themselves; in accordance with their choson interests, for     technical Jobs in Defense, and to work toward the best, regardles? of how conjested the industry might appe.ir. Miss Simmons, special -  lor "The          .u," solicited cooperation of state  in making tlie m?Bazinr what it is destined to become. T. G. Wallers, assistant supervisor of Agriculture, brought greetings from the SUite Director ol Vocational Education. M. D. Moble.v. and G. r. Martin paid high tribute to what lie termed the "superior singing" of the NFA quartets In contest, and to ths training- given the public speak crs. A highlight or the Friday evening session was the address bv W. H. Belcher, president of the Georgin Association of FFA. Mr Belcher finished high school last year and is now farming in Morven. Brooks County. Georgia. Introduced by Curtis Davis, NFA president. Mr. Belcher  greetings from the Georgia FPA He extended an Invitation to the winning quartet to visit the State FPA convention and  their group. ALVA  HONORED Tile Georgia Association of NFA through Its executive secretary, H. E. Bryant, read n citation, honoring the services of the Head Itinerant Teacher Trainer for Georgia,, Alva Tabor, Among; other accomplishments mentioned wj s the fact that during his years In                 tile Vocational departments havo I increased from 13. with 422 students to 107. with 4.575 boys and 200 adult members of organized classes. In  of his great work, the Georgia Association ol NPA will confer on Mr. Tabor iti honorary farmers degree at the 'National Convention in August. Contestants for the State Contest were chosen from three district contests earlier in Jims, held :it Statesboro. Griffin and Pclhain. At these contests, the first organized effort for district was realized with the election oi officers and advisers to represent each of the three sections. Five Judging teams, five quartets and an equal .number of public speakers were chosen, through contest, from  district -lor the  meet.</t>
  </si>
  <si>
    <t>                                           FORT VALLEY, Ga.--(SNS--Representing 107 school chapters with a total membership of 4,575, the Georgia Association of New Farmers of America in session at Camp John Hope, Fort Valley, June 25, 26 and 27, chose and developed the stirring and timely theme--" N. F. A. Leadership in National Defense."</t>
  </si>
  <si>
    <t>                                           Realizing that his gridders will face the stiffest schedule played in recent years and the possibility of the army raking its till of veterans, Coach Adkins, of the LeMoyne Mad Magicians, has notified all candidates to report for training September 2, 'this morning.' This will...</t>
  </si>
  <si>
    <t>                                           THIS IS WRITTEN in behalf of Negro government officials, but not at their request. The writer dislikes poor sportsmanship, and attacks low-minded meanness for the joy of it.</t>
  </si>
  <si>
    <t>                                           for JVf/ Be . br thrifty. Get there in a jiffy. When you step out. step in Harlem Cab. #~   44QQ  HA ?****~i^^"*"^,.~5f ?5?  :' b^f" ^sson Take ^,,^ FIRST.. End Dull, Faded Gray-Streaked HairGodefroy's Larieute Hair Coloring gives your hah- new loveliness quickly, ! If used as directed, Godefroy's I.5e Hair Coloring goes to work instantly, brings lustrous loveliness to your hair whichever color you choose (black, brown, blonde). Won't rub off or wash on:. Pennies curling, marcels, p- waves. Known and used for over 4i years. Satisfaction guaranteed or your money back. Godcfroy Mfg. Co.. 35 10 Olive Street, St. l^uis. Mo. 4 'y^CODEKOrS *=--lTs:*5~= -5 HAIK COLOtING</t>
  </si>
  <si>
    <t>                                           NOT OF THE altitude of the spirits or the circumference of the breeches are we talking now, altho there have been some rather profound changes in these scholastic essentials, too, in the last decade. One does not see so many outlandish and freakish fads...</t>
  </si>
  <si>
    <t>                                           FELIX, THE CAT f -By Sullivan                 -By Lyman Younr                 -By Cy         ord                 DOROTHY DARNIT -By Charles McManur                 IT S A GREAT LIFE IF YOU DONT WEAKEN -By Jack Rabbit                 HARRY</t>
  </si>
  <si>
    <t>                                           L FELIX, THE CAT                 -By SulKvap                 -By Lyman Youna.                 -By Cy Hangerf oriel                 DOROTHY DARNIT                 -By Charles McManus                 IT S A GREAT LIFE IF. YOU DON'T WEAKEN                 -By Jack Rabbit                 HARRY</t>
  </si>
  <si>
    <t>                                           THE CITY of Chattanooga was a superb host to the seventeenth annual session of the Southern Coaches and Officials Association the past Saturday and Sunday, September 6-7.</t>
  </si>
  <si>
    <t>                                           2-Way Help for WOMEN!                 I What should a woman do who j is run-. suffering from  tional , such as  aches. nervousness or -like I pain? The  of women by thousands answers, "Take CARDVl!" For CARDUI may help you in two ways: Mnny who  three duys before "the time" and take                 it as directed, find it helps  pain. Then taken by directions a' a tonic, CARDUI usually help? stimulate appetite, increase the flow of digestive juice, and so improve digestion. Thus it helps to build ^v and strength and reduce period'? distress fcr many. 61 years of popularity invite -nce m CARDUI.</t>
  </si>
  <si>
    <t>                                           HARRY,</t>
  </si>
  <si>
    <t>                                           Flush Poisons Fran Kidneys and Stop Getting Up Nights B* Hcahhler.- Sleep Better GxtaSSe-MntHelpor Mom? Back      you can enter 2S casts an  and harm!-      .nf u^ diuretic that should  from your kidneys the wan* matter,  and add that  re bow       you kann. why * to  roar   by         np  tha ? Sont be an EAST MARK and accept a - Ott Gold Medal HuHm OU Capralo- (he  and . Look tor the Cold Medal on the box- 3S , Moaer back if it falb. Other symptoms of weak- and Irritaud bladder may ba back.     . puffy . ; , * or (canty .</t>
  </si>
  <si>
    <t>                                           CAPITOL p^.nc GUY KIBBEE in "Scattergood Meets Broadway" Oriental Crrairo</t>
  </si>
  <si>
    <t>                                           Here's How Nazis Would Cut Up Russia                 This map shows how the Nazis plan to cot op the Russian Bear (with the aid of Japan)* Germany has cat big slice in the West for herself; a big slice in the East goes to Xippon, and what s left would be a "free" Russia under orders from Berlin. Even the name of Kussia would disappear from the map. This plan watt elaborated in detail by Alfred Rosenberg and bis expert staff.</t>
  </si>
  <si>
    <t>                                           250,900 More Workers Will Be Needed Soon                 Aircraft And Shipbuilding To Use Half                 WASHINGTON. D. C- (SNS)- Over a quartered a million more workers, more than half of them In aircraft and shipbuilding,  be needed in the next four-month period ending December 31, to meet the requirements of a selected group of 9400 plants                 Ing vital defense materials, it was announced today by Federal Security Administrator Paul V. McNutt. McNtrtt said that these figures represent employers* estimates as' reported to the Bureau of Employment Security. Social Security Board. Other industries in which a substantial number or  are anticipated in the next four months include: Iron and Steel 31430; Non-electrical machinery, 26,000; Automobile and Automobile equipment. 22.760: Electrical Machinery. 16.285. The types of workers most in demand, in the professional and managerial class, are tool designers and aeronautical engineers. In the skilled trades the greatest need is for mechanists, arc welders, sheet metal workers, engine-lathe operators, tool makers,  ma. chine operators, turret-lathe operators, ship fitters, marine* machin(Continmd on     e 6, Col. 7)                 250,000 More (Continued from      1) lsts. machine shop Inspectors, and ship carpenters. In the semi- trades there is need Tor detail assemblers, lc aircraft manufacturing, floor assemblers, aircraft riveters, -drill-press operators, final assemblers in aircraft manufacture Ing. and punch-press operators.</t>
  </si>
  <si>
    <t>                                           WASHINGTON, D. C.--(SNS)-- Over a quarter of a million more workers, more than half of them in aircraft and shipbuilding, will be needed in the next four-month period ending December 31, to meet the requirements of a selected group of 9,900 plants...</t>
  </si>
  <si>
    <t>                                           Hopewell Bap'l Meeting Closes Hopewell Bap'l Meeting Closes                 tif  GA1.ANTI tif  GA1.ANTI                 Winning that "a:; Chiisttuns wo don't null Christ 10 the world," ? C. E. Grcenard. president 01 tho BTU, delivered 11 swaying address Friday  Hip  .suasion of the Hopewcll Sunday School and ETU  nl Snk-in Baptist Clmrcli. . C. S Winning that "a:; Chiisttuns wo don't null Christ 10 the world," ? C. E. Grcenard. president 01 tho BTU, delivered 11 swaying address Friday  Hip  .suasion of the Hopewcll Sunday School and ETU  nl Snk-in Baptist Clmrcli. . C. S                 JacU.son. pastor. Dr. C. U. Huburl., director of Hi.Scliool of Religion al Morehuus.College, delivered un able Dlbli! Study period In which lie bluntly suited. "The  of Jesus and I'iiul guaranteed the New Testumniil," ami he pointed oul thai most of the New Testament wns written by Paul, while the gospel of Luke Is the thinking of Puul. The noted educator declared that  will destroy Christianity. A large crowd sat under the teachings of chis worthy theologian and seemed to have enjoyed it very much. Officers elected to head the BTU nre: Deacon Creenard, president; Deacon N. Nuckles, vice-president; Miss Sallle Nesbit. Clerk; Miss Emma Bell, treasurer; Mrs Ruby     . musical directress. Ml-..'. .1. L. Storks, pianist; Miss II. M. Ciieenard. assistant pianist; Deacon D. G. Ebster. district . Dr. Hubert installed the officers. Friday  Mrs. S. M. Bryant conducted a fine model BTU, which was Quite educational. The Rev. A. J. Walker,  of Mt. Moduli Baptist Church, N. Decatur, rocked the house with a strong missionary sermon in which he urged the delegates to do work for Jesus and to labor In the Master's vineyard for pay day was coming. The night session featured a fine  concert with many of the crack choirs In bounds appear- ing on the program. A   witnessed this pleasing event. A correction: Mr. Hubert Hood was elected assistant clerk of the Sunday School department Thursday and not Asa Banks. Other speakers, heard included: Rev. E. n. Luwsnn,  evangelist; Mrs. Betllc Brown, State worker in the Art Department; Mrs. Emma Nuckles, head of the Hopewcll Woman's Convention. Thus ended another great session of the 55-year old religious Xorce. JacU.son. pastor. Dr. C. U. Huburl., director of Hi.Scliool of Religion al Morehuus.College, delivered un able Dlbli! Study period In which lie bluntly suited. "The  of Jesus and I'iiul guaranteed the New Testumniil," ami he pointed oul thai most of the New Testament wns written by Paul, while the gospel of Luke Is the thinking of Puul. The noted educator declared that  will destroy Christianity. A large crowd sat under the teachings of chis worthy theologian and seemed to have enjoyed it very much. Officers elected to head the BTU nre: Deacon Creenard, president; Deacon N. Nuckles, vice-president; Miss Sallle Nesbit. Clerk; Miss Emma Bell, treasurer; Mrs Ruby     . musical directress. Ml-..'. .1. L. Storks, pianist; Miss II. M. Ciieenard. assistant pianist; Deacon D. G. Ebster. district . Dr. Hubert installed the officers. Friday  Mrs. S. M. Bryant conducted a fine model BTU, which was Quite educational. The Rev. A. J. Walker,  of Mt. Moduli Baptist Church, N. Decatur, rocked the house with a strong missionary sermon in which he urged the delegates to do work for Jesus and to labor In the Master's vineyard for pay day was coming. The night session featured a fine  concert with many of the crack choirs In bounds appear- ing on the program. A   witnessed this pleasing event. A correction: Mr. Hubert Hood was elected assistant clerk of the Sunday School department Thursday and not Asa Banks. Other speakers, heard included: Rev. E. n. Luwsnn,  evangelist; Mrs. Betllc Brown, State worker in the Art Department; Mrs. Emma Nuckles, head of the Hopewcll Woman's Convention. Thus ended another great session of the 55-year old religious Xorce.</t>
  </si>
  <si>
    <t>                                           Warning that "as Christians we don't sell Christ to the world," Deacon C. E. Greenard, president of the BTU, delivered a swaying address Friday before the closing session of the Hopewell Sunday School and BTU convention at Salem Baptist Church...</t>
  </si>
  <si>
    <t>                                           They'll Swing Here With Rochester                 Etfcar . our of Ihr  s  * and arrangers, will brine his orchestra to Attants Thuixijy.  epl. K. to accompany thr "Hot From Harlem"   by Eddie "         "" An-                 di ison. Vi,u .Mac OrlUlr. the little Rirl wlio wrote and ^nes "U'slkin* By the River.- is with the     lo be ^cal at .the City Auditorium.</t>
  </si>
  <si>
    <t>                                           Training School For Scout Leaders To Start Friday Training School For Scout Leaders To Start Friday                 A training school for colored Boy Scout lenders will be hold in Booker T. Washington HiGh School : Friday, August 8, and   Sunday. Aufjusl. 17. Registration will begin Pridaj ; al 10 o clock and the first session will bu held the same day al 12 noon in the high school cafeteria. During the session, the  class will be carried to Camp J. K Orr on a camping trip. Stanley A. Hnrris, white,  of interracial activities. Boy Scouts of America, will serve as dean ol the training school. Assisting him will be A. J. Taylor, assistant director of Interracial activities, ana F. D. Malsc, head of the Atlanta colored division. A training school for colored Boy Scout lenders will be hold in Booker T. Washington HiGh School : Friday, August 8, and   Sunday. Aufjusl. 17. Registration will begin Pridaj ; al 10 o clock and the first session will bu held the same day al 12 noon in the high school cafeteria. During the session, the  class will be carried to Camp J. K Orr on a camping trip. Stanley A. Hnrris, white,  of interracial activities. Boy Scouts of America, will serve as dean ol the training school. Assisting him will be A. J. Taylor, assistant director of Interracial activities, ana F. D. Malsc, head of the Atlanta colored division.</t>
  </si>
  <si>
    <t>                                           News Briefs                 Oil Stove Believed Cause Of Blaze                 Fire from an oil stove was said tc have caused the early Monday morning blaze at the residence of M. L. Veasey. of 368 Foundry Street. There was slight damage of the house, according to police -reports.</t>
  </si>
  <si>
    <t>                                           = FREERIDE Have you tried the Express Suburban Bus service on the North Side? You will find the Suburban busses a better way to and from your work.' rry Suburban Busses fo- This coupon and 10c day. From Downtown At- is }rood for one r0Ulld trip on any Northside or lanta. Start from Broad Garden Hills route. and Peachtrec Sts. Suburban Lines Suburban Coach Co. INCORPORATED 110 Gth St., X. E. VE. 777S = FREERIDE Have you tried the Express Suburban Bus service on the North Side? You will find the Suburban busses a better way to and from your work.' rry Suburban Busses fo- This coupon and 10c day. From Downtown At- is }rood for one r0Ulld trip on any Northside or lanta. Start from Broad Garden Hills route. and Peachtrec Sts. Suburban Lines Suburban Coach Co. INCORPORATED 110 Gth St., X. E. VE. 777S</t>
  </si>
  <si>
    <t>                                           Flush Poisons From Kidneys and Stop Getting Up Nights Ba Healthier, Happier- SIcap Better Costs 35c- MastHelpor Money Back When you can set for 35 cent* an I efficient and harmless stimulant and I diuretic that ahould flush from your j kidneys the  matter, poisons i and add that are now doing you barm, why continue to break your restful sleep by setting up thru -the night? Bon't be an EASY MAKK and accept a - Get Gold Medal Haarlem Oil Canrate*- the original and . LooV tor the Gold Medal on tbe box 3S cents. Money back it it tails. Other symptom* of  kidneys I and Irritated bladder may be back- i nche, puffy , shifting ,  or       ;~k</t>
  </si>
  <si>
    <t>                                           Increased facilities and staff appointments have been made in the Department of Home Economics at Spelman College. President Florence M. Read has announced.</t>
  </si>
  <si>
    <t>                                           Legionnaires Dissatisfied With 'fl Site                 Negro Members Protest Choice Of New Orleans                 MILWAUKEE. Wis.      - Th? designation of New Orleans as the site of its 194: convention ha? caused much dissatisfaction among j  Saziks of Nqgro legionnaires who attended the American Lesion convention held here last week. I                 Letters ol strong protests are to be sent to the newly elected na.  commander. Lynn TJ. Starnbuagh. of i argo, N. D.,. demanding that the Louisalna committee of arrangement assure Negro delegate; they will receive   courtesy Negro veterans threaten to sever relationships with the legion because they fear  of southern posts of discriminating against them. Louisiana has no Negro legion posts and the state commander has repeatedly refused to grant charters for their formation. Hence legionnaires have no or- ganization to act as host and assure them of the usual round of  they are accustomed to. If. however,, the national commander refuses to support them. l rumors have it that the Negro   ViaW TT* TIT"1"" Atlantic City. N. J.,~ opening on'     same day of the New Orleans con. rendon. Conspicious in the parade Tues- j day in which SO.OCO or more persons marched from nine o clock in the morning until late that night. were Negro legionnaires. Nearly every northern state was represented, together with a few southern states. Special honors went to the George L. Giles Post No. 87. of Chicago; the Charles Young Post of Detroit; and the James Roscoe Europe ePost. Washington.</t>
  </si>
  <si>
    <t>                                           MILWAUKEE, Wis. (ANP)-- The designation of New Orleans as the site of its 1942 convention has caused much dissatisfaction among the milks of Negro legionnaires who attended the American Legion convention held here last week.</t>
  </si>
  <si>
    <t>                                           As MBC Dedicated Grounds, Buildings                 bishops, one of them of the Mttbodist church, participated at the dedicatory exercises of the Morris Brown College ground* and buildin;:.. The exercises was a highlight of the TriConveniion being held at the Atlanta AME school. Pictured at top 1 to r are Bishop L. H. King or the Methodi6t church, Atlanta; Bishop R. R. Wright, jr.. president of Wilberforce tr., Ohio: Bishan D. Ward Nichols of Birmingham; Ed*ar C. Brown, president of the                 Cnited Government Employes, Wajinigton, D. C- Senior Bishop J. S. Flipper. Atlanta; Bishop G. E. Curry, Jacksonville. Fla., and Bishop W. A. Fountain, MorrH Brown           . n-~   presides over the Georgia district. Not pictured was Bishop D. H. Sims of . The      torn photo shows part of the throne during the impressive exercises. A cornerstone was laid on the sirl s dormitory as the climax of the rates.                 (SN'i. Skiff Photos by Mackay.)</t>
  </si>
  <si>
    <t>                                           RUSH KIDNEYS OF POISONS AND STOP GflTiHC UP NIGHTS 1 1.. n_.   _r  I     To flush out excess waata  ta SKi   _. R_k from .  your tt Cuts Floras It or meant -UK irritated bladder and put mor*          activity Into ,     ft W-c*nt /.Jr_2?^.iS_?!SS_^S_m^l     __ and taka as           tbar haT. to  Mt tha   i(T. ~_~I ttt!a_- of_a at nlc-t why flow la scanty m _m_i _d l_r   ' '-it t-    and -maa smarts and boms. Um p_  u_ br     at Aaar on* of.   maar Tfcrtca.  and          MSt  -a_Ttb_^y^ld6_?ra_ y^~  fl5.-^ --  M]__~L1_?__S_5 ___Tf_ _   .ma7 flank* Sat*  rJ^-tgU^SSa-aST-S  M_J</t>
  </si>
  <si>
    <t>                                           ONE AMONG NATION S BEST                 JACKSONVILLE?.                 -~    -                 MISS FRANKIE MAE BALL                 The aV.vc picture is the likeness of Miss FYankie Ball, the lovely and brilliant daughter of Kev. ana Mrs. TV. F. Ball. Kev. Ball is the pastor of Grant's Memorial AME Church of this city. Miss Ball will leave the efty Sunday to enter the freshman class! at Avnberforce University. To Wilberforce Miss Ban will carry the honor and distinction of being one of the leading oratorical speakers of this state, and one amone the twelve high school students selected the past  year in a nationwide selection offering a Two Hundred Dollar scholarship to exch. At the recent Tri-Stat? Meet held in Jacksonville. Miss Ball was also the winner of One Hundred Dollar scholarship, speaking from the theme. The Negro and "the Defense Program." Seine known as the Ruth Logan Scholarship. She was a  of the high school of Edward Waters last June.</t>
  </si>
  <si>
    <t>                                           CHAfyUSLISS RECITAL THRILLS CITY S MUSIC LOVERS                 BIRMINGHAM- (S N S) Annually Mr*. Minnie C Chamblfcs, prominent music teacher, presents her pupils in a. formal music  Top-row left to right: Corine ChambUss, Mary Faulkner. Grace ChambUss, Barbara Crawford, Esterleen Crowdrr, Christian Aaron,                 Lndia Shines. Vasbti Lane, Tbdma Lee. Jean Bradsnaw, Hattie Mae Beck. Dorothy Rodgers, Mar; Chambers, Phyllis Lee, Vera Grate. Gwendolyn Oliver, Loretta. Lee, Annie Jean Cowan, Del MarchaeOUver, James German; two seated, Horace Provost, and Mn. Jessie                 Steward. Other pupils in the Angnsl pro(ram at Parker Hi. but not in the photo are: Rose Marie Ellington, Ungton. Evelyn Tubbs, Mrs. Louise Doris and Joyce Holland. Annie ElHtcnhinson, Charles Carlton, Clarice Kelson, and Ellis Vine*.</t>
  </si>
  <si>
    <t>                                           -By Lyman Young                 FELIX, THE CAT                 -By Sullivan</t>
  </si>
  <si>
    <t>                                           MISS DOROTHY BARNETT left Wednesday for her vacation which will take her to Detroit and Cleveland for a period of two weeks. Miss Barnett accompanied Mrs. Mildred Allen whose destination was the same.</t>
  </si>
  <si>
    <t>                                           f* S  ^I^bii^H ^Jt^ t^^s^^P Look like a Champion with Tuxedo Club Pomade, the Pomade made specially for well  men. Sea (or yourself the glossy, well groomed difference Tuxedo Club makes. ^   . Sold at drug store*    -%  . everywhere. K^Wjr^^^^B^ i ^Sl/*^"r^ ,~~l te2t3sT 3 iff/ /5</t>
  </si>
  <si>
    <t>                                           USE  COMPOUND 21.*** '"^B"110"-      RA. 0Z08.</t>
  </si>
  <si>
    <t>                                           MORRIS BROWN. Florida. Langston.Shaw,and Lane hold a numerical teed over the rest of the park in the stirring national football derby. Morris Brown,Florida. and Laneston have been Picked by the "experts" to retain their unbeaten status over the week end...</t>
  </si>
  <si>
    <t>                                           HOTEL MACK *9Z1. ABinU,     ParWnc. I Hdp Tbem Quum the Blood I of Harmful Body Wast* I Your Iu4    are   .y.          * Ur  work- do not act aa Natun - fail to p*. I nova  that. It  -V, I Eg"~   ;? II Srmpunu may     . II ..4*. attack. if^^l' I (Mebc op Blcbta. whilst,  II Othar  of          *t I   . Ksarr or II too Sraqtuat or-.^^ W I 7        2                      I  ts  thas       Cm  I OKo'a Pi'Ua. Omi'i km      II Sf (ri"~'~ '~r  than forty nan. I Tb^-~*ara a -     . -~f     /y ^~t tm^-</t>
  </si>
  <si>
    <t>                                           Bailey Theatres i 81- JUDY CANOVA I  "SIS HOPKINS" I Al.o BILL ROBINSON ROYAL- Returned by Special Request "TILL WE MEET AGAIN" With GEORGE BRENT ASHBY- -ROCHESTER" 'TOPPER RETURNSAlto: P'ftmrnt Markhara in "On*. Bii: MUtalco"</t>
  </si>
  <si>
    <t>                                           KING HEARD IN FORCEFUL SERMON TO ASSOCIATION                 j "The Future Outlook" was Uvi I n  of ft sterling annual ad dress delivered by Dr. M. L. Klnc I moderator, to hundreds of dele- 1 I gales and visitors attending the annual session of tbe Atlanta Misi  Baptist Association Wed nesday afternoon at Mt. Pleasant                 Baptist church. South Atlanta. Rev R. H. MUner. host pastor, lr whieh he warned that the only     the morals or our people .irc * to be lifted will be by the  gospel of Jesus Christ. Turning his attention 10 the  of leadership needed .                 Moderator Klnff declared that need Tearless preachers, who    for the rights of oui-  pic." The church, according to Rev Mr. King, must do something towards  the unemployment 1  .Neproes. He      put   emphasis ~.n the fad that Negroes should register and vote, stating thai he feared that ihr Church had  the Pitslldent of the United        ol America to do more for th* people ;h housing projects than the Church had done. NO CHURCH A LIABILITY He pointed out that no church is a  to the community. If if* real, but that It Is an asset. The            on   *e 6. CoL 7)                 King Heard (Continued from      1) church must lift up her protes' against all evil*, be added. Following the address. Deacon Emory Neal. of Ebeaezer Baptist church, presented MOO to Dr. Kin; on behalf of Ebenezer Baptist chu.th membership as a token 31 their respect for his leadership. Dr. L. A Plnkston. president. cl the General Missionary Baptist Convention, of Georgia, presided during the ejection of . Those elected to posts were: Rev. M. L. Kin*, moderator: Rev. R. R Mllner. first vice moderator: n*v. P. R. Qeer, second vice           ; Rev. R. A. Graves, clerk: Rev. W. W. Thomas, assistant : Deacon H L. Ferrell, treasurer: R*v. Wm. G. Bivln-;, chairman, executive board; Rev. W.M. Jackson, auditor. Earlier in the session with moderator . Dr B. E. Mavs, president of Morehouse College was hea d by the bodv in a         discussion or the plight of Negro education today as compared with the status of It years ago. The  educator warned that northe*n white people don't give money for Negro education today like they did in the past, and emphasized that fact that more and more Ne-  trees ar,. go rg to be called upon j to support their educational program. LOSING  j TV. Mavs charged that we are I losing support of the northern j  white people because of our fine 1 cars, clothes, stating that they arc withdrawing their support. They j want to see our people  and out. Dr. Mays urged Baptists to civ. for the support of Morehouse College. Dr. D. D Crawford, executive   of the State Baptist Convention, made an able talk  the Baorists to subscribe foi the Georgia Baptist, official organ or the denomination in Georgia. I arid cive loyal   to the Con- I  program. Ho reminded the bodv of     fact that he was In the organization of the association. EDUCATIONAL SERMON* Rev. S. M. Bryant moved the house with a forceful educational sermon, his alternate being the Rev. J R. Lovett. Dr. C. D. Hubert continued his fine  talks at each session Tht Ebenczer choir sang with Mrs. M. JL. Kins at the piano, following I Moderator King's annual address. Drf Blvins was appointed to head committee to look out for the interest of Union Baptist Institute Adiens. Tbe Rev. Joel L. King, pastor, Mt. Zion Baptist church. Griffln. captivated the house with a well delivered missionary sermon In which he urged tbe pastors and members t,, 'do more for missions." Prof. C. H. S. Lyons, principal. Union Baptist Institute, addressed the body. Today's, slate provides for ad- dresses by Rov. S. P. 1'ct . Deacon J. W. Johnson, doctrinal sermon by Rev. T. H. PWd memorial sermon by Rev. W. W. Weatherspool.</t>
  </si>
  <si>
    <t>                                           "The Future Outlook" was the subject of a sterling annual address delivered by Dr. M. L. King moderator, to hundreds of delegates and visitors attending the annual session of the Atlanta Missionary Baptist Association Wednesday afternoon at Mt. Pleasant...</t>
  </si>
  <si>
    <t>                                           Fewer boys and girls suffer from skin eruptions than endured this dreadful affliction in the past. The reason; better eating habits and devotion, to the daily bath. Medical men who specialize in treatment of the skin and scalp are seeking causes for cutaneous blemishes...</t>
  </si>
  <si>
    <t>                                           CAPITOL ,ng THEATRE .1. CARROL NAISH In "FORCED LANDING" I Starti Thursday! "WEST POINT WIDOW When Acid Indigestion, Go* Stomach or Heartburn make yoa feel uncomfortable or  you, try Alka-Seltzer, which contains  buffers and so helps counteract the associated Excess Stomach. Acidity. But -~e relief of these minor stomach upsets is only a small part of what you can expect Alka-Seltzer to do for you. Yoa will find it effective for Pain Relief in Htaiache, Neuralgia, Colds and Miueular Ache* and Pains. It contains an analgesic, (sodium acetyl ), made more prompt and effective in its  action by alkaline buffer salts. When hard work or strenuous exercise make you feel tired and dragged out, enjoy the refreshing effect of a glass of sparkling, tangy Alka-Seltzer. At      Stan,       *    an*  t drac Kan soda fountains by tb*</t>
  </si>
  <si>
    <t>                                           Klan, Mobs Hit By S. C. Judge                 ANDERSON. S. C-      - At the opening or court of general sessions here Judge G. Duncan Bellenger of Columbia. S. C openly denounced mob rule as symbolized by masked groups seeking to take the law into their own bands, and make an appeal for the                 tlon of American freedom and Ideals. Re told the county grand Jury that mob rule cannot be tolerated by the government of this country. Without specifying any definite locality In the state where such incidents were prevalent, the judge stated that he had learned from the press that masked group had organized themselves for the purpose of enforcing the lav as they saw fit. He called attention to the fact that mob rule strikes at the very foundations of our institutions: It threatens the protection that organized society has thrown around our homes. Judge Bellenger stated. "I .say to you gentlemen, that the  cannot be enforced and the lows                 not be respected when men with masks take the law Into their own hands and set themselves trp as court, jury and prosecuting attorney. When that is permitted, law enforcement hat been tamed over to the mob.  Thls is a tree country and one In which our constitution guarantees our dozens certain right* and privileges and protection. One who violates the law In this country Is entitled to fair trial by court and Jury. We pride ourselves on our freedom. We can only enjoy that freedom so long as we abide by the law. That is a  you and I enjoy, but unless we live up to the law. we     endangering that freedom which we nave a right to enjoy." During Judge BeHeneert exhortation to the grand Jury about the evils of mob rule, news came of the i beginning of the FJan's fall prowls. After Negroes have received payment for sales of cotton, the KKK  Itiua  weapon.</t>
  </si>
  <si>
    <t>                                           ANDERSON, S. C.--(ANP)--At the opening of court of general sessions here Judge G. Duncan Bellenger of Columbia. S. C. openly denounced mob rule as symbolized by masked groups seeking to take the law into their own hands, and make an appeal for the...</t>
  </si>
  <si>
    <t>                                           HOME OF I. P. REYNOLDS 1216 Gardenia Street IN HUNTER H ILLS</t>
  </si>
  <si>
    <t>                                           DAILY CROSSWORD                 ACROSS l.T- r S. Incorporeal 10. So-ds of apples 11. Group of five 13. 'Unbind 15. Beige color 16. Brazilian coin IT. Over (poet.) 19. Turkish magistrate ;20. Female sheep 121. Ventured 23. literary composition 25. Antlered animal 2T. Behold 23. Type measure 29.Hu;r.cr ,31-Afaoric '35. Twisted out of shape 37. Guide's highest note 38.Xeel- cuckoo 39. Ignited .41. Weight of India  2. Not hard 44. Mohammedan ruler 46. A clergyman 48. Ages 49. American birds SI. Hem In DOWN 1. Puts to use 2. Passport endorsement                 Conjunction Sero i. devoured 6.Asaadhffl 7. Oatmeal cake 8. Tendons 9. Bigger 10. Thick soup' 12. A pair 14. Therefore 18. Floats 22. Covered with small flowers 24. Drooping                 25.WarMo 29. House of an estate (pi.) 30. Opening: 32. Replace 33. Picks out 34. Merits 35. Stinging: Insect 36. Opposed to proximal 40. Thulium  sym.) 43.Gull-Uke bird 45. Sediment                 Yrattrday** Aaiwer 47. Dry, as wine SO. Molybdenum (sym.)                 I:  v 1 i__  $ I" is I ii"Ll ZxLjLiMr "i _~iiiii in 1" i3* __ii" I i* _ili i-_iii^i_""~ i_iw mir\\\\\\\m +2S                 - A       ?  VJ   TLW -I,  AX . yesterday s -Cryptoqnoto: LUST OF POWER IS THE MOST     .      QF ALL THE - TACITUS.</t>
  </si>
  <si>
    <t>                                           CIVIL SERVICE COMMISSION IS 'COLD* TO FDR S ORDER                 No Change Is Contemplated By Chairman                 Says Any Other Action Would Be Presumptious                 WASHINGTON. D. C- (SNS)- Tl-.e united States Civil Service Commission will "carry oat ft"1 Presidents Order"* but contemplates 20 specific chances m Its policy at promoting a  of segregating Negroes fa Ctril Service jobs in Government departments and                 whites la CML Service Be* imitations only wherever department heads have a choice. j Tins -wss-the-  Harry B. Mitchell, chairman, ot the Commission in answer to Ques*  put to him by officials ot the I National Negro Congress. 'The Civil Service Commission does not intend to send out any specific order to departments on the basis of the Presidents recent order." Mitchell said, "because 1  this would be presumptions and also became I do not fee what we can do more than has been dene already." Questioned about the operation of the discretionary powers under Civil Service, whereby any one of i he three highest ranking persons may be appointed. Mitchell said: "It then are three Negroes holding the highest ratings, a situation which is very rare, we win certify one of them, but if there are two whites and one Negro, let us say then I cannot say that we would follow a role of appointing a Negrs in preference- to a white person." On the matter of segregated units for Negro workers, a policy which the Civil Service Commission now advocates. Mitchell said it was his personal belief that TnU Is still the best policy because it precludes friction between Negroes and whites in the departments." He added, however, that he would take the matter up with the Commissioners as a body. When he was pressed for a direct answer to the question ot whether the Olvn Service Commission intended to carry out the Xrestfent's order, the Commission Chairman said he was sure that "we will abide by the order."</t>
  </si>
  <si>
    <t>                                           WASHINGTON, D. C.--(SNS)--The United States Civil Service Commission will "carry out the President's Order" but contemplates no specific changes in its policy of promoting a program of segregating Negroes in Civil Service jobs in Government departments and...</t>
  </si>
  <si>
    <t>                                           NEW YORK --(SNS) --Gotham will have one of the busiest weeks in its colorful sporting history beginning with Sunday. September 28, and ending Saturday. October 4. In this single seven-day stretch sports lovers will be served the world heavyweight championship...</t>
  </si>
  <si>
    <t>                                           MAKE MONEY Rlxht M  I).            * m-. Writ* to:  S"~  th Ave. \rw Yar*. (Thla  nod la     Ualtxd</t>
  </si>
  <si>
    <t>                                           Making "Goat" Of 5 Soldiers, NAACP Claims                 General Lear Ordered Their Detention, Report                 DETROIT       Visiting Camp Caster last Friday local N. A. A. C. P. officials here sought to  and investigate charges that five boys of the 94th engineers were being held in the guardhouse pending charges from the Second army. Headed by Dr. James J. i                 McClendon. president: Father Mai- comb Dadf. IckuI redress chairman: stnd Glosu-r B. Current, executive I secretary, the NAACP's investigation was made after requests from parents and relatives staled that these youths were being made tht "M-"' for the "Arkansas in- i orient." Tlu1 committee ascertained from interviews with soldiers that a I Inrmer sergeant of Company B- i v..is taken from the company bar- I ;er ship and lined up with two other soldiers of Company D Sat- :i.'~lay. October 11. No charges were j :~       against them but they were I  that ihc order came from  the battalion headquarters, j Although no one in command at Caster would state what charges were placed against the boys, it was reliably reported that Gen.   -ar, commander of the second army, had ordered their detention. T::e 9-tth was serving under his   during the Arkansas incident INTERVIEWS Interviews with Maj. Brown and Bay. Socks, under whose charge the 94th has recently been placed alter returning from maneuvers and the post commander, failed tc reveal the charges lodged against the boys. However, it was learned from some of the soldiers that     boys were said to be the ones whe started the -trouble .-in GurdonJ Ark. Wires were immediately sent to Secretary of War Henry L. Stimson and Senators Vandenberg and Brown, urging an immediate investigation. Mr. Currant, executive of the NAACP. received a wire from the imprisoned boys Saturday stating that General Lear was to be at the post. The general told the 94th. after the Gurdon incident that the colored boys who went- were a disgrace to the army and the colored race in general. The NAACP issued statement which read "Although everything is being done to force the war department to grant Justice to     boys, we cannot urge too strongly that everyone in Detroit and Michigan interested in the welfare of Ncgro youth in the army, protest vigorously to this continued ill-treatment of colored soldiers."</t>
  </si>
  <si>
    <t>                                           DETROIT -- (ANP) --Visiting Camp Custer last Friday local N. A. A. C. P. officials here sought to interview and investigate charges that five boys of the 94th engineers were being held in the guardhouse pending charges from the Second army. Headed by Dr. James...</t>
  </si>
  <si>
    <t>                                           United Party Victorious At Washington High                 Othello Renfroe, Portia Thomas Win Head Posits                 BY S. GRACE BRADLEY                 United Party, headed bv Othello Renfroe and Miss l  A. Thomas, led the 4.000 students to an overwhelming victory, when citizens cf the school voted in their respective wards for the ?s of their choice Thursday afternoon.                 The Tndewndcnt . with Benjamin Bickers and Miss Mary l  candidates for  and vice president respectively,  with 949 votes Progressive, victorious for three consecutive years, had SOS \otes. Myron Johnson and Miss Catherine Morris he:ded this group. TWO-WEEK CAMPAIGN For two weeks, campaign speeches were delivered to an class rooms, which were named for the states and provinces and appeals were by attractive signs. The final ap- i peal was mede over Sta- (Continued on Pace S, Col. 5)                 United Party (Continued from Page 1) j tlon WATL. when the candidate-; '.d eloquent addresses lass night. Bulletin b j: rd:~. :~U'camers ol uii lands on which were placed pic- j turos of the candidates, were placed above the doors,  witty slogans, emphasizing plunks in the platforms of each party. *3 in Che Halted i*rty j reached a nich mark late  day when  junior high  dents made eloquent speeches to j each state, urging the citizens to voted -Uriited-. I JEFFERSON ORGANIZATION' j The winning party was Organised tost year by R. H. Jeffcrssa. who acted as sponsor, bringing in a 'dark horse' at the last hour M. J. Beavers Ls chairman ot the student  committee. Sponsors fcr the United party are Miss Helen Gray and Ambrose Phillips, instructors. who a re graduates," of Washington high school. Mrs I.. D. Shiwery. D. S. I Thorpe: Miss R. C. Latimcr and J. W. Crawl .-.re sponsors of the Independent and Progressive part- les respectively. The principal, . and stu- dent body         their  tude to their many friends tor the i use of their business places, * .served as polls in their annual civic project.</t>
  </si>
  <si>
    <t>                                           The United Party, headed by Othello Renfroe and Miss Portia A. Thomas, led the 4,000 students to an overwhelming victory. when citizens of the school voted in their respective wards for the candidates of their choice Thursday afternoon.</t>
  </si>
  <si>
    <t>                                           3 Wff 30/ E?  marl. Ride in  . Co to town, to church, to see j your      in the New Harlcn Cabs. Tuxedo Club is the choice of real men everywhere. It's made especially (or short hair to help keep it in place and to add an extra high v gloss. Demand Tuxedo . Club. America's larg0~!)3    *st se"'~ff men s</t>
  </si>
  <si>
    <t>                                           Lower Defense Jobs Bars In Kansas City                 KANSAS CITY.-Ub.-  hundred Negro  trades workers are now employee on * defense project. In tins rea as a result of the removal of trade union bans against them in local labor unions Thomas A. Webster, executive secretary of the                 Kaza^ C*iy Urban league reported tills     to the Office of Production Management. i As a result oX the activity of the Negro  and training                 branch of OPM. Negroes have been  to ihe carpenters and bricklayers unions in that area, and an agreement bos been reached for their admission into tne painters union through an  local similar to the one formed by the carpenters In Greater Kansas City. According to Mr. Webster's report, 131' Negroes, including 24 carpenters and seven hod curriers. were employed last wet-k In the construction of the North Amerlean Aviation factory in Kansas City. Mo. The PatU Brothel's company t, erecting Uds project. Ons Ni-gro foreman is in charge of a mixed crew on this job. More than 430 Negro building construction workers are   in the erection of the Lake City Ammunition plant near Kansas City including 100 hod carriers, five bricklayers, 26 carpenters ana more than 300 laborers, plumbers and heavy construction laborers. Negro painters are expected to oe employed on the job soon as Uw  of an agreement readied with the Palmers District council     council has agreed to permit the Ki'gro painters to apply for an A. P. of U charter so that they may work or. union jobs in this area. The Office of Production Management entered the trad* union picture in thi, area when Necroes      barred from working on the closed shop construction Job at Port Rlley Kan. As a result of OPM intervention,     Negroes wer* granted an A. P. of L.  and Permitted tn work on the Fort Rlky job. Since  more than 100 Negro carpenters have worked in closed :~hOD jobs at Port Leonard Wood1 and at other sites in this area.</t>
  </si>
  <si>
    <t>                                           KANSAS CITY, Mo. -- (ANP)-- Several hundred Negro budding trades workers are sow employed on various defense projects in am area as a result of the removal of trade union bans against them in local labor unions, Thomas A. Webster, executive secretary of the...</t>
  </si>
  <si>
    <t>                                           DALLAS, Texas -- (SNS) --After the Texas-Langston and Arkansas-Prairie View football games saturday and the nocturnal setto between Southern and Wiley in Shreveport Monday, all the Southwestern Conference elevens except Bishop will have reached the...</t>
  </si>
  <si>
    <t>                                           HILL, Mrs. Sara--of rear 493 Auburn Avenue, passed away very suddenly Saturday, August 2. Funeral will be announced later Haugabrooks.</t>
  </si>
  <si>
    <t>                                           USE yi-CO COMPOUND Combat winter colds. It contains Iron. RA. 6288. HOMER GARRISON MOTOR CO. '41 Dodge 995 4 Door Sedan. '41 Dodge 950 2 Door Sedan '41 Plymouth 795 2 Ooor Radio '38 Dodge 445 2 Door Sedan, Radio '40 Plymouth 525 Coupe '36 Chevrolet 295 2 Ooor Sedan '37 Plymouth 295 Coupe 20 Others $50 Up 1</t>
  </si>
  <si>
    <t>                                           Do You Want POWER      - la ~\c yv* i^ U all r m     .  . t, t, a.: to aak*  2~~*.~l*1 lni :*     t. mm       ta ca n :~      B1*k'  I will md         .iui,          to ray Pin,M,i,, m u,^ r WInw,.     wih W .bte     DrrralUaz mill  IT VOC AK SOT DUmnUOI rv  AtSTTtT  tLM</t>
  </si>
  <si>
    <t>                                           Woman Accused Of Abandoning Two Small Children                 Mrs Pearl Smith, 21. of 58 Bradley street, was in jail Tuesday, booked on suspicion of abandoning her two small children. Police women launched an investigation. Mrs. Smith was taken into custody Monday night by Police- i mpn J. A. Etheridse He said a relative had accused the woman of ? her six-year-old girl and four-year-old boy. MISSING  Police officers Tuesday launched a search for a portable typewriter valued at $75 which was reported stolen from the automobile of J. Neat Montgomery, of 57S Reed Street, SE. I</t>
  </si>
  <si>
    <t>                                           TIM TYLER                 By.Lyman Young                 FELIX, THE CAT                 -By Sullivan                 -By Cv Hunserf ord                 DOROTHY DARNIT                 -By Charles McManua                 IT S A GREAT LIFE IF YOU DONT WEAKEN                 -By Jack Rabbit                 HAIRBREADTH HARRY</t>
  </si>
  <si>
    <t>                                           "Let Us Feel Americans/'Says Nat'l Law Guild                 Strong Statement Is Made Before House Committee                 WASHINGTON. D. C-     '~"Tf U hardly necessary to state, Particularly in a city like Washington, where the situation fe so shockingly obvious, that the Nc Tjro  of our country have  woefully neglected, and have  denied full participation la                 .the benefits of American life." prefaces the statement by Martin Popper, executive secretary of the national Lawyer guild on E S 3394 before the sub-committee Bearing the proponents of the bin. "We now have a new chance to attack a festering national problem at It, roots, to enable rome of our Negro neighbors to lead heal, thy and comfortable lives, and at the same time make available to the nation, in its hour of need, the skill, strength and Intelligence of the Negro people.  CA1X UPON "It Is worth remembering that the Negro citizen, along with citizens, of all other races Is being caned upon and wi;l be fu:ther called upon, to make greater and i still greater sacrifices for his coun- j try. It would seem, highly dangerous that- American*- -of -any...       should  that this country Is' not theirs, that they are unwelcome I dangers with(,n the gates, or that their fellow Americans have indicated that the nation does not need or want their cooperation and assistance. "We must now  declare that our defense efforts are the efforts of all Americans, regardless of race, color or creed, and that all arc to work together on that basis or equality which Is contemplated by our constitution And because many employers have Permitted their prejudice to interfere with their duty, we must implement that  by an adequate sanction, which      assure that no officer of the government or person employing workers undy a government contract, will discriminate against aay Individual In regard to hire, tenure, or conditions of employment, because of such individuals race, color or creed.** The statement declares that the President's executive order will (Continued en Page 6; CoL 7)                 "Let Us Feel" (Continued from      1) have a salutory effect and some good results are expected, -but," it continues, "it is already apparent that these -will not of themselves solve the problem. And experience with anti-discrimination statutes in various states indicate that laws which are merely declaratory or policy, or whose penalties are light, are without effect, while those which have reel teeth have already been successful in .'jig the evi, at which they were aimed." However. Mr. Pepper's statement fen. that that bin does not go fai enough, inasmuch as It does provide for the method of enforcement which could be set in  by persons discriminated, against. "The problem of proving discrimination on grounds of race. Jcclor or creed, to the satisfaction of a criminal court. ls difficult, and it might be wel[ to aid the enforcement by creating certain presumptions in situations where a course of conduct clearly indicates motives of discrimination on account of race, color or creed."</t>
  </si>
  <si>
    <t>                                           WASHINGTON, D. C.--(ANP)--"It is hardly necessary to state, particularly in a city, like Washington, where the situation is so shockingly obvious, that the Negro citizens of our country have been woefully neglected, and have been denied full participation in...</t>
  </si>
  <si>
    <t>                                           Buys $1,300 In Defense Bonds                 MEMPHIS. Tenii.- - Mrs. Cora Berry, 275 C Vance, has done her share to preserve; America's freedom by purchasing $1300 worth of Defense SavingsBonds through the NAACP during it* current drive for membership* for the organization. At the same time the local group campaigns for ^fce sale of $5000 in bond*. She is shown here -with Utitlus Phillips, left, NAACP president; and Dr. H. H. Johnson, campaign chairman. Mrs. Berry wa*. aided recently by the NAACP in a. lawsuit which ended in a payment for damage* in the accidental death of her husband.</t>
  </si>
  <si>
    <t>                                           For the third consecutive year the Gillette Safety Razor Company has selected Red Barber of WOR, New York, and Bob Elson of WGN, Chicago two of the country's best known play-by-play baseball announceers, to describe the World Series, which will be heard once...</t>
  </si>
  <si>
    <t>                                           WOMEN, GIRLS 2-way Relief!                 Modern facts and a 61-year record of popularity invite your confidence in CARDUI. By Its use, thousands of undernourished women have been helped in two important ways. 1 Taken as a tonic by directions, it usually stimulates appetite and j increases the flow of gastric juice. That's probably the reason1                 for the improved strength and en- ergy and the relief of periodic functional distress of so many users. Another way  uca functional distress is relieved for many Is by i taking  as directed, starting  days before "the tune." Why not try CARDUI?</t>
  </si>
  <si>
    <t>                                           MISS HELEN SMITH                 . Ga. The funeral of Hiss Helen Smith vu held from Xew Corinth Baptist church Wednesday. Surviving nrc her mother. Mrs. Irene Smith, a brother ami twe . Wilson undertakers in charge.</t>
  </si>
  <si>
    <t>                                           WASHINGTON, -- (ANP)-- Secretary Frances Perkins of the department of labor, in answer to ... for jobs for Negro Women in the Bureau from the National Non-Partisan league of the AKA. shows either a disregard for their presentation or ignorance...</t>
  </si>
  <si>
    <t>                                           Keep Records Of Draftees                 The picture .how. the records and assignment section of the Reception Center. Fort Benning, Ga. The center, used exclusively for colored troop, at present, has a permanent cadre of 300 soldiers I to carry on administrative and other camp work. A large percentage of these are graduate, of variou. colored colleges and universities. Practically everyone doing office work is a college graduate, and it s believed that no other Reception Center in th- United State, has a better trained staff. The officer shown under the "Quiet" sign at the rear is Capt. Paul D. Lee, acting a. chief of the records .nd I                 ection. (Photo: 161 t Sifnal              Company)</t>
  </si>
  <si>
    <t>                                           It's quite the vogue to be intellectual, learned, and above all interested in music. That's why everyone is planning to attend the recital of Tourgee DeBos when he appears at Big Bethel AME Church on November 7. But that is not the only reason why Atlantans are so interested in the concert of the internationally famed pianist.</t>
  </si>
  <si>
    <t>                                           Job Discrimination In Ohio Shipyard Is Denied                 Negroes Just Haven't Applied, Officials Say                 Only Whites Are Now Working At American Co.                 By JOHNNY                  LORAIN. Ohio                 ANP)                 American Shipyard officials hen j holders of huge government contracts for defense battleships. hUK freighters, and boats for steel trade I declared in a. surprising announce-OMnt nade-- week, through a union official that "There is absolutely no ^ttm against                 colored in our yards, and never has been." The announcement come  company officials were approached by one of Lorain's militant councilmen. Alex Munro. who Is also head of the local AFL grievance committee. The fact that no Negroes art i now working in the Lorain  has not only caused the         Co be generally thought of as absolutely prejudiced, but has recently caused considerable speculation among local Negroes who have been contemplating seeking an organized method to have the company open its doors to colored because of its immense shew of defense funds. QUERIES OFFICIALS Councilman Munro. when questioned earlier this week as to the attitude of the AFL and as tc what the union under way  obtaining Negroes representations at the local shipyards, stated that he was never conscious of any particular discriminator}' attitude ol the company toward colored" and that he would take it up immediately with shipyard officials. Munro first approached the head of the employment agency asking Negroes be given equal consideration for hiring in the yards of the American Shipbuilding company Munro was informed that colored had been at one time employed at the plant that it was not a  of the company to discriminate for reasons of color, race or creed The local committee chairman was (Continued on Pare 5, Col. 2)                 Negroes Just i (Continued from Page 1) further told by company officials that colored seemed not to apply at the time when men were being hired. Munro continued his query to the head Superintendent. Joseph Conley, complaining that Negroes were not being given Jobs and full benefits out of their taxes at the Lorain shipbuilding subsidiary. NOT COMPANY POLICY Mr. Conley stated, according to Munro. that it was not a company policy to discriminate, and that he was certain that any Negro applicants would be given just consideration for Jobs when hiring was underway at the plant. Tfce superintendent further intimated, that the company was expecting more rush orders from the government and that the shipping season was fast drawing to a close (meaning that boats will be coming in for lay-up and . He said that a- hiring rush was being greatly anticipated and the Negroes, if they applied, would be Included in the employment.</t>
  </si>
  <si>
    <t>                                           American Shipyard officials here holders of huge government contracts for defense battleships, late freighters, and boats for steel trade declared in a surprising announcement made here this week through a union official that "There is absolutely no discrimination against...</t>
  </si>
  <si>
    <t>                                           USE VI-CO COMPOUND for acid indigestion. DU1 RA. 6288. ~**M DOLLS-DOLLS IDT  , I0T KUTint. i un-utE sunu coma     * Alloftmaat *      . Hnnuiia Doll Supply Co. ^            Tot*. H. Y. L0N6 BEAUTIFUL HAIR WINS A. LOVE AND A3a romance J^-3l EVERYWHERE! Jf^^ ""~"1flj^B * WornB^\ X^I^H        of % -   . ;      B-HUtiful Utttr: They alw^Mys   *  SCAl-P *'       7CD. T1   hair uid which h**     to       ;      the Loai?,   *~v. Hair of  4      . Smart  i^*tid ?or their     -to L'ae ^ .~CALiP 1'. the  trr^ Nit  has              which m  in KrttJmr LonK.    \ . En 3 .   caip and ^*l hair fall. Rentor- yo ir batr to It*  . 1LUR CROWS LONGER In many ca**n        and hair ~' are normal, and correct *r^itm*~    arm  QCININiv SCAM*  h*    U.  Ilml* nat# *. atop  scalp o.n.1  hair-fall. With  ORDEat. you will ttet CWMUk .ly of           ami -Si'IENCK IMUCStSIN'O "V^MT-H-Sl'. i^u 1 1 dir-*. \\-~:ITE .VOW! SEND NO MONET! l*ny       *t only ji. * u fftw c*-     -* WRiTK   )tv.\Y:    *. S." HAIlt      5*~T Mfth .\\*-      s^w      Ctty</t>
  </si>
  <si>
    <t>                                           Three Hurt As Streetcar Hits Parked Truck                 Motorman Held at Fault By Policemen Three occupants of a truck were injured early Tuesday morning when their parked vehicle was .struck by a street     In front ot 810 Hunter Street, according to police . reports. The injured persons were listed as Robert Owens, 55. of 239 AShby Street. N.W.: John L. Boons, 49, of 23S Cypress Terrace, and Henry Lamar. 48, of 244 Cypress Terrace The truck in which they sat was driven by Jesse Jetfersoa of 433 Glenn Street, S.W.. and owned by Claud Travis, of 540 Robbln St.. police said. The motorman. T. B. Caudle, white, of 115 Pine Street. N. W.. ^as given a copy of charges by police for reckless driving- accident. According to reports, the streetcar was traveling east on Hunter Street when it struck the parked truck in front of number 810. The time ot the accident was listed as 6:35 a.m. Arrest Man In Tuesday Shooting Shot In the left bleep early Tuesday morning. Jack Signal. 32, ol 420 Rock Street, was treated at Grady Hospital according to police reports. Ferdinand Mclntosh. 41. of 263 Mangham Street, was arrested In connection with the crime. A shotgun was used In the altercation, police said.                 Landlord Is Killed While Saving Tenant From Mob                 Feared Beating Would Result in Lynching                 Investigation Underway; Race Man May Die                 By SAMUEL HOSKINS                 , Miss.- (ANP) Succumbing to bullet wounds in the chest, Jim Stewart, former Webster county mail carrier, paid with his life for attempting to prevent an armed mob from heating one of his tenants to death, Monday night near the little village of Tomnolen. James Irving, a tenant on Stewart's farm, was being beaten by a small group of armed citizens, it was reported. Fearing that the alleged beating party would result in another Mississippi lynching, I the  was said to ^ 3         *''She' I group, but was shot several times for his trouble. He died Tuesday a. m. Irvine was beaten so badly it Is feared that he will not live. Sherifl J. P. Wright stated that he was holding three white men in connection with the homicide and beating. Two NeOro men and a Negro woman were reportedly placed in the  jail. The sheriff stated that he is holding the Necroes in connection with the crime, but it is reputed from other sources that he fears for theii safety. The peace officer is allegedly carrying on an investigation, at the end of which, he declares, charges will be filed.                 State Teachers Will Ask For More Pay Today                 According to an announcement made Tuesday, salary raises for Georgia's 20.000 or more school teachers will be proposed today at a meeting of the State Board of Education. School officials have already expressed the opinion that funds for salary increases will be hard to find. The proposal for better wares will come in form of a request from the Eastman city board of education. The salary scale now rante* from $25 to $60 for colored teachers and $40 to $80 for white . Colored teachers at their state meeting hHd recently Toted to give the State Board of Education another year to consider raking the pay of Negro instruc- i I tors before taking ?</t>
  </si>
  <si>
    <t>                                           Football Scores Ky. State 27 Morrbomc 7 Xavier IS LeMoyne C Benedict 24 KnoxvlUe 0 Fisk 0 Teon. State 0 Xcrjau 25 Va. Union 0 J. C. S^lth U Va.       13 X. C. StSc S BtnefMd 6 West Va. U Uaooln (Pa.) 6 Shaw 20 Howard 6 Langston 19 Southern U Atkaiuas State 13 Alcorn t) AHen 6 Bethone Cookmu: 2  M SwUt 0 Ga. State 12 V-~or*   6 Tillotrtn 40 Pnol Qnlnn 7 Jarri* 13 La. Xormnt Hampton 6 A. and T. 0 Morris Brown 19; Lincoln 12 Lane 14: S. C. State 1 FRIDAY S NIGHT Toskecre 26 Wllbefoicc 6 Wastblncton Hi 13 Chatta. 0</t>
  </si>
  <si>
    <t>                                           MANY CHANGES WILL come after this war is over. These changes will no doubt come in practically every field of endeavor. Wars are fought to solve problems, but to the contrary they usually create more problems. The world will never solve all of its problems; as last as one problem is solved another one comes on the scene.</t>
  </si>
  <si>
    <t>                                           Ohio Elks Oust Officers In Stormy Session                 Dispute Over Refrigerator Costing ~$l,700                  C1  Baaed on charges  out ot tlie purchase of an electric Jeti^ for the lodge    . reported1-,**-, have cost tl,700. the turbulent Spirit Lodge of     In a  session lut week  its  roler. Junes a Btnttnn.                 and Ztvs trustee*, salted Ruin Bantum tad Trustees Clarence 3. Shaw. Herbert Broady. chairman; MmiceJlus Mason, secretary. William Gathers, sad Ererett Woodlord, treasurer, were ousted from office (or 'one .' Darin; the Tamp'      . members .pro mud can as    the proper constitutional  to follow Aid many of Banturn's followers were said to  left the meeting In . ETTortB were made to withhold information as to the  of ttx  but .the  ly had become -widespread  Bna throughout the city, tsd It Is expected to eventually lead to *s appeal to Onnd Bolted Ruler J. Fbdey Wilson *nd local . Tbe  roler  V discuss what be termed fraternal business bat  be considered' the hasty and *! procedure a crrr*  bis character and . 1 intend to uas an means within Qm cider, stM   "     . "to clta/ my own name, and  that will appeal to Mm .* He  mat a copy of     trial committee s   that ton* was so * el*,   to flt* pwo*    (Cooltoaed ea      C. CM. tj %                 Ohio Elks Oust (Contmaed from Page I) of the refrigerator, M bid been charged by lodge members. Chief prosecutors were said to have been led by      Tucker, Joseph Isabel and Atty. Randolph, who claimed that Irregularities existed in the manner in which trustees, sanctioned by the exalted ruler, hsd mart**   *t to  the refrigerator. Clarence Stow, one of the despond trustees, stated that the prosecutors'  argument rested upon the fact that in entering the motion empowering  to purchase refrigeration for the lodge, the word -Ice box" had been substituted for refrigerator. He farther stated that accused officers had not been given a chance to remain In lodge rooms end answer charges Jwought against them. "itr. Bantum has staved with Spirit of Ohio  for nearly eight years as exalted ruler, gaining state prominence In EDc circles through his activity as Ohio State director of Education daring the Cleveland sponsorship annual EOct scholarship essay contest.</t>
  </si>
  <si>
    <t>                                           CLEVELAND (ANP)--Based on charges growing out of the purchase of an electric refrigerator for the lodge bar, reported to have cost $1,700, the turbulent Spirit Lodge of Elks in a storms session last week ousted its exalted ruler. Jams E. Bantum....</t>
  </si>
  <si>
    <t>                                           MONTGOMERY,Ala.--(SNS)-- The Lane College Dragons coached by Ox Clemmons ran rampart over a powerful by slow Alabama State team here Saturday Lane showed one of the smoothest offenses in the conference. Coach Rufus Lewis's Hornets showed lots...</t>
  </si>
  <si>
    <t>                                           RACIAL DISCRIMINATION IN UNIONS IS RAPPED                 Ethridge Raps Union Jim Crow                 SEATTLE, Washington- (SNS)- Race discrimination on the part of a union is an "unrelieved tragedy,** Mark Ethridge, Louisville newspaper editor and chairman of the President's Committee on Fair Employment Practice told the annual convention of the American Federation cf Labor, as he made a plea that labor '"abolish all the devices of constitution and ritual" which now bar Negroes and other minority  from the opportunity to work.                 Ethrldge spoke as chairman of the Fair Employment Practice Committee which was named by President Roosevelt some months ago to "receive and Investigate complaints of discrimination" 'against potential defense workers because of thei race, creed, color. Or national origin. -Our committee has the means to bring 'recalcitrant manufacturers Into line and undoubtedly means win be found to bring                 recalcitrant  Into line.** he Trained. "But we do not want to do that." he added. "We want your full support and your lull acceptance of toe national policy." After recalling the many efforts made to integrate minority groups Into i he defense program, climaxed by an executive order by tfas President on June 25. Ethridge continued: "Unfortunately, ther* are still many unions, acd many locals of unions not all of  engaged directly In the defense effort, which bar their fellowmen because of . I would not be frank at all with you if I did not ray that most of them are yours." Citing examples, Ethridge. who as genera!  ef the Louisvine courier-Journal, deals with 12 unions pointed cut: "We have a notorious case in which an employer subscribed in effect to Hitler's theory that Negroes are best fitted for slavery, or nt the very best, for domestic work, but offsetting that, we have a notorious case m which a union, by hypocrisy and trickery, deprived Negroes who were already working of their right to employment.'' On the  ve of the first ? ot the committee on Fair Employment Practice to open Monday (October 20) in the Embassy Auditorium, Los Angeles. Ethridge told the unionists that -i tlon against workers because of (Contlnofrt Page 6; Col.                 Ethridge Raps (Continued from      1) their race, creed, color or national origin, is ''a game that this country cannot afford to play in the light of aa it lias stood lor and challenged: it is certainly a game that- the union of the United States cannot afford to play unless they wane to invite the destruction which has come to their  in Germany and Italy." Ethridge will preside over the Los Angeles hearing which will be attended by the entire membership of the Fair Practice Committee, with WDliam Green, president of the American Federation of Labor, and Philip Murray, president of the Congress of Industrial Organizations, represented by proxy. j</t>
  </si>
  <si>
    <t>                                           SEATTLE, Washington--(SNS)--Race discrimination on the part of a union is an "unrelieved tragedy," Mark Ethridge, Louisville newspaper editor and chairman of the President's Committee on Fair Employment Practice told the annual convention of the American Federation of Labor, as he made a plea that labor "abolish all the devices of constitution and ritual" which nOw bar Negroes and other minority groups from the opportunity to work.</t>
  </si>
  <si>
    <t>                                           WASHINGTON, D. C.--(dist&gt;SNS)-- Presidential approval of three projects to provide educational and health facilities for Negro civilian and military personnel in defense areas was announced last week by Federal Works Administrator John M Carmody. The projects will be...</t>
  </si>
  <si>
    <t>                                           New Chaplain                 LUTHER FliANKLIN HILL- or Cleveland, a graduate of Morehousc C'uSlege. and  wife, thr former      i:utb B. Sandns, tb u native cf AilaiiU Had   (is n:';i i.-nant and now *      as  at Fort Belvoir. Virginia. He is a member of the Omepu Psi Phi fraternity.</t>
  </si>
  <si>
    <t>                                           Effectiveness Of FDR's Order Is Questioned                 Church Leaders Debate Issue At Conference                 NEW YORK CANP) -At the annual  ll-d3y meeting of     department of race relations of the Federal Cornell of Cburrbes ol Christ In America, reactions ol church leaders regarding the progress and drawbacks since President Koosevett's executive order                 was Issued, were cited. Meeting at Riverside church Stixurday. "the group represented      than 10.000.030 Protestants church members. Startlsg the session otf was an address by Dean T. W. Grafaam of Oberlin college school of theology. "People of different race: and cultures in all parts of the world, end especially in America must come to understand and appreciate each ether until then arises the conviction of 'comrade: in service," said Dean Graham "And the special wort of the Churches is to foster that conviction." Reviewing the progress in race relations and particularly the existing situation regarding the Ne. gro in defense Industry, deep concern -was shown in questions as tr the effectiveness. "Of Presldcni Roosevelt's executive order. A number of concrete situations wen cited showing tains, while other: pointed out existing difficulties. An out line of the OPM's work  the executive order, b; Dr. Robert C. Weaver, chief, Negro employment and training branch, labor division showed the trends toward fulfillment of the retarding elements with respect tc the removal of discrimination against employment of Negroes. Presiding over the sessions were Mrs. Lucius R. Brtmen. Bishop J. A. Gregg, co-chairman of the department; and Dr. Samuel M. Cbvert, general secretary of thr Federal Council of Churches.</t>
  </si>
  <si>
    <t>                                           NEW YORK (ANP) --At the annual all-day meeting or the department of race relations of the Federal Council of Churches of Christ in America, reactions of church leaders regarding the progress and drawbacks since President Roosevelt's executive order...</t>
  </si>
  <si>
    <t>                                           TALLAHASSEE, Fla.--(SNS)--Florida's flaming men in Crange moved another step toward their third Southern and Second National Football Championship in five years here Saturday afternoon as they nude and capitalized on two decisive breaks in a stirring third...</t>
  </si>
  <si>
    <t>                                           DEATHS                 I                   . Go.- Charlie Jcsi*e. 84. died at his home after an illness or several months, on September 2li. The Rev. B. Matthews .-d. Interment In Marshall- i ville cemetery. A widow, seventeen; d:ildren and thirty-eight grand- children service. i MRS. LAt'RINE GILBERT WARRENTON. Ga. Funeral -.-s for Mrs. Laurine CUbert were  from the Trinity AME chu:cli Sunday. Her  occurred September 20.</t>
  </si>
  <si>
    <t>                                           A-~L E. ZION OFFICE BURGLARIZED IN CHICAGO                 CHICAGO- (A N PI- The office of me Christian education department of the African M. E. Zlon church was burglarized on Tuesday night. More than $400 worth of 'Office equipment was stolen which included: 1 Royal typewriter. 1 adding inch. 1 kodak. 1 kodak case """'"'"'"g telefoto lens and adapter with 100 fc of motion picture film: 1 check writer. Only a part of equipment taken was insured against theft and burglary.</t>
  </si>
  <si>
    <t>                                           To courageous. Thinking Negro Women and Organizations of the United States, greetings:</t>
  </si>
  <si>
    <t>                                           ^DAY i Each "One-A-Day" brand Vitamin A and D Tablet is i equivalent in Vitamin A and D j potency to two  of Cod Liver Oil- meeting minimum United States Pbarmacopeial Standards. A sufficient supply of these two important vitamins is as necessary for you as it is for the rl^nHr^ffi i YOU CAN INSURE ade- j quate intake for you and your I family by seeing to it that each member takes a "One-A-Day" I ^Tablet every day.                  6l)TAK j A POmr A BAT IS ALL IT COSTS X tabita 33* SO  S3* 180  *I30</t>
  </si>
  <si>
    <t>                                           DEATHS                 Eck Braswcll, 30. 610 Ezzard . S.E. Arthur Parley, 35. 229 Dunlap Street. Caroline McDanlel 69. 11 A Moury Avenue, SE. Daisy I'. Abbott. 38. 500 Simpson Street. Nora Robinson. 36. 508 University Avenue.</t>
  </si>
  <si>
    <t>                                           A DYED-IN-THE-WOOL Purple Wolverine backer long familiar to Auburn Avenue as a tap beer dispenser and behind-the-counter man for several well established Atlanta business places voiced the strong opinion Tuesday morning that Florida's successful rampages on the gridiron this year have been due to the fact that the Men in Orange are playing a schedule that is inferior to that of the Morris Brown team.</t>
  </si>
  <si>
    <t>                                           TP V LUCKY 7 HERBS 1 IV I FROM 7 LANDS tW-Nrvr In t.t"CK? If no. try  7 Ili-rhM  Land*.  mo*t  mi  for 7 8 coon I.rCK. Snul Sr        for   SEVEN ITF.KBS CO, i301 A :3rd Hreet.         City. Mo. COLOR HAIR JET BLACK ffO*HMTWUttDUU.      aU*MT.        .G**r, OJWHiK . NOW, for only 800700 em     B^. CrtttadtjmiS trom^ CaMtaa...   oa  XosrMiBvBMktttlMMiyM  MM    add  Ujoor  . BLACK STRAND MmMT JIT BLACK JMiftOOUMtM* Ht.Y*O**tAU.      STORKS</t>
  </si>
  <si>
    <t>                                           HOTEL MACK 30 Tourist Run Newly Decorated. $1 up. 54  Bedford PL. N.E.   . 8921. Atlanta. Ga^ Fr- . TDV LUCKY 7 HERBS  FROM 7 LANDS Seller* Is * If ao. trr *~m  i 7 Hfrt, from LuuU. Mlmd mm ^l to  for 7  COOP I.CCK. S-~~1 Scjcamp far   SEVEN 8 00. t3 l K.</t>
  </si>
  <si>
    <t>                                           Joe Louis Says He Can't Pay Wife $200 A Week                 CHICAGO-  S.N.S.~ In a  answer to his wife s temporary alimony petition filed before Circuit Judge George Fred Rush. World Heavyweight Champion Joe Louis Thursday declared he is not able to pay Marva the S200 a week ordered August l by Circuit Judge Michael Peinberg. Hie answer charged Mrs. Louis with "reckless and extravagant spending." and said $100 a week plus an  of  360 a month from her apartment building was ample for all her needs. Joe's answer asked modification, of Judge Pelnberg's order and said it should not have been gi anted because Louis was not present in court. At the same time it denied Louis receives a yearly income of $250.000 from fighting. Instead, tlie petition said, he has received an average of only $65,000, after taxes were deducted, during     vast seven years, and only $51,000  . It also denied his total income has been about $500,000 annually, as Mrs. Louis claimed.</t>
  </si>
  <si>
    <t>                                           MARSHALL, Tex.--(SNS)--The Wiley Wildcats and Bishop Tigers, tangle in their annual bitter contest which will be the feature attraction of Bishop's Homecoming, Saturday, November 29, on Bishop Field. Neither team has an... pressive record for the season...</t>
  </si>
  <si>
    <t>                                           UNION THANKS GIVING SERVICE TO BE HELD AT ELEVEN TODAY                 Congregational Church Will Be Scene Of Event                 15 Churches Will Send Representatives                 p\e InterdcnamtaaUonal           Alliance will sponsor 4  Thanbgfarinic service this morning  t eleven o  M First Cvr^~         Church, the Rev. John C3~-~   . .                 According to "announcement, more than fifteen churches wiih Mjelr minister*, and   will participate In this service. In addition there will be a dozen or mo c ministers engaged In educational and church          ration work win grace this promising  In the religious experience of. the community with their pres*O0erp;- '~t^B-A'iM:' r =!. BAPTISTE SPEAKER The R:v'. u J. BapUste. secretary of the alliance and pastor of 'he Shaw Memorial AME Zlon church. wlU deliver the Thsaksgiving sermon. Mrs. M. Y. Kahn. soprano.  v1U be truest soloist The. alliance is inviting the entire community to begin  or ThonksgiviTig Day by rendering thanks to thc Giver of All Gifts for his benevolence nnd providence during the past year, as was the case on' the original .Tiianksglvlng Day. The  is expected to !    little longer then an hour, string ample time for dinner and all of the sports and festivities to follow.</t>
  </si>
  <si>
    <t>                                           B.T.W. High School Band Thrills Elks                 -^  -^SWSt . ^ tbr GMe City Harchinf Club or Atlanta. Georgia, th* Backer T. WtrUnKton High School hud. abo of Atlanta,' Earl A. SttuUnc. director, created a. here  the Ok*                 -N.-.dJd the-i-Arrants tand OtSvr' i- from thousands during the eventful , but was singled out to perform for Elk .</t>
  </si>
  <si>
    <t>                                           BAINBRIDGE, Ga.--President B. R. Holmes of the Holmes Institute, Atlanta was in the city last Sunday and represented the school at Nelson Chapel and First Baptist church. Mr. Wash Brinson of Iron City came over last week and entered his daughters in Union...</t>
  </si>
  <si>
    <t>                                           TO WHITE PEOPLE in general throughout the United States, such an institution as the Negro Fourth Estate does not exist, and the few echo hear of us for the first time are resentfully, amusingly or seriously surprised.</t>
  </si>
  <si>
    <t>                                           Aged Woman Awaits Trial For Slaving                 Hearing May Be Conducted Today, Detectives Say Mrs. Hatttc Ballard. of 60 McOinourji Boulwardl who surrendered to police authorities Monday night and admitted slaying her 30-old daughter. Marian, remained in City Jail Wednesday awaiting a hearing in Recorders Court. City Detectives Preston and Newton said the hearing may be held this afternoon. Mrs Paul Donehoo, Pulton Coun- ty coroner, declared an inquest an- necessary since there were n. witnesses to the fatal shooting. In ihe meantime, funeral plans for the slain young woman were at a standstill. Members of the  are -waiting to see what action will be taken in Recorders Court. Pollard Funeral Home will announce funeral arrangements. .^Dpon  to  . itrs. Ballard'- *JT*~t 60 years old. said she "beat" her daughter to the pistol, ; 'hat the younger woman had threatened her life and had beaten her on many occasions. j Policemen quoted witnesses as saying the young woman had been mistreating her mother. Dallas Ready For Teachers DALLAS- (ANP)- That Dallas is preparing to royally entertain tho teachers when they convene in annual session Nov. 2022. is indicated by the announcement this week of the general  committees and their chairmen chosen from teachers and citizens generally. Spaop for outstanding exhibit* of urban anil rural schools, the stato extension service. New Farmers of America. New Homemakers of America, and aj) branches of the Texas Vocational association is being provided. Built around the theme. "Creative Education" the convention will  - speakers from .ta] agencies and outstanding educational institutions before they convene to speak on timely topics having to do with education on all of it? levels and in its broadest sense. President H. B. Pcmocrton. Jr., states that hv has had acceptances from many outstanding national characters who will be  the meeting. I</t>
  </si>
  <si>
    <t>                                           Winsln NewHaven                 NEW HAVEN. C.inn. iAVI i BNrn Mr-, l^iura  .M- ov wa* e!       ul(!  r  lB h ward   .Tt last Tadday. she  the  colored Ionian  to be  to  oilier in the city.     of 1.793 vote in the w^rri. Mr-.. MrCoy  1.119 which was 12 more than Majw John W. Mor. phy 1 1  tired. Rrsidn being the first weman to br elected to office. Mr*.      - ts also the first Democratic       elected in the lf lh ward, largest colored district in New Haven.</t>
  </si>
  <si>
    <t>                                           V- THANKSGIVING S w Thursday, November 27 ^L M S   . M. to 1 A. M ^p CITY AUDITORIUM Jg^W Advance 7.    Al Box 85c ^  ^p v (A Soulhvaslern Artist* Prtrtciitsition: mT Full Line Drug Sundries Ail Kinds Sandwiches Beer, Wine Soft Drinks 6 Bottles 4)  f Soft Drinks ^~^fcC Delivered *0 Try Otir Delicious Sandwiches and Drinks Private Booths VARSITY SODA "Call    and Count the Minutes" x:~7 \V. Hunter SI. Ra 3171</t>
  </si>
  <si>
    <t>                                           The fifty-eighth annual session of the Hopewell Missionary Baptist Association, the Rev. W. B. Bell, moderator, will meet with the Appalachee Baptist church. Dacula, Rev. A. L. Lowe, pastor, October 9-10, and the program will feature some of the race's most...</t>
  </si>
  <si>
    <t>                                           PETERSBURG, Va.--(SNS)-- Coach Eddie Jackson, Johnson C. Smith University mentor, will invade the Virginia State college campus here on Saturday. October 11. with his prize herd of Golden Bulls in what will be the first home game for Coach Harry...</t>
  </si>
  <si>
    <t>                                           TUSKEGEE, Ala.--(SNS) -- The Tuskegee Golden Tigers climaxed a gala Homecoming celebration here today by defeating Lincoln University of Chester, Pa., by the score of 14-6 before a crowd of approximately 3000 rabid fans who gathered here in...</t>
  </si>
  <si>
    <t>                                           When Lindburgh sets upon the Jews he is coming dangerously near the Negroes. Nazism thrives on race hatreds and well might the Negroes tremble when the race persecution comes to the Jews, for then is it next door to the Negroes.</t>
  </si>
  <si>
    <t>                                           Mrs. Florine Furlowe, popular English teacher of the Booker T. Washington High Evening School, was elected president of the faculty Tuesday evening. with Mrs. Raymond Carter, as vice president: Mrs. Edna Edwards Miller, faculty secretary; Mrs. Graham Jackson...</t>
  </si>
  <si>
    <t>                                           Key Men At Savannah Army Air Base                 Key men in the Third Aviation Squadron, stationed at Savannah Army Air Base, Savannah, Ga are these non-commissioned officers. The unit one of the newly organized aviation companies in thi Air Corps. Left to right, front row, are Sgt.                 George Gates, Staff Sgt. Nelton Gilchrist and Sjt. Ruben Randall; rear row, Icf, to right; SUff Sgt. Edward Mitchell. Sgt. Jease P. Davidson,    . Charlo Julian, company clerk, and Sgt. Earl S.                 Scott. (Photo by U. S. Army Air Corps.)</t>
  </si>
  <si>
    <t>                                           Kews Briefs                 President, Secretary Of State Confer                 WASHINGTON-(SNS)- President Roosevelt and Secrelary of Stale CordeH Hall discussed all   for nearly two hours Monday, preparatory to the chief executives decision on how much of the  act should be repealed. Congressional recommenda.on on the issue expected today, while later in the week. the President may send congress a special message on the</t>
  </si>
  <si>
    <t>                                           "What's the matter?" Joe asked.</t>
  </si>
  <si>
    <t>                                           DAILY CROSSWORD                 ACROSS 1. Meat Jelly 6. Involve 10. Water Jar 11. Correct 13. Exclamation 14. Editor (abbr.) 15. Feminine name 16. Emmets 18. Kind of paper 20. Look 21. French town 22. Body of water 23. Epoch 24. Raps 26. Tin (sym.) Tt. Outfit 29.       of dawn                 31. Land  33. Dropped 35. Subside   r 38. Distant 4O.         algal .?~% 41.Pmrtor  f; verb -be-*, '^i 42.DUrtrictta Venice  4. Leading actor 45. Inside 46. Sloth -j,; 4T. Selentaof -f^ (sym.) 48.Umetrees 50.Ejcp!      S2.Sreully M.HK8     DOWN 1. Part of church (    2. Snow vehicle 3.JumMed type                 4. Frozen water S.       mammal 6. One that irons 7. Greek letter 8. Narrates 9. Follows 10. Pursue 12. Rodent-like animal 17. Hard wood M.Bjrwmyof 19. Ejects                 21. Vouch 25. Therefore 28. Whether 30. Chair 31. Evil spirit 32. Showered 34. Game at cards 36. Impudent 37. Kind of cap 39. Proportion 43. Reclines lazily                 4. Thresholds W. Border upon 49. Stitch                 SI. Aluminum (.) 53.MuaJcnote'                 TnttrtMf Mmwmr                 r r r r w^a !l:  l_il iiiii" ^MH I 1 I ^i EKHBOHp                 CGS  OPEPSXAKPOlTTtXGrM TI. HP 8 CGS - PN ACS.' Yesterday's Cryptoqoote: SLEEP. RICHES. AND HEALTH. TO BE TRULY ENJOYED, MUST BE  RiCHTEB. SiJtrlbuUH by Xmg Feature* Syntuue. lac</t>
  </si>
  <si>
    <t>                                           6               DAILY asd SUNDAY at 210 Auburn       By ATLANTA DAILY WORLD PUBLISHING CO. Telephones: WAlnut 1459 -1460 Member of SCOTT NEWSPAPER SYNDICATE published Aug. 5, 1928; Became Daily March 13, 1932 w. A. Scott. II. Fonnder and Publisher. Ang. 5. 1928 to Feb. 7, 1984 Entered in the Post Office at Atlanta. Ga.. as -da*. mail under the Act of Congress. March 3. 1879   F*MackX General Maaa^r   MACKAY Managing Editor SATURDAY ONLY:- 1 Year. $3.00; 6 Mos.. $2.00: 3 Mos 81.26 Ciuda: l Year. S4.S0: 6 Mos.. $2.75; ^reign: l Yea^ W.SO National AdvcrtiRinR Representative: W. B. ZIFF CO W8 S. Dearborn St.        . HL. ae 381 4th Ave., New York, N.Y. m The ATLANTA DAILY WORLD is an independent ^ non- and non-partisan, printing news  unbiasedly nd BupportinK those things it  to be to the interest its  and opposing those things against the interest of ita readers, j     ^^AI;1^.COMMUNrcATIONS ~"d make CHECKS    - i WOMri ^.A      ' WORLD, rather than to  tS, .U expressly repudiates responsibility for  of - a pictures, . etc..  stamps are sent</t>
  </si>
  <si>
    <t>                                           DON'T LET TRAFFIC THROW YOU FOR A LOSS ji GOTO V THE GAME -by- STREETCAR</t>
  </si>
  <si>
    <t>                                           Puddings and! mo Pioats ano AiM-SO-i*~R CHEESE AKOl FROMONi      J Iwwoy wist j. illi.-j*m.   \.*uu ^md IF YOU have ever used AlkaScltttr for Acid Indigestion. Heartburn, Sour Stomach or Cas in Stomach, you know how good it is. U you have not, why don't you try it? You don't need to wait until you hav* an upset  before you tak- Alka-Seltrw.    - it f or ^S  tht    ( lime vou  HMdathr. (old. Simple NeurMrfJ! Frr,lll'"S of MuscuUr halm. You vill find .1         xa            prompt  ud       .   in 1        . !to(  knd you  lilt*  better.     prompt         it *. Alka-S*       mow    Libia like . Cti Alka-Scltzer at your , store in handy pack- ub for bamc  or get  35ir uau al Alto- ?fj Stlticr at your /^^Ji       ^^^WSBVyp</t>
  </si>
  <si>
    <t>                                           Wcmm of a flat,  sagging ^~KK* -?A2??% bat? 6LAMO-FORM, tni jiffi^: ^~~*L- ''sWw  rt HMOed. b*~ (mm     for dmt para and  your butt.  nd ^fc^~:"v fad   cod* only $1. ,~JBB5    ;"'\ itMf KM T. Mi. a  tot lbu. d. Ij2fc ~-^~2~-.-.-l Glamo-Form Products ^  FOi? KO^/ LADIES WHO   ^\ Love the Best, /~k B^^\^^ Be a Step Ahead! Mmk sB^^^EB\. Choose the /^gf ^V^^I^Ei new, smartly .^Kf^m ^^V^BA .Bend- ^J^^^VT If ^~^^L er s Dress Arch ^Mg^M   -t b/.- of colon P^^^^ ML 8/ '    5oe*-     ,;$e95 Openroe. PwtoroUd  J Patent Bow.  ^v S*voir' Dr. Bender's ^Bj^^^^^^M^ X-Ray Fitting AU-Bloek KkI.^9b^^ .of Course. Leather Heel lH^MHSA prescription  no  o oxford ^wBL " S No. 5142 $575\ ^B^^ 124-126 (AAA to ESB) Peachtree Arcade</t>
  </si>
  <si>
    <t>                                           DON'T LET TRAFFIC THROW YOU FOR A LOSS CO TO THE CAME -</t>
  </si>
  <si>
    <t>                                           j Rescued At Last But It Was A Long Wait                 Perilous predicament                 On rafts tossed by sea                 sN                 Survivors In whaleboat waiting rescue                 These graphic pictures, released by the British, show the survivors of a British ship that fell victim to a Nazi submarine somewhere at sea, waiting rescue as they are tossed about on rafts a whaleboat and on an overturned lifeboat. A British destroyer rescued the men. It wag from tha  ship that the pictures were taken.</t>
  </si>
  <si>
    <t>                                           41-42 Edition Of Betty Coed                 Thai the 1941-4I edition Belly Coed, one or th* chief Incentive* of many men -ne  is not only more lovely, but .smarter than her predecessors is proven by this . representative trio mt South Carolina Slate CoUcji-. OransebnrR. Pictured I to r are Mlses  Vlberta Simpson. Clinton. S. C: Helen Bartelle. Florence. S. C^ and Inez Walton. X. Angusta. S. C.</t>
  </si>
  <si>
    <t>                                           HAMPTON INSTITUTE--Va ... Payton, Hampton Institute ... ran wild on ... last Saturday, Nov. 1 ... 185 yards and ... the ... over Lincoln ... goal in the last ... the only...</t>
  </si>
  <si>
    <t>                                           RHEUMATISM If you  wilt either  f   *ce Re.ulU guaranteed or money refunded. Have never failed in one        yet. Medieia*  from Root* and Harb*. Nature'* Remedy PARDUE MEDICINE Co., 331 Peters St. HIGH BLOOD PRESSURE</t>
  </si>
  <si>
    <t>                                           "Cultivating Friendship" will be the subject of the Rev. William Holmes Borders sermon for the morning worship hour Sunday at Wheat Street Baptist church.</t>
  </si>
  <si>
    <t>                                           Signed For Lead In New Armstrong Pix                 'Mi,.- Juj^I Srott. famed staffer, entertainer snd i .....:i I i-.  Mtn  tor               - 3*~ .ins. Hip  ii:mKt-wife of I oais Armstrong,                 ir. a   \v picture on the UCc of the world s  trumpet player, which is soon to go into production on the Paramount Nil. Shr Iravt-s f..r Tlol'.%-\rood tbls                 \  ?ek. AiniNlrone is   m Hit* .                 *^~</t>
  </si>
  <si>
    <t>                                           Atlantans eagerly await the Washington High Faculty musical concert, which will be presented tomorrow evening at 8:30 o'clock at the City Auditorium.</t>
  </si>
  <si>
    <t>                                           THE AUTHOR OF these lines has captured both the spirit and the purpose of our American Thanksgiving. And how truly American it is! It sprang spontaneously out of the hearts and souls of these sturdy English emigrants who, through labor, travail, tears and...</t>
  </si>
  <si>
    <t>                                           Pattern VOUNG FROCK USES LIVELY CONTRAST A tailored trock which is jaunty too- that s good news for smut ! They'll vote for this new Crock by Claire Tilden. Pattern 475. Fi'st or all. it s a princess style, so  to their growing figures, the princess seaming If used both m front and In back for graceful fit and flare. The pointed bodies -okt is accented by top- J.'Jd has a tig  bow at the netic Both yok* and sleeves nay be nade of contrast material, like Jw optional, wide hem boro er. The  is stunning in - cotton  as shown,  navy bine for the frock, red Dlaid for the contrast! Of course TOtt can make the dress alt or one boric, too. with lone sleet es Instead of short. Choose it in cne of the -new wool-witi-- mixtures that, are just the Tight weight tor winter wear. choose a lively color to brighten dun days! YouTJ find careful, step-by-step instructions for making this frock In the Sewing Guide. a smart  could make It  with Mothers hel;~. it fits her figure and her  both! Pattern 47S Is cut in teen-age sizes 10. 12. 14. 16 and 18. Size 14 requires 3 3-S  35 Inch fabric and 1 1-2 yards contrast. S*nd FIFTEEN CENTS U5e) la  for this pattern. WRITE CLEARLY SIZE. . ADDRESS AND STYLE NUMBER. -Send-  to          World  . 2X* Apborn Avenue. NJ, AUaaU Ga. .^-iU)$T52tter  WKAR SBC 14  % H^V.     cw km m, nm.l. M Um Sin* 4"- ""^wUSi. h. ^C^^B 1~* tha Hv JLJtffTcuitr    - m^M im     um. T" ^^B ATdt Ctftdr * I^^mrr BOD '"mum  M mW, dSS ^B MmmtsmkH HotUkfy WE ST2P*   'SSL W B twin  up ro d mab YATES A MILTON</t>
  </si>
  <si>
    <t>                                           THERE IS a definite upswing in the business life of the nation. We are in the midst of another war boom with all of its "illusory accessories." The curve of unemployment is definitely on the downswing, and a good time is about to be had by all. The like has...</t>
  </si>
  <si>
    <t>                                           HOTEL MACK SO Tonrlst Transit Rooms, $1 op S48 L'jdford PI., N.E. VE. 8921 Atlanta Ga. Free parking space CAPITOL P^ING with Randolph Scott Basil Rathbone Plus News and Comedyl ROXY Z.: DOUBLE FEATURE "The Wolf Man" AUo "The Mad Doctor Of Market St." Bailey Theatre* 8/-."HIT THE ROAD" and "DEVILS PIPELINE" AUo: "Spidsr Return*" ROYAL- THE PARSON OF  with RICHARD DIX Alto Last ChapUr "JUNGLE GIRL" ASHBY. "DIVE BOMBER" with Errol Flynn Fred MacMurray Also Comedy</t>
  </si>
  <si>
    <t>                                           SPECIAL CROUP $25  MEN S SUITS JUST 85 SUITS %~H A? AT THIS PRICE! H VB Look! Sensational croup of suits you wouldn't ex pcd- lo find     !e.., ih?n $2o anywhere! SlietlrTndo! Tuocls! S-.~ir Flannels! Made with  i; in^ ilc'.nis that all young men j;o- for. Blues, greens, kins. Sizes 3? lo 42. They won t last long at this price! OUR MEN S $1.98 SWEATERS *TwTMIi SB.49 Cbsc Knit, Cloth Fronts Z-pesr Style Wae p!eku?  or jft" 5  SM  fy!s heaters for sports.       or hers? "^eaf. Your 4 'c B.'ye, ~~-~S!~, ti*1 ~^y styles, fabrics tsS colors. Buy for ^r. Sixes 36 to 44 r.,,- ,.irus i. MEN S STORE- HICH S STREET FLOOR SPECIAL CROUP $25  MEN S SUITS JUST 85 SUITS %~H A? AT THIS PRICE! H VB Look! Sensational croup of suits you wouldn't ex pcd- lo find     !e.., ih?n $2o anywhere! SlietlrTndo! Tuocls! S-.~ir Flannels! Made with  i; in^ ilc'.nis that all young men j;o- for. Blues, greens, kins. Sizes 3? lo 42. They won t last long at this price! OUR MEN S $1.98 SWEATERS *TwTMIi SB.49 Cbsc Knit, Cloth Fronts Z-pesr Style Wae p!eku?  or jft" 5  SM  fy!s heaters for sports.       or hers? "^eaf. Your 4 'c B.'ye, ~~-~S!~, ti*1 ~^y styles, fabrics tsS colors. Buy for ^r. Sixes 36 to 44 r.,,- ,.irus i. MEN S STORE- HICH S STREET FLOOR</t>
  </si>
  <si>
    <t>                                           Philip Horton, clothed only in old grey flannel trousers and a pair of sport shoes, wiped the sweat from his eyes with a muddy forearm and stared wearily round the kitchen of Vine Cottage. Its brick floor was heaped high with freshly dug earth. He crossed to the window-sill...</t>
  </si>
  <si>
    <t>                                           In line with the Thanksgiving season, the Reverend Mr. William Holmes Borders, pastor of Wheat Street Baptist Church, will use as his sermon subject at the eleven o'clock hour Sunday morning. "Thanks Be To God," The Jubilee Chorus will be in charge...</t>
  </si>
  <si>
    <t>                                           This week we are engaged in the celebration of what is fondly called "Education Week" It night as well be called PROPAGANDA WEEK ESPECIALLY IN REPERENCE TO WHAT PASSES AS EDUCATION IN THE FIELD OF THE SOCIAL SCIENCES OF course it...</t>
  </si>
  <si>
    <t>                                           TIM TYLER -By Lyman YotaSg                 FELIX, THE CAT -By Sullivan                 -By Cy Hungerf ord                 DOROTHY DARNIT -By Charle* McManiw                 IT S A GREAT LIFE IF YOU DON'T WEAKEN -By Jack Rabbit                 HARRY</t>
  </si>
  <si>
    <t>                                           When you are in a restaurant waiting to be served, take a bird's eye view of the sisters who are present. Look them over carefully, observe what's wrong with them That habit will save you front making errors of deportment and dress...</t>
  </si>
  <si>
    <t>                                           Whiles Alarmed Over Aftermath Of Racial Riot                 Four Reason? Are Cited By SNS Obtervcv                 ALEXANDRIA. Lii.- (SNS) White people of I his section are greatly  over Lin:   which is being taken by Ncjri'i'cs in  lo I be    by while , white  police, Blntc troopers,                  (Continued on Pn^o 6. Col. 4) I                 Whites Alarmed (Continued from Page  white M. P. upon armed Nc- ',rro SI. P.'s. soldiers and civilian;      Saturday -ltt. Letters of    In several   f law  i  of the city, county and state. It was established as fact 'lore Wednesday that the Baptist                 ministers' alliance had even up- 1 pealed to President Roosevelt, I Governor Sam H. Jones, Secre- tury or Wur Stimson und   governmental officials. Alexandria whites arc  for the following foul reasons: 1 That four Negroes, including soldiers, plan reprisal in return for the   upon  Jnst Saturday night (Tlic soldiers blandly and bluntly told them of being driven like dumb cattle as they left Saturday night: ")   are going but not because wc want to go. You caught us tinned this time, but wc promise you we ll be back, we ll be armed and we ll clean you out.") 2- That the city and county will bo held financially responsible for the face value of every five or ten thousand dollar policy curried by imy soldier who dies as result Of being injured in the Saturday night riot. 3 That some of the white civilians, civilian police and state troopers may have to spend many yea re behind penitentiary bars Tor  unwarranted parts in the riot Saturday night. That Alexandria will be put ''off limit" for the 30 or -10 thousands soldiers in Camps Beauregard, Claiborne and Livingston who spend millions of dollars with local business firms. One white ice cream place on Lee street which heretofore did a huge business among Negroes was reported to have sold "only four ice cream cones" here all day Wednesday. Many white firms in the district are planning to close up at once.</t>
  </si>
  <si>
    <t>                                           ALEXANDRIA, La.--(SNS)-- White people of this section are greatly alarmed over the courageous stand which is being taken by Negroes in resentment to the brutal attack made by white civilians, white civilian police state troopers, plainclothesmen...</t>
  </si>
  <si>
    <t>                                           Ten North Carolinians To Face Trial For Roxboro Mob Violence                 Judge Parker To Preside in Carolina Trial                 Youth to Face Attack Charge Before Hearings                 . S. C- (OP) ^en white men. accused of storming the Person  ini; in an attempt to  Oy Winstead, accused of attacking Miss Pauline Dunn, whits, are scheduled to toe tried hore during the week of Jan--,  20.                 Solicitor William M. Murdoclt saw Tuesday Vie a '.lack case would probably be called January 26 or 27 and that tho rhnb case mill follow immediately with Judge B. Hunt Parker, regarded as one of the sternest disciples of strict law             -on-the :.;,North .Carp?, linn bench, presiding, i Wlastcad. 22, was arrested August 15 and charged with attacking Miss Dunn, but, -he denied the.. Acaisatian; Early that evening a Tier he had been  placed'. in: the Person county Jail a mob formed: about the. court house, grew larger and larger to Its ultimate strength', of COO and shouted "lynch Mm! lynch him!" Sheriff M. T., Clayton appealed tn the state highway department and the police department at Durham, summoning 50 Durham police and 30 members or the highway patrol. The mob advanced on the court house, hurting  rocks and hundreds of empty bottles from a bottling plant near-by and breaking scores of windows and doors. After hours of rioting when The mob was -finally scattered Winstead i was smuggled^ to Central Prison at Raleigh. Poliow'r.g a report by the State Bureau of Investigation and at ihe request of Governor J. M. Broughtcn,. the Person county grand jury  men on October 16. The .list of .men indicted, including a brother of the clerk of Superior Court, was as follows: Coy Harris. P. I.. Holt, Willie Aiken,' Johnny Holt, Lcb Dixon, William Green, W. Bradsher, Thomas Slaughter. A. P. Spriggs, and Evon James, all of Roxboro or near Roxboro. Judge Hem-y A. Grady ordered them arrested and held under $500 V.ond each.</t>
  </si>
  <si>
    <t>                                           ROXBORO, N.C.--(CP) -- Ten white men accused of storming the Person county jail in an attempt to lynch Cy Winstead, accused of attacking Miss Pauline Dunn, white are scheduled to be tried here during the week of Janurary 20.</t>
  </si>
  <si>
    <t>                                           LESTER--Master James Carthel, of Powder Springs, Ga. Friends and relatives are invited to attend his funeral today (Sunday) at 2 p. m. from New Hope Buot. Church. Interment Churchyard, Hanky Co., Marietta.</t>
  </si>
  <si>
    <t>                                           In Memoriam                 In Icvinjr memory of our   and sister. Miss Alice Mae O^. who passed tway Nov. I. 1935. Home at rest, so sweetly sleeping j In our Savbrs Icvely     . Where there 15 no pain or weep- j  I None on earth can harm her I there. As we recall the  ad memory Of cur dear one cone to rest. As we think of her today. We meekly :-ay that God knows best. j Mrs. Lottie E. Osbnrne. mother      Amcl'a V. Osbcrae. sister j</t>
  </si>
  <si>
    <t>                                           "My first idea," David continued, "was to float down the Odett in a rowboat--if we could find a rowboat. Undoubtedly, our one hope is to return to England by the sea; so we must get to the shore first. I have changed my idea about the Odott, because it is necessary to go...</t>
  </si>
  <si>
    <t>                                           NEW PRnftllPTIflN  R                 Nelson Will Give Negro Fair Deal, Asserts Huff                 Production Chief Hailed As Man with Minimum of Prejudice                 CHICAGO. 111. (ANP) "Tho Negro will got fair nucl just treatment under Donnkl Marr Nelson, the new war production chief." vims Hie- opinion of. Atly, Wtilinm Heniy Huff, chief counsel of the Abolish Peonage Coinmillec of America.                 Ally. Huff, who has known Nelson since 1912 when the two of them worked, as._)s m. Sears. Roebuck and Company for four\~nd n half .veal s, said "I have never known a finer gentleman than Donald M. Nelson." "When he was miu ried, each member of the laboratory staff received an Invitation to his wedding. I. too. received an invitation to that . When he left for the east to study the textile Industry, he handed me the keys to his apartment, and it was I who supervised I he packing and storing of his household effects. "When I was married, it was this                 some Donald Mnrr Nelson who 'conspired with other employes of the laboratory to send. without my knowledge or consent., n whole Continuing his praises for the wnr production chief. Atty. Huff .1 veiled "We hove been close friends down through the years, and I  never seen anything about him that would make me think he would not give n member of my race a square deal wherever he might be in authority. I say that in my opinion the President has placed the production business in the hands of n j^reat American cili/.on who hns a minimum of prejudice, if any."</t>
  </si>
  <si>
    <t>                                           CHICAGO, Ill. (ANP) -- "The Negro will get fair and just treatment under Donald Marr Nelson, the new war production chief," runs the opinion of Atty. William Henry Huff, chief counsel of the Abolish Peonage Committee of America.</t>
  </si>
  <si>
    <t>                                           DAILY CROSSWORD                 ACROSS l.Clmm 4. Finish 7.        si. Set-to 10 Curved molding ll.C'-'T.pOS'.T 12. A V.-u'.t H.Male i'0'l riser 1G. !Yc:.o:ir. l7.K! duck 1!). S:J:or 20. Chssl 22. Let tall 2-1. Therefore 25. Paper measure 27. Pasty 29. India:) measure' 33. In favor of 32. Fetters 35. Grate 38. Cry of surprise 39. Secular 11. Black (Celtic) 12. Kind of ire* 41. flourish 411. NeuU.-r pronoun 47. Purlofsliip Rubs oul Sl.Venlinv \y.'.. Clock f:\oc r,4. Kill .15. Greek poet Sfl. Mimic 57. Masculine name DOWN 1. Part of book 2. Avoid 3. Uioked  i. Subside                 5 Biblical character G Gold coin of Europe 7. Cllni; Beat Vi. Scorch i:i. Length measure IS. WciglH system IS. Fold in string 21 New Zealand parrot '.;S. Sound made by cot                 26. Confusion '/3. Pointed Kid :in; Stump t.i u  :cs. Mine* Amass.-.i and conceals 34. Title of respect 3G. Protect :\7. Places 40. Line of sentinels 43. Australian animal 45. Postpone                 Saturday'^ Aniwcr 'IS. Envelop 50. Spoke 02. Organ of sight                 i: II lI I" 1 12 13 M- 19 7.0 71 22 23 "M              r         "i IiII-i-IJIi I94 Ii li                 CRYTTOQrjOTE- A   .nt I CPtf C B T W ( SL M T -X R OC Q I U UWXCW'i C. CPtf KOOZ:  J P 8  CSAftW-\; .LW. Saturday'. Cryptoquote: THEY WHO ARE PLEASED        SELVES^tUST ALWAYS PLEASE- THOMSON. OUtrlbuted by KIM          Syndlott. tug. ^J</t>
  </si>
  <si>
    <t>                                           The P-TA of Booker T. Washington high school held a most important meeting Friday afternoon in the general assembly, with Mrs. B. C. Wallace, president.</t>
  </si>
  <si>
    <t>                                           It Taking your girl to iha j movies?  r WATCH OUT! Watch out that your breath docs not offend you yourself probably dont  otherwise. If you want to nuke a hie with your girl friend, there s a way to make your i , more agreeable. And it s easy. 1 Simply rinse the mouth with Listerlne i Antiseptic before you start out. LUcrino i halts food  In the mouth, l the usual cause of breath odors accord- i j lag to some authorities, then  the odors fermentation produces.  Phannacal Co. St. Loxtt. ilo. j Before Any Data Vte  ANTISEPTIC! To Make Your Broath Smtttr</t>
  </si>
  <si>
    <t>                                           Booker T. Washington FACULTY  Monday Evening, November 17, 1941 8j30 O'Clock CITY AUDITORIUM CHILDREN lSe GENERAL ADMISSION 23c</t>
  </si>
  <si>
    <t>                                           DEATHS                 Lena Dickerson. 61, 102 HiMnrd Street. Gcnnic Driskcll, 34. 432 Forrest Way. Viola Sims. 51, Bennett Street. Mamie B. Clark. 42. St. Mountain,                 Ga. Mary Aaron. 51. 302 Fortune St. Jennie Smith. 52, 786 Chestnut Plnce. Sarah Williamson, 57, 87 Tallnforro Street. Retha G. Terry. 3 months, 4!)0 Tainiill Street. S. W. i</t>
  </si>
  <si>
    <t>                                           ATLANTA basketball fans have always laid their money on the line to see high-geared pointmakers "do their number." Older SIAC hardwood observes recall that Francis (Red) Bradley and Drafton Roberts of Morris Brown, Horace (Itty) Dalton and Albert...</t>
  </si>
  <si>
    <t>                                           Railroad Strike Called For December 5                 CHICAGO (SNS) A national railroad strike was called for December 5 by leaders of the five operating brotherhoods Friday night. The walkout will affect  350.000 men who operate trains. The strikers have rejected the recommendation of President Ror. fact-finding hoard that they be given a 7 '4 percent temporary wage in-crease instead of the 30 per cent they demanded.' Optimism Spreads Through Allied Capitals LONDON' (SNS) A wave of optimism spread through the Allied capital Thursday night as a major Soviet counter drive was reported along the embattled fronts. The Germans were reported as having the worst of it on the central front and making little progress in the south. In the Far East. (JenKratissimo Chiang Kaishek, leader of China's struggle  Japan, foresaw his nation s best chances against lhe l^iud of ihe Rising Run in months. He asked for more aid from Britain and the United States                 Man Goes ToPay Fine, Gets Into More Trouble i John Bob?rscn. 38 cf W4 An- 1 -i Avenue, received a ticket lor Illegal  When ho  the S3  tc the rt-.tion  at ci'.y 'Ail. police  ~*d they found a "lead" hair dollar amone tlie money. Questioned by tht         . R"  'son wss quoted as  he Rf-t the       fro-n Mrs. Vlrrlnii W-. 36. of 2060 Simpson Ro.id. Roberscn was  nnd booked on .         ho-ju later,       Mrs 'Wrleht put in her . t" see what had -ed to Rot-erson. She was -ted too, and booked en suspicion.                 Life Sentences Given Two In i Policy Murder j  IX. C.i. - Tw in*"- (^Tired with n! the de-i! of a wr-nan tc collect life top.-- hRd      Riven life :- Friday. "P^di e Hooks who ^  of --lity to      1 slaver cf Mrs PeUx WeUs tfce first to draw the - pera ty. On f ia! In  court since Mo'd'y os an  before          in the murder of his wife Te'.'x Wei's ~~-os   r  bv ury frat recommended mere PresldinR Jud-"o R. Qir! Camp sentenced hfm to Hfe . J</t>
  </si>
  <si>
    <t>                                           Silas Green Show Performs Tonight At City Auditorium i                 ..9n*~ Qnen from New Orleans move* to the  taee of the CUV of AUanuns. The         goes vp at 8!9o o clock.                 Advance" sale cr "tickets comes to a dose tonight nt 8 o clock. Op to the 8 o clock hour tickets can fce bought lor 55 cents. They will W       apiece at the box .                 There will be no reserved seats.      Green said be the greatest all-colored traveling show on earth, will offer a. brand new theme, beautiful girls, a swell tend and sensational and thrilling acts. The 30- ;~Kl will tour the city today and will play hot tunes at various intersections. The show was a swell hit  AUantuns last April when it showed here to a near-capacity house. SUas Green is the- world s oldest Negro traveling troupe, having had continuous opeation since its first rounding 52  ago The si tow travels und Is housed in u convenient 83-foot l^ullman . -o unions tlie cab acts are SUfcs Grna\ and LJlas Bran 'FtorJ Wiggins raid Billy Millsi famous  .i.-; 'af.vards :i:;t*?x. tup  stylists; Johnny Hudsinx.           : . aair.es Troupe, a.  01 oa2 acrobats, and Kid Hackett, foremost clown  of the world.</t>
  </si>
  <si>
    <t>                                           Silas Green from New Orleans mores to the stage of the City auditorium tonight to entertain thousands of Atlantans. The curtain goes up at 8:30 o'clock.</t>
  </si>
  <si>
    <t>                                           TIM TYLER By Lyman Young                 FELIxT"the""cAT -By Sullivan                 DOROTHY DARNIT By Charles McManua                 -v.  .:~ w-r-.*- :;~    .- ;j^n'.v- 7 v.i.--K' -By Cy                             IT S A GREAT LIFE IF YOU DON'T WEAKEN -By Jack Rabbi                 HAIRBREADTH HARRY</t>
  </si>
  <si>
    <t>                                           GA. BIRTHS .      MRS CA5.TEE CORNELIA. Ga Prat       Mrs J. T carter are the proud       01 fine daughter. Motbe' and       are dome nicely. MR. AND MRS. LAMBERT WACO. Ga.- The birth of a son has been announced by Mr. and Mrs. .i: L. Uimbcrt. The HtMe Icllow arrived Friday'. MR. AND MRS.  SYLVANIA. Ga.- Mr. and Mrs. Sam Pippin arc the proud p. of a son. .MR. AND MRS. POOL . Ga.- Mr. and Mrs. George Pool are the proud parents ol a daughter, who has been named Georgia Mac. Mother and baby are doing nicely.</t>
  </si>
  <si>
    <t>                                           CHICAGO, (ANP) -- The first established branch of the Service Men's center has been opened on Chicago's south side to provide a recreational house for hundreds of soldiers, particularly Negro service men. The 18-room building, with new coats of paint on the...</t>
  </si>
  <si>
    <t>                                           Getting A Lesson Jn Xmas Decorating                 Mrs. Virginia H. Turner. Art Instructor. Booker T. Washington High School, gave .1 demonstration I on "Christmas Gifts Dtcora- Hons." at     Dtronbei  of     Girl Reserve Advisers Council                 i hi M al YWC.V Over forty mem- 1 I      in tin- Council . Thr } meetings arc in ilio  of a . and  materials are  that experience In ; the articles demonstrated                 can Ik- . As a supplement to her ex  ''., Mrs. Turner  prepared : m:       on [ a.oU gifts ter Christmas , which \tas       -d in ;bc DccraW.- issue   f the Cirl Rrserve .Advisers Bulletin.</t>
  </si>
  <si>
    <t>                                           Sunday evening, November 9 at 3:30 o'clock, Rev. A. Rice, Jr., accompanied by his talented choir and congregation of Holsey Temple CME church will deliver a special sermon at Butler Street CME church in the interest of the Pew Rally and Bishop's Drive...</t>
  </si>
  <si>
    <t>                                           SUMMERHILL JOLLY JIVERS SOCIAL CLUB electeu officers at the last meeting as follows: Miss Evelyn Roberson, president; Miss Jane Willis, vice-president; Miss Evelyn Sampson, secretary; Miss Mildred Baynes, treasurer; Miss Minnie L. Nash...</t>
  </si>
  <si>
    <t>                                           Pinch-hitting for the Rev. J. T. Dorsey, pastor, Mt. Zion Baptist Church, the Rev. O. S. Hamilton, assistant pastor of Mt. Zion stirred a turn away crowd at Greater Mt. Calvary Baptist Church the Rev. B. L. Johnson, minister as the 14th anniversary celebration of Rev. and...</t>
  </si>
  <si>
    <t>                                           She Raised Grand Champion Angus Steer                 Tl-SKECrr: . Ala.-Kth,l    .,.l.,r., Macon Couniy  and htr a^ steer      won first plac* at the 1941 Tusktgr, Uvretock Show. Toe steer     Ua six . ,ta S70                         anJ -old nir Sli;.:i. i)ie  Iroiiaine   was the winning-          in     X. F. A</t>
  </si>
  <si>
    <t>                                           Interest was keen at the Booker T. Washington high shcool during the past week, when reporters at the school voted for the editor of the Washingtonian.</t>
  </si>
  <si>
    <t>                                           Atlanta     World- l^mT fjL Ms-%? %     JU Jt m* %**# it JLJ^^i^^LFMa J ifl ^r-~ Jb ^~~b "wriV? WHILE The Nation's Only Colored Daily Newspaper IT IS NEWS" VOLUME M, NUMBER :235 ATLANTA, . FRIDAY, JANUARY 23, 1942 PRICE FIVE CENTS</t>
  </si>
  <si>
    <t>                                           IT S SHERIFF JOE LOUIS NOW                 i GREENWOOD LAKES. N. J.- Joe Loias. who has been col- j  awards of every descrip- 1 tion. lias now  k gold sheriff1!! ' with his name on it. Sheriff William K. Browne of Bergen County. New Jersey, was so elated over Joe giving his purse 10 the Navy Relief Society Friday thst he - Louis :i  01 hi:;      ;it  i-gency .-- j Just   Joe's  duties will ho has not been ex- plained, bill. Loin.-.   '       the J Ijllslenini; budge Iroin Browne. I and Undei--        John E. Edwards pinned ii. on his shirt front. I I I Atlanta Gets Its 1st Taste Of Snow /Wlanluns f ol  f r.-t  of        Friday  and . It wasn't ?li fcr n ] riot, bui it was just  to  i he appearance of parken  and curb stones. The kids had a great, lime, peering through window panes at the railing flakes. Despite flurries of snow, the weather man last night said tor!ay would be dear but cold</t>
  </si>
  <si>
    <t>                                           Horses Still Important In The Army                 That horses are Mill useful and Important in Uncle Sim's Artnv is shown by this picture taken at the Infantry School SL-Jblcs. Foi^ Ik-Jinlne. Gi.. where 300 draft and  horses are kept. Soldier*,   hy experience, operate the fine stables and train other* in trades  as blacksmithing and leather working. When students                 come proficient In these .-' * :irc u . carrying  pay. In 'this picture. Set Kuy Futch of HaUloburr..    .. In. charge of Wilton transportation. Is seen Instructing ^vt Robert Reevrs of Atlanta. Ga.. In the proper                  of equipment.- (Photo by Ifilut Signal Photographic, Company)</t>
  </si>
  <si>
    <t>                                           Last Call On Cards Fcnud P. Jones, i ' Christmus J5}k Card salesman, is ^S^     making the last cull ^CjflQk for three more days of *^sS^ values at his mart at  Robinson Printing   .. 9 S 1S8 Auburn Avc. Come in today after church, or Monday or Tuesday. Open until P. M. TWELVE , service personalized cards. (Adv.)</t>
  </si>
  <si>
    <t>                                           '^Gangsters" Enter Home, Rob Men And Do Some Shooting                 In true gangster style, two young men entered a house at 343 Markliam Street. SW, late Tuesday night, robbed two men of 15.40. shot one of the men in bis right toot and then -shot out the lights," according to a police report. Monroe Wood and Isaac Lee. both 41, were reported in the house when the  robbers entered, police said. Woods was relieved .of $S and shot in the foot, while Lee was robbed of 40 . Police officers were given good descriptions of the wanted men. BOLD  FAIR ."MEMPHIS- '     The Fairgrounds here were the scene of the biggest exposition in the  of the Colored Tri-State pair association, which opened Thursday. 'Soused In the agriculture, and woman s buildings were exhibits lor the three-day fair and they were  numerous than ever before, according to Dr. I.. G. Patterson, secretary of the association. JHN. SEEK  FRIENDSHIP WASI\- CA N P)- With var drawing nearer and' nearer as the anns\~ grow*. Interested person* arc wond)~ring  the lig^ming \. strike in the At- Untie or Pacify. AS the' while, it  U reliably  that Japaoeee have been quietly but effectively  on Negroes^ the united Suees with  \- that "all darker races should  * and that Japan Is friendly to The Negro.</t>
  </si>
  <si>
    <t>                                           The United States Civil Service Commission has just issued three more examinations for positrons in the Civil Aeronautics Administration. FLIGHT SUPERVISORS are needed to inspect the equipment personnel and facilities of flight contractors, report on Civil Air...</t>
  </si>
  <si>
    <t>                                           Red Cross Chairman Asks Co-operation                 Dr. C. Waymond Reeves, president, of the Atlanta Medical Society, has accepted chairmanship ol the Colored Division of the Red Cross Campaign after several conferences with the chairman and workers of the white groups and his private physician, it was                 cd Monday night. (Dr. Reeves wat I seriously ill a year ago when he I first headed the campaign of the I I colored division and is still  the advice of his physician.) I In nn interview Monday, Dr j Reeves suid: "The United States ol America is our country. We were bom here and do not contemplate going to any  land. With all of its faults, we love her still. Out country is at war- a total war- 1 and it will take an all-out program                 to win It. Some of us f re too young to go to the camps, tut we con dc n big Job like the Boy ScouU Others or us arc too old.  but we can do a bigger job by giving advice, buying defense stamps and bonds and contributing, to the Red Cross"' Dr. Reeves is now forming his organization to cover the counties ol Fulton and DeKaib. He Is asking those who worked with him In 1940 to again work with him. Following organization, he will call a meeting and from there workers will be dispatched to the field. Money contributed" by colored people will be credited to the colored division. Several groups and Individuals already have contributed Memberships arc from one        upwards.</t>
  </si>
  <si>
    <t>                                           Dr. C. Waymond Reeves, president of the Atlanta Medical Society, has accepted chairmanship of the Colored Division of the Red Cross Campaign after several conferences with the chairman and workers of the white groups and his private physician, it was...</t>
  </si>
  <si>
    <t>                                           R. C. B.--I am not young and I am not old. Recently I started the course of embalming and I would appreciate a criticism from you as I do feel that you help all who write you. Was this a good step for me to take?</t>
  </si>
  <si>
    <t>                                           STYLE FIRSTS -T- ^    /J \r 'DMrER ENSEMBLE   / I IV^-7 'I1 \P FOR  TOTS ^SS^'^n-!' \t Thls tiny tot has Earned a BfTTZTT^? ^"hST"^^'        from her Mother-   9  i f ji- well-cut, well-tailored   7  K^3   ^-'--V^'1   .\ clothes are always smart! Pattern ^flS-^Q 47!~   ' clair* T"11011 has       ?s iMiR^   -  5?          you approve in      -     ^~V vour  c!-'s- There's a jump^Bu_ cr- s" cue In four sections, to t t?S! Tear over swt?.tcrs end - 6?vX Jm)1 V-ncck shows them off so well! ^B Top- is an optional but ^Z^^t^ ve7y  detail The jacket. ^~^T ^^ which may bo long-sleeved ox /^frT^'/^Jfr^l^\ 'hort- has scalloped revers, a F'l'-XVfM" i front  and two handy pi A Dockets. Omit them it you like, or I" j V "I use just one. This smart ensemble lie -.J A 'i  stunning all In one fabric. -?T h2    -'i'-- "^c a Scottish plaid. If you        :"Ail;X cidc Jse two contrasting fabrics I ~'~:~i. Zi%** I f likt" a  tweed for the I       \f -i '.'I Jacket and a  wool for the l^  r'"'Vr'--r Jumper, the little  may be ^ /  '^'S- -'v^'X m*   to match  one. Make H /Jl?4~.h A'sAlJ GuU;t rir-ht awn.v for "~e coW IS M^W^X -"-   V''' \T weather ahead- it is the Ideal ^mX.Ev'SS* '"'pij?-- t' ~'V  hool-and-playtime apparel for ~^Kf'^8 SSS{ ^f'^^X the younger generation. MotherJj       ^^g ^fS^S^S^SSA and-Daushter ensembles are so I' RsSJa^'' popular too- you might make hei I it \T*i little suit of the same fabric as I,' "\i I. ^S, i ~'our own. The Sewing Guide helps 1    ^\.   you w  Quickly. -r? I'' v^ V? Pattern 479 is cut in children s J i '~%'~~ si2cs 2- 4- 6- 8 and 10-Slie 6. ent v. V tire ensemble, requires 1 3-4 yards     *Jf $**~~ FIFTEEN CENTS  15c) in I li\l   "  ior thN pattern. WRITE i^-\l /T* CLEARLY SIZE. NAME. ADj- ,-^V  aP^        AND STYLE NUMBER. ~^L J^~^^       -nd  lo Atlanta Daily ^^^^Pj^^^^^^^^^BTtq) ^'orld Pattern Department, 210 i^HHI^           . Aubarn Avenw. Atlanta  5a</t>
  </si>
  <si>
    <t>                                           PETERSBURG, Va.--Confirmation was received here today from government officials that beginning January, 5. Virginia State College will offer a course in radio communications as part of the Engineering. Science and Management Defense Training Program...</t>
  </si>
  <si>
    <t>                                           Georgia Tech was notified Saturday that it had been dropped by the Association of American Universities. This way considered as great a blow to Tech as the blacklisting of the University of Georgia by the Southern University Conference.</t>
  </si>
  <si>
    <t>                                           S. T.--I started paying on something to wear and I find out that I will never be able to get it out. Tell me what I should do about it?</t>
  </si>
  <si>
    <t>                                           He Declined Fourth Term                 James E. Scott, for three year:;  of l!n: Kappa Alpha Pii fraternity, it  n* he declined ;t fourth term, Huiiiu; tlie national conclave nt Indianapolih last . Mr. Scott, u Washington real lor, was succeeded hy Carl Roman Johnson, Kansas City lawyer.</t>
  </si>
  <si>
    <t>                                           BIRMINGHAM, Ala.--(SNS)--If the war is kind, Morris Brown will be a grid power again next season despite the loss of six established stars Thursday afternoon in the Vulcan Bowl Classic here at Rickwood Field.</t>
  </si>
  <si>
    <t>                                           Atlanta ^StSkWor T^QLUMEi4.^~-^7 -Ain ???a'~ O"hr Colored               2 ATLANTA. GA., THURSDAY. DECEMBER 25. 1941                 1 EDITION I " WHILE IT IS NEWS" ""CE wve cents %~~~~tt3     3i(     ^</t>
  </si>
  <si>
    <t>                                           ml Uu CuOtable Wjtt  f^m Our trustworthiness in k4  serving others has won Sgl forus the highest esteem. "2    rA/s reward is the %sU result of years untiring service and  c/u/ies conscientiously MM I performed. Wll *H ULTRA         T HOOtBATt COST</t>
  </si>
  <si>
    <t>                                           Moreland In Lead Of Jungle Picture                 . C*L- (A N   - With the start of filming on "Law of the Jungle. Monogram this week has three pictures In production-the last to go before     cameras until after the holidays. "Law of the Jungle." started Dec. IS. Is directed lay Jean Yarbrough. and the locale of the story, written by George Brieker. is the jungle borderland in south Africa. Only members of the cast so far an- nounced by producer Llndsley Parsons are the lead. Mantan Morelaod. Montague Shaw and Theodore OhlaUapln. son of the famous Russlon basso, Feodor CMaliapin. When You Think You Dont "Have Time Enough- Loot at                 Johns' Schedule.. Joan Bennett can match any Hollywood star for being busy both inside and outside the studio. In the past eight months she has starred in four Important film, 'Manhunt," Wild Creese Calling," -Confirm or Deny"  nd Twin Beds.? Outside the studio she manages her home, supervises the care and education of two young daughters. files something like 10.000 miles a year, goes in for bowling, sheet shooting and deep-sei -fishing, designs her own furniture and draperies, appears on radio programs aT)d to charity  by the dozen maintains a kennel ot pro- doss and places to New York at least twice a year.</t>
  </si>
  <si>
    <t>                                           BUFORD, Ga.--The funeral of Mrs. Josie Riley, who died last Tuesday, was held from the Union Baptist Church Thursday with the Rev. W. H. Humphrey officiating.</t>
  </si>
  <si>
    <t>                                           RALEIGH, N. C. -- (SNS)-- Before a gala homecoming crowd of 2000 fans the N. C. College "Eagles" captured their fourth conference tilt and fifth 1941 win on the gridiron at the expense of the Shaw University ... by a 16-0 score.</t>
  </si>
  <si>
    <t>                                           RflYV N0W Till A I SHOWING Gary Cooper us "SERGEANT YORK" PLUS NEWS AND COMEDY Bailey Theatres 81--- "UNDER ACE" and "THE LEATHER PUSHERS" Also The Spider Return. 1 ROYAL--1 "THE ROUND-UP" with RICHARD DIX The Bicscst Western Picture in Years .Alto- "Jungle Girl'1 tA$HBY--ABBOTT and COSTELLO "IN THE NAVY" also PUyinr the Pied Pipar</t>
  </si>
  <si>
    <t>                                           Services for Sunday are as follows: Sunday School, 9:30, subject; "The Infancy and Boyhood of Jesus"; preaching, 11 A. M. by the pastor of Macedonia Baptist Church, Rev. I. P. Ward, Powder Springs, Ga. He will preach from the subject...</t>
  </si>
  <si>
    <t>                                           Atlanta  The Nation's Only Colored Daily Newspaper /y* J$ NEWS" VOLUME II. NU.MUKir^^r. ATLANTA. ". MONDAY, JANUARY 12, MM 2 m?i7-g</t>
  </si>
  <si>
    <t>                                           Atlanta           . Published DAILY and SUNDAY at 210 Auburn Avenue By ATLANTA DAILY WORLD PUBLISHING CO. Telephone. WAlaut 1459 1-.60 Member of SCOTT NEWSPAPER SYNDICATE Established Aug. S. 1928; Became Daily March 13. 1992 W. A. Scott. II. Founder and Publisher, Aug. 5, 1928 to Feb. 7. 1934 filtered in the Post Office of Atlanta.     as second-class mail under the Act of Congress, March 3. 1879 C. A. SCOTT General Manager CUFF MACKAY Managing Editoi Daily:- 1 Year. : 6 Mos.. $4.75; 3 Mos.. J2J0: 1 Mo, 90c SATURDAY ONLY:- 1 Year. J3.0O: 6 Mos, J2.0O; 3 Mos.. $126. Canada:-! Year. RSO; 6 Mos^ $2.75; Foreign: 1 Year. $8.50 The ATLANTA DAILY WORLD is an independent newspaper- non-sectarian and non-partisan, printing the news absolutely unbiased!} and supporting those things it believes to be to the interest of ifc  and opposing those things  Hie interest of its readers Address ALL COMMUNICATIONS to and make CHECKS payable to ATLANTA DAILY WORLD, rather than to individuals. The  expressly repudiates responsibility for return of unsolicited pictures manuscript*, etc., unless stamps arc sent.</t>
  </si>
  <si>
    <t>                                           Christmas LS jUSt, around the corner and shopping for old Santa Is probably taking many Or your spare moments, but don't forget to save some of them for keeping yourself beautiful. You'll want to Iodic your very best for those gay parties your'e planning to attend.</t>
  </si>
  <si>
    <t>                                           Here's A Picture Story For Dictators                 Pigtails, freckles and pearly teeth combine this gay picture of  Americans to te!l a story oi tolerance ana equal opportunity  adequately than mere words. Casting for one of her famed juvenile dramatizations. Nila Mack, talented CBS di rector of  s programs, drew this -.l assortment of ingots from the melting pot She                  out parti to little actors and actresses with nn thought of race, color or creed opportunity her* recognizes talent, only. Partly hidden at the left    Rudolph Valentino Whitaker; in the center is a blonde, pigtailed daughter of the Vikings; clasping her audition notice is multi-freckled Eroica Winter? -stars all. in the American way of life.                 1^</t>
  </si>
  <si>
    <t>                                           WOMEN helped 2 ways! Women, by thousands, know  help  may come with stimulate appetite anil improve CA15DUI ! they have ex- digestion ( the increased  il.! n  of - juices). So they Some I  they  only sUH arc enabled lo build up strength on il. -i- .lays I.efore "H.c l!  .rBy  perio,lic  ,,,,(1 ink- il. us  m I,,..-,,!;,,-.!,,..;, m-, -    lo vch jvc periodic pain dim iji.-,, :J,,,~ ,,i.~,,.,. ,lss(,(.!utu,j co functional causes.  distress It has been Others find that the   for Cl years, j^t cf C.-iEG JI   to-'</t>
  </si>
  <si>
    <t>                                           WHEN1M0RNINGAmP'ClDVW     ,1 DON'T WAjTE YOUR TIMI A 8. UT ALKA-2ER J.        IWllf IWPTtiE SUN SJUj.3)Wg.J iM0Bmw6AytTgSf%iL.l^fX.M A HEARTY dinner, or mid' A night lunch, little too much smoking, perhaps cocktail or two- great fun tonight; miserable letdown. headache? feeling tomorrow morning. Tm people who      tend a part; and enjoy food       and good food, often par  day for tht fun you had. Why don't try Alka-      . (or  "Morning Alter"  A!ka-Seltzer U ent medicine  In the relief el man; minor        Seltnr combine! a reliable analgesic  with buttered  *. Try II  yo" have Head*  , Acid        "    Cold Syrapfonts, Muscular       . Neuralgia, MuKuiar Fain*. Aika-Selbtr U - and  to Uke. Your druggist sells Alki-Seltxer by the gUsa a* his lodi fountain and in con- venient packages for ^i use. Why not get a package W^D -the next time yov IfPIt are In a drug Jti3igHc*^ffl</t>
  </si>
  <si>
    <t>                                           $ WISHING YOU A f % AXD A $ MERRY CHRISTMAS I 1 HAPPY NEW YEAR 1 I PARIS HATTERS 1 2 231 Mitchell Street, S. W.</t>
  </si>
  <si>
    <t>                                           Treachery In High Circles MATA HARTS DAUGHTER By Maurice DeKoltra and Lcyta Gcorgic + + + Starts Monday</t>
  </si>
  <si>
    <t>                                           Played under SIAC quota of five games, thus automatically receiving lowest possible average of 10.00 under the Dickinson Rating System.</t>
  </si>
  <si>
    <t>                                           ORPHANAGE  GIFTS FROM FARMERS ASSOCIATION                 OXFORD. N C-      - Recetly the Negro orphanage here was the recipient of gifts trom the state association of New Farmers of America, when that organization composed ol Negro high school boys studying vocational agriculture, bestowed gifts of farm produce and clothing amounting to more than $2,000 plus $616.65 cash. The presentation was made by John Allen Spaulding. former student at the orphanage, to Supt. T. A. Hamme.</t>
  </si>
  <si>
    <t>                                           Do You thump the typewriter all day lady? Do you along about four o'clock, feel wilted and all tucked out wish you had some other job? That's because you are unmindful of posture, or possibly because you are saving up for some special luxury in the way of...</t>
  </si>
  <si>
    <t>                                           NERVOUS TENSION Show* in both bee and manner  ou are not fit company for yourself or anyone else when you an Tense. Nervous, "Keyed-up". Don't mlis out on your share of good time*. The next time  taxed nerves make you Wakeful, Bestleu, Irritable, try the soothing effect of DR. MILES  Dr. Mfles Nervine b a a^ scientific formula con* H pounded  the .  of skilled chemists M^L in one of America's most ^Wl modern \ WiT tost T" tIT itt I^-l IM Ulp BMlh ItM IIS I a-a ~^^^N W At  9nv 8t4</t>
  </si>
  <si>
    <t>                                           Ray (Sugar) Robinson will meet Maxie Berger in a 12-round, non-title welterweight boul at, Madison Square Garden Friday (Feb,20) to be heard exclusively over Mutual at 10 p.m., EST.</t>
  </si>
  <si>
    <t>                                           Adaptable Laxative is Popular! Laxatives, like people, arc 7  quite different. Some arc quick, spicy, aromatic powder may be some are strong, some are gentle, taken dry followed by water, or Popular ones among them must made into a tea. Either way, it is have something of all three easy to take, and you regulate qualities, and be adaptable to in- the strength to suit your needs dividual needs- And    '. you get the full benefit, ol a "tonic-laxative" 'Adaptable BLACK-DRAUGHT herb in BLACK-DRAUGHT that has been popular with four gen- helps to tone lazy   of Americans- This, .</t>
  </si>
  <si>
    <t>                                           FORT VALLEY, Georgia--(SNS)--Realizing the immediate necessity of a speedy and more effective Agricultural Educational program in oar state, to be developed in the main through thorough and better trained teaching personnel, officials of the State Board of Vocational Educes tion and the College of Agriculture, faced with the demand for a total war effort summoned nine Negro supervising teachers of Georgia from their Christmas holidays to Fort...</t>
  </si>
  <si>
    <t>                                           Representatives of the Urban League charged at the recent Fair Employment Practice Committee Hearings that Negroes were being discriminated against to defense training courses. defense industries, public and private employment agencies making defense...</t>
  </si>
  <si>
    <t>                                           COUGHING After Golds or Flo Makes a Weakened System Weaker Hers is one effective way to help those  and grown-ups who are just recovering Irom a bid cold. Relieve; that stubborn ! The shock of a racking, wrenching,'       ing cough is too dangerous for the system weakened by illness. It prevents the victim from recovering rapidly- breaks down his resistance. At this time of danger use Cheney's Expectorant. Cheney s quickly allays the cough due to colds, loosens the phlegm, soothes the throat, reduces Irritation, restores comfort. The bass of the Cheney formula is honey soothing honey. That gives it a pleas- ant taste that everybody will like. Before that cough further saps the strength of its victim get Cheney's Expectorant on a money- back guarantee today. HAIR A* Discovery aE^al over 30 Teats ffw v^3  HAlft- jX^T^^y SCALP fORMU- ^~*fc 1* LA, is latest Hair Discovery and Is 'he result oX years of Scientific -Research- It 13 a Scientific Compound lor Hair Roots and contains Balsam of Peru (the most powerful 3calp stimulant known to Medicine) and several other positive              . Great         has been reported, in even     most difficult cases. Hatr-Sclenre SCALP FOR\*A Js the result of the  of thousands ol stubborn cases of Dt=dr*j*f, Itchy Scalp. *r.d Failles: Hitr. It is especially     :sia ended "n -cases ALOPECIA (     .Hair Roots are olive Uut Hiir .*t Grft-  . Halr-SeitEW SCALP FORMULA is one of                              aids to  hair  tver known- Recocamend^d -for Jfuitaches and EyebrowB. It- work* Uke . Don't place where  1* not wanted. It excites     Scalp to healthy. action. It 1b  to ple*~r       *y refunded. K]~o  1     tree, a com  3 month s treatment vt the \"~w Halr-     ;ce StraJchteer and Casttte Shainooo  every o*    ?-   mt:   tfi ao 5        Pay '^i- $i- phis- ?*w 6 ru      *~ "h*?. *rK            t?   . HAir-Scf#?   5  *.y FrvRMTTTA xnA *v\V. rtl-*~     . er s: i=~ va  po*     . W^      : Htiv Science Co., Dept.S-3. 507 FIFTH AVE* NEW YO^K</t>
  </si>
  <si>
    <t>                                           CITY H^Hfc' EDITION Atlanta c^ The Nation's Only Colored Daily Newspaper i _ NUMBER' 189 ATLANTA. .IA. .  7, 19U PRICE FIVE CENTS</t>
  </si>
  <si>
    <t>                                           Buddy Baer Couldn't Take It!                 Here is how Buddy Baer, California heavyweight, looked shortly I before he hopped into (lie ; in New York for bit title Lout with Joe Louii for the hem-fit of ill.; Navy Relief society fund. j</t>
  </si>
  <si>
    <t>                                           As America observes its first war-time Chiristmas since 1917, there will be no let-down in pains for old-fashioned holiday cheer at Amay camps, the War Department announces. As many soldiers as circumstances permit win be enabled to spend Christmas at home.</t>
  </si>
  <si>
    <t>                                           Few if ever has it been that we tried to preach in this column dedicated to our reactions of the religious trend today, but today, we are going to preach a little social gospel sermon. There may or may not be any scriptorial basis for the same, but its implications are sound.</t>
  </si>
  <si>
    <t>                                           FAST      IB FWtro's ape- I     cial formula I to^-                ble quick. Acts two ways at once, inside and outside. Inside, medicated vapors break up mucous congestion in breath passages. Outside,  up local circulation in congested areas. For grown-ups, children miserable  stuffiness- , achey chest muscles-use an directed, rub chest, throat and back with Penetio. 25c, double supply 36~. I</t>
  </si>
  <si>
    <t>                                           The Litkenhous System, Difference-by-Score football ratings syndicated from the Louisville LEADER, white metropolitan daily newspaper located at Louisville, Kentucky, has just released, under a Richmond, Virginia, date-line, a final standing of Negro football...</t>
  </si>
  <si>
    <t>                                           TUSKEGEE INSTITUTE, Ala -- (SNS)--When rural Negro boys and girls come into town and spend ten conts or a quarter to ... the motion picture show it is no news. But when rural Negro boys and girls come to the livestock show at Tuskegee Institute...</t>
  </si>
  <si>
    <t>                                           Local Teacher Injured As Ramp Falls At Casino                 Miss Wilkins Sustains Spinal Fracture in Fall                 PainfiJh-  when the upper tier of the ramp at Sunset Casino on which sho war. seated collapsed. Miss .i.   .u Wilkins. 25. ot 100 Griffin Street, . we).! known Atlanta . was  d' tit Orad.v hc.spital Snturduy night In   a , spine. Miss VVUkijis. who leaches al Eomlind Asa Ware . had  onc     Sunscl Cvino to see her       . James V. "Bud" Carter   debut as a number of Hip Morris Brnwn  team, which was  Morehome College. The ramp on thp Jcfl side of the hall became overcrowded and suddenly collapsed. Mlyit Wilklas was crushed  the avalanche. Dr. T. H. Slater, the family physician     called to Orndy where an cx-ray was taken of the (Continued on Page 6; CoL 7)                 Local Teacher (Continued from f ajr** 1) :.'.        tcn-.-h'.T. Her condition  ~~.vrn jr. "fni"." A i: "f Spclman Collcise, I MifS \VlU:lns Is ths niece of Mr. nnd Mr.--. Inuv.ir;) W. Ruscr-ll. v.-)l!i wiv-m :.hv ri'.-.. ohc had  yf.-ir 1:1 Mori'ls Ik lore - tc  i^-o ." to  ;'c.: with tj-,.- Atlant?       school:</t>
  </si>
  <si>
    <t>                                           IN THE MIDST OF a world-wide attack on the "four freedoms," speech, press, religion and the right of assembly. America, at last sucked into the terrible holocaust by a treacherous attack, this week pauses to celebrate the 150th anniversary of the Bill of Rights.</t>
  </si>
  <si>
    <t>                                           Quick Jump!                 From Private To Sergeant                 CAMP WOLTERS. Tex.- (    - ProbaWy the only promotion of its kind In Camp Wolten annals Is Utat of WUHtm Watson,  c"e- , 6Tth battalion, wbo climbed from  to the grade of technical  la                 one jump. And that isn't an for Set. Wstaon: he is slated far   ff flop] n RITE Benning.  3ew with the next group of Wolten . As a selectee, Sgt. Watson  uu to. Camp belters the first of last April. Because of service with the New York National guard In 1940 he was made act- Ing corporal during basic trainIng period, and later transferred as a private to  headquarters in a clerical capa- city. ~{ In civilian lite WaUon wat first YkfCA worker in New York Cltjr and tor ate  prior to Induction in the army, was a -         ^ttj the         dam News. New York City. Our* mg the  month* of Mi army life here he served aa Woltars reporter for     Pitta. burgh Oourler. ,  horn* 1r m^ his , Mto. LodOa Wa*4 son. New York CKy, jh 4    (y ed by hU         major. Macao WaaMactaaV WKa "A good soldier.. a  NaiM^ and an  w  ".</t>
  </si>
  <si>
    <t>                                           CAMP WOLTERS, Tex.--(ANP)--Probably the only promotion of its kind in Camp Wolters annals is that of William Watson, headquarters detachment, 67th battalion, who climbed from private to the grade of technical sergeant in...</t>
  </si>
  <si>
    <t>                                           NERVOUS TENSION Shows Id  fice and maun;? You are not fll company for yourself or anyone die when you lira Tense, Nervous, "Koyed-up". Don't miii out on your. dura ol Bond times. The next time overtaxed nerve* make you Wakeful Restless. Irritable, try the nothing fleet of DR. MILES NEBVINg Dr. MUen Nervltw 111 4            com* bounded Under the supervision of skilled  in ods of America'* mort  UboraHln;.Wl     tir Bf  BolUt IH At tct? P?q eta*</t>
  </si>
  <si>
    <t>                                           Los ANGELES--(ANP)--Speaking to more than 3,000 persons in Second Baptist church here. Dean William Pickens. noted lecturer and treasury department defense savings staff assistant, issued a plea for national unity in the present crisis. Coincidentally, the dean...</t>
  </si>
  <si>
    <t>                                           Man, 59, Struck By Automobile                 Victim Reported Crossing In Middle of Block                 Struck by an automobile as he allegedly attempted to cross a street In the middle of the block.] Rogers Strickland. 59. of the rear of 200 The Prndo. suffered a fractured leg early Friday morning, according  t0  iT.y * traffic report*. Strickland was struck i near the- intersection of Peachtree Circle and X6th-St.. re was'  (ContlnOrdon Pace 4. Col. 2;                 Man, 59, Struck (Continued from page 1) Dr. P. D. McCorraadc a  Wtf driver of the car reportedly struck Strickland, was not charged Kith any crime In connection with the i . Witnesses said Strickland was under    - influence of In- i  drink when struck. Of-  also did not make a cast { ns.-.r.st Strickland.</t>
  </si>
  <si>
    <t>                                           MURDAUGH Brothers Funeral Directors We are not too Big for Small Service or not too Small for Big Service Call Us First When The Necessity Arises- Quiet Dignity PHONES: WA. G083 JA. 4499-J Dr.C. A. Constantino DENTIST 08 P'chtrce; 2(1 Floor at Auburn</t>
  </si>
  <si>
    <t>                                           MANILA AND                  Second Phase Of Battle Of Luzon Expected                 WASHINGTON ( Uuspitu the fall of Manila and Cavitc naval "oasc to     Japanese early Friday  . War and Navy officials declared the conquest of Lu /on stood yet "in an uncertain and bloody future."                 They- reminded that Ma nila had been  from the start but Manila was imt Luzon. The American and Filipino defenders last       were reported   the fortification!; ol Manila Bay and in the northern jungles. The defenders were still In possession of the strong fortress. Corrcgldor , and Torts Hughes and Drum and Frank. Upon marching into Manila and Ciivlte. the Japaiifsc  found   empty of all military equipment. What they did find was destruction crumpled buildings and wounded natives caused by the  constant Japanese bomb attacks. According to the War Department, the Japanese soldiers were i Ho wed to march Into Manila unopposed after General Douglas MacArthur's bold stroke in uniting his .. The defending forces to the -.outh withdrew and Joined the American and Filipino troops which hod been resisting the attack from the north. Although the southern approach lo Manila was left unopposed, it M\c General MacArthur a . one-unit fighting force with the advantage of shorter lines closely co-ordinated command and a broad battlefield of farm land. Jungle and mountain country In  to make a determined stand.                 This the be*l copy of America'* Gibraltar of the Far East, Corregidor, island fortress * Manila bay. The Japaneaa have bombed tbc fortress repeatedly. Approximately 8,000 people                 live on Correiidor. which hu underground fortification* besides bin guns facing the bar. After withdrawing from Ma-nila, after Its fall to the Japanese, American and Filipino soldiers tat our for Corregidor, it was reported.</t>
  </si>
  <si>
    <t>                                           WASHINGTON -- (SNS)--Despite the fall of Manila and Cavite naval base to the Japanese early Friday morning. War and Navy officials declared the conquest of Luzon stood yet "in an uncertain and bloody future."</t>
  </si>
  <si>
    <t>                                           P Pleate Him More ^S .Than Apparel ^^V^^^Vi" and Accessories      ^ MARSHALL S Our gift selection for men ^BR9@^. is unique in its variety oi ^      !^  values for. practical .^MKSBsSr purposes. Come in early ^BHB^Sflr before the cream is skim- MMwa'iSj "'m ed. ^WmMSw S^^^^H^^^K^n Pigskin i Hose ^Fine quality all wool ^~NV .-English rib hose in wide /Y^^l  of colors, plain and mk fancy, as low as aq. \wt/ A 3 tor $1.10 O9C yy s/w Scares /^$~ Wool or silk. Plain ^~j$'/m or fringed ends. ^Fj^/L ^H SllUtS Choice assortment    or fine Jacquwds. Broadcloths and Madras ij   0 weaves. All new patterns. TicS -Rich heavy s lks. clear print      \ and smart  knits. All late ef- ODC ^r facts, as low as 2 for 91.00 MftRSHALL'S MEN S SHOP 9-peachtree St. (Acnes from Peachtree Arcade)</t>
  </si>
  <si>
    <t>                                           FBI In Probe Of Lynching                 Hint Local Authorities May Have Violated Federal Law NEW YORK- )- 11. is under the United States Code Section 52, Tille IS, that the Department of Justice is investigating the lynching ol' Cleo Wright in Sikeston, Missouri, January 25, according to Wendell Berge, assistant U. S. attorney general.                 The NAACP announced this week that it has over a long period of lime urged the Jusiice Department to extend Its Jurisdiction under this section of the Code to cover violations of civil rights .HR Negroes. Berse wrote TluirgC'd Marshall, " .special counsel, in .nce  conference between them where Marshall hnd discussed using Section 52, Title 18, in  to certain cases presented by the NAACP. The Important Section provides imprisonment of not more than a year . :i  of not. more than                 S1.000 for anyone who wilfully subjects any inhabitant of a state, territory or district io the -.  on account of race, color 01 .lity. of any civil rights 01 protections guaranteed by the Constitution. 'The Department, of .justice theory in making its investigation uf the Sikesto.n lynching is that the local authorities may have wilfully subjected Wright to a deprivation of his lifo without due process of law in violation of Section 52. Title 18. U. S. Code, by their unexcused failure to protect him from the hands of (he mob.                 Attack Conviction Reversed In Miss.                 VICKSBURG. Miss.- is N   - I The supreme court of this suite has ruled ih:it thf " tl testimony of the \vont:i u he Is alleged to haw raped" is noi. sufficient evidence lo  I. Willie Upmn. found guilty :   !  to  on I he 1 in tin' Wnrren's Count)  court  lusi .sprint;.      opinion wiis  down Monday, and Hie  branch Here which L* : Upton's defense .s thai furl Her action will be  in the Warren County circuit court to which the case wns remanded by the state supreme court. The national office of the NAACP will assist. In the appeal, set. for sometime in March. The case Is an  one from man; u-pi-cUi. According tu tUt                 supreme court opinion: "The up-  s i Upton \s i defense was an  and physical incapacity :inti his conviction rests on      - j  lest. of t-hc woman he is alleged to  ."</t>
  </si>
  <si>
    <t>                                           Make Him Happy fl0~$$f%~s Christmas Morning ~~~!~~~M With Shirts and '   ; Pajamas From pS^B^h" j MARC U S Hundreds of men s ///'W/^^BrZ^T^wSl fine tailored shirts in 11 t '^^mr/y/       white. Tab Rollaway 'f.fj f^             ^ 1 and Custom Collars. "^Hl/^^P^-^SS^M^j I up Hell enjoy ku night life /~7%^CTutf*M in . . MAR- pi ^^ M CUS. Ero*Jdoth. . f AfjK^S'li rayon. Pajama       (*S( 9^.9^99 with broadcloth        i-S^^^*"M and               USbBs^*^t*^T^M $1 6i$445 ^^^flr HUNDREDS OF OTHER GIFTS TO SELECT FROM "Ybar Friendly Store*</t>
  </si>
  <si>
    <t>                                           GET  FOOD/~^s = FOR YOUR MONEY! /   \      A{~kc each  lollar you spend on fowl brio; you ill the food possible: SIlop in I ^UBa iw^^ I Isfl I I K  MrV Super Market H*)~crc      of your food dollar poo for overhead e.\- 1 ^^^BKm Wt f*9m m s penso (ban evr ' in om- hls ory! Conic sec the  buy;, in fine fowls ^M.      T II Chour policy mak-:s rP5*ib!c     d^rs week! Share In  Jic    c ma!~~ SlP W 'H? by  direct, doing ^ vHb              hi- expenses! Joii' \^P^ ^S JF -^% ^%^3td tlie  who cat  for !e?s money who save in the     Super 1l (CnMli*t J1'1 ^fj Markets! Start in  now- today! %,5 ~^r     9rr   i^~ Re(j Circle Coffee 2 i-Lb.    45c  i r I -J^ [Mm Mifffy Bokar Coffee 2 i-lu. Bag* 49c jj/SS^^^St^      0     P0PULAR pk9 1 5  zf On $1-49 '"N p- VfigCirUt 1^9 BRANDS of 20 A 9 X- of 10 JL         'ttl     -RED NATIONAL No. 2  C^ ^-c .~i    ,~ VlIlSB I IC?d SOUR, PITTED CHERRY WEEK Can A**/* 15V "i lona Peaches    ?^ 2N^H35/ J ANN PAGE- BAKING Da'K^'I- DfiAf OR CORNED BEEF 12-Oz POWDER    ..c 10c Koasx Deei sw^s premium Can *of ^^^ Pickles D,SL 2^25^ =.-se Cfarkfirc 8URRY S 10"Ot 1  ^ ANN PAGE I dlr!l6! 9 BISC-O-BITS Pkgs */r D g 9 tig FSft II I*  12-Lh. C     24-Lb. C "j     3UI9B  BSg VM^ Bag V I lUU Vcscurian or Boston Style Snowdrift shortens s 68/ 2SL 13/ 9LjH A "! CCrn" -,, 25c I IONA I CRESTVIEW Cn,\UE "A" - BORAX..... 10. ^.^.^.8c EggS^On" 3U "THE PERFECT 0. fi ssc PatoaT^S^L 23c    ! C. E- 40 and 60 WATT SULTANA CHOICE FRUIT AMERICAN  CH MAZDA LAMPS b 13  COCKTAIL 2.ilo. cans 25c         "29c 1 TOILET SOAP      WHITE ^ PHTll* "cREAM LOAF" PALMOLIVE 3 c.c I9c CORN no .2 10c ^    ^ 2^. Pks, 19c  EATH SIZE TOILET SOAP v FRESH 1J4 LB- ^'^L-'-'0*' 9C  S2  w'^~~ SWEET MILK Quur, 15C 1^ DUZ'^-'-PkC 9e 21-Ox. 22   TI*~1     S-Lb. ^JC//  CBEAMf.KY</t>
  </si>
  <si>
    <t>                                           SWAINSBORO, Ga. -- (SNS)--A splendid example of farmer-leadership can be found in the Ridgeway community of Emanuel county where a group of Negro farmers la slowly developing rural-life activities. They are striving for land-ownership, greater crop yields, livestock improvements, better recreational facilities and many other improvements. This group is headed by Silas Heard and Paul Newkirk, two outstanding farmers of that section.</t>
  </si>
  <si>
    <t>                                           The Weather couder, .possibly light freezing temperatures.</t>
  </si>
  <si>
    <t>                                           "CAN T PRACTICE HERE," MOB WARNS LAWYER                 Memphis Attorney Receives Threats                 A. A. Latting Denied Right To Try Divorce Case In BrownsvilleTenn.                 Brownsville, Term., county seat of Hayxood Cpunty. In West Tftnnmee, scene of tbe lynching ol Hbert Williams, 31 yeal- old ^^orer a year ago 'hecause"'oT"-Jirt**acO?IBHr*fi^tl: **  organised NAACP  ol that community,  ,the                 mob spirit again last week when a croup or  or that community  Attorney A. A Latttag. young Memphis barrister, when he attempted to present law ease In the Haywood County court tost Friday. Mr. Lattlng was virtually chased j out of the county by the mobsters. Tbe attorney asserted that ha would have probably, met with violence, but fir the fact that he outdistanced his pursuers. When he was arrested on a charge of speeding: by Shelby county depu- I ties, after cretins the Shelby Cotmty line. Attorney Latiing explained why it was necessary for him to rush out- of BrownsviUe. SIMPLE  CASE Mr. LatUng had gone to Browiaville to represent Mrs. Ethel Lee Motley in an  divorce cose. He arrived in Brownsville around 9:45 win his witness Shortly"  be had filed, a.-  affidavit with tbe^court clerk in connection with the cane, a group or white -residents of the town began crowding in the clerk s office. An  spokesman for the croup ? "Alnt no" 'N- r' lawyer going to i try a ca*e in Haywood County. We aint goin to. stand, for it. We ran one 'N-r1' lawyer 'out of here and if you know what s good for you. you better -git.'" 1^_ Mr. letting said he tired to explain that he 'had only 3 simple  divorce ca9e...th*t so racial issue was involved and                 d out to the crowd that Its  was undemocratic. "I have registered and may be called for military service," the Memphlan continued. "If'i am ^--be- -eo-ajj,^ *3r- of Justice, liberty and equality which you are denying aie." "We cant help that" the spokesman for the mob .said. -You aint goin' to try no case .in Haywood County." Services of a white lawyer in (Brownsville. Aaron Kinney. who is president of the town s chamber of commerce, were obtained by Mr. Lattlng. Mr. Kinney appeared In court and asked the questions necessary to obtain the divorce' for Mr.. Latting's client. Judge T. J. Pearson tried the case, and granted Mrs. Motley her divorce around 1:30 p.m. Friday afternoon. 'When, it was learned that the case had been tried, the group followed Mi. Lattlng into Shelby County but turned back when the Mesmhian was apprehended by Shelby County deputies for  Lotting said  he had .taken- all the necessary appropriate, steps to appear before thr. Haywood County court. The case listed as Ethel Lee -Motley vs.. Jessie Motley (No. 44  was filed In the Haywood County  around November 2Sth. and J. Moore. City Court Clerk, notified Mr. Lattlng- that he could -try his case anytime-after December . Mr.      . Immediately after hearing from the court clerk, called and bad the date -set for. Friday December 12th. at 10  jn. -This was the second time within two years that a colored attorney iiia been prevented from practicing in Haywood County.- A young (CaaUnned on Pace 6.' Cot. 7)                 Memphis Attorney (Continued from page 1) Jackson. TeniL, lawyer had to bo spirited out of Brownsville during the ear y part of 1940 when he attempted to represent a client involved In a shooting case. Jackson is the. county seat of Madison County, which adjoins Haywood to the west. The discovery of the decomposed body of Elberl Williams in the Hntchfc river after be had been missing from home for several days  to light the tense  between whites and Negroes of that community. Williams, who was one of the organizers of the Brownsville NAACP Branch, had been. compelled    leave his home late at night by a group of BrownSville residents, including .the Night Marshall. T. J       Hunter and his whereabout afterwords' remained a mystery until his body was discovered In the Hatchle. Several other prominent ^Megro townsmen of 3         fled- the community, in fear "of violence, among these were Rev. Buster Walker, president or the NAACP: Eliza Davis, operator ot a filling station at Brownsville: Alex Hill, Dewltt Cobb and Willie Williams. Reports that a group ot Negroes from Jackson. Term., was coming to Brownsville for a. "showdown" in the case- resulted In *he creation of a general mob atmosphere which lasted for several days An I investigation was subsequently made by the FBI. but no one was brought to trial In connection with Williams* death. Haywood County has- approximately four times as many Negroesas. whites. However, the sore -spot of .'the trouble was apparently the effort of Negroes to vote in that county  they had not done since 1884.</t>
  </si>
  <si>
    <t>                                           Brownsville, Tenn., county seat of Haywood County, in West Tennessee, scene of the lynching .. Elbert Williams, 31 year old laundry fireman, over a year ago because of his activities in the recently organized NAACP branch of that community, reflected the...</t>
  </si>
  <si>
    <t>                                           The Area Council of Religious Education of the Atlanta Conference AME Church will hold a two- day session February 25-26 at the St. Paul AME Church, Bishop W. A. Fountain assisted by Dr. W. R. Wilkes, Deacon. E. C. Mitchell, Rev. R. H. Porter. Rev. W...</t>
  </si>
  <si>
    <t>                                           NEGROES DID NOT FIRST COME TO AMERICA AS SLACES IN 1619, but at least 100 years earlier, according to ancient manuscripts, Alonzo Pietro, Negro" (the Negro) was pilot of the Nina, one of the ships of Christopher Columbus, who discovered America.</t>
  </si>
  <si>
    <t>                                           GARRISON MOTOR CO. 1 EAST POINT. CA. '41 Dodge" $995 I D..ur Sedan '41 Dodge 945 1 Doer Sedan '41 Dodge 945; Door Radio '39 Plymouth 545 4 Doer Sedan '36 Chevrolet 245 2 Doer Delnxa '37 Ford 325 ^-Ton          . Recondltlonod 'SJDeSoto 295 4 Door Smiam 38 OTHERS  8O mad</t>
  </si>
  <si>
    <t>                                           Keep Fighting For Democracy, Dickerson Uraes                 Scoffs ?.t Those Who Would Not 'Rock the Boat'                 WASHINGTON- (ANP) Declaring that there are those whb would counsel the Negro "not to rock the boat." during these critical ' of war,    ! Dickerson, Chlca.  nnd member of the President's Fnir Employment Pfaitice committee, told an audience ol                 3 thousand persons here Wednesday night that they should disregard tills sentiment which was '.ed during the last war and struggle' to make democracy work Col" tlie Negro and should continue point out the Inadequacies In our democracy. "It Is only through this struggle." the alderman said, "when war  s over and.. pence Is declared can Negroes take part. In the planning 'or peace.".'" Under the auspices of the NAACP. Washington branch, Aid. Dlckerson was presented In a mass meeting' marking the beginning of   :e  drive for memberships in the . "The Fight on Dlscruntnatlon In Government" was. given as the  lhe" was to discuss. ':iu he dismissed this and went Ino a tre.neral talk on the situation throughout the country. "What miracles of Initiative, production: defense, social welfare ?nd security will be performed when equality of opportunity Is extended to all Americans," ho said. "Open the door of equal opportunity and all America will see u demonstration of democracy am) of productive capacity such as wr will give our all to attain: such as has been talked only heretofore. "Close the door and the  of Hitler will find conditions fruitful for  and Inner strife. Tiioy will play upon' these conditions. These enemies will . from within. Tliev will seek to destroy our.. morale and luy the basis for defeat of ail our  for the annihilation of Hitler and Hitlerism. Tliei' can succeed. Prance U proof of (Ills.*' i SILENT. GOVERNMENT Mr. Dtckcrson  the Korttld stor es of lynch rule In the United StntP$, charging "the government law been silent. Other case* will follow inevitably." He branded the Klan. the Whit* Cnmellas, the Bunds, the BlMk Uan'nn nnd k gnl lynching .'i. na detriment*   Negrnwt' path. ]:"i "Tlie 'south him  tho-i number one economic  okl the ," the  , ''   .~ enure of the  extended UfM the bestial * of the N#HU-a people. Child labor, ^ (CPittlnwd eo      t, {M,ti^m                 Keep Fighting (Cwsiir.uja frcs      ij the wastage of land ?nd of  power. Illiteracy and poverty that beggars description Rre rampant In    only because the rest of the nation winked at the persecution of . citizens. "Negro America hns to press the fight on Iwo front.1; always understanding Hint Hitler Is the  danger. We must  the conscience of our country. The cess- pools of cannibalism must bs cleaned hero al horns*. Death to the ! I.?t. the courts be made to net Tills can only  its I attain victory over Hitler. "Where, I ask. Is the, FBI. the Dies committee  the' other socalled agencies of internal protection?" Mr. Dlckcrsrvi  of the Noero in defense Industry and th"! fight  made to  Nesroos In these Industrie.1: by his commit- too. He told of the  In j Chicago. Los AncrelPS n.nd New Vork. briefly,  hinted nt cor- tain  s In Washington. i KNOX  'We nccc-ct.   words uttered l)v Col Frank Knox, secretory of the . Iwfore the Dec. 19, 1941.  cluss at the U. S. Academy. 'Our enemies proclaim tiv virtues of so-called  r:   * with a mystical right to op'---- ii l Cher peoples of the .   -  for n world where      - i-  ^ :u:il " nation will have :in i-nnn!  in  mid 'prosper.' "Acceptin"- 'his. we believe our country cp.nnot- ri .ue to assert by word cr 'l-^'l n policy of race superiority at l oine. But to confine Ncgrn  to the  of messmen mi ;ho  is to make just s""' nn  of racial  v us wp cr.. The  of ih-~ I'ntinn ! that Col. Kivi:-: r.u; his words into practice." Mr. Dickeipn touched briefly on (lie part labor is  In the war. victories Negroes havis achieved, s.nd pointed out that mam-  had teen  which Nesroes must not lose al er I!k- .</t>
  </si>
  <si>
    <t>                                           WASHINGTON--(ANP) -- Declaring that there are those who would counsel the Negro "not to rock the boat during these critical days of war, Earl Dickerson, Chicago alderman and member of the President's Fair Employment Practice committee, told an audience of...</t>
  </si>
  <si>
    <t>                                           White Prestige Suffering, California Students Warned                 NAACP Sec'y Says Jap Victories Threaten Belief                 Berkley. Cal. (SNS)- White prestige is being lessened In th; world each day until the Japanese are defeated, Walter White, NAACP secretary told the convocation ol students and faculty members of the University of California at the observance of Lincoln's birthday                 here. "The dark forces of greed, based on skin color, continue to work their evil way In the world/1 Mr. White said. "Fart of Japan's theory as to the United States is due to our condescending and some times contemptuous attitude toward the Japanese because their sUns are yellow and not white.                 'After Pearl Harbor Negroes were ready to give their lives Tor their country. They were told in a curt reply by the Navy that there could be no change In regulations which might hare raised them from a position of menials." Mr. White also led a discussion group at the international House at the University of California here February IS, and On February 17, addressed the convocation of the University of California at los Angeles in that city. He will continue his tour of the Pacific Coast visiting NAACP branches and other groups.</t>
  </si>
  <si>
    <t>                                           Berkley, Cal.--(SNS)--White prestige is being lessened in the world each day until the Japanese are defeated, Walter White, NAACP secretary told the convocation of students and faculty members of the University of California at the observance of Lincoln's birthday...</t>
  </si>
  <si>
    <t>                                           I am so tired and discouraged waiting for love and hoping I will find it, that sometimes I feel like giving up altogether. I'm a passably goodlooking girl and twenty-three, love to have fun and good times, and always try to appear lighthearted as I do not want anyone to know-how I really feel, but I am miserable all of my waking hours.</t>
  </si>
  <si>
    <t>                                           First Yank Becomes Famous                 Virst Yank of the first expeditionary  to land In Europe In World War II, Private Milburn Hcnkc of Hutchinson, Minn., is shown in this  from London, disembarking from a troop  in/ Ireland. Henke, son of a Hutchliuon, .restaurant proprietor, has become famous overnight.                 -1. I. N. Cablephoto</t>
  </si>
  <si>
    <t>                                           Mr and Mrs Nelson Hull of 311 Dodge Street were hosts for their nephew, Mr. Samuel T McKibben, and his bride, the former Miss Marian Martin, last Tuesday evening, starting at seven o'clock.</t>
  </si>
  <si>
    <t>                                           MiSIftY  A Give  Kssu Csia ifte {4IJ Air ine Famous ~=Oreji .Wsjr I Here's we  attach en  stuffy miseries of head K . And it s scoring victory /It after victory over blockades (jli in   noses, too. Ve' Just follow directions, rmt 2 I drops in each nostril of Penetro  Drops one- t5~'o I and It's gone gone right J straight to nasal membranes icat simply must have aid for comfort. Penetro Nose Drops soothe 6s they touch, shrink as they act, cool as they vaporize. Give your  cold the air with Penetro Nose 4 Drops. Generous supply, Ssc. EJuMnV drops</t>
  </si>
  <si>
    <t>                                           Agreement Expected In Strike                 Although your today s WORLD is the regular size. a. strike on the     . of  wa^      1gJ...-rtf       department, principally linotype department, continues. The striking employes are members of Local 470, AFL Typographical Union, L. A. Bell, president. The strike began Monday moming when the day shift of the mechanical department refused to report for work. The difference between the management and the employes is the question of a "dosed shop." The "closed shop" provisions make it mandatory that all members of the mechanical department join the Union. There is no dispute over wages. C. A. Scott, administrator of the W. A. Scott estate, stated last night another proposal will be made to the Union this morning I and it was hopeful that an agreement would be reached. j Mr. Scott's statement last night followed a lengthy conference I with U- of the W. A. Scott I .                 By I. P. REYNOLDS i Brother Bell says a backbiter osI nally e^ts bit.</t>
  </si>
  <si>
    <t>                                           When a Child Needs a Laxative! Your child should like this  1i.~iii(J laxative und you    P'vc- su  users such  like the gentle -way it usu-  relief for so many years? ally wakes up a youngster s lazy Perhaps that s why it usually intestines when given by the Pv"es a child such refreshing  directions. ~'cf when the familiar symptoms indicate a laxative needed. S^P.UP OF BLACK-DRAUGHT SYRUP OF BLACK-DRAUGHT contains the same principal in- comes in 'J sizes. The  which has enabled its ory size is 25c; the economy size older brother SI^.CK-12gi.     is gOc,</t>
  </si>
  <si>
    <t>                                           HEROIC SOLDIERS DIE IN DEFENSE OF BATAAN                 Negro And White Soldiers Fight, Die Together                 Fighters Ai4c Eiploding Nazi Inspired Myths                 WASHINOTOtf, D. C. (SNS) American soldiers, Negro and white, together with their brothers In arms,, Filipinos and Chinese, are fighting as a solid unit under General Douglas MacArthur, and dally making history in their heroic defense of Bataan                 r-uin m the Philippines. The detailed story of how these brave men- black, white, yellow and brown fighters for  defending this American, outpost located several thousand miles from the United States mainland, cannot be told now, according to officials of the War Department, because to do so would mean revealing military information to Hitler's Axis partner, Japan. What can be toid is the fact that these heroic soldiers, fighting and dying together, are daily exploding the Hitler-inspired myths of race as they  their blood freely on this   in the defense of American independence. COURAGE ADMIRED Careful In their comments, War Department officials this week, made no secret of their admiration or the death-defying courage shown by these men, who are demonstrating by their valor that. regardless of race, creed, color or national origin, a united people can and will win this war. Clark Lee, Associated Press staff correspondent, writing from Bataan, describes the relationship existing between these mon, in a (delayed) story dated January 30. and published in the Washington Post February 3. "Grimy and blood-stained Americans," he writes, "fight and die day by day beside their Filipino comrades, and the closest comradeship prevails on the  and in the quarters.. and they are dying on Batna.n gallantly and ." Normandie Burns In New York Pier NEW YORK- .?NS)- The huge former Frencn liner Normandlu wns afire in a Hudson River pier late Monday and a naval officer expressed feRr that the ship would capsize .Si! of the amount of water being poured Into her. Police and firemen were asked to cut holes in the sides of the ship to allow the water to escape. The ship was listing at a 25-degree angle late Monday. A possible heavy toll of life was feared. Early reports said that 200 of The 2,500 or 3,000 workmen aboard the shin had been trapped below decks. It was found, however, that this story was unfounded. A Catholic priest said he gave last rites of -the church to at least 40 men and that five other priests were working with him inside the pier. A large .number was taken to several . Five alarms were sounded as the dames attacked the superstructure of the $GO,000.000 liner- third  on Page 6. Col. 4)                 Filipino 'Quisling'                 Gen. Ernilio Aguinaldo Gen- MscArthar's army scorned the call of the  old Filipino rebel Emilio Affuinaldo for immediate surrender. The Philip- pines commander sent word of the surrender pica as he waited attack by Japanese armies-                 Negro And White (Contfc-rf fror: ?=;c i) esr merchant ve^ei in the ~-orld. The ship was seized by the United States from the French last December. Flrebonts  water onto the ship aided by land wilts, but thirty minutes after the fire broke otii It was  with full intensity, Bending midnight black smoke throughout, the area. Shortly  the fire was reported u large group of agents from tile Federal Bureau of Investigation was dispatched to the scene io Investigate the possibility of . Mrs UPON SINOAPOItB ISLAN O WASHINGTON- (SNS) -The Japanese stood upon Singapore island in menacing; force Monday night and the imperial British defenders were at the counterattack In an urgent effort to prevent a grave extension of the Invader's lodgment. The Japanese apparently were still held in check on Lunon and In the Burma theater.</t>
  </si>
  <si>
    <t>                                           WASHINGTON, D. C. --(SNS) American soldiers, Negro and white, together with their brothers in arms, Filipinos and Chinese, are fighting as a solid unit under General Douglas MacArthur, and daily making history in their heroic defense of Bataan...</t>
  </si>
  <si>
    <t>                                           FAST  Penetro's ape- I f/uf cial formula I -  miseries Die help, dou- ^^^^^^^^^^^^m ble quick. Acts two ways at once, inside ind outside. Inside, medicated  break up mucous congestion in breath         . Outside, steps up local circulation in  areas. Forgrown-upe, children I miserable with  stuffiness , achey chest - use as I directed, rub chest, throat -and back with Penetro. 35c/ double supply 35c</t>
  </si>
  <si>
    <t>                                           The Southwestern Regional meeting of the Alpha Kappa Alpha Sorority will be held in Atlanta April 17-18, at Clark College; ... local graduate chapter of the sorority, will be hostess. The theme of the meeting is "All For Defense -- Defense...</t>
  </si>
  <si>
    <t>                                           Remember new this Sunday night the Rev. E. G. Clements, the much talked of mail carrier preacher, will preach at Ebenezer Baptist Church and that great Ebenezer choir that this writer believes could make "Wings Over Jordan" choir take "wings" is going to...</t>
  </si>
  <si>
    <t>                                           A lean basketball calendar looms for Morehouse, Morris Brown, and Clark trams next week just four games. Two in Atlanta two away.</t>
  </si>
  <si>
    <t>                                           Local public school teachers, through their organization, the Memphis City Teachers League, met Saturday morning at Booker T. Washington High School, to consider plans for the program and entertainment of that 1942 regional Meeting of the American Teachers...</t>
  </si>
  <si>
    <t>http://search.proquest.com/docview/490671633/</t>
  </si>
  <si>
    <t>                                           jap Commander                 IJeiiL (Jen. Hummu IJeut. Gen. Mflsnharu Hommu. above, in In command of the Japanese 14t.li army which General Douglns ' s .l forces face on the Eatnan peninsula in tlie Pliilipplnen.</t>
  </si>
  <si>
    <t>                                           Lucky co Be Alive!                 Aiian Harvie  s lucky miii-^a how: Four dines Allan Harvle, R British .seaman, hBa been on ships  have been torpedoed-  Kueli time he   -bis Ufe. One of the , Harvlt told newsmen In New "Vorlc, was  (j li i:~] to :t .spy ring In  Harvle  he thinks a       ;  b** at work Ui Uio U. S.</t>
  </si>
  <si>
    <t>                                           As far as eyebrows are concerned Missus Nature is getting back her own. That is something to yodel about, for they are a distinctive feature. The eyebrows of one person would not harmonize with the features of another. They must conform in contour to the...</t>
  </si>
  <si>
    <t>                                           CHICAGO--(ANP) -- A story or determination on the part of a child crippled by infantile paralysis at the age of two but by sheer tenacity and will power has achieved her goal of completing her high school education at the age of 42, highlights the annual President's birthday celebrations. The girl, now a woman, is Miss Carolyn Twyne, for 20 years an employe of the Supreme Liberty Life Insurance company here.</t>
  </si>
  <si>
    <t>                                           Comedy At Capitol Theatre                 The lucky any- hi' doesn't even have  l)   uther cheek! LYNN BAKI (Ml) and  BETH Ul'GHES hav? ,(0E ALLEN, ,1Kin a                in their '. picture. "THE NIGHT  THE DIVORCE,"  starts     Hie CAPITOL THEATRE. On the stase! BOBBY  ami   orchestra, featuring Dorothy Claire, and Jimmy Palmer.</t>
  </si>
  <si>
    <t>                                           Our Country Brethren Our country brethren we must hit the trail, Blazed before us by the gallant strong, We cannot now her time worn honor fail Well we know the slogan and the song. From Greenland's icy mountain to the sands -       _ are our legions spread, Our fie]          -op2 sear the lands And greed sends out her "reapers for the dead. Our country brethren we ve no time to lose, Up and on to meet the rising sun, The yellow peril hear their sneaking shoes Sent forth to appease the anguish of the Hun. Our country brethren the Heaven's declare Its beauty and the least of alii the throng Are welcome 'round the feasting table where. We kindle the embers to the driving song. ,~.~,.T \v</t>
  </si>
  <si>
    <t>                                           CHARIOT WHEELS WSB RADIO CHOIR "LAWRENCE C. MANN. Conductor IN CONCERT a I LIBERTY  CHURCH Monday Nijrht. February 1G, 19-12 8:30 o clock "FOOD THAT IS TRULY DELICIOUS" THE METROPOLITAN CAFE 61 DECATUR STREET</t>
  </si>
  <si>
    <t>                                           TUSKEGEE INSTITUTE, Ala.--(SNS)--On of Tuskegee Institute's undergraduates is to be given a free trip to New York and a $200 cash award for appearing as co-star for one night with radio's greatest satirist and comedian, Fred Allen. Auditions were held on the campus last week and the three finalists were heard over a nearby broadcasting station.</t>
  </si>
  <si>
    <t>                                           r Ei^RW^il ^   ^s***-***,-*^*^T*^^ "NEWS WHILE fe^^~~pl The Nation's Only Colored Dally! Newspaper 77* /S NEWS" IJaOTMpif/w Jjfttfllg vm,         ,nn,, ATLANTA, GEORGIA, SUNDAY, FEBRUARY 1, 1942 I</t>
  </si>
  <si>
    <t>                                           ON  MORN, IF  COMI, OR ANY OTHER OAY. HOP OUT OF BEO AND EASE YOUR HEAD THE AUA-SELTZEft WAV. WHEN you wake up in the rooming with a Headache, don't wait for ft to wear off, do something about it. Have your ever tried a glass of tangy sparkling Alka-Seltzer? Alka-Seltzer Is In complet* solution, ready to go to work as soon as you swallow it.     action of Its analgesic ( acetyl salicylate)    mad* more positive by alkaline buffer alls which protect It and speed up Its action. Because the analgesic Is combined with alkaline buffers in Alka-Seltaer, millions of people find it effective in relieving the distress of Headache, Colds, "Morn* Inf After", Add Indigestion, Muscnlar Fatigue and Muscular Aches and PalnJ. Your druggist has Alka-Seltzer In convenient small and economical large packages or he will be gUd to serve you a glass of f Alka-Seltzer at his soda %~$ . Why rsF^m</t>
  </si>
  <si>
    <t>                                           IDEALS OF FREEDOM AT DISADVANTAGE-WESLEY                 Great Need For Sense of Inner Victory Is Seen                 PETERSBURG, Va. ) Dr.- Charles H. Wesley, Dean of Howard University* Graduate School, told students here at Virginia- State College that "the Ideals of .freedom have been placed at a great disadvantage by the Nazi arid* totalitarian Idadershlo but                 thai 'the 'American' way through education and religion would ^." 'The prominent educator and fraternity leader spoke in "Virginia Hall Teceritly. "We face -today a world dominated: by might and power," said Dr. Wesley.: "If lf.were' not for .the fact, that education Is a .spiritual '* would be- discouraged. Though 'education' arid -religion have met- set backs from time to tune during i tbe history of  Sa , each has always  .speaker said "we face certain cataclysmic situations which seem like 'raging storms tons." The first of. these storms Is war, the second Is a result of the economic-order, and the third; continued the speaker, is the dash, of ideas about race and the question of -racial superiority. There is a 'great need, cold Dr. Wesley, for a sense of inner victory at the foundation of -our education, , and the vision of n better world. "The ultimate end and ultimate goal aro not in the hands. of those who rule by might and power' but those who rule by the spirit."' were I his closing remarks.</t>
  </si>
  <si>
    <t>                                           PETERSBURG, Va. -- (SNS) --Dr. Charles H. Wesley, Dean of Howard University's Graduate School, told students here at Virginia State College that "the ideals of freedom have been placed at a great disadvantage by the Nazi and totalitarian leadership but...</t>
  </si>
  <si>
    <t>                                           The Georgia court of appeal Saturday hat upheld constitution ality of an Atlanta ordinance, requiring that a taxicab haul of the white or Negro passengers exclusively. The court split in its decision, however.</t>
  </si>
  <si>
    <t>                                           V. M. H.--My husband isn't making but 3 days a week here and we want to just pull up and move altogether. There are five children, all small and his mother and myself. Tell us what to do as we aren't even getting by like 'conditions are here.</t>
  </si>
  <si>
    <t>                                           Sunday school begins at ten o'clock. Services begin at eleven o'clock. Rev. J. H. Walker, pastor. Miss Annie Ruth Gardner, reporter.</t>
  </si>
  <si>
    <t>                                           Life is no hip, hip hoorey to the lady who has taken on spread amidships. When she has to squeeze into a seat that is several sizes too small for her she wants to burst into tears. She longs to possess the serpentine shape, Every time she steps on the bath...</t>
  </si>
  <si>
    <t>                                           The Rev. W. L. Holloway, popular pastor of the St. John Baptist Church, promoter of the Gospel Hour, radio program heard over station WDEF each Sunday evening from 10:00 to 10:30 p. m., and former president of the Baptist Ministers Union, was denounced by...</t>
  </si>
  <si>
    <t>                                           PHILOSOPHICAL Graham W. Jackson, nationally famed one-man band and de luxe entertainer of some of the dear old USA's biggest "big-wigs", has reached the happy conclusion, "Life begins at 35!"</t>
  </si>
  <si>
    <t>                                           The East Point Girl Reserves held their Recognition Service on Sunday, April 12, at the Grant Chapel AME church. The service was given on the occasion of the First Anniversary Celebration of the East Point Community Club. Mao Clifford' McLeroy, president...</t>
  </si>
  <si>
    <t>                                           THE HABERSIIAM CLUB will not meet today on account of the passing of one of our beloved members,. Mrs. Minnie Davis. The members of the family have our deepest sympathy. The members regret the passing of our vice president's mother and Mr. Howard...</t>
  </si>
  <si>
    <t>                                           ONE YEAR AGO this week, the writer of this column sounded the alarm, calling attention to the ever-lurking danger America faces, not so much from alien agents, who can be so easily spotted, but from the native-born, made-in-America little Hitlers, whose...</t>
  </si>
  <si>
    <t>                                           JAP AIRCRAFT CARRIER TORPEDOED BY US.                 House Passes Price-Control Bill Monday                 Representatives Vote 288 to 119, Favoring Measure                 WASHINGTON- (SN3)-- An Aniencun  ana  a Japanese -aiD carrier in   battle . enemy Con  in the Macassar su , western i aumc, and ia  ed sunk, the u. b. wavy                 ported Monday. The report did not specifically identity the carrier as to type, but of f icials expressed belief that u was one of the regular flee! carriers. The Navy also reported that heavy hits on additional enemy destroyers and trans ports had been delivered by United States units in the battle of the straights, which lies between the islands of Borneo and Celebes on the route to the Dutch East Indies. The Navy said the resuits of the raid "are  first torpedo boat raid  Japanese naval units there was reported last week. A 3.000 ton ship was lost by the Japs al this time. On Capitol Hill, a compromise wartime price-control bin was aP proved finally by the ho jse Mom dav and sent to the senate. The roll call vote on * of the legislation was 288 to 119 Passage came after the. house rejected on a 208-199 roll call vote (hat the legislation be sent hack to n committee with instructions to eliminate provisions for licensing of business and to        n hoard ot review to study price .</t>
  </si>
  <si>
    <t>                                           WASHINGTON--(SNS)--An American submarine has torpedoed a Japanese aircraft carrier in the continuing battle with enemy convoys in the Macassar straight, western Pacific, and is behaved sunk, the U. S. Navy...</t>
  </si>
  <si>
    <t>                                           The Gate City will take pride in news of the fourth promotion scored by Bryant J. Bass, youthful Atlanta collegian and erstwhile prise fighter, in his colorful army career at Fort Benning Ga.</t>
  </si>
  <si>
    <t>                                           HOTEL MACK 30 Tourist and Transit Rooms, $1 up. 548 Bedford PI., N. E. VE. 8921, Atlanta, Ga. Free parking. ON  . \F 6CMJ COMl -OS ANY OTHER OAY. HOP OUT OF BED AND EASE YOUR HEAD THE AlKA-SELTZER WAY. f^T**^ (L^WaPACHeI WHEN you wake up in the morning with a Headache, don't wait for it to wear off, do $omething about it. Have your ever tried a glass of tangy  Alka-Seltzer? Alka-Seltzer ii la * solution, ready to go to work as soon as you swallow it Th* action of It* ac*l(esie (sodium  ) U       noro * by * buffer Mlti which protect It      up     action. Bccaun tht  is com. LUitil  aU^liue  in AOa-SeUier, million! of peopl* find it effective in           th*  of Betdiene, Coidi, "Mominf After", Add Indigestion,          Fatlgu* and Htutnlar       and Palni. Yonr  hu ADu-Seltier b   and economical Jargt  or ht will bt (ltd to   rvt you t glass  lli     -       st his ^sff Jarrtt'T. Whs W^fl.</t>
  </si>
  <si>
    <t>                                           ONLY SEVEN NEGROES are listed as outstanding challengers for the eight world boxing crowns by the National Boxing Association in its most recent ratings.</t>
  </si>
  <si>
    <t>                                           STARTS CAPIXULl TODAY LLOYD NOLAN in i "STEEL AGAINST THE SKY"</t>
  </si>
  <si>
    <t>                                           Coach William Exum will send a well balanced squad in competition this afternoon at 4:30 o'clock on the Atlanta University oval where the Morehouse track and field aggregation will encounter a talented array of cinderpath artists from the 99th Pursuit Squadron at Tuskegee.</t>
  </si>
  <si>
    <t>                                           \ university/ ":-":^$ffl '^ Atliint EDITION ^JjIksiAMPSj The Nation's Only Colored Daily Newspaper ,j      " i ;flG3H^^^H! VOLUME 14, NUMBER 289 ATLANTA, GA., THURSDAY, MARCH 19, 1942 PRICE FIVE CENTS</t>
  </si>
  <si>
    <t>                                           "The 'kitchen brigade' can clean up Hitler" DONT wiih * wider the faucet. 'Uk good suds?  in x pin- with a  of bat water.     -  oa . Between-  water    wasted  and waited . JRemeoken water  t U  power/ Save yoor pennies for u. s.        stamps- to scour Hitler off tbe nnp. Erar u. i. savings stamp and bond if added  ia Aqeria'f war effort</t>
  </si>
  <si>
    <t>                                           Yon, too, con actually feel ^Nw the exhilarating effect ot       ^^ Glover's Mange Medicine K^^Hi^LB at ance} And *awc offer yo\t Hk'*^~^Bfl this JiermeiicaJly-] Up1* isl^Hi * W?"' L*A    '* application, FREE! fT ^nTl Mil 1 y iX W'(h       :-           *Vl3wA ^e results of this famous NnMffla MEDICINAL treatment!  Learn how effective it MjlTujSb^B Is for Daodroff, excessive VTMLUmB Fallinp Hair, Iccbtop  HeEQHH; Scalp- ho wit brings out  '^e ~*tura' attractiveness B3!.;*'^*JA your hair! Glover's 1 Jj^*"ri^*' i 's so'^ ^y t^rus stores  i^kt^ sample and booklet I FRfEr V^j on ScieIU;iic c?ie of "~^."tU Pp5r^\ Scalp and Htir sent 1 Z*~   M"^(t^i?^'~*~) FREE on request. 2TTS,       ,   04e, J00 1th    . X.V. Seu'J  .' i ManfcC MeJj'cinc and new S hum poo. J * }c to cover postage. Name</t>
  </si>
  <si>
    <t>                                           Sunday, March 22, opened the 41st anniversary of the Greater Laster Chapel Methodist Church in College Park, Rev. O. S. Hood of Senoin Georgia, spoke at 8 p. m. and Rev. W. C. Dorsey of South Atlanta Preached a special sermon. Miss Edna L. Middlebrooks, of Central...</t>
  </si>
  <si>
    <t>                                           RICHMOND, Va. -- (SNS)-- Coach Henry B. Hucles' fighting Virginia Union 'Panthers' moved into the spotlight last Thursday night when they toppled the crack West Virginia State "Hornets," 68 to 36, at the Community Gymnasium, here, to end their...</t>
  </si>
  <si>
    <t>                                           MONEY On Your Signature See Mr. Gower AT Dollar Buying Company 25 Peachtree Arcade Phone: WA. 3359  TO I1UV. BuokD, , . etc'..  la I ho   *To nnd SUvery. In all     . AIM everything       by Nerron*. ChorleN r. Uoartmnii, Unllleslmrt. MiMlMippl.  A MEW START IN  l^^^NTtT^^OJ Wriu lor                M. , Dept S JOURNAL SQUARE  JERSEY CITY, N. J. J S MONEY S LOVE, JOB  PACTS IN YOUR Wilt yon lit!  hi Inter SnccfHNrul mi ^HN? Win In ^i? I'll cln In  m l)          ,      % , , , iiu ky him! unlucky *t ft,\.         ) according     * l hi*  how! Sfml in**  nam#~, Hilflrcss. uml l.  l*te.  NO  U'hfH your  *.    mly #L * Tr\v       . Vnu will bo  nt the re*   of                     t*f ^ . FREE wltI' "    * : Sral of       Di'stlny and Vowcr.  In         lurk. W. A.  24 K. SI, New York. N. Y.</t>
  </si>
  <si>
    <t>                                           Scout Speaker                 . C. L. IIAHl'ER ol Broker T. Washington High School nnd Picsidcnl of lite Georgia Slate Teachers ami Educational Association "ill deliver the main address tills afternoon :it the celebration of the 'Elevcnlh Annivcisury ot scouting 'In District Ten. The  will be held nt 3:00 P. M. ul Friendship B.i  church of which, .Rev. E. .Jt.'Vtnrtcr is pastor. The public is  to attend.</t>
  </si>
  <si>
    <t>                                           Henry Grady Homes has been a hot bed of political activity for the past few weeks. The Tenant's Association is holding its first annual election of officers on Thursday, March 19. The various candidates and campaign managers are seen in closed conferences with...</t>
  </si>
  <si>
    <t>                                           IT WAS THE first Morris Brown Founders' Day for the writer to miss in many a year, always managing to be present some part of the day to one of the business sessions; but from...</t>
  </si>
  <si>
    <t>                                           In USO Center                 Dennis \V. Clii's'.. irr.Mlir.ilr t.i tint All:ii-.t:i University Sdii'ul   f Social Wurli, is  of ihc USO  for Negroes. St. f.'onis. Missouri. Formerly ~;      St. l,     r.**(). Asmh i;, In- is \vi:~l         i" "u* *l:~l n- rji-.-li.-s nf ihi;    ii.v ;     s! h;i:.               '. in UMkluj a success ol Mic "ork of tlio Center. The Center is housed in the Iniihl in).-   by Ihe YMCiV :iml will .icr.. SS I sot  in  -rs witli excellent  for various  of  :      rt:i .</t>
  </si>
  <si>
    <t>                                           Alabamans, Georgians To Hear Walter White                 NEW YORK- (S N S)- Returning to New York for two weeks after a tour oC California and Texas where he visited as many as five towns In one day addressing mass meetings and conferring with NAACP branches, Walter White, NAACP secretary, Till leave New York and speak in Milwaukee, Wisconsin, Wednesday, March 18. Mr. White is to address the Women's Court and Civic Conference of Milwaukee county, taking as bis topic, 'Is the Negro Awertw'9 Refugee?" Hs xU) meet                 with- the Milwaukee branch NAACP that evening. On -Thursday, March 19. MX. White will go. to Fond du Lac. Wisconsin. At the conference ot Alabama State Teachers' Association in Birmingham, Ala., he will be the principal speaker Friday, March 27, meeting with the Birmingham NAACP branch in the afternoon. The next day. he will go to Atlanta, Ga., for a branch meeting and a radio broadcast, Sunday, March 39, at 10 . Monday, Marcfc 30, ho will meet                 Father And Son Find Woman's Body In ^ Find Victim Hidden In Basement Two Negroes were credited Wednesday with the discovery of the body ot a white woman in an automobile trunk hidden In the base- ment of a house at U17 Siewart Avenue, Southwest. The finders  listed as Isaac i Williams. 47, and his son, Ilosea, 18, of a Taylor street address. They had been " by the occupant of the house. T. E. Griffin, white, to clean out the basement. City DetectiYcs D. h. Taylor and J. M. Austin, who answered the call to the Stewart avenue , said they believed the body to be that of Mrs. P. M. Williams, 22, of 640 Mayland Avenue, S.W.Mrs. Williams vanished last November after leaving her, apartment, to come to her Job downtown. The missing woman s husband had not been located late Wednesday. An inquest lias been scheduled by Mrs. Paul Donehoo, Pulton County coroner. COLORS PRESENTED 366TH INFANTRY FORT DEVENS, Mass.- (A N P) In a colorful ceremony on Rogers1 field, the main parade * at Fort Devens, Col. West A. Hamilton, commanding officer, 366th Infantry, Wednesday received the regimental colors  Col. W. A. Smith, commanding officer of Fort Devesn. After the presentation Col. Smith,! accompanied by Col  Hamilton and his , reviewed the troops of th" 366th in: an try drawn up .Into formation for the' occasion.</t>
  </si>
  <si>
    <t>                                           COLUMBIA, S. C.--(SNS)--Ne-. ernes arc enrolling to vote In the Democratic primary here, but a resolution missed by the City Democratic executive committee. may succcmfully prevent . them exercigiru; their right of rronchiso. But unless' Negroes are</t>
  </si>
  <si>
    <t>                                           "Before you condemn other, try to see whether or not you are in position to do it," warned the Rev. Taschereau Arnold, evangelist and religious commentator, in a forceful sermon at Greater Mt. Marian Baptist Church; Dr. C. H. Holland pastor, Sunday morning before a large...</t>
  </si>
  <si>
    <t>                                           -V^Qman Poisoned^Knew Too Much'                 CLARKESVILLE, Ga. (SNS) An alleged' love battle between two white women, Tuesday was believed to have brought about the death of a" colored  and a white man.                 "The colored woman was Mrs. Bessie Tate- Winters, 59, who resided. alone' in a small house. ~^The white man was William Bak-. er, 42-year-old tubercular. Following a long grand jury session Tuesday, it was learned that the two white women accused each other. of poisoning- the two persons. According 'to the evidence, there' was ill feeling between Mrs. Australia Baker, widow of William Baker, and Mrs. Flossie Thomas, 48-yearold former school teacher. It was pointed out that Mrs. Baker had woo tie  of Mrs. Thomas'                 husband, F. Donnls Thomis. The grand Jury late Tuesday night Indicated Mrs. Thomas on a murder charge and ignored charges against Mrs. Baker. An investigation was started when bodies of Mrs. Winters and Baker were disinterred. An examination revealed that Mrs. Winters had died of strychnine poisoning and that Baker's body contained quantities of arsenic. Both Baker and Mrs. Winters were innocent victims. It was brought that Mrs. Winters n-as given the large dose of poison because she "knew too much"' about the alleged love battle and Baker's Jeath. \Thomas has been jailed on an abandonment charge.</t>
  </si>
  <si>
    <t>                                           CLARKESVILLE, Ga. --(SNS) -- An alleged love battle between two white women, Tuesday was believed to have brought about the death of a colored woman and a white man.</t>
  </si>
  <si>
    <t>                                           Making Guns For Uncle Sam                 Thousands of Negro artisans arc speeding America's gigantic shipbuilding program in U. S. Navy Yards and private shipbuilding plants throughout the country, Dr. Robert C. "Weaver, Chicr of the Jfcgrb Employment and Training Branch, WFB, announced this week. Here.a Washington Navy Yard worker forges  of one of the Urge guns which will soon see action on an American, . Approximately 5,000 Negro skilled, semi-skilled and unskilled  are employed in the Newport News Shipbuilding and Drydock Com. pany where the above worker operates one of the many complicated machines in that yard.</t>
  </si>
  <si>
    <t>                                           TIM TYLER -By Lyman Younffl                 IT S A GREAT LIFE IF YOU DON'T WEAKEN } -By Jack" Rabbit                 DOROTHY DARNIT CHar'M   :Ma"                 1 :l -By Cy Hungcrf or d                  FELIX, THE CAT t -By Sullivai:;                 HAIRBREADTH HARRY, VS*^.</t>
  </si>
  <si>
    <t>                                           Across the Bay from Corregidor Fortress                 Borning fiercely, si number of barges In Cavtte Navy Yard in the Philippines send billowing clouds eft smoke Eijrrard after Japanese fliers had unleashed bombs upon them during a raid. V. S. -^                 Offldtt 17. S. Swy PtoMjiHot*</t>
  </si>
  <si>
    <t>                                           The United Service Organizations' Lounge at the Terminal ... accommodated 1034 soldiers during the last twenty-four days of February. These soldiers were served over six hundred cups of cofiee and were assisted in making twenty-six telephone calls.</t>
  </si>
  <si>
    <t>                                           NEW YORK --(SNS)-- Boss of wartime industry, Donald M. Nelson was asked by the NAACP last week why, in his many radio broadcasts and statements for the press, he has not mentioned the wide-spread failure of indusrial plants to use Negro manpower.</t>
  </si>
  <si>
    <t>                                           MISS ADLYNN ALSTON, a versatile young member of Fessenden Academy School faculty at Martin, Florida is the house guest of Mrs. J. P. Dansby, of 969 Lena Street. N. W., enroute to New Haven, Conn., where she will join her mother for a very pleasant...</t>
  </si>
  <si>
    <t>                                           ON  MORN, IF HEADACHE* COMI, OR ANY OTHER OAY. HOP OUT OF BED AND EA5E YOUR      THE ALKA-SELTZER way. WHEN you wake up in the morning with a Headache, don't wait for K to wear off, do something about it. Have your ever tried  of tangy sparkling Alka-Seltzer?. /Alka-Seltoer I* In" complete solution, ready to go to work s *oon u you swallow it     action of IU analgesic do4lum   tyl Mlleylate) U mad* more positive by  buffer Malts which protect it tod  up its action. BccauM tht BDalgealc U combined with alkaline buffers in AUta-Seltxtr, million! of peopl* find It effective in relieving     distress of Ileadaebe, Colda, "Momtnf After", Add IndlgMtlon. Muiculu Fatigue and MukuUx Achet and Pains. Your druggist has Alka-Seltier in convenient small and economical large packages or be will be glad to serve you a glass of iil^ AQcfSeltssr at his soda^ ". Why Ji^B "THE5WBHHKiiaWBV</t>
  </si>
  <si>
    <t>                                           Hosts of local folk are expected to swing down to Covington, Georgia, this afternoon (Memorial Day) to see the Atlanta Ali-Stars take on the powerful club developed in that staid little commonwealth.</t>
  </si>
  <si>
    <t>                                           With 'Brownskin Models7                 The beautiful streamlined sylphs above arr just a couple of Die glamorous "hot " doing eye-filling chores for the colorful BROWNSKIN MODELS show tonight, 12:01-4, anil Monday , 9 till 1. at TOP HAT.</t>
  </si>
  <si>
    <t>                                           Kr" -j^ES^. il*2,jP v^^n^M ?i *1 9 I^^L I EASY QUICK -ACTING WAY! 8 y "ood-br"" to , -. .  outer  1 4 t)            9  .~~~              . TrrDr.  It .f.~t b*Ma** It It QUICK-ACTING, tt        5 ;,~     ]pIi4                . WlttDtrSBD f. I Fijmn'ifiKIKWHlTENER^. m  ad  u it *        ~=               disk tUa. Try tt 5 M  *      -~   4t!.   ?     (*t9 g % SXtNOSUORTVuiubiasdrMairWcncb.  T</t>
  </si>
  <si>
    <t>                                           Congressmen Now Shoot At OCD's Race Relations Unit                 Mrs, Fauset! Is Under Fire Of Legislators                 Seek To Cover Up Reaction Against Pensions                 WASHINGTON. D. C- (A N P) -Charges and counter charges ore being  back and forth lit Washington with economy minded congressmen, peeved perhaps over public reaction to their recent attempt to  themselves upon completion cf sen-ice tiring                 lades of words at  of the government which touch closely upon '~ and           : the  the public Is the blast unleashed nt the Office of Civillon Defense. Reaching the tempo of a tornado, publicity lashed the appointment of OCD reaching down into the vital spot of racial relations where Mrs. Crystal Bird Fauset is In charge of a section. RAISE AMERICAN' ISSUE Asking i:i an Involved manner why such iv department Is necessary and why should such "unAmerican bureaus be created" the point Is attempted that this is unnecessary. Realizing the importance of this department, leaders of the OCD sought the best, persons for positions In the division. Not only are thoy asking! why the bureau exists, but probers ars asking what are its functions... asking In such a manner as to make it appear that such things arc unnecessary. Rep. Wigglestorth' of Massachusetts, where Negroes have few opportunities commensurate with their ability (to wit. so ninny Negro girls trained for .office work leave that   of unemployment), ts one of the prime movers in these invest . FSA UNDER FIRE At the some time, Farm security is under the hammer because of the payments being made white fanners in the south to take care of their poll taxes, permitting them to vote, while Negroes are not being- given the same opportunity to (Continual an Page 6; Col. G)                 Mrs. Fausett (Continui'.il from i agc 1) vote in congressional elections or on the Republican ticket If they tso desire. Farm Security has done an excellent job in the south as far as Negro farmers are concerned and most of its programs have been helpful in rehabilitating sharecroppers, farm owners and farmers who axe being shoved around by the war department which sought new land for military reservations. But when this poll lax payment out of P5A loans came to light. and It was staled that Negroes were not participating in It, the administration was asked to explain why any farm money was being diverted toward such an end. Tile story first came to light in Alabama where  much money had been paid out in this manner, but none tc Negroes.</t>
  </si>
  <si>
    <t>                                           WASHINGTON, D. C.--(ANP) --Charges and counter charges are being hurled back and forth in Washington with economy minded congressmen, peeved perhaps over public reaction to their recent attempt to pension themselves upon completion of service firing...</t>
  </si>
  <si>
    <t>                                           Students, Alumni Of MBC Give College $1,1                 Dugfey Urges" Men to Enter Business Field                 Students and alumni of Morris Brown College gave more than 51,500 to the school Thursday upon tuc observance of its -eighth anniversary.                 Hundreds of supporters ot tne n. M E institution filled the College Chapel Thursday morning to witness a program featuring mcns and women s glee clubs. H H Dugley, business leader ot Dublin.' Georgia, delivered the Founder's Day address, bringing rounds of applause when he said that an education that won t give you a living Is not worth striving for. He urged young men to enter the business field and build large institutions. I Dr \V Boyd Lawrence, presiding i elder of 'the Rome district and  of the trustee board, told of founders of the school and read for Information the minutes of the first                 trustee board meeting held February 1, 1881 in Big Bethel Churcli. Gcoi-bc Moore, a Morris Brown senior, represented the college students on the program and praised the institution as the dream of the Negro. He told his hearers that the student  was an answer to race critics who say that the Negro is not competent to handle his own affairs. The Rev. R. H. Alexander, pastor at Conycrs and a graduate of Turner Theological Seminary, represent the students of religion.                 "president W. A. Fountain, who has headed the school since 1928, gave an outline of the presort condition of the school, pointing out I needs of the institution. He asked tlic trustees and pastors to continue to work toward a great school rally in June. A vote of thanks was given him by the trustee board. Bishop W. A. Fountain, chairman of the  of trustees, presided at the program and also held a council with presiding ciders who made reports on the condition ol                 slate, work. I Bishop W. F. Fuller, Dr. M. L. King. J. W. Dobbs and Dr. J. S. Brooking, of Mobile, Alabama, were among the visitors present.- All ot (Continued on Page 6; Col. 1)                 Students, Alumni (Continued from Page the thirty-nine presiding elders were among the visitors present. All of the thirty-nine presiding elders were present with more than a                 hundred pastors from many sections of the state. The anniversary celebration was climaxed Thursday night when the department of .music of the college presented an original morality play entitled. "Let My People Sing." at Big Bethel Church.</t>
  </si>
  <si>
    <t>                                           Students and alumni of Morris Brown College gave more than $1,500 to the school Thursday upon the observance of its fifty-eighth anniversary.</t>
  </si>
  <si>
    <t>                                           The United Group of Ward 5, of the Greater Mt. Zion Baptist Church, held its last meeting at the home of Sister Willis, 147 Chapel street. The next meeting will be at Deacon Redmon's home on John Hope Drive, Thursday night. All members are urged to...</t>
  </si>
  <si>
    <t>                                           HAIR TONIC ~?~b Sow only     Mr XX, or 3 boxes for S3. WHte now. lad 82  or  order aol wo par -Ks D. NATURE SEED CO., Dept. S-2 1J5 E. . K f. 0/</t>
  </si>
  <si>
    <t>                                           Loans $5.00 and Up If You Need Money SEE ME Before You Borrow or Sell Vour Salary or Renew Your Present Loan Ekewhera YOU WILL LIKE MY PLAN J. H. DELANY, Manager "LOANS AND INSURANCE1 38 PEACHTREE ARCADE WALNUT 2535</t>
  </si>
  <si>
    <t>                                           f^s*-^ Km A patriotic duty now and BURT S (["Fly \f^~ makes saving a pleasure for you S }r*  -*Jl by offering fine shoes like  ^J ^^^1^ LIPSTICK REDSa KELLY^GREENS! BLUES /  -~-^^^ IN PASTEL OR NAVY! GLEAMING BUCK ^3  PATENT LEATHERS! BEAUTIFUL.  n^^W^^^V TANS GENUINE ! Select ^jj^^Pfl^H^    ^   ^ your Spring shoes here from a. world of \1W I ^^a^B^J the newest /styles, colors and materials, ^^^^^f TWO STORES vx lLI^ To match eur,*hees,    u w-, in aii , at      63 Whitehall St. Add 1Sj on</t>
  </si>
  <si>
    <t>                                           m EN AD M I R i LI 6 HT ER W$~ , FAIRER _/J^V^ SKIlsi     M^M^' DON'T LET TOO DARK, ROUGH,   -^s/^*^W DULL SKIN SPOIL YOUR HAPPINESS (Sffl %~i3Bf Why  a back seat whil*         have all thi fun? Why  9n^. give up your  right to , lav* and romance. Stop, t that               that too dark, , rough Uiin usually bringi. y let ,-the Modern- Mldicated Bltach Creme- com* to your . Ule  at -and  vhi in a     day*- you;i) be delighted with the grand  im*  your mirror will thaw. Remember ADMIROtA H not on ordinary cream. It      ~^"^""1*^T  medication to Ktlo nature "flake, off" the dull, too r u q U( dark outer  . Ut  bring out your lovelier, brighter; lighter . *Tr f            ADMIROtA it  an money bock guarantee by       -ar if your  cannot  you ute coupon r,., t^.~. and the big  s!ie  Will be promptly   to you. Send no money. Simply pay Totrmon 50c plot  NA' charge*. Remember, if you are not pleated, your money refunded.* ADC r ~"JJ'- ^^^^W^H^^^H^e^BBeB^^  ^^^BB[B^^^H v y*~ ^^S .^B- 9 ^B i i M-BeT^.' ^ ^^BeeEeeWeeeeee^H vt3*X**    r^B^J^^^^B^^^^B^^B^^^B^kr^~^^^B^^e^BHB^B^   ^B^BBHKfjl J%  9^5</t>
  </si>
  <si>
    <t>                                           INJURED BY JHN                 BIRMINGHAM, Ala.- (SNS1 Flrsl Class Steward Samuel E. Pcgucs son of Mr. and Mrs. A. li. Pegucs, 704 Third Avenue, No. Stewart Pcgues came through Birmingham recently on his way to the Naval Hospital in Philadelphia, where he is now reported resting well. He Is now serving his tenth year {! the Nary. Ststrart FipiES was at Fisr! Hirber darine -6 Jipasest i=sik attact s= iht Tshr.d cJ the Fioiflc. November 7. It is. that daring this  be received bis Injury.</t>
  </si>
  <si>
    <t>                                           Shorn of all high-sounding phrases, the war in which we are now engaged is a war against slavery.</t>
  </si>
  <si>
    <t>                                           Man, Woman Killed Sunday As City Violence Flares                 Women Killers Held By Police Investigators                 Clever sleuthing by Detectives Newton and Preston brought about the arrest Sunday night at 9:30 o clock of a woman listed as Miss Clara Belle Stanley, of Raspberry Alley, for the alleged murder of Miss Hazel Lawton, 31, of 240 Houston Street, N.E.,                 around 5:10 o clock In the afternoon at the Houston Street address. According to  given Radio 'Patrolmen R. L. Burden and E. H. Norwood, Miss Lllgfl lie Gray, of 245 Sunset TH    Avenue. N.W.. an  1^1 witness, said she and *^J the victim were In thi  talking about a leak In tlie bedroom from the roof when Clara walked In and asked Hazel where "Boll Weevil" was: Hazel reportedly said she didn't                 know, whereupon Clara is said to have stabbed the former in the throat and walked out. The officers said William Bradley, alias ''Bol! Weevil," was along Bell Street at the time and that it was he who put Haze! in a       und sent her to the colored  at Grady where Dr. Polton, In charge, pronounced her dead on arrival. Death of Miss Lsiwton was the eighteenth colored homicide oi 1942 in Atlanta. SHOT BY WIFE Tommy Culberson, 29. of 181 Merrilts Avenue, N. E., was fatally shot the past         around 1:30 o clock, reportedly by his wife, Mrs. Annie Jor.es Culberson. 27, of the same address, at the residence where the deadly weapon was said by policemen to have been found on the bed at the spot of the murder. Culberson was pronounced dead at Grady by Dr. Timberlake, who discovered that he had 1J#% been shot on the       per left hand side of '.he stomach at the f^J tenth rib. In connection with the crime into which origins! investigation was made by Radio Patrolman R. H. Anderson and W. T. Lasscter. the crack local sleuths, Defectives Taylor and Austin, questioned Joe Davis, Jr., 28, ol i 2K Dunlap Street. N.E., Tom Bailey. 29. of 384 Rockwell Street. S.W., a:id Miss Dolly Lee Howard, 19, of the rear 503 Piedmont Avenue, N.E. The radio patrolmen said they answered a call to the scene of the crime around l;3j o  Sunday                 morning aii J found Culberson lying on the . a knife clutched in his right . His wife allegedly said she Lhot him to keep him from cutting her, claiming that the others, too .tiled to keep Tommy from slashing her but that they failed. She said she shot at him four times, Witnesses corroborated the woman s statement. They were held as material . Mrs. Culberson     booked on suspicion of murder. This particular slaying was the nineteenth homicide ol the- year for Negro Atlanta. SHOT IN THIGH Mrs. Agnes Turtnan, 31, of 361 Highland Avenue, N.E., Apt. 2, was hot in the left thigh around 9:45 o clock Saturday night at lhe corner of Fort and Dodge Streets, according to police infor(Continued on Page 6, Col. 7)                 Man, Woman (Continued from Page 1) matlon. She was treated at the Orady colored clinic and dismissed. For the crime, first probed by Radio Patrolmen H. A. Beatty and W. D. Nash but now being run down by Detectives Taylor and Austin, James Turman, 31, live feet, eight inches In height, 158 pounds in weight ,and dark brown skinned in complexion, of trie same address as the victim, is being sought. Although he. is listed as victim in an aggravated assault case and accuses James Lynch, 25, of 634 Smith Street, 3.W., of taking. $90 from him, John W. Pearson, 42, of .494 McDanlel Street, S.W., is also being held by .Atlanta police after discoveries by' Radio Patrolmen Stribllng and Fuller. The case is being investigated further by Detectives Copplnger and Nahllk. CRAP GAME FIGHT Lynch reportedly told police he and the victim were In a crap game, that he won Pearson's money, and that when he tried to leave the latter attacked him, whereupon "I let him have It with a poker.'! Lynch turned over $12.85, pair of dice, and a knife to police, according to     records,  nd                 the same was said to have been left at headquarters. Both men were booked on charges ol assault and battery. MUs Emma Llllie Prather, IB, of the rear COG Western Avenue, N.W., was stabbed around 9:40 o clock Sunday morning with a knife yet. unfound and. at the time of this article, had still not ,had treatment for the cut under her left eye. Before the case was- turned over to Detectives Preston and Newton, Radio Patrolmen Raymond Edmondson and J. B. Bishop, Sr.. who answered the' call to the scene of the happening at 606 Western Avenue, quizzed Mrs'.V Irene Davis, 1G, and Guy Davis; J3, both of the Western Avenue address. For the assault. Miss May Iindy Ellison, 19, who is said to live on Vine'Street at the corner of' Western, was being sought Sunday.</t>
  </si>
  <si>
    <t>                                           Clever sleuthing by Detectives Newton and Preston brought about the arrest Sunday night at 9:30 o'clock of a woman listed as Miss Clara Belle Stanley, or Raspberry Alley, for the alleged murder of Miss Hazel Lawton, 31, of 240 Houston street...</t>
  </si>
  <si>
    <t>                                           Here's The Simple Easy Way That COLORS HAIR JET BUCK I  CAN DO IT at horn, ... OltlyWF  HUR  IS . OUT. . . BURNT AND  Tna nn  application of BLACK STRAND Hair Colorinc Imparta                        ]!      U         , . . boras     (r-cobr.        (KirhAir    UslltTDOothwidarcnlyeobTvd. yoo will bfl d*        to    bow  UTlt U to Imp your        IU , . bat with s Blxfc Strand I application or          aa . FaU  ara with Urn Black Strand pac]   .     pile. UonlT 60c Git Black Strand Hair Catering from your  anil know     joy at . -colorad jet blade hair 1   Sutl^^d. CAUTION:- Black Strand    to ba ued only aa  on tba label. BLACK STRAND ilT  140K Hfir</t>
  </si>
  <si>
    <t>                                           A large, representative and appreciative audience packed every conceivable space or the Vine Avenue Methodist Church at the Sunday afternoon mass meeting sponsored by the local chapter of Alpha Phi Alpha fraternity in co-operation with local youth...</t>
  </si>
  <si>
    <t>                                           RAF Pound's Mannheim, Nazi Strategic City                 View alons th."  at Mannheim. On::.:ny Hera is a view of the -. at ':.iiU7ihi.r... ;r;.jt       :. i.-Uu-tr...: -.i ,o.-.-..i..:*.: t,y  Air Force ^rr. ir. orie gi :iic r.ii;;o.: i i:.-. i-~r u.:.. -ir ,,i i r,- .  in the assault, Macnbeim,       commercial      . on the upp^' f.nii:*. i_ c.i vital -tince 10     German war . Much war material flows from there K. the Nsii arm:ti   Europe.</t>
  </si>
  <si>
    <t>                                           JEM AA OST people who uie Dr. Mile* m Anti-Pain Pills say that ooa pHl usually relieves their . la the regular package, Dr. Mile* Anti-Pain Fills cost  oe penny each. In the economy packages, erne penny buy* IK . Wby Don't You Try Dr. Mil** Anti-Pain Pills? They taste good, act promptly, do not upset the stomach, contain do opiates or laxative medicines. You may be mile* away front a drug store when you get your next attack of Headache, Neuralgia, or Muscular Aches and Pain*. Why not get a package of Dr. Miles Anti-Pain Pills today and be prepared for emergencies? "fl"1" Pltkare, 25 PIDj, 2S* Economy Package, US' Pllli, fUM</t>
  </si>
  <si>
    <t>                                           MANY women all over the country are still a little bewildered over the recent War Productions Board fabric rulings governing the manufacture of dresses, so this department will atempt to clarify the situation.</t>
  </si>
  <si>
    <t>                                           Sugar Ray Robinson, sensational Harlem fighter who ranks second to Jee Lettls in fistic pepularity, will arrive in Atlanta. Sunday morning at 9:30 o'clock for his Sunday afternoon appearance at the City Auditorium.</t>
  </si>
  <si>
    <t>                                           IN THE CLUSTER of questions coming to this agent for picking are these: Why don't the Black Barons play some week or night gains so that some of the fans who for Christian reasons can't attend Sunday baseball may do so?</t>
  </si>
  <si>
    <t>                                           TIM TYLER -BV         Yountf                 FELIX, THE CAT -By Sullivan                 DOROTHY DARNIT -By Charles McMaiiU*                 "IT S A GREAT LIFE IF YOU DON'T WEAKEN -By Jack Rabbit                 -By Cy Hungerford                 HAIRBREADTH HARRY</t>
  </si>
  <si>
    <t>                                           Mass Meet To Speed Up Sale Of Bonds, Stamps                 Infantry Band To Be Featured Sunday, May 10 A mass meeting for colored Atlantans will be held Sunday, May .i^!   -v ter^      CivtUan 'Defense organization will launch, a- ''four-day community bond-stamp sale. Defense workers will make n *~or-to-door  in Atlanta and Fulton County in the attempt to -increase sales of defense bonds and stamps In this area. At the Atlanta mass meeting, a personal representative of the V. S. Treasury Department will be present. An attempt to get Private Joe Louis, world heavyweight boxing champion, now stationed at a New York arm post, as the representative at the mass meeting; failed Tuesday, but officials assured the Atlanta public that u big figure In national circles will be here to stress the need of buying stamps and bonds- for the country s defense. Another feature at the mass meeting" will be the .Z4th Infantry Band from Fort Benning. The Atlanta defense , under command of W. H. " Alken, is working with President W. A. Fountain, chairman of the colored division of the Stamp -Bond sales for the State of Georgia, PAIR OF PANTS SEND MAN TO CITY JAIL "Robert, Strozier, 28, of 202 Butler -Street, N.:E., was reported under arrest at city police headquarters Tuesday after complaint by James; Milton, of 203 Harris Street. Milan contended that Strozier broke .Into his house and took a considerable amount of clothing. Police said -the arrested man was wearing pants alleged to have been stolen and that a coat- was found at.his-.home.                 Preacher Saved From" Hot Seat"                 By JAMES H. PURDY. JR. IffiLENA, Ark:- (- The Supreme court at Lit{JeBock, in a -to-two decision Monday, saved the Rev. A. T. Jones, a convicted slayer, from the electric chair because the Phillipe county jury that convicted him failed to specify first degree murder in its verdict.                 .Irving C. MUlef, producer, whose show was -appearing at ,the Flaxa theater here on the night of Oct. I- captured Jones, the gun toting , after he had attempted to hold up George Miller, owner and operator. George' Miller was fatally wounded in the Melee. Jones stated to the arresting officers at the time he was appre-. bonded that he was a licensed preacher and admitted having teen responsible -for holdups of twe places in West Hdena. the  ot  at Slss, B. Miller                 High school, the robbery or. a Chinese store in Catholic Hollow *nd the shooting of Percy Moore lu the back. The Phlllipc county Jury convicted Jones or the killing. ol Georgia Miller and at the time ol j the trial .Jones pleaded innocent! by reason of insanity. The majority opinion, written by Associate Justice Frank G. Smith, s?.id a Jury, before Imposing capita] punishment, must specify murder in the first degree. It reversed the decision of the PhUlipe Circuit court sad ordered the case .</t>
  </si>
  <si>
    <t>                                           Though predicting that Nazism would be destroyed, the white races are deluding themselves in ever hoping to regain control of the asiatic peoples, Dr. Dwight J. Bradley, executive director of the council for Social Action of the Congregational Churches...</t>
  </si>
  <si>
    <t>                                           RICtf S BASEM E NT MmS^i^ Salutes The "illi^tel Graduates of 1 942! ^^.   %3*eh fill Hi fi lln P % ^E_rl fi TLAflLanrJE5    n (T*C Wi H ("H ^*vL^-^r We Frosty white in novelty leathers and M i 8 (^'sii r i I I  i . Pouches and underarms- H FA^ V           Drcss-Up Drosses! beautifully 'detailed. Any. graduate B fi (MM fi H i One and two pieces) Jackets! Sissy  g would love  H 1 J Jnim I v^\ Oi, pastels, dashing splashy prints, so- W FuJI-Fashioned Rayon Hoso H .*?$M 'i rCV phisticated stripes for Class P Slight irregulars of 89c H t' nil I iP* Day, Baccalaureate Sunday, Junior- quality sheer and love- CQc nr H V*" ^'ff \t% X Senior affairs.~Sizcs9J.o 15, 1.2 to 20. m ]y. Jacquard lace tops. vu I M Graduation Formci'i Drosses W^^^^f^^^^^^^SfiffiBS 5*' '1** % W*~ 'v One or iwo -pieces: Organza, Chi/-  lg S^.  1^^'^"~^~ 3 _.-^j W Li-^^^^^^4-1^-- 'JRLnF I 5W11WS GOWNS' "1 \tr'.;'-':''ify' s^~~^^;V^~.V \^ft^*'~'\ 8 Solid pastel batiste or gay floral print B  8K^ "Sweet G!r! GracJuats" I ^^^^R^p^ffl i,i 'WHITE HATS I '^^W r\^ 1 1 AH Set for Vacation Days Ahead! 1 ,5r Hll, 4I1Mdl:  aM3^. ry QQ I FLAY SUITS I j' a^Ba'-^* '^l^   Big  for her sissy frocks and dressy prints,   8 IBS I '5^Si  r aHc cri5P sailors with her suits, turbans,  and berets 8s Beautifully tailored sHort 'n' shirt com- B      ^, ";i(h her =\ and slack . All n hite  S bination with separate flare pleat skirt, HI Jlfi^* c:a'-6 trims, , , ilc^sri. stc. gg butter: side, $ash. Blue, rcss, .12 to 20; H</t>
  </si>
  <si>
    <t>                                           FRANKFORT, Ky. (SNS)--For the second consecutive year Kentucky State College will serve as host to the Annual Midwestern Boxing Tournament, to be held in Frankfort on next Friday and Saturday, April 10 and 11. At this writing, it seems that the affair...</t>
  </si>
  <si>
    <t>                                           0i i cag$      er ma n is- League Speaker                 Two  :war time: .friends,.:.':*!! sreet each other Friday, ^feea AMerfaan E. B. "Dlckentoi;' principal speaker at the Urban .-.League Annual 'Dinneri js* welcomed by. Attorney' A. T. Waldtn,'  of thB-Bband.                 -~Mr.Dlckerson is  -speaker of tfca'        League dinner which *1U W. had Friday!  at .8:00 o clock in the University- ..Homes. Recreation Ball. 668 Fnlr- Street, a w. ..In the first World War Mr Dlckeraon 'served as a lieutenant of InUatoy.nhd Attorney WaUen serv^ ed as captain. Their friendship, was . by their . interest In law and each has attained notable success since that' time. SoesldnB Mr. DIckewcn,                 tomey Walden bos  him as "one of the ablest lawyers" In Chicago." For many years he has taken an active part In the civic affairs of his people there, .serving as a member of the local staff of the NAACP and as a member of the Bsard of Directors of the Chicago Urban League. Attonjey'-Walden has called Mr. Dlckerson easily the most aggressive: and progressive champion of his people s rights in Chicago.. Prominent ic political affairs.'' hr said, "Attorney Dlckerson. at the same time exhibits an unusual degree of manly Independence never compromising for personal advantage. His most distinguished service is that, being rendered as a member of the President's Committee, on Fair Employment Practices." Tickets for the affair ara available .at .50 cents per plate for league offices, 330 Auburn Avenue. Reservations mayi bo made by Phoning Walnut 2356.</t>
  </si>
  <si>
    <t>                                           Two old war time friends ... greet each other Friday night when Alderman E. B. Dickerson, principal speaker at the Urban League Annual Dinner, is welcomed by Attorney A. T. Walden, chairman of the Board.</t>
  </si>
  <si>
    <t>                                           DAILY CROSSWORD                 ACROSS 6 1. Father 5. Frosts 3. Couch's 7 10. Mallet 12. Leave out S 13. Salt irom 9 plant ashes 11 "14. Sprightly 15. Garden tool 13 16. Editor (abbr.) 18 :17. Elongated 20 fish 21 19. Queer 21.Froro rs 23_Narrow inlets 25. Lofty mountain 26  28. Ecclesiastic vestment  SO. A facade 33. Holy person 35. Way 56. Standiag out of water ;38. Male adults !39. Weight of India 140. Joined '42. Egyptian god 43. Curt 4~. Knock 48. Cry of pain SO. Hale sheep 52. Enclose in 3 package SS. Weak 57. U. S. coin 58. Dravidian language 8~. Fervor  0. Obligation 61. Coloring agents DOWS 1. Fleshy fruit .2. Ablaze 3. Jargon  4. Like 6. Eskimo house                 - A cryptogram quotation CX  CZ   i   2 U-Z J C J W R. ^Yestentoys Cry : FORTUNE CAN GIVE NO GREATER ADVANTAGE THAN DISAFFECTION AMONGST THE 5- . Piairarteii trr ~!es Teases STctos^Iss.                 i Covered witl congealed matter Feminine  Erase I. To soak I. Movcablc cover Exclaroation i. Raises A tact I. Fertile desert spots Blaze I. Land measure i. Tardier                 i 27. General ?~ 30. Coffin? 31. Mandate 32. Negative reply 34. Near (      Printer's measure  M. Gaudy Path of celestial body 45. Linger 47. Arrogance  IS. Often (poet) 4  . ChieT 51. Pronoun                 TC A prophet 0~. Through 00. Oslzichlikc bird 09. Paid                   P MI I iS:oBe k YTn-G       ^.iiE-S 2                 'MA' T- 1-5 I" F fs E^zl I 22 HfclL!" Ill lip" _ i3 W 3O 3i 3Z 2 2 I III 1      _IiJO _     11" 111" _lll !       !</t>
  </si>
  <si>
    <t>                                           Atlanta Appearance Delayed                 Sugar Kay Robinson, .sensational  welterweight who has n-on 122 amateur and professional fights 'n 122 .start* during his boxing  of only three years, received ill c fects. physically, in the lough, wild and  battle against the dangerous Marty Servo Thursday, May 28. Because of the fact that immediate medical attention must be  the boy s braises and wounds incurred in the Servo fight, a New York physician lias advised Mike Jacobs and Kay's manager. Curt Horrtian, against  the boy to fill a scheduled appearance    a giant War Bond Rally in Atlanta. Georgia, today. The War Bond Rally, which was  staged under auspices of the United States Treasury Ueparment, wax postponed indefinitely  It was learned tl-M it would be possible to get Robinson in Atlanta     the proposed program in the future- when physical ailments would iir.t be an issue.</t>
  </si>
  <si>
    <t>                                           FREE Women  Oar* akin, women with hard to Muliton complexion.  !n your  of a lifetime. Women with  nun. ,              WojiiIhIich  CKttsel, Mil* in grout ,,ewa l0r you. Ainn^nK XEW NIX Uquitl Blench  you to IiIffhLcn      akin and  out your .  . 'J'lilo nen,  lo um Uuitid Bl-u-li (H nol Ki*    ,,.-Vou   in IiuimJ imd--- twi iii-i    to bed. it  ul once. No one can- tell you Tiaed u. Jt works fast  you Bleep. No  to eat on pillows. Or. put It on In tlio  anil jual powder, wor it. It Iisliieii3 your Kkin's appr^;*) quickly, **) M,Jh . tl    . Ami     cause It \a liquid it irot.v Into ^vi-iy tiny Hue to help Klvc mow . smooth  . -'.     NIX Uguitl Bloacli at               r  R5c for double  to NIX COSM11T1CS CO.,        . TIfiNN. If not  your tr!;il la Kren  ml wo will refund your money. Aicenta  ul ok ly.</t>
  </si>
  <si>
    <t>                                           B. H. G.--Please give me some advice. I am not satisfied living here in this city. I want to go back to my native home to live. Now I have a home of my own and want to know if I should leave this man and go bark as he won't come with me?</t>
  </si>
  <si>
    <t>                                           MEN ADMIRE LIGHTER BRIGHTER, FAIRER _*    SKIN Jl%   DON'T LET TOO DARK, ROUGH. j9, ^W^^]    SKIN SPOIL YOUR HAPPINESS faM \J*^tfg9HRH Why   nol-wMtt        oil Ait funt VYhr ^^^N. ^wP^  tip your  right          * and . 5top 7 l   thof     , .    \l 1 I .-** MeJfm-Midkmo)         Crtim- lo your .     -omi *ytn in fsw  lori-you     delighted with l!~ grand thin  your mirror will  haw. ~.m.mb.r-ADMIROlA it not an ordinary . II           I   to       "flak* off"     dull, to*  dark oul*r shin . lot  brtn9   rl     , ,t .       .kln. H*!", N J     .old at- manor back  by  Tlme sind hiq 30 c-nl AtJMIPOl* IB.. ..I. -or IF your .l  / you   Crsmfi-'  '   J7 j. f     bhj .:      will      ."P" P POI'~! *6'^to TOO. Sond ao ; Sja^ly pay Pottmaa SOe pb: ,    =!      - n i da^^jt-       ^,~v=*~rJ^=od.=           . lcr.^ct.e ~-itv r</t>
  </si>
  <si>
    <t>                                           ELECTRIC AVENUE MANIS ROBBED OF $22                 Collie Brafinax, of 114 Electric Avenue, N.W,. reported t0 police Friday  two men robbed him of $22 late Thursday night on the comer of Haynes and Mitchell streets. /The victim told officers that (he men conic up behind SJnj: ns he walked along the street .   against His 'back before  him not to give an alarm lest they will .                 Plans Complete For Sunrise Services                 Plans ate complete for the Eas-  r Sunrise Prayer meeting to be  in the- Atlanta University. Bowl, West Hunter and Chestnut 3 Sunday morning at' seven o clock sharp. Persons planning I attend are urged to leave their lome in time to reach the bowl in "time. Trolley cars will be run from, j points in most neighborhoods on i                 residents to the bowl by the time the services begin. The speaker this year will be (he. Rev. k. W. McMillan, pastor of Central Methodist Church. The services are sponsored by the Interdenominational Ministerial Alliance, Dr. C. A. Tnlbert, president. The chairman or the committee on general arrangement li the Rev. R. B. Sliorls, pastor,                 8 schedule     get tbc .Wgsj HuQt.er  Ues$  WE C^UCCb.</t>
  </si>
  <si>
    <t>                                           Help Them Cleanse the Blood p of Harmful Body Wasted Your kidneys we constantly filtering waste matter from the bloodstream. But kidneys  mes lag in tbeir work do not act as Nature Intended rail to  impurities that, if retained, may  the system and  the  body machinery. Symptoms may be nagging1 backache, persistent headache, attacks of dizziness, getting up nights, swelling,  under the eyes- a / of nervous anxiety and losa of pep and strength. Other signs of kidney or bladder disorder are sometimes burning, scanty or too frequent urination. There should be bo  that prompt treatment is wiser than neglect. Use Doan t Pillt. Doan's have been winning new friends for more than forty years. They hav* a -     reputation. Are recommended by grateful people the country over. Ani your neighbor!</t>
  </si>
  <si>
    <t>                                           WAGNER. Mrs., GeOrgia--Tho friends and relatives of Mr. and Mrs. Albert Wagner, Sr., Mr. and Mrs. ..Albert. Wagner,' Jr. and family of Pearl Harber, H. T., Mr;:. and Mrs. :Clif ford Brown Mr. and Mrs. Hugh ...</t>
  </si>
  <si>
    <t>                                           Soldiers who will be passing through Atlanta during the present emergency will find the lounge for soldiers at the Terminal Station a comfortable place to rest while waiting for their friends or for their trains. This lounge was built by the local Council of the...</t>
  </si>
  <si>
    <t>                                           WASHINGTON, D. C.--(ANP)--Gossip concerning the pamphlet Chandler Owen is preparing for the Office of Pacts and Figures, which it is said 2,000,000 Will be printed for distribution among Negroes, is unfavorable, according to the large number "in the know" who are doing the talking.</t>
  </si>
  <si>
    <t>                                           WASHINGTON, D. C.--(SNS)--No license will be required for the manufacture of sale of uniforms to be worn by workers in the enrolled service of civilian defense, it was announced today by James M. Landis, executive of the U. S. Office of Civilian Defense, National...</t>
  </si>
  <si>
    <t>                                           Job Gag Costs Young Woman $115 In Cash                 A young womun listed by police as Miss Olivia Hrvct, of rear 30 Peachtree place, was film-Hammed out of $115 Friday morning on Whitehall street by a "job" (.1* She was the third woman to rail victim to this sort of racket ' the week. The other two lost much smaller sums In the "dealt". Miss Hayes told  she wu standing In front of a furniture store on Whitehall street when colored man approached her and offered to sell her a Job. She said she let the man hold the $115 to "show It to his boss" Just to prove that she could be trusted. She described the - an being a short man. dark ol color, weighing about 180 pound* and having top and  gold .</t>
  </si>
  <si>
    <t>                                           TUSKEGEE INST., Ala.-- (SNS) --Katheryne Jones, of Springfield, Mass., who has been a sensation of the annual "Nationals" of the American Tennis Association for a half decade, brought Prairie View State of Texas a clean-cut victory in the women's singles finale of the...</t>
  </si>
  <si>
    <t>                                           Heroism Knows No Color                 During a ^ sharp raid, a bomb fell on a  manned by a mixed crew. Private WaJrntt, K-yar-oM West Indian, was io*l - .1 radio-location cabin jml ~'H".  back Inside by blast of exploding bomb. With great presence of mind, the operated * to cut off the high tension *r  for their . 1/ she hari not done this, the rest of Uir crew would hare been . photo                 shows Private Wwirntt a few minutes after ber experience. (International News Photo*.) i</t>
  </si>
  <si>
    <t>                                           MRS. MART                  DOUGLASVn-LE. Ga.- Tlie  of Mrs. Maiy MuUins w.-is held from the St. James AME Churh Wednesday, with the Rev. Mr. Glsseaanner officiating.</t>
  </si>
  <si>
    <t>                                           SCOTLANDVILLE, La.--(SNS)--Sparked by Captain Bobby Byrom, Junior from Chicago and Keys, the Southern University Cats split a two game series with the Southwestern conference basketball champions of three straight years, Bishop College by...</t>
  </si>
  <si>
    <t>                                           Those passing the instructors course in First Aid wee Mesdames Ursula Long, sara Carter, Lula Addison. Kathryn Woods, Gladys Bailey, Gertrude Booker, Misses ... Patterson, Alla Waters and Roberta Roberson. The fifteen hours course was held in the white school...</t>
  </si>
  <si>
    <t>                                           Rites For South To Be Held Today                 Funeral services will be held this afternoon at one o clock from Auburn chapel for Eugene (Gene) South, ol 279 Baker Street. South died Wednesday or n stab wound. The Reverends Lewis Foster and J. R. Barnett will officiate. Burial will take place in South View cemetery and Haugabrooks will be in charge of funeral arrangements. CardOrfhanks We wish to acknowledge the kindness and sympathy of friends and Sellers Bros, extended to us during the loss of our father and grandfather. Rev. Robert Martin. Mrs. Lucy Simmons, and daughter. Card Of Thanks We wish to thank our many I friends for their kindness and i sympathy, beautiful florals, telegrams, and the use of their cars during the recent illness and death of Mrs. Caldonia Moses. Especially do we thank Sellers Brothers for their efficient service. Mr. Ambrose Moses and family. 7 In Memoriam In loving memory of our beloved husband and father, C. R. Cullcns, who departed this life nine years ago, March 9, 1033. We cannot say and we will not say. That he is dead; he s just away. With a cherry smile and wave of the hand, He lias wandered into an unknown land And left us dreaming how very fair, It needs must be, since he linger there. And you 0 you who the  yearn, For the old-time steps and the Slid return. Think of him faring on ns dear, In the love of here. He is not dead he is just away. Mrs. F. B. Cullens, wife. Mrs. Rebecca Cullens, mother. Clyde, Willie, of Atlanta, and Herman Cullens of Camp Upton, Long Is-land, sons.</t>
  </si>
  <si>
    <t>                                           FOOTE HOMES CROWNS ITS QUEEN                 MEMPHIS. Ten. i.                 "" Lavcrn-c Saddler and a portion of her "Court" who were  Friday night, May lit, to clote the  Footc Homei Tenant Aitociation'j Queen Contest. From left to right,                        Margie Lewis, Willie Franklin, "Queen Laverne I," Robert Jacliton, outstanding Elk, Mitt Dorit Broom*,       Lady-in-Waiting, and     ThelmaWilliBms. Detailed  on  page.</t>
  </si>
  <si>
    <t>                                           The Old Fields We Used to Plow I'm back home Dear Southwest Georgia, % Beneath the tenting bough, T Viewing the old lanes Margie "v Where we poor boys used to plow: We'd never heard of Germans, Nor the rumblings from Japan, And man, we wrote love sermons On the parchment of the Ian'. "3   t Back Home where honeysuckles And wandering dogwoods strive, But there are no shining buckles And harnessed mule3 to drive, And we long for that procession All bereft us now, When we fought off our depressions With the blue blade of the plow. Peace eternal crown them My sunny native soil, Heaven bless my sires who found them And preached the faith of toil .These acres of my childhood r lly. cherished  pow r: T^~ And I love the tangled wildwood  T7": We poor boys used to plow. IB*.'/ Written at Lurnpk'" jia, April 1, 1040.</t>
  </si>
  <si>
    <t>                                           Exonerate Med Charged With Hitting Woman                 Chicago Case Is Termed j- Brutal Tracredv                 - (A    - Despite protests by Criicagb'ricbloTed .the BaKtlfii'Mlnistera" conference of Glilcagb, and County Commissioner Edward M. Sneed; Dr. Roy B.. HahfordKAy^ite,, last Week wbb exonerated by authorities' of the county hospital ot                 charges that    ,.''8na . mishandled n Negro woman '.. .V Dr. Stanford, who hid 'beto^suspended "mainly because his attitude wns stubborn and belligerent," when questioned 'by ^  in his                 of, the - that he was rough,, giving as' his reason that the patient was "disagreeable." :r Tlie patient, Mrs. ie White, 26, alleged that sh.ej.w2s.. struck  times- by Dr. Haiiford dur Ing an 6n.';~Thls testimony' was corroborated by her landlady, Hiss Louise Shannon, a, witness in the case. Miss Shannon declared: "It' was the most brutal .tragedy I ever safy." " HEB V. She said that 09_.;Marj:h, 1 she , .Mrs. :'"itb,~ "trie hospital, and that friere .during the examination Dr. Hanf or d struck Mrs. White three .times. When Mfcs Shannon;. .attempted1 -tb , she. said; George -Bolinskey, white, a'.'deputy sheriff  to th2 ..     )i^!l^          ^er;i:and.~.~Bed, abusive..; language. Edward M Sneeci, colored deputy commissioner, earlier in the week in. a conference with the Baptist Ministers, group, had said: "The doctor and the deputy sheriff were merely suspended, but you can count upon it that they ll never get back. ;They're fired just as much as if their dismissal slips had been signed." Dr. Hanford was suspended Bfter an investigation by Gen. Manus MacCloskey, hospital warden, Dr. Ole C. Nelson, assistant warden, and Edward M. Sneed. The report, submitted later in the weeK exonerating him, included a criticism for impatience and lack of courtesy." Dr. Kelson further wrote: "The evidence satisfies me he was not guilty of race discrimination and he did not 'strike the patient."</t>
  </si>
  <si>
    <t>                                           CHICAGO--(ANP)--Despite protests by Chicago's colored citizens, the Baptist Ministers conference of Chicago, and County Commissioner Edward M. Sneed, Roy E. Hanford, while, last week was exonerated by authorities of the County hospital of...</t>
  </si>
  <si>
    <t>                                           Monday: THE DAY OP AUTHORITY.</t>
  </si>
  <si>
    <t>                                           joshua.                  By IP.SXtHOWB                 Bro, B*a  i7* ^^*</t>
  </si>
  <si>
    <t>                                           How They Stand SOUTHERN LEAGUE W L PCT 'ATLANTA 13 6 J.B84 Little Rock 10 6 .625 MemphlG .3 7  33 Nashville 9 10 .474 Chattanooga 8 10 .444 New' Orleans 3 10 .444 Hnoxvllle 8 11 .421 Birmingham 7 10 .412 Night game Monday not Included. AMERICAN LEAGUE W L PCT New York 0 3 .750 Cleveland 9 3 .750 Detroit 10 5 .667 Boston 7 5 .583( Washington 5 8 .383 SI. Louis 5 10 .333 Philadelphia 4 9 .308 Chicago 3 a .250 NATIONAL LEAGUE ff I PCT /Brooklyn U 3 .786 Pittsburgh 7 5  83 New York 7 0 .538 Chicago 7 6 .538 St. Louis 5 c .455 Cincinnati 5 7 .411 Boston 5 8 .385 Philadelphia 3 10 .231</t>
  </si>
  <si>
    <t>                                           WEBSTER'S DICTIONARY de fines the term "who's who" as: 'Persons of standing or importance; contemporary persons tof import ance." Decide for yourself who's NOT who among Negro writers after reading these comments.</t>
  </si>
  <si>
    <t>                                           U. S. Chamber Asked To Hit Race Job Ban                 Challenge Is Hurled by Nat'l Urban League                 NEW YORK- (    - Tlie National Urban League Thursday challenged the United States Chamber or Commerce regarding the extant of Its concern for maximum war production and urged that trie Chamber adopt a resolution condemning racial and                 Uglous discrimination in war; production employment A telegram to Albert W. Hawkes, President ol the IT. S. Chamber of Commerce, was signed by Lester' B. Granger, National Urban League EascuJtlye Secretary. r The  referred to Mr. Hawkes' press statement of Mondny, In which fie called (or a ConpresKlriiul ban  Hi? closed shop in war industry /or the  or the present conflict aud U'.'KCi that penalties be imposed on employers. Jabor unions, "or any we else who interferes with that rl?ht to.  wherever and whenever an American citizen wants to work;" SILENT ON KACE "V A  by the Chamber of Commerce "condemning un-American  and religious .discrimination by employers and urging the use of all loyal American labor," stated Uie League's message, "would be a tremendous aid to Uie morale of thirteen million Negro Americans." The League's mes(Contlnued on l age 6; Col. 1)                 U.S. Chamber (Continued from page I) sage also a3ked whether the Chamjcr's concern for maximum war production stopped with its .n to the clo^d shop. Mr. Granger charged thai the Srcat majority of employers  war contracts, many of them  of the Chamber ot Commerce, refuse to hire skilled Negro workers in their , a policy which impedes production and creates dis-.y ;n;d  .'i .</t>
  </si>
  <si>
    <t>                                           NEW YORK--(SNS)--The National Urban League Thursday challenged the United States Chamber of Commerce regarding the extant of its concern for maximum war production and tared that the Chamber adopt a resolution condemning racial and...</t>
  </si>
  <si>
    <t>                                           BOWELS SLUGGISH? -Feufng Ifka you tat your  Mm* ---aU. c Jngjiih       ? Why put up with nid -UitliiK ehf wing  .      -A-MlNT  m (KKitirot. Ku -, mile  1W,  you          . full of your normal pn Ulliiom of  cu -A-Mim JnM chaw.-if Uto      (Moriugmx TnU good. Tiy--A-~UKr-a .  unU ^.    - *"iy"!   *'JlL^ Taking your girl to tb  -I  Watch out that your  docs w!  you  probably  know whether It's  or  It yon want to mako a hit with  girl friend, '* a w make  .morp . Jind It's    . Staniyrinso the   Ustcrii!i ADtincpUct).IJstcrliv holts  fermentation in the  the usual cause  odors  Ing to Gome authorities, then ore comes the   product laubert Pharmacsl Co. St. Louis, U Before Any Oafs Use USTEfilNE  To Blaka YeufBmaUi Sweeter</t>
  </si>
  <si>
    <t>                                           Warner Brothers At Last Give Hattie McDaniel Stellar Role                 Director Of 'Green Pastures' Handles Film                 By                   HOLLYWOOD-(A N P) At last Warner Bros.- First National studio has found a role lor Hattle McDanlel. their highly prized featured player, suitable for the high i calibre of the talent she possesses.! This Is in "George Washington ai.nt     .~ b. new corned; under                 the' direction of William Keighley, with Frank Keath first assistant Kelghley, one of Hollywood* finest directors, will be remembered by colored fans for his able direction of "Green Pastures" some seven years ago. He is especially interested In colored talent and his courteous, patient manner makes for the pleasantest relations with his charges. It was due to this trait that he succeeded with the- difficult Job of transferring the stage version of "Pastures" to the screen, with hundreds of players and many difficult scenes. Jack Benny, also popular with the colored fans for his featuring of Eddie "Rochester" Anderson on his radio programs and screen plays, Is the star of George Washington Slept Here. Ann Sheridan, glamorous' Hollywood star, is his leading -lady. Miss McDaniel, who is universally loved by both, races for her unaffected, unassuming manner, will portray a character said to be as important and ns good a vehicle as that in "Gone With the Wind" which won the Academy Award lor her two years ago. j It marked the first time In HollyI wood history that a colored actor had received these honors. Hattie was featured in "They Died with Their Boots On" a Warner Bros, feature recently released, but even before then they were on the lookout for a role as meaty as the present one. Both Benny and Miss Sheridan especially expressed themselves as happy to have her with them.</t>
  </si>
  <si>
    <t>                                           HOLLYWOOD--(ANP) -- At last Warner Bros.--First National studio has found a role for Hattie McDaniel, their highly prized featured player, suitable for the high calibre of the talent she possesses. This is in "George Washington Slept Here," a new comedy under...</t>
  </si>
  <si>
    <t>                                           Sheriff Allen explained to Sydney: "Your mother married Durfee long before, she ever met Walter Gregg. She was divorced when you were three years old and she met Gregg soon after. When she moved to Castaway and found that Durfee lived so near, the was afraid to tell...</t>
  </si>
  <si>
    <t>                                           /Beware Coughs, J12        .common colds rrr^FhaHIang"On Creomuldon  promptly because It goes right' to  of the trouble to help loosen nnd expel germ laden phlegm, and aid nature to soothe and heal raw, lender. InOTIHeoV  mucous membranes. Tell your druggist to sell you a bottle ot Creomulslon with the understanding you must like the way It 'quickly allays the cough or you are to have your money back,  'for Coughs, ChesKToIds, Bronchitit OUIOKfl C P.                  .$4.  .-t -100.       .     . U^,, JW.IIJ. .Nn mil*,* no , bli**ttu1.       tnm         , Wi , . Tx.</t>
  </si>
  <si>
    <t>                                           NEW YORK (ANP) -- Minnesota's (quit Pittsburgh) CHARLIE BURLEY came, saw and won over New York's "show me" boxing fans by knocking out a Denver unknown (McQuillen) in the opening canto before 4500 fans at Bill Johnson's St. Nicholas club a...</t>
  </si>
  <si>
    <t>                                           Every year, at this time, the Iota Phi Lambda sorority celebrates what Is known as Iota Business Week. This year. the celebration com mences with worship . at the Pirst Congregational Church, an Sun day, April 19.</t>
  </si>
  <si>
    <t>                                           When A Good Time Was Had                 ATLANTIC CITV, N. J.- ISNS.  TOM  imu.I. surprise visit to Ihf                  -Mill *   tin* U\ Cljilitiriit* .  on Sat , .him* 1*. VM'^i ut   1                 MUIi(       *rs' A uit I tun u i u,         '.ivi*  NorlliMilr   -       ami -r.</t>
  </si>
  <si>
    <t>                                           VAtattf*</t>
  </si>
  <si>
    <t>                                           Dr. Hilda Weiss will speak to the Atlanta Council of Negro Women in its April meeting. Thursday evening at 7:30 o'clock, in the assembly room of the Auburn branch, Carnegie Library. Her subject will be "The Social Role of Women."</t>
  </si>
  <si>
    <t>                                           Young girls have put their minds on the business of hair growing. It would seem as if they are determined that the shears shall not touch their sacred thatches. The longer the bob, the prettier, apparently. Only the ends need to be permanently waved so that cuts...</t>
  </si>
  <si>
    <t>                                           Technicolor Musical At Capitol Theatre                 Yes. sir"' It's lovely Brtly GrsWr s\vins:iii;r out* nf t--r ;*l:tv.t\*" ~-   -h i!j jib.v :i ) four-day      :ilt shu s  in llu-  Jr  "Son:;1. Jt'tM- cnR.i:; ^ ii:;~ Cajjin;l Tliralrc</t>
  </si>
  <si>
    <t>                                           I. IN KEEPING WITH the. hospilnility of the South which especially characteristicof.Atlaniit, the Pari-Hillenic Colo- Ientertained for the visiting members of Alpha KaPpti Al a and the Kappa OinegasChapter: Wile have just. closed eir raglinial. Onfelince lies .: - ; - . -</t>
  </si>
  <si>
    <t>                                           HOLLYWOOD--(ANP)-- Harlemites must not be so afraid of the Jape driving their tanks down Central Avenue after all. Performers still arriving on every train and bus.--Cream of the crop now here.--The Three Hi-Hatters will not reunite according to Frenchie...</t>
  </si>
  <si>
    <t>                                           THE BOOK SHELF                 -By ANNIE L.   -;Tl;i:s                 READING FOR children  people this summer ai Cur  Libraries. Auburn Branch ami University Homes has  a new peak over the amount done Ir former summers. The reason is dur largely to the combined efforts j parents, teachers, and librarians ft-                 create a  interest in bo.*', and reading among this group. Parents have conic    the libra rics bringing  children: teachers 'Misses Mapp. Murphy. Allen anr Hill i chose to work with the Ubrarians and the Vacation Reo* inq Club; and thr ch.Udrcn them selves have beaten a steady pvr to Ihe library doors, all caser ti' work  become acquainted  libraries collection of  The :~nn if i Mr club Is not. u Irach tlv mi Chnnics of  if; some had 1 that nur.i br dour in Ibr .  u .viri^; rs the ; of i?ood  .. .-.  I he minds of        ones  it touches. In cooperation with the CarneyLibrary and its branches Jic Board ol Education heartily  the Rcadins Club idea a.Vany boy or girl reading ten or mor books  the approved and  eo reading lists wiU receive credit on an English course when  opens. This in  enhances t,.t value of the club. Such manifestations show Browing Interest, and an -                 tlic fact that alter all  is thr bH.sic subject, and that  :~n- powerful weapons of defense " is      mind whnt    "  of I Iip  are lo the body." ^'h a simple and  quoted phrase it serves well to Illustrate We are yet living in democracy which continues to pou; It's culture into print., and If  minds are tr, crow they must. br nourished from  childhood  the proper n- material. Win out proper nourishment bodies become  and stoned,  cut proper  and the ability to rcac. minds arc duller and Ideas fewer.</t>
  </si>
  <si>
    <t>                                           READING FOR children ... young people this summer at ... Libraries. Auburn Branch and University Homes has reachde a new peak over the amount done in former summers. The reason is due largely to the combined efforts of parents, teachers, and librarians to...</t>
  </si>
  <si>
    <t>                                           NOTHING LU/ I You'll Ilk* Our        1   n always fry I . COMMUNITY loan    IOOM 207,  U0O.  8          )Uln UOI tu.  ts,  iamt . is*   ~*4  ITtUTt' Mi^toi WAlMrt 304*</t>
  </si>
  <si>
    <t>                                           met with Mrs. Los Holleman Next meeting with Miss Ruby Harrell, 317 Irwin St. Apt. D. 6.</t>
  </si>
  <si>
    <t>                                           Protest British Missionary Ban                 PHILADELPHIA- (ANP)- Formal protest of the International Missionary council against the practice and policy of the British government in denying Negro missionaries the privilege of preaching the gospel to native Africans was recently filed by Dr. C. C. Adams, corresponding secretary of the foreign mission board of the National Baptist Conven- i tion. Inc.                 "At this limp when the demo*   are putting forth  uch Kmt efforts to convince the world of the values In democratic procedure, It Is somewhat Ironic i to find the (rent democracy of Great Britain still clinging to its ace-old practice Of racial discrimination In Africa. Dr. Adam sold. "and  Is this true in the light of the tact that Great Britain claims to    a Christian -                 Dr. Adam* succeeded Dr. J. H. Jnckson as correspond Ing secretary of the foreign mission 'board lutt September. Other officers of the  are Rev's. M. L. Shcpord. chairman; AHobbs, vice-chairman J. Arthur Younger, recording secretary; C. W. Gregory, ; J. B. Langiton. editor of the Mission Herald, and J. W. Drake, national vice chairman.                 Stepped On Foot, Man Is Killed                 26th Colored '42 Homicide Recorded                 Stabbed in the back early Tuesday morning: because he allegedly stepped on another man s foot. Augustus Jones, 30, of  182 K. Mitchell street. SW. died shortly after being admitted to Crady hospital.                 The victim was reported stabbed in front, of -159 Mitchell street, SW. and then rushed to the hospital in a private .ile. flg                 Ollio Brown. 28. of 53-1 Mitchell street, SW. was arrested Ute Tuesday afternoon and hooked at city jail on suspicion of murder in connection with the slaying. (Coninurd on Page 6, Col, 7)                 26                 Stepped On Foot (Continued from pace 1) An alleged eyewitness. Miss Willie Andrews, 20. of 482% Mitchell street, SW. was taken in custody and ordered held as a material witness to the       . Investigating officers quoted Brown as saying Jones stepped on his foot and apologized when asked to do so, Jones, according to the police report, walked to a post and leaned against it, and while standing there. Brown passI ed him. turned around and stabI bed the victim. The passing of Jones gave Atlanta its 26th colored homicide of the year.</t>
  </si>
  <si>
    <t>                                           The Weather</t>
  </si>
  <si>
    <t>                                           TIM TYLER ~^y ^ Yoimgi</t>
  </si>
  <si>
    <t>                                           Spots on C/of ... ideal Summer Time moth landing field Moth ^children"  trot; and          suits are ideal places for moth eggs. So Gold II Shield dry cleans every suit or. that II goes into Summer Storage! II Protect your wool thing* and furs  II the  of the Summer in the conditioned II vaults of Gold Shield Laundries. And when    # II gel them back in the Fall, 'you ll find them trim I and clean and new looking. I You most guard wool ftf"   for the Durotioiu. f</t>
  </si>
  <si>
    <t>                                           Urges Spotlight' On Negro's Role                 NEW OjRUEANS, 1)1. (SNS)- Pointing out that the Negro has always been i" .the vanguard ol American civilization since the time of Columbus, the Rev. Edward P. Murphy, S. S. J., head of the Department of Philosophy, 'Xavler University, in a recent address'                 that America might well "spot-light" the  that the Negro citizens ai o  in the war c fort. "At a. time like this" said Father Murphy, "when America is fighting for the Four Freedoms from the Four Fears, and for a, fresh dawn of democracy in a darkening world. it is well to spot-light a group of                 her most loyal sons, who certainly GhcfUId till a role in the groat crusade: our citizens of color. "American history lias so often eliminate,] all reference to the Negro that, except as an'' occasion for the Civil War, he seems to many to have played no part, rit all. Nothing could be farther, from the truth. From the very beginning to the present day, his lias been a a meek and often amazing presence in American affairs. He was with Columbus, himself, as the pilot of one of those three famous ships- the first from Europe to touch these shores. He stood with Balboa  silent on a peak in Daricn". when the mighty Pacific first unrolled before Continental eyes. He explored the Mississippi Valley with Dc'Soto. He was with Moncntlez fifty-five years before the Pilgrims landed at Plymouth Rock. Through Arizona and New Mexico he led the original explorers."</t>
  </si>
  <si>
    <t>                                           NEW ORLEANS, La. (SNS)-- Pointing out, that the Negro has always been in the vanguard of American civilization since the time. of Columbus, the Rev. Edward P. Murphy, S. S. head of the Deparment of Philosophy, Xavier University. In a recent address...</t>
  </si>
  <si>
    <t>                                           He pulled the car into the station, presented the ticket, got the trunk, holstered it to the running board, and headed again for the Dalton home. When he reached the driveway the snow was falling so thickly that he could not see ten feet in front of him. He put the...</t>
  </si>
  <si>
    <t>                                           Social School Given $10,000                 The Atlanta University School of Social Work was awarded grant of $10,000 "this week by the J Julius Rosenwald Fund,- according' to Forrester B,. Washington, director of tho school. The grant was given in recognition of "The unusual services and special needs" of the Institution, which Is the only two-year graduate institution devoting itself primarily to the training of Negroes- for pro*  social work. It Is a member of the American Association of Schools of Social Work and meets the highest possible standards required by this .                 JOSHUA JQVtn Bj I. P. REYNOLD! ..BBO. BELL ton AS*     *</t>
  </si>
  <si>
    <t>                                           Parson Blampied went on with his story: "I inform the villagers of their ancient heritage--the commons and the pastures and the oaths across the fields that the landlords have stolen and will go on stealing. whenever they get the chance. A clerical predecessor of...</t>
  </si>
  <si>
    <t>                                           ^^s^^_^^ t ;g SS^i^ -i The Nation's Only Colored Daily Newspaper M r NEWS" VOLUME M.~ NUMBER 311! ATliANTA, . THURSDAY, MAY 14, 1.942 PRICE FT VE^ CENTS</t>
  </si>
  <si>
    <t>                                           ONEWAY The new, pleasant, economical way to INSURE your  requirements of Vitamins A and D. Many' people do not get ENOUGH of these two  vitamins. Yon can make sure that you and  family do, if every member takes just one "One-A-Day* brand Vitanin A and D Tablet everyday. Hmm,t  ..Cwwd- AwMtftn^B^Bsf</t>
  </si>
  <si>
    <t>                                           RICH S  IS OUT TO THE NATIONAL BAPTIST SUNDAY SCHOOLS AND B.T U, CONGRESS WE INVITE YOU, Ihc leader? of your race, to make yourselves at home in our store to make Rich's your shopping center while you re in Atlanta, We are proud of your good works, and for the things your Sunday Schools and Training Congress stand for. We wish you success in your future undertakings and hope you will find your stay in our city both profitable and BETWEEN SE551QN5, come visit u*    Rich'*. See our fashion third floors,  our accessory de* pMrt.mcn.t* on ihc  floor. If you re interested in thing* for tlic home, you ll find our fourth and fifth floor* overflowing with beautiful homefurnishings. Be sure to visit our Basement, a whole store within a store, where fashion is so inexpensive. Smart apparel for all the family, all fresh and new in tremendous selection. THIS ( S 75TH  ARY 1867-1S42!</t>
  </si>
  <si>
    <t>                                           NEW ORLEANS, La.-(SNS)-- "Possibly the must discouraging aspect of the present (National Defense) picture is the continued barring of Negro workers from war training courses," declared Lester B. Granger, executive secretary of the National Urban...</t>
  </si>
  <si>
    <t>                                           Attend White Medical Association                 ATLANTIC C1TV- (AM*)- Ttirimeh Hie - Itsy of Dr. (Hin West,   uf Hit* j Ainrricui) .~1 AsMM-l^, otf trials  if  Nu-  .Mrtlirul /\    '     *n, sonic ut  arc - hfrs ut AM A.   ^K unit Hi- *ft]rs "T Mir  "1 Amrricun Medical                 - i ' 11 . ISecumiiig third from It'll, ;irr I)~v A. IVrrrtH'r.            *  ; J. K. Sluurt,  hr-*l;h %; Hamilton li-. -uki i-. *    ; an  \~.,  C. .M. Mriirirf., ^n,  of ,     *rlM*rt Myrsliull,        i,f iru**  ''*v</t>
  </si>
  <si>
    <t>                                           SOUTHERN LEAGUE ATLANTA 7, Little Rock 1. Birmingham 13; Knoxvllle 2. Memphis 7. Cnattiinoogu C. Nashville 4. New Orleans B. AMERICAN LEAGUE New York 3, St. Louis u. Boston 8, Detroit's.' Cleveland 6, Phliedelphii 1. j Washinston 1, Chicago 0. Hi.'SlOXAL  fit: X.   ^ 7. New Vort 3. Broolclyn 11, 0!       8. Boston 3, Chicago t.' Phlladclnhla.-C. Sittsbnrcb-3,</t>
  </si>
  <si>
    <t>                                           MITCHELL                 .. were held from the        Baptist   Ulc -v ~'%- ^', ~"    .iq. MELISSA PETTIGItLW Mts. Melissa Pettlgrew was I,    i 'rom the           church Tu*r MM, the Rcv.  Dlhr -l</t>
  </si>
  <si>
    <t>                                           THE ATLANTA All-Stars, highly seasoned and wise in the tricks of the trade, should find a tough and highly confident Sunshine and willing customer in the fiery Stars this afternoon, starting at 2:30 o'clock, when the teams engage in the opener of a schedule...</t>
  </si>
  <si>
    <t>                                           50 GIRLS Wanted at Once to take Beauty Culture Chance to Earn Weekly 8 to 12 dollars While Taking Course $25.00 Reduction On Course Until July 15. Get information at Beauty Booth at Auditorium during B. T. U. CONGRESS</t>
  </si>
  <si>
    <t>                                           The body of the Rev. W. M. Jones, who died after eating biscuits which contained arsenic, will lie in state at Second Mt. Vernon Bapt. church, of which he was pastor, from six o'clock this afternoon until 12 noon tomorrow. Funeral...</t>
  </si>
  <si>
    <t>                                           THE UNITED STATES ARMY is opposed to Joe Louis, world heavyweight champion, appearing in any more fights, public appearances, or exhibition boxing matches for the reason that the said outings have been unfair both to the Brown Bomber and to the army itself.</t>
  </si>
  <si>
    <t>                                           1  7  tf*''*faia^^fli^^^^^^H *^^fct y m ^^H s: Yoo,    ,         !r'~~l CI..~~t'~ Mnit MkJkIiw H r^^H ^^  L. --^^3 pl*    , fRF.nl v "TimT* in       . 5  UI. Ihr f"ulli of Ihil   MFDiaNAl  ^Pv^^^ l.nm  ^         If    D*n4.r*t.       ra^QB P'tliftll Hair, Iccklav ^^CQDu^n           0       *fM*~ ^ll ol T"~~ fc*rl OUwr1! *V*^\ ii   br       JTccr tT.~ *~                   (.!l:i. I'-pl 3~~-K, Jourth    . VimI KKliB ""'I1      'i             nd n.w M. I *    to  *      i.n PUT ,.#j</t>
  </si>
  <si>
    <t>                                           MRS. LEILA .                 HOGANSVILLE, Ga^-The ( of Mis. Leila Russell was held Monday from the Beihlehem.  near        .ile. The Rev. T. Clopton and others . Interment a: Camp Ground cemetery.</t>
  </si>
  <si>
    <t>                                           THE TRULY GREAT never telegraph their greatness. Usually, they are the most modest and immediately friendly people you'll meet. They never talk out of turn--and, for the most part, really great people are not conspicuous talkers anyway.</t>
  </si>
  <si>
    <t>                                           Wekroe$*Fo Vote In           Election                 Registration DriveisGiven Greater Impetus                 Two Already In Race for Job Left By Roy EeCraw                 Atlanta's.' forthcoming special mayoralty election, the date of which will be fixed by, city council tomorrow, received considerable discussion among colored leaders Saturday.                 It was noted that Negroes will lie able to' vote in the special election without restriction, and, as a minority group, may prove the most important balance of voting power. This, voting bloc, most likely, will be highly sought after. REGISTRATION URGED Registration and re- ol Negro voters was urged, in order that the group as a whole might be ready for the opportunity. Hardly had Mayor Roy. LeCraw's chair been vacated by- ills' resigna- Mori,. Saturday - persons announced their candidacy1 for the municipality post. Councilman John A. White and Dewey L. Johnson, city electrician arid president ol the Georgia Federation of Labor announced they were in the race foi the $8,000-a-year job. Indications- were that there will be a large number of entries as mayoralty candidates, including former Mayor William B. Hartsfield, who was beaten by only a few votes in the last city Democratic primary, which was tantamount to election. Mayor Pro Tern George Lyle will conduct the affairs of the city until the special election is held. DONS HIS UNIFORM                 Former Mayor LcCraw donned tlio uniform of an Army major after abandoning his city post shortly after noon Saturday. He entered the Chemical warfare service with the U: S. Army for the duration, asking to be sent into combat service with the troops as soon as . He had held a commission for years and consequently was not sworn in by Colonel A. L. Rockwood of the chemical procurement division, who received the mayor in the Bona Allen building. Mr. LcCraw expects to be sent to the Edgcwood arsenal chemical warfare school in Maryland for a couple of months' training and then will be sent into the battle scenes.</t>
  </si>
  <si>
    <t>                                           Atlanta's forthcoming special mayoralty election, the date at which will be fixed by city council tomorrow, received considerable discussion among colored leaders Saturday.</t>
  </si>
  <si>
    <t>                                           'We are sending you a deal which must have been very difficult to analise as only the Winslow players arrived at the contract which proved to be tops on the boards--Four Hearts. One team bid and made three no trumps but it was because of...</t>
  </si>
  <si>
    <t>                                           2 oU t  ei HIGH PRICES UNPLEASANT TASTE INCONVENIENCE Keep yon fiom getting an the Vitamin* A  ad D yoo uted. Vou cbs bt  that cscs member of your family geta enough of these essential vita? tains by    to it thax XMj ONE^DAY nf         Cm i nAw Krui-nnn.ilr.il r -1</t>
  </si>
  <si>
    <t>                                           A GOOD PERCENTAGE of the colored population of Atlanta should be on hand this afternoon at the city auditorium to pay a belated and well deserved tribute to a young man, just 22 years of age, who in his humble way, is doing as much as...</t>
  </si>
  <si>
    <t>                                           Vet Publishers At Meeting</t>
  </si>
  <si>
    <t>                                           MACK S TAILOR SHOP AND MANHATTAN SHOE SHOP SHINE PARLOR 838 WEST HUNTER STREET, S. W. AMherit 1832 Expert Shoe Repairing Men', Suits 3 for $1.00 Ladies Dressc? (     AND CARRY) WORK CALLED FOR AND DELIVERED MAfK HENRY . Mer. .1. L. GIBSON, Shoemaker E. W. BRO^VN, Shine Parlor</t>
  </si>
  <si>
    <t>                                           In Anniversary                 The Travelers' Rest Baptist Church will hold a Ercat celebration throughout Church services today. Tills will be the celebration of first anniversary of its present pastor. Rev. J. Moore, AB, BD., who has served the church most wonderfully and helpfully .is  for the lust year  Kev. J. W. Talc who was called to New York City. Rev. B. A. Watts, pastor of the Beulah Baptist Church, Kdgivood of Atlanta will preach the anniversary sermon at eleven o .</t>
  </si>
  <si>
    <t>                                           II AID  NDEDTHis^    \ yH Ooo't lrt this  lo          mr  look ran*  la In I CAUTION 45mn.               4or3             4BMiitr.    4       AS DIIICtIB         .aiJ$IJ5     (M...         (i.Co,3       . 0M      Sc Looll. Mo. L "/          ?. HAIR COLORING</t>
  </si>
  <si>
    <t>                                           HIT THAT RHEUMATIC P.AIfi RIGHT WHERE IT HURTS Anil  tit  Silrrr Lillian in .if Cloud* of Vain Thr V\( idc;i if  you want lrr\ . Wh'ti p.iin mm,  minH r.ttet. Von crl ret ibdl                    '. So mr  Om t^fs -i(         . C-^5i bring* you pain-tf!       help. NoT    0 will fffl /n good .11  wbu  in help. Don't pui it Grt C . $1  wltt-f^.      i)       .l.   t:c' r;f';    "Qtf q;t Mf</t>
  </si>
  <si>
    <t>                                           RICH S BASEMENT SUMMER SUITS RHUMBA RUFFLE! DARK SHEERS! Adorable Junior flock-dot ;          , ginghams, spun rayon* I In smart          A fill Navy or  ground I *~#  #O K QQ Vary  price! "TlW   /      (Wy i/rM*)./ Ql^O Cate dress to make any g;il toel frivolous and Crisp and cool as salad for your -duty t.. r ive w;ilt/.- nil fits mioni out Suddenly- the "- black dress" in rafU of days! Yuutliful  titU d jacket with handy trom h  li;i.     IkkIiii- rii-krack suave m-w style?*' .Slu'fi- in;  ;if  crepe pockets, graceful  skirts. In stripes, . (J to lft! One of many  cottons'. with bet inserts, ^ drapes, pleats, ruffles, checks, Bolida  nd plaids. Site* 12 to W. I'u.Dlu st. Kiitrj.ur 9 to iS'.Il! to ail. 38 to M, 18'ii to 2414.</t>
  </si>
  <si>
    <t>                                           U.S. Army Hostess                 MRS. IDA ROWLAND BELLEGARDE, alumna- of- (he Atlanta University School or Social Work, has recently "joined up" to serve her country as hostess in the 31st Uattallon Replacement Center, Ft. Sill, Oklahoma. She Is the daughter-in-law of Dr. Dantcs Bcllegardc, former Minister to France unit the United SUles from the Republic of Haiti and former Envoy to the Leu cue ft. Nations from Haiti. Formerly  by the Omaha, Nebraska Urban League as a  supervisor and handicraft, teacher, and by Langslon Univcrilty, Langdon, Oklahoma us an instructor of psychology and sociology, Mrs. Bellcgardc brings- to her present position a wealth of experience and training for she holds Her Master's degree from the University of Omaha.</t>
  </si>
  <si>
    <t>                                           Midway Island Heroes Return To Hawaii                 Ilrrolr crews or the II. S. Army I  Fortresses which took part in the successful naval and air buttle off Midway  are  as they u rrp                 Slrclrcl imi , U. Hawaii. Tlir                   from Hawaii      If. S. . Scvrnth Air Korrr I'hoti*.                 BP5</t>
  </si>
  <si>
    <t>                                           HAMPTON INSTITUTE, Va. -- (S N S)--Hampton Institute, whose singing groups have become part of the musical legend of America, next week will send its famous male quartet on tour for the last time until the war is over, it became known at the college...</t>
  </si>
  <si>
    <t>                                           DAILY CROSSWORD igpa ACROSS DOWN 17 Maxim Ifl c   Kl I Lizard i To droop 19 Lamp  S Source of Increased 20 Swimmers IcTT AlRlElr^  Fragmem -a Explosive    id Verbal Like steel 30Und HEigbllsU M PJAifjl II. Joy 5 Writer of W Damp E N^MO T  L^Ol 12 Whirlpool poems 2% Mass PIaIII^PI1 l^n V^iT  3 Highesi C Egyptian 31 Uncooked 12^111?      FhSlsl card measure 33' Members of       5~?57r!~/: 14 Spread One u ho Slavic rues BlwjlISjJBAtliljBB grass 10 dry carries golf 1G Moccasin-    .15 Herons duns tike shoe         -. 18 Supporting S Like:) ?.9 To cook. 46 Join piece malt drink too much iS A- 21. Scold 10 Execute 41 Onev-lio solutions constantly 1* Saitin^ sorts- fiO Over 1 poet i'  22 Snappish - 44 Burglars bi Latin  r bark :wK,         1J r r m* \b r Is mi-. .27 striking f//, '/%,'0 rz\ i^Close to H" ?fi 130 More 444 777 444- -rm -A I ancient W/W^ W* W/, 32. Dry up 'ZU'Zu C^u ^M ;34 Music note '5 1(J ^'8 1Q i 35 Spigot ^rw, I- 37. Nobleman V f 38. Dove cry r- CUt---. Cuj. Oscillate JS 2B 28 ^2a 12. Weight of  2 ^2 India 50 i' ^5  51 43 Covet 43 Bread M 53 % yr  ipl 1 %Zl  t-. L_ 47 Elongated *8 5a ao 41 ZZZ 42   22 49 Keel-blUed Aa 4* 46 cuckoo w 50 Carousal i% '1"1 ^a A* 7Z "v *1 Timepiece ^^2a_  i; face %^ "5O ??7 ^1 33 [S3. Border (gZ ~-%U 54 Volcano lr. m 77?  J^ SlcUy 55 Arctic 5%5~" Z^?^"" navigator Ml \Zv W/, 56 Pause CHVPTOQl'OTE A   CXSGAl) GT AVX   j GX GT   . I .Saturday's CryptoijuoU: GOO GrVES US  SOMETHING- TO       HE LENDS US TENNYSON *     *'-- pi3        bf-              3..lw._^</t>
  </si>
  <si>
    <t>                                           Hampton Graduate                 HAMPTON' INSTITUTE. .Va.- ;;Frerler)clt 51. Lcij:     Atlanta, Oa., wlip received the  of science  from Ihe Hamilton Institute Division or Education at tlic School's 72nri  cum.'  on Momlv a/, April SO. His ina.lni' subjects were Knclisli ami  . OrRaniiatioiis in  he was   at Hamilton. Institute included the Physical Eduoutlion Club, the Varsity Club, (lie Trade School Sinners and Tl Alplm Chi. He was also a noncommissioned officer in the   and active in  .</t>
  </si>
  <si>
    <t>                                           P Atlanta JI^^p. Vvorld edition 1   The Nation's Only Colored Daily Newspaper jf    NEWS" VOLUME 15, NUMBER 1 ATLANTA, GEORGIA, FRIDAY, JULY 3, 1942 PRICE FIVE CENTS</t>
  </si>
  <si>
    <t>                                           PROPHET E. J. DAVIS Of        *ln. Cal. Sl'CCESS, WORK and HELP: Lrt       prophet bring (~, love, harmony anj  to your . HEAL1NC AT ALL SERVICES! Door.      at 730 P. M. PRIVATE CONSULTATION. WA. 062S Homr Addrci.: 221 Maple St.. N.W.</t>
  </si>
  <si>
    <t>                                           Homer and Catherine Jenkins. 79 Boulevard, S. E. son Homer Lee.</t>
  </si>
  <si>
    <t>                                           MONEY Dollar Buying Company 25 PEACHTREE ARCADE BASEMENT FLOOR PHONE: WA. 33S9 Hen, Women Over 40 Don t Be Weak, Old Feel Peppy, New, Year* Younger Tafts Ortrex. Cooulw gt Drnl (oak*. MlaralaMt.       o*~1mj  rt4f 40 \jy   Inn     rum  ua vitamin Bi. Aft-nai Sa  : "It did an murb for DaOania. Itaoft UTT 3         Tools TttilJi   We Bun  (Mvey. . . For ~-ale at all good drug stores -- m Atl.wta. nt all Jacota's and Wnljirccn Drug Stores. I THOUGHT you 1 1 I TOOK AN HAC A    0    .~ AlXA'iinztQ  AND CHASED THt FECL 50 GAV? I      0 AWAY. A LKA SELTZER ;' /A  prompt and tt-l x '"  In Heactach*" it is in          -~ tlon,       to go to work u  oon is you swallow it Its  action Is mad* t I       by * bu/- I fen, which protect it bom breakdown in th* stomach, r t Alka-        being a  tlon of  and alka-;  ingredients, has ' wide * and popularity! among those who occasionally) suffer from AM / Cold Symptoms, "Morning Afttt" , Muscvlar Fatigut and Muteukr Paint.' AJka-Scltzar U pleasant t*j take, non-Uxativa, prompt ani;  in action. V r Your  has Alka-Cataw) 1 ta  mull and  - .A iasl *  for bom* jV?   ,hm. or b*  gM ~*Sw] save you s gits Mil   -s*itur ^nl st ail soda ' fountain.</t>
  </si>
  <si>
    <t>                                           From the purely Bathetic standpoint, the eyes are the meet beguiling feature. They along can create an effect of beauty. One overlooks the turned up, impertinent nose if the mirrors of the soul are starlit and twinkling. The complexion may not be precisely...</t>
  </si>
  <si>
    <t>                                           CARD OF THANKS                 Mrs. P: B. Pmler and family wish to express their appreciation to their many friends for sympathy shewn mem during the illness and death of her hu.sband, Alonzo Prater. July 20. also appreciations an* extended to Haunabrocks Fum-ra] Directors for their efficient service. Mrs. Dollie K. Newton Mr*. Georgia M Bnrner Mrs. Pauline E. Prater. IN MEMORIAM In ; memory of our  brother. Jamre E.' Ivcy. who  six years a?o today. Tile Ivcy family</t>
  </si>
  <si>
    <t>                                           Give Yourself A Treat Ahnlurstf,~ /% Visit Our New Vp ^ g-x Private Booths /~$~% W%*L$ Large and Roomy UflRW^     Regular Meals VfR^^^^( Fried Chicken /f ,l\ Sandwiches Pit Cooked Barbecue Beer BUTLER S GRILL J. B. BUTLER, Proprietor 806 HUNTER STREET, S. W. RA. 9342 "Delivery On West Side Only"</t>
  </si>
  <si>
    <t>                                           Sergeant Eugene Gardner of the Quartermaster Detachment Fort McClellan, Alabama, has written the Southern Railway and asked that money be paid for a ticket he returned because he and a score of soldiers were forced to stand June 6 while riding a...</t>
  </si>
  <si>
    <t>                                           Arkansas Food Meet, July 7                 Will Discuss All-Out Effort                 Nefc#1 s contribution to the program cs part of the USDA food all-Knit -food and Teed production for Freedom  to "Win the War and Write the Peace" and features of the AAAA program that can 1  used to Increase farm                 production win be discussed at three  to be held in Arkansas in July. Those in attendance at the conferences will include Negro ministers, teachers and other Negro leaders of the state. The meetings arc being sponsored by the Agriculture Adjustment       \ The first conference -will be held In Uttlc Rock Tuseday and Wednesday, July 7 and 8. The secon-5 win be held at Forrest City. Ahursday. July 9. and the final session will te held at El Dorado_ July 10 More than 2.400 Negro ministers of aD denominations throughout Arkansas nave been invited, to attend the sessions. Tn addition. teachers and other leaders have been invited. J. P. Davis, Negro field representative for the AAA southern divisions, will preside over the sessions. J. B. Daniels, state administrative officer for the AA will speak at the three sessions  the purpose or thc conference and explaining food and feed requirements for the family and how food and feed arc needed In. the war effort. Those in attendance at the Utlic Rock meetIng will *Tcludc Negro leaders from Puloskl, 'Lonoke, Jefferson, Saline. Hot Springs. Garland. Clark. Miller. Uttlc River and Lafayette '(Continued on Page 6. Col. 3)                 Arkansas Food (Coilmwi from Fece counties. The meeting at Forrest city Thursday. July 9. will be for leaders from st Francis. Monroe. Woodruff, Lee, . Mississippi, Cross, Jackson. CraJehead head and  counties, w. W. Campbell and other Negro leaders of Forrest City and St. Francis county will be in charge of tfce arrangements for the meeting. Speakers at the H Dorado meeting will include Prof. J. R. Woods, agricultural extension agent: Pror C. H. Spotsvine. vocational teacher of Camdcn. and Mrs. Marguerite P. Williams home demonstration agent. In addition to Arkansas Negro leaders, special invitations hare been extended to Bishop c. E Curry, of Jacksonville. Fla., presiding bishop of the 12th district AME church, and to Bishop J. A. Bray of Chicago, presiding bishop of the CMS church.</t>
  </si>
  <si>
    <t>                                           LITTLE, ROCK, Ark. (ANP)-- The Negro farmer's contribution to the Program as part of the USDA food all-out food and feed production for Freedom campaign to "Win the War and Write the Peace" and features of the AAAA program that can be used to increase farm...</t>
  </si>
  <si>
    <t>                                           Three Thousand Needed Here As Fire Watchers                 Auxiliary Firemen To Be Trained By Fire Department                 Tlirec thousand men and women, between the age* of 16 and 56, arc needed iu Atlanta as fire watchers and 1,000 men, 25 to 56 years, ore needed as auxiliary firemen, W. H. (Chief) Aiken, commander of Civilian Defense among Negroes in this city and                 Fulton County at large, announced Thursday night. Chief Aiktn is usld ng that AtiHiitans volunteer for this type of i Defense work. j To qualify as fire watchers, each individual must complete, a 10-hour : course, which will include classes in fits de- .  defense, drilling and administrative work.' TO TRAIN AUXILIARY FIREMEN The Atlanta Fire Department j has agreed to train colored - I iary firemen. Mr. Aiken said. All auxiliary firemen should be of good health, have good vision and at least a 10th grade education. Chief Aiken revealed .that money has been allocated for the purchasing of fire-fighting equipment which will be distributed  fire watchers and auxiliary firemen. Fully equipped fire trucks will be manned by Negroes. Duties of fire  will be to seek out and fight fires in case of air raids. During an air raid fire watchers will be stationed on top!! of buildings throughout the city and county. FILL OUT  Those desiring to become fire watchers and auxiliary firemen should report to tlic colored Civilian Defense headquarters at 15S Auburn avenue, NE, and fill out applications. All schools in the city and county have been turned over to the Civilian Defense for training purposes. There will be a training center in each neighborhood for workers. Mr. Aiken said there will be day and night classes for the volunteers. Chief Aiken has been given i full authority to recruit and train up to war strength in all .</t>
  </si>
  <si>
    <t>                                           Three thousand men and women, between the ages of 16 and 55, are needed in Atlanta as fire watchers and 1,000 men, 25 to 55 years, are needed as auxiliary firemen, W. H. (Chief) Aiken, commander of Civilian Defense among Negroes in this city and...</t>
  </si>
  <si>
    <t>                                           THE HOMESTEAD GRAYS, 30-Year-old Negro professional baseball club local to the staid little town of Homestead, Pennsylvania, are the world champions of the sepia diamond.</t>
  </si>
  <si>
    <t>                                           Fort Des Moines, Ia.--(HNS)--With only one week left to complete their training for commissions the thirty-nine Negro officer candidates of the WAAC's girded for the final week. The week of August 16 to 22nd was taken up principally with examinations...</t>
  </si>
  <si>
    <t>                                           Kicked In Face, Mrs. Thornton Awarded $109                 Neither Defendant Nor His Lawyer Appears in Court                 Mrs. Rtitl, Tiiortiion.  lithe   months     by a white mnn on a .Hrcol. rnr. wir nw.u-dod S70O        by u Pulton Superior Court Jury. Neither W. B. McCoy, the , nor his lawyer, appeared In court for the trial. Attorney A. T. Walden represented Mrs. Thornton. FcJlnwIng the attack mode on her, Mm. Thornton won arrested, and later fined ki Recorder's Court. She appealed the flue to Fulton Superior Court and will bo given n new trial In the county court tomorrow. McCoy was named defendant In the damage suit  Mra. Thornton was fired In the city court.</t>
  </si>
  <si>
    <t>                                           \      ^^Rt) UNCLE SUM S SOUND ADVICE IS: DON'T OVERLOOK YOUR ELECTRICAL APPLIANCES Millions of American women have signed the government s Consumer Pledge. One part of it reads, will take good care of the things have." Another part reads. "7 will waste nothing." To help you live up to the pledge insofar as electrical appliances and electric service arc concerned, our Rural Engineers, Home Economists and other representatives are at your service. They want to help you get the most out of your electrical equipment and at the same time prevent waste of electricity. One of them will probably call on you soon. In the meantime, to help you get started sooner, we offer FREE .;   3         Timely. Nalpfol Hints j^*) "THE CARE AND USE OF ELECTRIC       APPLIANCES IN THE HOME" *sBg** At any of our stores, or by mail.             ? Write 464 Electric Building, Atlanta ^^^^91 Georgia Power Company A CITIZEN WHEREVER WE SERVE</t>
  </si>
  <si>
    <t>                                           i ClTlf ^p^ EDITION Atlanta  The Nation's Only Colored Daily Newspaper VOl.iI.MI-: M,  .vri .A NT A. V. KOU( i I A7s7m It I) A J i N K -il. 1 i) I i ;"ci^Ti"</t>
  </si>
  <si>
    <t>                                           LaGuardia Signs Petition To FDR                 NEW YORK- (ANP)- Mayor Plorello TI. LaGuardia formally launched a nallon- campaign of the Union for Democratic Action to eliminate discrimination against Negroes In the armed forces by signing the first petition to President Rcosevelt in the                 ence or u distinguished interracial committee headed by Dr. Frank JCtigdon. president of the Union for Democratic Action. The UDA expects to gather 1.000.000 signatures to the petition. "I sign this petition gladly." the mayor told Dr. Kingdon and the                 delegation: which Included Fnnntc Hurst, noted novelist; Alfred BaJccr Lewis. Frank R. Crosswalth, Jack Altman. ond Dr. William Agor, all members of the board ol the UDA, J. Flnley Wilson, grand exalted ruler jf the Elks: Mary L. Slmkhovitcri. director of Greenwich house: and Rachael V. Cornithcrs. executive secretary of the Harlem Riverside Civilian Defense Volunteer organization. Newbold Morris, president of the city council, also attended the ceremonies at Cltv hall. "I believe that, advances have been made In combatting discrimination." the mayor said, Through, the President's Committee on  Employment Practices. But we still have a long way to go. Public opinion must be aroused, to support every move Ice Justice to all our people." In  the petition. to the mayor. Dr. Klngdon said: 'In a war for democracy we should begin by exemplifying democracy in our own country. The outstanding aspect of our undemocratic practice Is discrimination  Negroes. The obvious place to begin fighting against discrimination Is In our armed forces. We are therefore petitioning the President to take  to .eliminate Mich discrimination, and we arc  you. Mr. Mayor, as an outstanding exponent to democracy to sign the first petition, thus launchIng the Union for Democratic Aclloii's campaign to obtain 1.000,000 signatures."</t>
  </si>
  <si>
    <t>                                           NEW YORK--(ANP)-- Mayor Fiorello II. LaGuardia formally launched a nation-wide campaign of the Union for Democratic Action to eliminate discrimination against Negroes in the armed forces by signing the first petition to President Roosevelt in the...</t>
  </si>
  <si>
    <t>                                           The Southeast Regional Girl Reserve Conference will be held June 8-15 at Clark College. The conference theme is "Today's Challenge."</t>
  </si>
  <si>
    <t>                                           SHOOT STRAIGHT With Our Boys! BUY WAR BONDS</t>
  </si>
  <si>
    <t>                                           ROXY NOW PLAYING THE WORLDS GREAT LAUGHING PICTURE! CAPITOl as I H^Hp  i HAYWORTH MATURE JOHN  CAROLE LANDIS L'Ji.'L! OOL' COOL: Ado!!~ !7c Children 10c</t>
  </si>
  <si>
    <t>http://search.proquest.com/docview/490682182/</t>
  </si>
  <si>
    <t>                                           lw_" 10% SAVED      NOW OR 100% W. TAKEN BY THE JL AXIS LATER! BUY WAR BONDS</t>
  </si>
  <si>
    <t>                                           New Y Secretary                 Warren R. Cochrane. formerly director of the USO center, Camp Lcc, V*., hai accepted     secretary nf the Butler Street YMCA, Atlanta. He formerly taught at Fort Valley Stair College and at lime wa* program director of the Harlem Branch YMCA. In addition to hfi *   Mi*~ hp will        in the YMCA training prn^rain at the Atlanta            School of So- cial Work</t>
  </si>
  <si>
    <t>                                           Life is not the smooth, easy, going traveling that it once was for many of us. Every individual who isn't wholly selfis I must feel the depressing effects of a world at war. We must try our best not to let it place scars upon us, for the sake of ourselves and our families...</t>
  </si>
  <si>
    <t>                                           MONEY Dollar Buying Company 2s PEACHTREE ARCADE BASEMENT FbOOK PHONE: WA. 3389</t>
  </si>
  <si>
    <t>                                           dm buy a m /4$$!^nt!~^~ vw-t* m CITY fa Atlanta JllmWorld edition  ti \ i V i iA     NhWa WJiJLL      ^^^ The Nation s Unly Lolored Daily Newspaper jj-    NEWS" ^^^^ VOLUME 1 1, NUMBER 358 ATI.ANT aT^. THURSDAY7     25, 1942 . rive ^...a</t>
  </si>
  <si>
    <t>                                           Face Stockham In Benefit Tilt Thursday                 BIRMINGHAM. Al.i                 ~%'-~                 .Ilcaded towards llu-lr tenth  league championship Adpai Thamfay night will            ord of 13 league triumphs  no detents In a battle with Stuckham for the  at the Crlppln Children'* Cllnlr. Group plv of Arlpra (mm- Mi to , front row- Waltrr Jamn.                 ..il.l.ri. li. I'rrklns. utility Infipldrrr.: Karl l.. pitcher: .lames Sumpter, utility outfielder: Arthur Wilson, shortstop; Jess,Kiiu*. ; Nutlunlrl I'nllard, pitcher, and Herman    "ll. first   . SUndliiK-Clarrncr Warrrit. Ililrd basr; U'aMn Oudlr.v. Irflfirlrtrr: Lorenzo Davis, second lta.se:                 KdWi.nl . ri{: Jim Williams, I'uptuin and first bane; and R. E. Bolden, manager. Lower left single plx- Arthui Wilson,  wielding      heavy hat  which he has been  at a A6U rate, l^iwer rl(fht- Hermmi Bell lj)wrr right-Herman Bell,  I hnt in ahop I'asur.</t>
  </si>
  <si>
    <t>                                           . BuyAnotherBond</t>
  </si>
  <si>
    <t>                                           The Fort Valley State College paid a fitting tribute and well deserved tribute to the life and work of Professor Charles Lincoln Harper, first Principal of the Booker T. Washington High School of Atlanta, when it presented to him its third annual scroll and merit award last Saturday at Fort Valley, Georgia.</t>
  </si>
  <si>
    <t>                                           ATLANTA SOCIAL CLUB SOCIETY will meet Sunday, June 21st at Sellers Bros. Funeral Home, 889 West Hunter Street. Clubs are invited to become members of this society. The secretary of each club is asked to bring along the names...</t>
  </si>
  <si>
    <t>                                           Proves Wonderful For Itching Skin Tosootheitchinc, burning skin, apply medicated liquid ZEMO- a Doctor a formula backed by 30 years  success! For ringworm symptoms, eczema, athlete s foot or- doe to external cause, apply ZEMO freely. Soon the discomfort should disappear. Over 25.000.000 packages sold. One  convinces. Only 36t Also 6  and $1.00. ^EfflO</t>
  </si>
  <si>
    <t>                                           THE WEATHER ContlaMd HOT; afternoon       tn.</t>
  </si>
  <si>
    <t>                                           [Simple Neak^ TF you never Have Ea3 mid -I of these pains, be thankful. They can take a lot at the joy out of life. If you have ever MffencV us most of us have, front a headache, the next timm try DR.MILES ANTI-PAIN, FILLS. You wUl End them  to take and  prompt and effective la action. Dr. MIIm Anti-Paia Pills are also recommended for Neuralgia, Muiculac Pklai, Tuncttonal Mtortnial Paini aod pain  tooth extraction. Dr. HUM Aad.Ma Rlkj 4*         MooMh. At Your Dni( Stwa I . SWWiBI I "c- tuu DhuHi.t rm* IvTaiMnJiT***"**0**'</t>
  </si>
  <si>
    <t>                                           Hate And Indecency Brought World Conflict, Says Speaker                 Wilberforce Professor Heard                 By Ft. Valley Summer Students                 FORT , Oa.-~      . MUton a J. Wright, head of Um Department of economies and  , of WUberforoe Vnivenltjr, declared in an ,  , at the Fort Valley Collate Center, that Um Universal conflict end                  toe world today U due to  and total  for  and tha  and laws, of God and man. Dr. Wrltht, a * Smnnahlan,  to  MO           Fart Vallty ColUfe as     ai  at     community. Hit                  was "Lift High the Light". Re Mid, "the  dilemma and utter confusion In  the world finds Itself raises same Important and pertinent question (a) to what end? (b) what are the alms and goals of man? for what is he seeking? (d) why so much hate? (e) are the  mass murders, slaughters, bigoted and Intolerant, narrow-minded, radical points of view on matters of '~4Kloa, education, ), religion and other Institutions which have served society, so well.  that man 1a definitely on the downward trail to deterioration? "What It the way out?" In answering these questions, Dr. Wright quoted the words of Jews, "And I. If I be lifted up from the earth, win draw all man                 upto me." Thla, he Mid, is the ajr out This contract nude by the king of kings with all humanity U greater and more binding than Magna Chnrta; the various reform blUt, and it even '"overshadows by far the Constitution of the United States. Dr. Wright cited experience! gained from his long itay In Wrope and meeting Important personages, who today are leaden In World thought, and directing world current. He said, that In a personal interview with Adolph Hitler at the University of           , (Hitler evidenced fear of these words of Jesus, "I will draw all men unto me." Hitler he said, fears the magnetto powers of Jesus and his atrocities indicate more powerfully than anything thst he has Mid that eventually Jesus will capture him. Dr. Wright was introduced, by Dr. Horace Mann Bond, president, Part Valley State College.</t>
  </si>
  <si>
    <t>                                           FORT VALLEY, Ga.--(SNS)-- Dr. Milton S. J. Wright, head of the Department of economics and political science, of Wilberforce University, declared in an address, delivered Sunday, at the Fort Valley College Center, that the Universal conflict and restiveness...</t>
  </si>
  <si>
    <t>                                           Former WifeOf Abbott Passes                 LG6 3-(A N P)-Following a lingering illness, Mrs. Helen Abbott Pryce, former wife of the late Robert Abbott, publisher of the Chicago Defender, succumbed at her fashionable North Westmoreland avenue home last Wednesday morning. Houritla was given as the cause of her death. At her bedside during the final hours was her sister, Mrs. Ida Leo McOlll. Arrangments litre made to take the body to her family home in Athens, Georgia. After the  between the deceased and Abbott came to a close she made her home on the coast and has been married to Dr. Oeorge Pryce, well known , for a number of yean. HU drug store has been closed for several years and he has been engaged In other vocation.</t>
  </si>
  <si>
    <t>                                           British Girding For Defense Of Egypt's Border                 Germans Claim Tobruk Has Been Circled, By-Passed                 Bv TI1K S. N. S.                 British desert forces in Libya Saturday were reported bracing for defense of Ecypt. The eighth army stood firm 30 miles Inside Libya from the EKyptlan frontier   back two main columns of Axis forces which by-passed encircled Tobruk mid drove to                 In 25 miles of Bnrdln. Washington observers discounted possibility of r,n early American reinforcements to the Libyan front. (.Cnntlnurri on Pace 0: Col. 3)                 British Girding i Cunt limed from      It was indicated that Egypt's hardpressed defenders likely will be forced to rely on their own resources for weeks to come regardless of any urgent pleas by Prime Minister Churchill for American  d. Because of distance, time and l) shipping, any American reinforcement of the Middle East beyond that already undertaken would be a long time operation, observers said. London reported that ChurchW\ current secret conferences  President Roosevelt were concerned largely with the critical Axis break  In Libya. It was assumed the conferences continued Saturday. There was no further Information from the White House since Thursday  unexpected announcement that the prim* minister  arrived ill IhU country. It is     minimi        * f'~r British arrive in ;i .h or In*, it will bn too     - tn  Hir  r^ril j Ui 3'"jii fr jni '.' S'fttn. Atlantic port;-, 'he l4.~H.~)-nn!f voy;~fe to Wicz round th" tap nt  Atnr;~ .  wrrk'. t jr r.   '  In Lrndcti. oir M'ntl'ird CnPK ( fl pni.y for Frtmc Mlniitcr Churchill,  SriIhIii Smnnlay      thw- cout lT  III"  rrl .Sl:itrs will " u  mill :.     .lnl  ill"'.' IMlU'r in thr      " bill,  nr</t>
  </si>
  <si>
    <t>                                           British desert forces in Libya Saturday were reported bracing for defense of Egypt. The eighth army stood firm 30 miles inside Libya from the Egyptian frontier after turning back two main columns of Axis forces which by-passed encircled Tobruk and drove to...</t>
  </si>
  <si>
    <t>                                           The congestion of long distance and local telephone calls is becoming so serious that the Southern Bull Telephone Company is asking the telephone using public to make only necessary calls, to be brief and to avoid using long distance lines during the hours when calling is...</t>
  </si>
  <si>
    <t>                                           Elberton. Ga.                 ELBERTON. Ga.- The funeral of Rev. S. W. Woods was held at the Mt. Zion Holiness church Sun- i clay. The body was carried to La- Grange and interred. Mrs. Ida i Dye and Miss Zelma Dye left Fri- I day for New York where they will spend the summer. Mrs. Alice j Watkins of Anniston ond daughter who is a recent graduate of Spel- i man College are visiting Mr. and Mrs. C F. Tate. Regular services     ? hold nt Mt. Calvary Baptist  Sunday. The Jolly Sunbeams will sponsor ;t  at tho NVw     Baptist, church 5 iin- da.1. Mrs Fluiii- Yearby    ill. Miss Anni^ Sue Melntosh Itti f"r Kicli-  f       to spond  timo j with      brother and family. Mr. and P.Irs L. C M.- Mrs. I S.' HarpiT luc returned  lifter (: her . m Clfvi-, Ohiu.</t>
  </si>
  <si>
    <t>                                           Negraska Williams, widely acknowledged as the world's campion walker, expects to enter the J. S. Army after June 1.</t>
  </si>
  <si>
    <t>                                           2 6* Jlet HIGH PRICES UNPLEASANT TASTE INCONVENIENCE Keep you from getting all iVin Vitamins A and D you need.     tin he mire that   cH member your family get? enough of these essential vitamins by seeing to it that th*y take '        '~'ft* Caitwmdmni</t>
  </si>
  <si>
    <t>                                           TATE, Ga.--Mr. and Mrs. Willie B. Hall and L. A. Collins motored to Knoxville, Tenn., last week-end to visit Dennis, who is ill. Miss Annie J. Buck of Murphy, North Carolina, spent the week-end hero. Messrs. J. B. and Henry...                 Castleberry and Ollie Anderson left</t>
  </si>
  <si>
    <t>                                           NEW YORKERS REBEL WHEN BISHOP CHANGES PASTORS                 By WITTIE ANNA BIGGINS                 NEW YORK- (S N 8)- Bishop David H. sunn, prodding  of First Episcopal District of tht African Methodist Church, found himself at odds with AME people of New York when he attempted to oust pastors of this city whe maintain upright character, meet                 annual conference claims, work lor upbuilding or ChrliUan brotherhood, and tight (or the Tights ol people regarding to nationality Outstanding among these minister? Is Rev. Robert 8. Lawrence, pastor of Emanuel AME Church, who foi 18 months has been a beacon light not only to his congregation but to civic, political, social, fraternal and religious leaders and their followers. Trustees of EmantMl Church appeared last Tuesday before Judge McLaughlln. Part I, Supreme Court to defend their right to maintain Rev. Lawrence whom Bishop Slnu transferred to New Haven, Conn- the New England Conference, and                 placed In his stead Rev. J. M. Dawkins. Jr.. of New Hrtcii. who presented appointment papers and preached at Emanucl on Sunday night before appointments for that district were even made. In compliance  the Instruction* from JtidKC McLaimhlln. trustees  filed briefs regarding the case, and now await the decision of the Judge as to whether Rev. Lawrence hall remain pastor or the  r appointee become pastor. When 000 members of the congregation registered protests and unanimously voted that they could not accept the bishop s appointment, Rev. Dawklns took the church Into court to force the trustees to open the doors to him. Two attempts were made by Bishop Sims and his white lawyer to force entrance Into the church. At the first hearing, the Judge ruled that the church should be closed on the Sabbath until another hearing could be given. Counsel Joyce, white, represented Rev. Dawklns and Bishop Sims, while the firm of Oyett and Baltimore, Negro attorneys, represented the trustees. The congregation and (CanUnittd oc face J, Cd X)                 New Yorkers (Continued from page t) officers cite lour reasons for  traction of the bishop: (1) According to AME  paragraph 108: "A bishop shall not transfer u minister without his consent beyond the bounds of his conference or his Episcopal district without giving hun  month* notice In advance of his appointment". This was not done In the case of Rev. Lawrence. (2) Rev. Lawrence went to the  nei* wlch every  made upon the church lor the annual conference, report Inn for the church $1,991 cash lor conference claims mow  10 days In advance n*  d by thr bishop. This early report was  in the history of African Meth- 1                 . '3  The character of Rev. Lawrence was passed by the annual conference, and according to the policy of the AME Church, a minister meeting all requirements and character having been passed by the conference. Is entitled to the highest consideration by the bishop, and by no means is to be demoted Rev. Lawrence was transferred tr Bethel. New Haven, formerly pastored by Rev. Dawklai, with a membership of about 120- an accommodation charge given Rev. Dawkins while working on his doctor s degree at Yale. Emanucl Church has 2,500 members nnd raised $9,000 during the conference year.  4  Although a minister Is to receive an appointment each year. the general church has Iftken off I lie       limit on the pastorate, and thn minister ran servo oh long                 as he is successful and the people are satisfied with his labors. Ministers in New York conference were reappointed- one for his 14th time, one for his 8th time, and others for 5 years and under. Rev. Lawrence was appointed to Emonuei on special request of Bishop Sims 18 months ago and with the approval of Bishop Nichols, former pastor. The membership was so aroused to Indignation at Bishop Sim's "reword" for faithful service that pandemonium reigned when Bishop announced the appointment, and In the midst of throwing chairs and screams, with the fire department rushing to the rescue, Bishop Nichols was floored, and lie with Bishop Suns, escaped through the back door where their chauffeur with motor running whizzed them away to safety.</t>
  </si>
  <si>
    <t>                                           NEW YORK--(S N S)--Bishop David H. Sims, presiding bishop of First Episcopal District of the African Methodist Church, found himself at odds with AME people of New York when he attempted to oust pastors of this city who maintain upright character, meet...</t>
  </si>
  <si>
    <t>                                           Pubttahcd DAILY and SUNDAY at 210 Auburn Avenm B7 ATLANTA DAILY  P0 CO. Telephone: WAnut 1448 1460 Umber of SCOTT NEWSPAPER SYNDICATE Brtabllihed Aug. 5. 1928; Became Dally March IS. vm W A. Scott n. Founder and publisher, Aug. i, 1928 to     USt ' in tiie Post Office of Atlanta, ua.. a,      -daM owU under the Act of Congrtga. Marcn H. 1879 e. a. SCOTT         Manager   Managing Editor Dolly:- 1 Year, JB.25; B Mos., $4.75; 3 Mos., $2.50; 1 MO, 90c SATURDAY ONLY:- 1 Year. J3.00; 8    .. $2.00; 3 Moa..   Canada.- 1 Year, $4J0; 8 Mos.. $2.75; Foreign; l Year.  8J0 The ATLANTA DAILY WORLD is an independent - non. M  and non-partisan, printing the news absolutely  and  Bpportlns those things it believes to be to the Interest of ita r*~     those things  tho Interest of Its readers. Addre*s ALL COMMUNICATIONS to and make CHECKS         to ATLANTA DAILY WORLD, rather than to Individuals. The WORLD expressly repudiates responsibility for return of unsolicited picture*, manuscripts, etc, unless stamps are sent</t>
  </si>
  <si>
    <t>                                           German Reserves Thrown Into War                 WASHINGTON- (SN8) German forces teat night widened their bridgeheads on the lower section of the Don river and increased the peril to the Caucausus while Russians reported turning back and killing st least 8,000 Nazis along the great bend of the river before Stalingrad.                 In one of the greatest momenti ol the war. the air w*f filled with  und Russian planes and the Und was covered with  tank*. H.ifte forces ot German reserve* were poured Into the battle below fallen Rostov ind near the mouth ot  Don on the Ma of Aiov. Peporii ftom the battle front calu danger to the whole area south ol the Don Increased when Otnnans forced a fresh crossing 120 miles upstream from Rostov. A communique Irora Oerman war officials said the Nazis had  and deepened their ", south of the Don and claimed to have reached or  tlie river alon* In* whole  front of the big Don bend. Agnui the cry ror a recond front was   It was learned that 11  German divisions had  into Russa from Prance and Holland. The entire Ruaslon preM announced the gravity of the hour nnd the newspaper. Red Star, called on civilians to be ready to take up arms. ACKNOWLEDGE FALL The RuMlaru  the fall of Rostov, described by the Oermans as the "spigot of the Russian ," and also     , 120  northeast Rostov London military quart*T said thp Nazis, throwing probably 625,10n troops Into the assault, had been slowed somewhat alter suffering heavy . Thtae quarters said the Russian armies were i mostly Intact but that German  were believed to be . Cn the north flank, in the bloody Voronezh, the Germans were' described as "definitely on the defensive."                 Nazi military quarters asserted that German infantry and  forces had swept across the Don River on a  front east of Rostov and reached the Manych and Sal Rivers at several points. The        River  an arc 1 ? southeastward from Runtov-on-Don Into the northern Caucasus, while the Sal stretches  due eastward from Novocherksisk.                 If (rue. the Nail claim, would indicate that Molt Hitler's legions were :  acres* the northern Caucasus toward Astrakhan. on the Caspian Sea, and also  southward into the Caucasus itself. Soviet dispatches said Marshal Semcon Tlmoshenko's Red armies. ,         forced to yield Sortov and Novocherkassk, had betten Wt series of Oerman Unk and  infantry attacks st the big bend of the Don River  StPllnerart. Soviet reports  ald thousands oi Natl dead littered the bank* of the Don or        the          of pontoons  bv Ruwlsn shells nnd bombs as the Invader attempted tn  bridgeheads acrow the river  Roitov and SUllngrad.</t>
  </si>
  <si>
    <t>                                           WASHINGTON--(SNS) -- German forces last night widened their bridgeheads on the lower section of the Don river and increased the peril to the Caucausus while Russians reported turning back and killing at least 8,000 Nazis along the great bend of the river before Stalingrad.</t>
  </si>
  <si>
    <t>                                           PRIZE WINNER                 Charming Mrs. Alma I. .      is very prominent in the religion* and social  nf Chattanooga, the wife nf Mr. Herbert E. Hyatte of "M Wot Sixth street, and an agent for the Universal Life Insurance Company, was awarded a prize of five dollars for producing the largest amount of  in the $0.00 to $30 class during the National Nccro'TnKurance Week -.t. The Award tr.-w  ntr l in tbe assembly room of 'lli e ri3J FeOow^' Kuilriinc. 124 1-2 East Nintn street, May 13, at S p. m.. b.v Wilter' C. Robinson, publisher of the ChallanoogA Observer. The entire colored Insurance organizations uf Chattanooga  the contest.</t>
  </si>
  <si>
    <t>                                           Father Divine offered religious and educational leadership another challenge for solving the problems of a war-torn world when he held the dedication and opening Sunday of Peace Center and Nazareth Missions, a combined ... home for the aged, a church...</t>
  </si>
  <si>
    <t>                                           Bailey Theatres 81-charles starrett "thunder"over the prairies" Alto "Texai Rangeri" ROYAL--"BURMA CONVOY" and "SINC YOUR WORRIES AWAY11 AUo "Whil, Eagle" ASHBY- "PUBLIC ENEMIES" and "SPOOKS RUN WILD" Alio Tracy rt Crime</t>
  </si>
  <si>
    <t>                                           Sellers Brothers had to present a highly changed combination Friday evening when the morticians whipped John Eagan Homes 7-1 on the Morehouse athletic field, because many stars have been lost again to the tobacco farm and to other summer jobs.</t>
  </si>
  <si>
    <t>                                           CHICAGO (SNS) With the balloting ended--the deadline for votes having been midnight last Sunday, the West team which will take the field on Sunday afternoon, August 16, in spacious Ccmiskey Park, for the Tenth Annual East-West contest will be...</t>
  </si>
  <si>
    <t>                                           A cordial invitation is extended to the Atlanta public to worship at Wheat Street Sunday. The minister, the Reverend William Holmes Borders, will fill his pulpit and use for his subject "Come up Higher." The Senior Choir under the direction of Prof. L. B. Byron will...</t>
  </si>
  <si>
    <t>                                           Annie Ruth Singletary. commonly referred to as "The Little Girl in the Brown Car" is gone. Her passing was made shortly after 10 o'clock Friday evening, July 3rd in the Colored Hospital of Americus. Albany received the blow early Saturday morning.</t>
  </si>
  <si>
    <t>                                           He'll Rob No More Banks                 Is a reckless attempt to rob      Continental Illinois National Bank and Trust company in Chicago'! Loop , a man Identified u Henry Peter Karstens, 39. wai shot and killed by bank guards In full view ol           In the  marble lobby. Two of t!~ bank s AOO armed guards were wounded In the gun ... Pbotq  Uit dead bandit on tin banX</t>
  </si>
  <si>
    <t>                                           BIGGER'S EYES were wide, taking in all three of them in one roving glance. Mrs. Dalton continued to sob and Peggy sank into a chair, her face in her hands. Then she sprang up and ran out of the room, crying:</t>
  </si>
  <si>
    <t>                                           BUY WAR BONDS AND STAMPS</t>
  </si>
  <si>
    <t>                                           Much is being said over the radie and gallons of ink are being wasted in writings about that elusive "second front" that some claim the so-called democracies should open to Europe or elsewhere in the world it is very difficult to weigh the reasons pro and con by the...</t>
  </si>
  <si>
    <t>                                           I7  , .  w5     =   ; , !its hc=- Ems</t>
  </si>
  <si>
    <t>                                           The Sunshine stars, with another new cog in their machine in the person of Charles (Re) Simmons of Morehouse at second base, take on the powerful Scripto Black Cats in a Fourth a July double-header this afternoon, starting at 2 o'clock, on the Booker T. Washington High...</t>
  </si>
  <si>
    <t>                                           Despite Manager Johnny Leonard's two trips, triples as well a ... pair of singles and a like member of laney catches by ... Baseman Jesse ... the John ... Homes ... lost again to Sellers Brothers Thursday evening on the Morehouse diamond. The...</t>
  </si>
  <si>
    <t>                                           OVER IN ROME, GEORGIA, the other day, according to the Negro Press, the distinguished national and world famous Negro singer, Roland Hayes, long an ambassador of American democracy and good-will to the countries of Europe, Asia, Africa, South and Central America, and the Islands of the Seas, was severely beaten by police, following an incident between his wife and a clerk in a shoe store, arising over how far back in the rear...</t>
  </si>
  <si>
    <t>                                           Henry and Rebecca McRec, 81 1-2 Howell Street, N.E. son, Rollins Herman.</t>
  </si>
  <si>
    <t>                                           I NO FLOOR SHOW (In ArcnrHniicc with New City Ordinance) i I Dine and Dance, Midnight Til Dawn! I Cabaret Style Perline Ellison, Hottew I TOP HAT Tonight, 12:01-4 I Music by AMBASSADORS Admission 44c</t>
  </si>
  <si>
    <t>                                           The completion of the huge $22,0000,000 Arkansas Ordnance Plant, at Jacksonville, Arkansas, was announced this week. This plant is one of the largest in the area and will employ several thousand workers, most of whom will be women.</t>
  </si>
  <si>
    <t>                                           SANDERSVILLE, Ga.--Little Leola and Ben Hill of Macon are visiting their aunt, Mrs. Olivia Griffin. Marion Pace of Canton, N. J., is visiting his mother, Mrs. Lizzie Blackshear. Rev. Jackson of Columbus, O., was guest ... at the Evening Light...</t>
  </si>
  <si>
    <t>                                           HOGANSVILLE, Ga. -- The Springfield Baptist Church celebrated its 67th anniversary during the past week. Different departments gave programs each night. Quote a number of interesting facts were brought out concerning the history of the church. A total...</t>
  </si>
  <si>
    <t>                                           RAF Pounds Hamburg, Germany's Large-si Pon                 JBrUafiis Royal Afr I-..:.,- sl:,.-,s i,,.,. ,,iui. r.iru on (Vrninny.   Hnmbiir^'Ger. .Jnan.ys ,,,!. v. u,,,s ,:iy It was said t e .Sd wai lho_        iui.1 .i.1.-,.-!-i,il sin.-.- II,.- l.nmi.plan* r; .1. Id-y  cities recently.</t>
  </si>
  <si>
    <t>                                           Interracial Committee Set Up In Bibb                 Grand Jury Acts To Promote Better Understanding                 MACON, Oa.-~SNS)-An Interracial Committee in Bibb count!1 has been organized here under  of the B.lbb Count; Grand Jury. General Walter A. Harris  vns name general chairman a( the .                 An   composed .of General Harris, three colored men and three whit*1 men. has set np. rjr. H. P. Taylor ami two other colored persons to bo named, and Dr. A. Harris, white minister/ ' other white         to be named, will be members ot the committee. 4 ON  There will be 20 colored ; and the same number of white members of the committee. Meetings  be held the first Tues. day In each month. However, special sessions can be called by the executive committee at any time. The executive group will be Tillable for sessions at any or all times. A statement issued by the new organization set out the ; purposes, of the group: -The objects of this committee arc: "To insure unity among all the people of this community in the          'Win.-     war in which America:' Is engaged. XO PRESERVE  "To preserve peace tn Oils community. "To promote a better understanding- between the white and colored people of this community. Toe white and colored members will meet for frank discus*lon in the hope that with mutual understanding and In a spirit of unselfish patriotism they may appreciate each other s problems "This committee cannot undertake the solution of those problems. It cannot even undertake to act Judicially in  the right and wrong side in particular cases of disagreement between members ot the respective races. What It will  to do Ik this time of national peril is to prevent' the rise and spread nf   and promote  all the people, white and colored, of this community the earnest desire to live together In unity, peace, .and ." Members of the Interracial committee are: Negroes: Dr. Taylor, the Rev. ft, vr. Stennett. F.'j. Hutching*. Dr W -A. Davis, Dr. E. M Calhoun J A. Jenkins. Dr. J. N. Miller. Prof. P. 8. .Appling. Dr. a Williams, j. T. . R E. Hartley, -a-Rlchardfiori;  Ingram.t C. W. Moore, Nelson, Danicll. Cur118 Cooper. Paul Duval, George (Coatianto! on      6, Col. 7)                 Interracial Continued from Page 1) Rice. S. H. Lee and W. C- Let. White: Dr. Harris. Charles L Eowdcn, J. R. Hicks. Jr.. A A Drake, tiie Rev. E. Clary, Dr                 J. E. Swnmons. Father Robert T. Bry.nl. Dr. I. MBr'1*S;~?J^ WUltogham. Jr.. B. R- ~*~tner. W A. Harrli, C T.         . Dr. RHMwon, R. H. Ncel. JB. Cloy Prank Brooks. Morris Michael and Otorgc W McCommoa</t>
  </si>
  <si>
    <t>                                           MACON, Ga.--(SNS)-An Interracial Committee in Bibb County has been organized here under sponsorship of the Bibb County Grand Jury. General Walter A. Harris was name general chairman of the organization.</t>
  </si>
  <si>
    <t>                                           COCHRAN, Ga.--Mrs. Eloise Benyard and baby left, Monday for Detroit after spending several weeks with Mr. and Mrs. Will McClinton. Mrs. Emma Wimberly and grand-daughter. Ruby and Mrs. Clarence Wimberly and baby left recently for Pompano Mr. and...</t>
  </si>
  <si>
    <t>                                           A vote suit asking $5,000 in damages and a permanent injunction against the three members of the Jefferson County Board of Registrars enjoining them from alleged discriminatory practices aginst Negro applicants was filed in the U. S. District Court Thursday by...</t>
  </si>
  <si>
    <t>                                           Tomorrow Sunday afternoon. standing at 2:30 o'clock. the Scrip to Black Cat:. and the. Sunshine Stars will engage in a Fourth of July twin bill at the Booker T. Washington High School Stadium.</t>
  </si>
  <si>
    <t>                                           DAILY CROSSWORD  9 3 Gentle 23 Loitfr B L AS tBl A M? A] 1 Furnace B Snake-litre ."0. Goddess n[ It. I*  Y l^lg BB3[      5[ 6 Oomeptt- fishes  UmItdI?t1j1^mm rates 10 Narrow 34. EHIpl Ii:hI  PMLUbugyuSBHH 1! Artxlmn Mrlpof 35 Covrrrd  12 BoywinHov wood with Ink MX R MMmo  IT Lively song IS Ourfll.i Arllrln mtm^^S^KKM Bulging jnr 17. Cry weekly lO.TosIiiiic PlSlWMftMTrrPlljI'l    Spn?k HI Son pod  wilh  **      1o1 1 1 18. Employed 21 Pertaining One who 5 V H^^     ft - U'HVfft 4*~- Alwiiy."* ?3.M.rl,l. 32      M.TcnU.l, T 74 Bntiri- Sizool  4ii.Tiifu.-ff Kl EUilnr 27. Throws Kind of 47. Tardy .l 79.         ~.f thread lauding r.:i. Nolcof the TcllRlom 86. More recent actor scale  HI N'otlon fi  l [3 WfflF I' I* I" 32.  2? .in.CHiit [  """-"""""~ ^it 3!5 Bnsltet ry  it "   '444 7/Zt "Aft I* "~T dawn ik 2% rr^ "T" .17. Cnrllnfr % 3 Kt'Mpoc.~       111  Crle,,0Sa ^"~~r* 4P. Wiuked 60 Thrash P Tt'!. Grroh Irltrr 2s$j fti Cornrnil Sp* M Cnnimoml 7           ^1 4. Koddrr  Sign of L__    infinitive M 7 Anyora- I I i t^t^a I I I I  plant - A cr.          ~) R  MSM A Y IS Y K W UOA MQ8KO .    - E Y.K A Y          .    -4s;   "OR   !TH SH'il'l.l" hn: of NO  Vcil.'I'AlliK       .uti..~ hv KlIIR K'BlMrfc HvikIk'ii''1.</t>
  </si>
  <si>
    <t>                                           Flimflamniers Get Busy Again; Claim Two Unwary Victims                 Two film-Hammers whose descriptions fit those of old timers in the game were credited Saturday with a large "haul." James Arnold, of Palmetto, (3a., Route 1, reported that the two men  a conversation with him on Gordon Street, in front of a filling station, late Saturday afternoon. When they left him, Arnold was minus t6B in some way, police were informed, It was suspected that the old pocketbook ruse was used. In another Saturday flim-flam cane, Elton Outlaw, of 024 Fair St., S. W., reported that a single artist took him for $8.95 in the old Job gag game. Outlaw said the "take" was on Peachtree Street in the busy downtown section.                 Son Jailed, Charged With Running Auto Over Father                 WHITEVlUiE, N. C-(ANP)Joel McRon, 30, Is being held to Jail here, charged with trying to murder his 82-year-old father, Mark MrRea, who lies In critical condition in Columbus county . Also held an a  li P. Smith. Acrordlnu to Sheriff H, D. Stanley, the elder McRae was riding In an auto with his son and Smith, when the son, pretending that the machine had broken down prevailed on his father to get out and help push the cat. When, be did so, the sen ran over his                 er, according to     story related by the  Smith Is quoted as having told Sheriff Stanley that Joel McRae tried to get him to Mil the old man the same night, but that he refused. Motive for the crime li believed to have  of 11,000 In. surance the aged Negro hat on hla life. Sheriff Stanley (aid that Joel made his father pretty near drunk with bear and whisky before the alleged attempted murder -     has a double skull .</t>
  </si>
  <si>
    <t>                                           USO is amply providing for the duty needs of Negro service men according to Ralph Metcalfe, one of the outstanding athletes of the past decade and now director of the USO club for Negroes at Anniston, Ala., and National Consultant on Negro Operations for the...</t>
  </si>
  <si>
    <t>                                           22,000 RACE YOUTHS OUT AS CCC IS KILLED                 22,000 Out As CCC Is Doomed                 WASHINGTON. 0. 0.- (ANP)- Like ;i nil wilh      lives, the (XT finally met its doom Tuesday wilh the failure of the House  f l..'nl.' In sust.'iiit action of Hi': senate in voting for t?ie . of the .                 With tlic   if tins depression born . often said to be the best of the experimental protects, some 20.000 Nccro youths will be thrown out of camps, besides a heavy staff ol educational directors, camp directors and mechanics who have  engaged in instructing the young men. At the present lime, there :ire about 80.IW boys In .camps :uid it is  Ilif        of NfRrocs        Hi do with Unvote to  i.lie , It liad been  the army would take over the camps, but with the curtailment of the money for the -ry budget, hope for this relict was lost. When die vote  up Ir. the                 BcnKtr, following thr  of the Kub- s  on floor. :i   look place. Tlic vo c was   nrt it took the vice president s vote to bre;ik tie tic. the final count standing 33-32 for the retention of the CCC. Mr. Wallace knew the TYrsMent had urged the retention of this project, and v*a    11 in his power to sec l.hnl the,  won  ls . VScoalnr :i(lcr :        on tlic CCC. many of them declaring the Civilian Conservation camps had served their purpose ar.d were not longer necessary to national defense or for the relict of those it was serving. Although the  unwed  bill for I he  nl the CCC. M Is unlikely lo Rd.% by the   yet hsis to v-ilr (he api  ic.r it,  In i- J $7R,.ono.  ilic lc-l.:il  li T ot . new    H00 (~: In . 1L' Unics .  -n    .        . was In hill *.</t>
  </si>
  <si>
    <t>                                           WASHINGTON, D.C.--(ANP)--Like a cat with nine lives, the CCC finally met its doom Tuesday with the failure of the House of Representatives to sustain action of the senate in voting for the continuance of the project.</t>
  </si>
  <si>
    <t>                                           IT S A GREAT LIFE IF, ,YOU DON'T WEAKEN                 DOROTHY DARNIT                 M -By Chat. McMami                 *:J -By. Cy Hungerfor                 HM TYLER                 -By Lyman Young                 FELIX, THE CAT                 -By Sullivan                 HAIRBREADTH HARRY,</t>
  </si>
  <si>
    <t>                                           8  0 REMOVED FROM 1118 POCKETBOOK                 WUlle Under, of 213 Pine Street, N. E., reported to city police Tuesday that $10 cuh was taken from bis pocketbook during Monday night. Detail* of the theft were not .</t>
  </si>
  <si>
    <t>                                           IF RHEUMATIC PAIN HAS YOU D0SIN8 AND  Then - to   m/ff tint remit* you can frt now with thin  Open your own way toward deliverance  hove enjoyed. Make up your mind you re going to mr Mimelhinc 'hat get* lo work on rheumatic pain. You want help you mn feel. So get C-3211 Don't be put off with ifj or buls. (iet  now. II you suffer  rheumatic pain nr       . get C-2J; 1. Aoc, $1. At druK(     *rse only a.i directed. Purcbue price  If Dot . ^  /' HiRt* HOW T0\ \*=' tf  tab    .   *tfl           .ittr,         *~ \il y         ii) \\l XeotorrmirmUnitinilof hair 1 If /to , mm. . Jit f Imr    wl f (ml* I* BlMk      4. Whttk* 1/ n .* r roar hair at noil, . ITMNOMmamlMl !l!5.rtR;ti!"i^VkJS?lr  ll?               0o BLACK  on Um r  n*  mat bImm. you or root  bwk. CAUTION 1 Olwk Strma.l U to   aa         0* llw Uhal. BLACK STRAND T*~ JIT (HACK HAM COLOOfW*</t>
  </si>
  <si>
    <t>                                           Comfortably Cool!  T''i  A OVER!  MOPE      MADELINE CflRROU (/rrj        ^         vil kj^ T  ZUCCO f  Adulti 17c Children 10c CAPITOL     IS Adult. 17c KlddUt.lOe</t>
  </si>
  <si>
    <t>                                           BOSTON--(ANP)--A milestone in the history of the American theatre was reached recently when a great actor. Paul Robeson, played the title role of Shakesspeare'a tremendous "Othello" with a cast of white actors at the Cambridge Summer theatre, Brattle hall, Cambridge.</t>
  </si>
  <si>
    <t>                                           Mr. McCarlton Cook arrived here last Saturday from Florida and will spend several weeks visiting relatives.</t>
  </si>
  <si>
    <t>                                           (WANTED Man Between 20 and 30 with 8th Grade Education or Better as Porter and Delivery Man Apply in Own Handwriting BOX 22 ATLANTA DAILY WORLD</t>
  </si>
  <si>
    <t>                                           In Mrs. Welman's room, clothes were folded in neat bundles underclothing, dresses, and certain articles of handsome clothing, velvet tea-gowns, a musquash coat. The latter, Elinor explained, she thought of giving to Mrs. Bishop, Nurse Hopkins nodded assent. She...</t>
  </si>
  <si>
    <t>                                           Laying final plans for the official loop OPENING DAY Sunday afternoon for the Greater Atlanta Semi-Pro- Baseball League, presidents, owners, and managers of local nines will hold an important meeting this evening starting at 8:30 o'clock, at the home of Bob...</t>
  </si>
  <si>
    <t>                                           Turmoil Reigns In Georgia's Demo Circles                 Li'nder May Run On Independent General Ticket                 I'f~:~   Isn't t-       for what Is         on in      Georgia Drmocraltr .                 And the way things look at (Us point. Ne?ro voters In the state mav have something to say 1  b*i         States Mnator from Georgia Tlic Neero       will be worthwhile if Tom LJndiT.               of agriculture,  out his threat to run as an Independent In tbe Nrvprr.tvi election. Mr. Llnder. barred from the Democratic   he refused io resign as  of . declared Ti\ he still Is a candidate for Unit?d States senator and indicated lie would nin us an  in tlw November pener.M election. NO IMMEDIATE  He  he was " sure" rhe court"! would not sustain thr Georgia '.lc Executive Committe" in excluding him  the 'September 9 primary ballet. He lidded that hp planned no Immediate litigation b? It might deity  (Jt  ballot for soldiers. Mr Llr.dor   to  U. a. Senator Richard B. Russell'nam* from the  nnJ   lcl he  campaign actively  Senator Ru^ell. He  his charge nf a poli  deal between his erstwhile ally 'Qovemcr Talrnndw. aid Intumbent U. S. Senator Russell, to prevent opposition of the latter. Mr. Llnder made no reference to Senator Russell's sole qualified opponent, former Congressman WUMam D. Urwhaw.  SPACE OX BALLOT "I'll Just tell them about that blank B^afe on the ballot, where my name ought to be." said Mr. Under, hinting a possible appeal for -ln. He suggested Una If enough voters .scratched Senator Russell'it name, the incumbent would be left In :i " lyr.l'.lon "If nobody to nominated In the primary, nobody could kick about an Independent In the  election." declared Mr. Under. Monday, when the executive  returned his $500  Ice with the announcement that his  was rejected, Mr. Llnder retaliated by  for  of Taunadge. whom he accused of "trickery." Aski-d Tuesday If this I meant he would support Attorney General Arnoll. Tatoadge's only opponent. Mr. Llnder replied. Tm        to fight Talnwdgc. II  up to the same thin?, but I'd rather put It that way SOU a mystery wos what hr.p(Continu.d  6, Col. 2)                 Turmoil Reigns (Contlnjfil from  1)  to Mr. Llnder's $500 entrance fee. Puny officials left the cash on his de.Ot Monday, but the commissioner ro:.xl Tuesday he did not knew what h".p? to A        party rule requires officeholders to resign before qualifying as candidate for another post If the present term extends beyond the beginning of the term I sought. Mr. Under's term still has Iwo and one-half year* to run.</t>
  </si>
  <si>
    <t>                                           Peace isn't exactly the word for what is going on in the Georgia Democratic circles.</t>
  </si>
  <si>
    <t>                                           NEW YORK -- (ANP) -- Now wouldn't it be the human thing to declare soldier-boxer Joe Louis's income tax $117,000) for 1941, --off until we finish the job with Hitler and ... Hirochito?</t>
  </si>
  <si>
    <t>                                           Second Person Identifies Job "Racketeer"                 'World' Reader Says She Was Loser in "Deal" 1 Henry McDar.icl. middle-aged iman ol Hilllard Street who Is being held by City Detectives Nahlifc and Copplnger on suspicion of conducting a "job racket" here was identified Tuesday by another Atlantan, the detectives said. Isaqueena Lofton, of 381 Chapel I Street. S. W., identified McDanlel i as the man who  her out j of $3 on July 3, according to the I detectives. She said she was planI nlng to purchase a pair of shoes when the suspect accosted her and "sold her a Job." She went to the police station Tuesday evening after reading an article in Tuesday's Atlanta Daily World concerning the arrest of McDanlel. McDaniel was apprehended Monday, officers revealed, after a woman who failed to fall for the racket, pointed him out to Policeman Fred Barron. Independence Day Slaying Revealed A July 4th slaying was revealed Tuesday by Atlanta police. The victim was listed as James Ham Lattimore. 33--old taxicab driver of -~84 Prazler Street. S. E. "He was reported stabbed in the stomach around 11:30 g^ o clock Saturday night KJ "I at the corner ot Frazier J% I and Crumley Streets. %# Lattimore died early Sunday at Orady Hospital. Investigating officers said Mrs. Annie Mae Harrell, 44, is being held in connection with the slaying, the 31st among Negroes In Atlanta this year. Last Summer Forum Tonight At A. U. Tonight (Wednesday) at 8:30 o clock .the last forum of the Summer School will be held In the Exhibition Room of the Atlanta University Library. Instead of a speaker as has been customary, the Forum will show four motion pictures dealing with the War and American Life, entitled "While America Sleeps" (a story of sabotage): "Sons of Liberty" (a story of intolerance): "Americans All" (a documentary film of Latin America), and "The Church and Negro Educators." There will be no charge for admission and the public is Invited. PLEADS FOR TOLERANCE RIDGEWAY. N. C. (ANP) Chralcs A. Wells, white, local Journalist, warned against the danger of racial animosity against all yellow people, on his return here lust week, and pleaded for an understanding between nations.</t>
  </si>
  <si>
    <t>                                           Air raid wardens and their workers will have a chance to do their stuff Monday evening when Atlanta conducts its first "white blackout" between eight and nine o'clock.</t>
  </si>
  <si>
    <t>                                           Her Marriage Announced                 Mm. Virginia           Sininn Wasliiiielmi, - -lagi S{l.       A. KlmotM, Jr.. of Brooklyn. N. V.. oil  2U  tbh . Tlir  m    . uml Mrs. Slrphrn Spoluwood.  he w*~  IUr     -  . of arts - frum Wrllpslry College in June. Her  K nerving    SUi F.~(         Kr(. V. Armv. Stir In  ol the Alplia       Alpha .</t>
  </si>
  <si>
    <t>                                           BONDS Essential In the equipment of every Soldier, Sailor, Marine or Flyer It a first aid kit, consisting of bandages and antiseptics for               utc. These materials are packed Into a compact box and cost about Jl 50 each We need million! 01 these first aid kits for emergency treatment. They  re also  by Red Cross workers, In field hospitals and wherever  until hospital treatment ma; be obtained. Even a child could buy on* or mora of these kits through  of War Stamps. Buy Ww Bonds and Stamps every pay day and Invest at least ten percent of your Income In these government . y.s.TinntyOifrlmnt</t>
  </si>
  <si>
    <t>                                           NATURAL PAGE BOY ATTACHMENTS YOU CAM HAVE YOUR HAH?  4 rr -A PERFECTLY MATCHED POK Safest $~fi Eft                   5  3U     4      vw Hwmon Heir-     SSrv' ft P All Shales   \ -^m\\ SEND NO MONEY X^ J^~~\ *       4  of yw   f  tot* color Vtt i ^JTj^S^Kft ft FAT POSTMAN SliO     ps.to,. C^ ^"S^ES N. H)rf$.     $ AND BKAtDS 'VV ^j^^Slk W0    rti hr Onr  **~*k/ ^BBSi^St'i'J  ot MSKir ' T*':~". jy'~S^mjf      TCUt CSCEn TCCiT l.7^_i^^S^</t>
  </si>
  <si>
    <t>                                           Funeral services for Mrs. Ida McKeny who died at her home on Mumford Street last Tuesday morning were held from St. Mary A. M. E. Church last Friday evening with the pastor. Rev. W. P. Carter officiating. She was carried to Macon for burial. Surviving are...</t>
  </si>
  <si>
    <t>                                           Says Race Should Support Indians                 CHICAGO. (SNS) "The March On Washington Movement," stated A. Philip Randolph, National Director, at the Mid-Wuxl Headquarters, Y. \V. C. A., 4Gth Street and Smith Pmkwny, "hails the militant noble and 1 KtriiKRlc (if the.  or Indiii for  mul  from I he ! I.vr. of Groat Britain.                 "Negro people of America, Ihe West Indies and Africa should  this grim determined and  battle for freedom ol the Indluti people under the . wise, and  leadership ol Mohondiut K. Ohnndl for they constitute one of Uw Rrcat oppressed mul exploited sections of the  races of the world, seeking  liberation from ruthless British Imperialism."  Mr. Randolph. TIED WITH OUR  The freedom of the people ol India," continued Randolph. It intimately tied up with     freedom of the Negro people ot America and the victory of the United Notions and the destruction ot axIs slavery. So long as the people ol India or any section ot the human race, brown, yellow or white, are In chains, Negroes ot America, the West Indie* and Africa cannot become truly free," observed Mr. Randolph. "At an evidence of the Negro people s condemnation  f and  against the horrible mass murder ot the Indian people by the British guns and bombs, Negro organizations and Individuals should write and telegraph President Roosovolt to call upon Prime Minister Churchill to put an end to the shooting and killing ot the Indian people and let their nationalist leaders, Ohandl and Nehru, out ot Jail, and  Parllment to free India. URGE REflOLUTIONH "Resolutions should bo Adopted in Negro meetings, labor, religious and fraternal, all over the country demanding the freedom of India These resolutions should be sent to the press and the President. Sermons should be preached, editorial* written and prayers offered up for the victory of India's fight tor Independence. Cablegrams should be sent to Prime Minister Churchill urging the Independence of India In the Interest of the cause of World democracy. "Cablegrams should be sent also to Ohandl expressing the sympathy of the Negro people for the fight of India for liberty, since the denial ot Independence ot India by Oreal Britain Is utterly Inconsistent with the fight of the United Nations for a free world," concluded Mr. Randolph.</t>
  </si>
  <si>
    <t>                                           CHICAGO. -- (SNS) -- "The March On Washington Movement," stated A. Philip Randolph, National Director, at the Mid-West Headquarters, Y. W. C. A., 46th Street and South Farkway, "hails the militant noble and persistent struggle of the people of India for freedom and independence from the brutal tyranny of Great Britain.</t>
  </si>
  <si>
    <t>                                           THERE AREN'T many Graham Jackson. A good many people would go a little farther and say there isn't but one Graham Jackson.</t>
  </si>
  <si>
    <t>                                           ^^B^BonJewclry and  ^^^^B Personal Properly. t*t ^K Sour Lady' Ptrtonntl ^Bk^l Solve your Financ'olHI</t>
  </si>
  <si>
    <t>                                           366th Infantry Builds Own Small Bore Rifle                 FORT DEVENS, Mass.- (ANP)- That the enlisted men of the 366th Infantry are using creditable Initiative was evidenced this week with announcement of the construction of a small bore rifle range to meet a pressIng need. The new rifle will be known as the Mallalleu Ru-h range, In memory of Lt. Mallalleu W. Rush, who died In  November 10, 1918, In World War 1. He was awarded the Distinguished Service Cross posthumously for bravery.</t>
  </si>
  <si>
    <t>                                           WASHINGTON. D. C.--(SNS)-- Consummers may purchase five pounds of sugar upon the surrender of Stamp No. 8 In War Ration Books during the ten-week period beginning August 23 and ending October 31, the Office of price Administration announced.</t>
  </si>
  <si>
    <t>                                           FORT BENNING, Ga.--Among several officers who have recently been assigned to the 21st Quartermaster Regiment (Truck) is First Lieutenant Levi L. Stanmore who will act as Regimental Chaplain.</t>
  </si>
  <si>
    <t>                                           League Committee Confers With Mayor                 A committee of three officers of the Allnnla Clvlc-Polltlcal League conferred Thursday with Mayor William B, HnrtafleM. The  consisted oI.-League Presldent J. W. Dobbs. First Vice PresU dent M. L. King and Second Vice President C. A. 8cott Mr. Scolt chairman or the committee, did not disclose whnt wm discussed with     mayor," except to say that the meeting was "pleasant and satisfactory und we pledged our co-operation with the present city administration In bringing about belter Interracial understanding." Woman's Foot Is Broken By Auto Mrs. Berdlso York, 30. of 84-B Cain Biwt, S.K., suffered a broken left foot early Thursday mornIng when sho was struck Uy automobile al Ihe corner of Butler and Huntor streets,  U, city police traffic report*. Ir. said Mrs. York was struck by a car driven by V. E. Carter, white, who lives on LawrencevUle       Oecatur,</t>
  </si>
  <si>
    <t>                                           CHICAGO, Sept.--(ANP) -- Memories of the late Rube Foster were recalled by base ball fans of the country with the announcement that one of the games of the current Negro World's series between the Kansas City Monarchs and Washington Homestead Gray is to be played on Sunday afternoon, September 27, at 2:30, here at Chicago's Wrigley field, scene of Several outstanding Negro diamond...</t>
  </si>
  <si>
    <t>                                           XAVIER STADIUM NEW ORLEANS, La.--(SNS)--We have just stood in rain two and a half hours watching the highly-touted Tuskegee Golden Tigers flash to a 12 to 6 victory over a game and stubborn Xavier University Gold Rush team. It was a significant...</t>
  </si>
  <si>
    <t>                                           ROXY Nqw</t>
  </si>
  <si>
    <t>                                           Four American Air Generals In G. Britain                 Russians Told To "Fight To Victory or Death"                 WASHINGTON-       Announcement of tht arrival of four American Atr General* In  Thursday led      military  to  Meond front to in tht mating.                 Brigadier Gneral Frank Bunter will command the American lighter unite In Uw sir  against the continent. Other generate arriving In Britain art Major Qeneral W. K. Prank, commander of the Mr ScrrtM Command; Brigadier Oeneral Robert C. Oandee, commander ot the General Ground Air Support, and Brigadier General Asa N. Duncan, Air Porce chief of tUff. SUanwhUe, London and  British  and towns were visited by German, bomber* during the night The Royal Air Fore* in s night raid Wednesday bombed the German cotl and heavy Industry center of Saarbrucktn. STRIKE DEEPER Moscow revealed last night that ttw German offensive was striking deeper Into the Caucasus below Rostov, moving closer    Stalingrad on the Volga, and  newt the last railway Una south tht Don. Premier Josef Stalin Thursday ordered the Red army to halt its retreat In the Caucasus In a tight "to victory or death" and the        army organ Red Star said that any further withdrawal *ffl  Russia's fate in mortal danger. The warnings of threatened disaster unless the Boyitt forces stand their ground against   German Mows were lamed as (he Russians fell hack1 before on.. of Masl ^ and planes south of the Don and the enemy sought to tighten steel vise upon Stalingrad. "Not one step back," the Red Star quoted Stalin as saying. "Every officer and nan mutt stand his ground and tight to the bitter end," he said. The execution of this task means the preservation of our country, the destruction of the hated enemy and s guarantee ot victory." The Red Star added that "our country Is big, but the Red army cannot withdraw father without placing the fate of our country and people in mortal danger." Reuters  it had recorded a Vichy broadcast In which the Vichy news agency reported that Oerman forces from the Kerch Peninsula landed at dawn Thursday on the Tainan Peninsula of the Cauoasut. (The Toman Peninsula, Is separated by the narrow Kerch Strait from the Kerch Peninsula, the easternmost extension ot the Crimea which the Oermans overran in their first major offensive of 1942, late In the spring. (A German landing there would gravely menace the flank and rear ot the Russian forces trying to stem the Nazi drive southward from Rostov). The report said the  established several bridgehead! after a violent all-night artillery and air bombardment and a "particularly Ntrce" fight with Runian troops throughout the morning.</t>
  </si>
  <si>
    <t>                                           WASHINGTON -- (SNS) -- Announcement of the arrival of four American Air Generals in Britain Thursday led some military observers to believe a second front is in the making.</t>
  </si>
  <si>
    <t>                                           Duke Of Kent's Body Goes To London                 Draped with  standard and borne by brother officers  '"is Koval Air Force , tbc Uufce  l" Kent's        is Ntiouii a-, it arrived at                 the Huston railroad station in London, The Duke, brother of Kin^ George of Ktij;, was   flying to Iceland in a ^ living                        crushed  n -rn Sctlumt. This is :i .</t>
  </si>
  <si>
    <t>                                           ON {UNSAY MtMN. IF HEADACHE) COME, OR ANY OTHER .  J. HOP OUT Of BED AND     Yoflfc HEAD THt AUCA- WAY. WHEN you wake up In the morning with i Headache, don't wait for 'It" to wear off, do something I about it. Have your ever tried i  of tangy sparkling lAlka-Seltaer? j Allca-Seltzer is bT complete j (solution, ready to go to work i 'at soon as you swallow it The action of 1U  dhun  MlicyUte) Is mad* non  by           alt* which protect It tnd  ivp Ito action. Btcau** th*  is  with *  la     -      , millions of * iind it * In  th* * of . Colds, "Momlas After", Add , Mut. cuter FaUfW and Muscular Ackts and Pains. j your  has Alka-Seltxar to  small and * larf*       *s or h* will be   A to * you a  el $~*~ !Alka-S*ltz*r at ^hls soda ^5^ jBO^         wW Xa3r n^^^w sL_</t>
  </si>
  <si>
    <t>                                           Announces Marriage To Soldier                 BIRMINGHAM.                 ()~                 Mrs. John Gilbert Perkins was the former Clla Maiiuox. daughter of Mrs. Qucrnic Bradford Maddox before her  t-. l rivate John CI. IVrkins "f Uic II. S. Armcil forces stationed .~t  U.\u i-ll I'iclil. Alabama. Mrs. 1' in a  "f Mill's Collccc ami a teacher in the Birmingham 1' Schools.</t>
  </si>
  <si>
    <t>                                           CAPITOL NOW PLAYING BUY STAMPS AND BONUS Bailey Theatres i 81- I C..E RAFT PAT O'liHIEN in "BROADWAY" j Alto Peril, of Nyoka ROYAL-.. i SABOTEUR with 1LLA LANE ROBERT  i also i Comedy and Xi\vs i ASHBY- i "WHAT S COOKING" with i ANDREWS SISTERS and Woody Herm*n*ft Band that plaja thr B]    Al.o Per'U of Nyok* I</t>
  </si>
  <si>
    <t>                                           Published DAILY and SUNDAY at 210 Auburn Avenue By ATLANTA DAILY WORLD PUBLISHING CO. Telephone- WAlnut 2459 1460 Member of SCOTT NEWSPAPER SYNDICATE Established Aug. 5. IMS; Become Daily March 13. 1932 W A. Scott. II Founder and Publisher. Aug. 5. 1928 to fcb. 7. 1834 Entered in the Post Office of Atlanta. Ga.. as second-class mail under the Act ot Congress. March 13. 1879 C A. SCOTT General Manager CLIFF MACKAY Managing Editoi Daily:- 1 Year. S9.25; 6 Mos, S4.75; 3 Mos., $250; 1 00c SATURDAY ONLY:- 1 Year. $3.00; 6 -Mos-. S2.00; 3 Mos.. $1.25 Canada:- 1 Year. SI.50; 6 Mos.. S!.?5: Foreign: 1 Year. S5-50 The ATLANTA DAILY WORLD is an independent newspaper- non-sectarian and non-partisan, printing the news absolutely  and supporting those things it believes to be to the interest of its readers and opposing those things against the interest of its readers. Address ALL COMMUNICATIONS to and make CHECKS payable to ATLANTA DAILY WORLD, rather Ulan to individuals. The WORLD expressly repudiates responsibility for return of unsolicited pictures, manuscripts, etc. unless stamps are sent.</t>
  </si>
  <si>
    <t>                                           Serving Overseas                 The son of the late Bishop \Y. D. Johnson of the African MelhodLst Episcopal Church and Mrs. W. D. Johnson, president at the World Prayer Union. Plains. Grcrjia. Now irith the 24th Infantry "Smiie(.Contlcued on page 0, coL 1)                 LT. SIMEON T. JOHNSON                 Serving Overseas (Continued from Pigc I) Where in the Pacific." He is the only Negro Officer on the bland and    popular with thr Cannibals as well as with the Officers and men. Chaplain Johnson bears the coveted distinction of being the on- 1 ly representative of an episcopal  serving overseas as Chaplain. He  served as transport Chaplain and now screes as Navy Chaplain also for the men station- ed on the Island. Taking with him a harmonica, a portable radio and of course the fi-I organ he is the entertainer as I well as the preacher. Formerly stationed at Ft. Bennlmj reception Center and at Ft. Dei-ens, Mass, he will be remembered by many service men still in the home-land. lie is the brother of Rev. W. D. Johnson. Jr- Presiding Elder of the Cnthbert District of the South- west Georgia Conference and a graduate of Morris Brown College and Drew University.</t>
  </si>
  <si>
    <t>                                           ^H^Fon Jtwelry  H^^H Ptnenol Property. Ltl H ^Bou' Lady PcmruwlH  Solvt your Finonjlol</t>
  </si>
  <si>
    <t>                                           TIM TYLER -By Lyman Young                 FELIX, THE CAT -By Sullivan</t>
  </si>
  <si>
    <t>                                           NEW YORK--Now that the post-war world is being reshaped (even before the war is won, yet!) it's high time someone disposed of the heavyweight championship situation. There being no other hands raised, I shall undertake the job myself.</t>
  </si>
  <si>
    <t>                                           ROTC Training To Begin At Hampton Inst.                 All Male. Mutt Take Two-Year Basic Course                 HAMPTON INSTITUTE, Va. (SNS)- Basic and advanced ROTO training wUl Legln at Hampton Institute In September, with all male students being  to take the two year basic course, It was made known at the college today. A selected group of Juniors and                 -~UL;.te,^        4~.-tb*          course,  Itads to of- I fleer s commissions in the U. S. Army Reserve In Gout ArUllery Defense. About 376 students we expected to enroll In the unit, which is to be beaded by Lieutenant-Colonel John H. Rousseau who arrived at the college last week-end. Their training will consist of regular infantry drill and instruction In general military subjects, as well as in specific coast artillery subjects. Academic credit will be given, as in other courses at the college. MATERIAL ARRIVING Material for the corps has been arriving at the campus since early summer, with the V. 8. Govern met furnishing uniforms, rifles, anti-aircraft guns, and other essential equipment. A three-inch anti-aircraft gun and one 155 mm.  gun are to be included In this equipment. Lieutenant Napoleon Johnson of Lynchburg, Vtu, formerly with the 369th Regiment in New York, is supply officer for the Corps. Other members of the staff, in addition to Col Rosseau, are Lt. William Rice of Philadelphia, adjutant: Walter Robinson of Montgomery, Ala., sergeant major; and Lewis Gilbert, of Fort Lnuderdalc, Fin., sergeant,</t>
  </si>
  <si>
    <t>                                           HAMPTON INSTITUTE, Va. --(SNS)--Basic and advanced ROTC training will begin at Hampton Institute in September, with all male students being reqired to take the two year basic course, it was made known at the college today. A selected group of juniors and...</t>
  </si>
  <si>
    <t>                                           pI\"          I r-UTV,\ PETROLEUM JELLY 1 Hard To Believe But It's True      l       of Vimmint A and D in ONE "Om-A-Day" brand Vitamin A and D Tablet, n In' ONE AND   Cnrf Lim Oil,  minimum V S. P. Sttndvdi tnd you wilt  Ilk*     . You don't      in nwn  round with oily  or  . Oe ymi  tt ENOUGH ViUmim A od D? U not,  thit "One A-   "    Uy  your full normal , Alk your  for S*v*      tad   Tfn' by     Mk*n of      ^tMr.'</t>
  </si>
  <si>
    <t>                                           QUITMAN, Ga.--Misses Mattie and Ida Bell Davis of Birmingham are visiting Dr. and Mrs. E. A. Carter Mrs. Rebecca Brown is ill. Mrs. Bernice Dukes and daughter, Mrs. Lucille Mays of Tampa are visiting Mrs. Ida Watson and daughter and sister...</t>
  </si>
  <si>
    <t>                                           Orchestra 01 300 Voices Is New Sensation                 Novel Symphony In Introduced At Hampton                 HAMPTON INSTtTirTK. Vh ,    --Aii -slvr  ol 100  wns  nt. HnmpI.mi In.'- List v r:!::r.rjs.v !n the lu:.~.   -[- Ciinlr Frstlval. ,l In .Linus Klnw Porxry. music diM i inr ~'f ll. ln" lii.' Kiinitiii'i' S'li"c1.     '  of                 t..;:i- 1 in- u;  ir-* and tli^r I ;i, ii,. m 1 1 Tnlrwiilrr  uli i. Ii p:it i ip. i" i In- . lip :;\tni ii.iiiv   f ;.~mc. . I) I ~-\~M''llM Kill     "H\C Mil Hfl,.1;,i ,-\.tii on    ^ Ppiiliii-Mlfi. *va:. i,. i'i i I !" -ii- or mii.*lf:..-..i v. .'.         Mall us .,i, imi-jim   .-.Uiiilc 1 v William Bin'iiiMM i'i im11' pr"*'i!i"i1 tin* optin n "' "I '' Ifsttvnl. /..nil :: 1 v l- Mlrk .':i hli  .i. i. ..ni-.L I iv ttir H;      "" ln-.1. ;-:--i :''i H""1 Choir    :     .iii nt Hit1 I'vrnlin wo* :h. iii^lm 1 1 :~     :il Nicro ~.i:iln.il. In ilir  niM-. i.-! In M.- i R:      Oirhln.  t( -'.in. :mi I Cliiirlr:; It Plnx nf H lr-       ' Tlir r.!;  ii .iil'-.iir Iv.  i. i: i. In  t tl -'lr. Pln-p Mrtol i,. -,ii i .~i.iin.i     .ii"r  i i -I- i n. mi. i Ch'nch of Nori. ...,^   -r "iit- urn. i '    P"'LI.'!!I I. ..I. ,.i..i. lii    l)..i--~t. tl)~.1 I he IflH.il        -i- :i:. i(....-i.n ihc Fitsf. Bdpii ..I ll^. I F i ..i.i ..f iiu. '.'inn- Mrmorlal           .i I'limrli nf Newport NfiS. M, t; nr-i.r ..f thr Flrr-I liji.ti.i i inn iii i-f Uamnton      Mi.-. Mmcdirt Phillips of Hampton.</t>
  </si>
  <si>
    <t>                                           HAMPTON INSTITUTE, Va. -- (SNS--An impressive orchestra of 300 voices was heard at Hampton Institute last Wednesday in the Tidewater Choir Festival, conducted by James Elma Dorsey, music director of Hampton Institute Summer School, and the director of...</t>
  </si>
  <si>
    <t>                                           WASHINGTON--(S N S)--Representative O'Toole. Democrat, New York, told the House Wednesday that the War Department was "making a mockery of this war" by permitting the Joe Louis-Billy Conn heavyweight championship bout next month and called for a...</t>
  </si>
  <si>
    <t>                                           VILLA RICA, Ga.--Revival services began at Pleasant Hill Methodist church last Sunday with Rev. A. C. Cobb conducting. Revival services began at Flat Rock Baptist church last Sunday with Rev. F. L. Padge and Rev. Ben Rogers in charge. Misses Myra Perdue and...</t>
  </si>
  <si>
    <t>                                           It isn't TABOO any more for girls to know these truths Girls today can be grateful that some subjects are discussed more Others take it as a tonic to  than they used to be. late the appetite and aid digestion That's one reason why thousands by increasing the flow of gastric of women have come to know about juices, thus helping build up CARDUTs 2-wav help. Some take 4        and energy for those , as directed.* three days before  days to come. I their time" to help relieve periodic A 62 year record says CARDUI pain due only to functional causes, i may help. Try it won t you?</t>
  </si>
  <si>
    <t>                                           BASEBALL RESULTS NATIONAL LEAGUE Chtcaco 3. Boston 4. Biwwklyi! 3. Cincinnati  Pittsburgh 9. St.       6, New York 0. AMERICA*  Nrw York 3. SU Look 2. Boston 3. Detroit I. . S. ClevcUud 2. ChidRo 4. Washington S.           .Ml- Utilr Rwk 1</t>
  </si>
  <si>
    <t>                                           I DAVE DONE a lot of thinking, over a number of years, about the color ban against Negroes in major league baseball.</t>
  </si>
  <si>
    <t>                                           THE AVERAGE SCHEDULE in the Southern Intercollegiate Athletic Conference this fall will be six games. A few teams will play more games than that. But the average number players per team over the entire campaign will be six.</t>
  </si>
  <si>
    <t>                                           Here's a tute  h. BBKj^HjMfe"'   "~^isr^' rivaled by  pri -. ~*rf!^^~~S$    ^'- l_u mrf i;         : -.^Tr, ance that goes with the Pinko 4^~r . No wonder '~u^^".'  to say it  hair         -~ look, m iM:'~;T makes ;i -Uullar dilfer. ?ixf$'~- ' ""d Cl)"- ff'.V?.-" A famous Black and White ~*~~w',.- , Pluko lends real radiance and beauty to hair.  k TIk  uj   tell the Adds new pleasure to the , to mntr mn-  you, ion, always thrill of dressing your hair in I'M*. lt,(~i/,,y,,J,   ^rsc and  styles much easier.</t>
  </si>
  <si>
    <t>                                           REDS SAY 9,000 GERMANS KILLED                 NAZIS CLAIM ROSTOV LEFT INFLAMES                 Stalingrad Reported In Great Danger                 WASHINGTON -(8N8)~ Russian  night wew  furious warfare In an " hold Rostov and Stalingrad from advancing Oermans.                 Intense fighting was reported on the lofty north bank of the Don at Novocherkassk. 20 miles northeast of Rostov. Other German columns were said to be converging on the delta port  Voroshilovgrad and from Tagarog. about 40 miles west of the See, ol Azov. Stalingrad was reported in great danger. One German spearhead iris said to be about 100 miles west of the gt*t          ..*;-~~p* midway between Rostov and Stallngrad, and a third was reported striking along the Don valley southeast ot Boguehar. Despite reported Oerman advances, Russian war headquarters declared Red soldiers had killed about 9,000 Germans along the northern extremity of the 300-mue Don front. GERMAN REPORT A German  said the Nazis had reached the outskirts of Rostov and penetrated fortified bridgehead positions. The Oermans also declared that Rostov had been left In flames by bombing attacks. Whether Nazi reports are true or not, it is known that great pressure is being felt by both Rostov and Stalingrad. Both the Germans and Russians have. found It necessary to engage great numbers of planes, tanks and thousands ot  men. Along other positions of the war theatre Thursday, the Japanese, in the first aggressive thirst toward Australia since their smashing coral Sea defeat, gained a new foothold on the southeast New Guinea const, too miles  from the vital American and Australian garn*on Allied outpost oJ Port Moresby. Under a terrific bombing and   Allied planet, the enemy put ashore a force of between WOO and 8*00 troops at Oona Mission, near Buna, on the Paquan Peninsula coast and ISO mile* southeast of Japanese-held 8       . From Cairo, it was learned that the Army of the Nile, attacking on all lectors of the E. Alamein Front of the first time, had driven back the Axis center in violent fighting.</t>
  </si>
  <si>
    <t>                                           WASHINGTON --(SNS)-- Russian soldiers last night were staging furious warfare in an effort to hold Rostov and Stalingrad from advancing Germans.</t>
  </si>
  <si>
    <t>                                           Les Grandeurs Club will meet Monday evening at 7:30 o'clock with Miss Alice Ruth Brown, 486 Spencer Street, N. W. Members are urged to be present so as to complete plans for the annual musical which will be held on the second Sunday in this month.</t>
  </si>
  <si>
    <t>                                           "FOOD THAT IS TRULY DELICIOUS,' Beers(~~  ^Wines THE METROPOLITAN CAFE 61 DECATUR STREET</t>
  </si>
  <si>
    <t>                                           Plato To Build Dormitories For RaceWarWorkers                 Contract Is For More Than Million Dollars                 WASHINGTON iAN"Pl -Contracts were signed last week by which the Samuel Plato company goes to work on the erection of io cal dormitories lor colored war workers, involving a matter of over a million dollars, the dormitories will house over 1.000 workers. Rooms, size Sx 10. are being planned with furnishings to cost around $75 per room. Rents lor these Government controlled houses will be within reach of the workers whose basic pay is ! S14-10 per year. Construction v.ill start on them at once since money has been found for their erection. For a time. it was felt these houses would be held up indefinitely but work Is being started on theni. and the Plato outfit will  the colored . Contracts were lot throng!; the Public Buildings authority which b acting as the agent of tile Federal  Housing authority. Mr. Plato is one cf the few colored contractors doing work on direct contract from the government and has won recognition through the efficient methods used in turning over finished projects to the government.</t>
  </si>
  <si>
    <t>                                           Hold Roustabout For Circus Fire                 IM'lTSni'ltfJH (ANP) A  for revenge over ^  hm-  I^ Ford, 16, to Mt lire to the  tent of Rlngling Brother* circus lost Tuesilav in Cloveluml, according to Dintrict Attorney -RuaaeH H. Ailmns who said the youth  a, confession.                 '- (lit' caused the death of 44  from burns or  nml tll,i UmnuKcii  nt more Hum  i!UU,OOt). The   Included . giraffes, , IIoiih nnd . AJiuim muU Furd  Hie,!   circuit  known   Ji'lf Both wire        u:.   l Pittsburgh. tin-: j , July 22, und   for . He                 td Fort) a* Wing Jttf  that they throw lighted  on a pile of hay under % Uger      to get even with the  for Urlng us." Ford whx picked up by Pennylvunlu )       tilling u ( train In  Duqiii'snc Wedn*M)oy night He was turned over to county authorities because he   meal tli keU.</t>
  </si>
  <si>
    <t>                                           The writing of this article was prompted principally by an article which appeared in Wednesday's Issue of "The Atlanta Journal" under the caption "Purge the Racial Issue," by Millwee Owens, Augusta, Georgia.</t>
  </si>
  <si>
    <t>                                           DAILY CROSSWORD                 ACROSS l.        8. Antlered animal 8. Biblical name 10. Pin on which  turna 11. Slant lS.Aecenda 14. Shower 10,Tadt 16. A dolt 17.Diminiah 18. Toward 19. Bitltting 31. LandnMMtirea SS.Eiker 3  Conclude 24,ProhlblUon UU 30. Travel back and forth 26.Mu*cular twitch 37. Comply 39. Drone SO.Cloaeto 33.Vaie 83, To deprive 30. Compel* point (abbr.) 36. Outer coat* of grain 37. Recline 88. Small tabor 40. Social group 41. Minute groove 42. Put* to flight 48. Skein of yam 44.          40. Ova 46. European river                 DOWN 1. Makes  2. To correct 3. Baking chamber 4. Trouble 5. Venturing 6. Buiifhment 7. Otherwise 8. A second entry U. Well dona! 13. Facing  a glacier impinges IS. Granular material                 17. Like wine 2O.Tru*t 21. Part of circle 24. U. 8. coin 25. Writing implement 2~. Route 27. Eject* 28. To  29. To make hot 30. Operator of aircraft 31. Years of ont i life 33. Shatter* 34. Attract 36. Fetch                 n IE Ml rP 151 ri-ij TtiltHtr'i Aaiwtr 39. Boait 40. Female student 42.       Utter                 w r r r w_ r r r pa 1: i^l p ii ii_ ll: pi- I-i- ii. TT 555 "T" "T"  T "T g8 W "T" "T" "T" gS W "T"   " %S a-i4                 -^A cryptogram footed BIQ  IKO I P F I A Z   MA -JiriOK, YttUrdsy't Omtoaaetoi MORE  ARB  BYPHAVm tSS^TiS WORLD DREAMS OF-TgNN?8Otf</t>
  </si>
  <si>
    <t>                                           Bo Ksdneys Make Yosi GeSUpNights? (  Imvi* l.-nrn.-ij that " up " n*ny ~.imply   *~n tlv.tt ki.Ii.,v- it t nii.il il.-'inr- v*\\ 4        * m-iil. If ii.jtl*-   nr (.  i - n^)jrr-.~[~  (IiU : ~])'**fb^n*'fii^   'c ~-    (        Try lt;.;   .-iu OH C.lt*-ulr- il% ,lir.--lr,l ,m  -=c. Sff IT       .(..n't l.^lp ymt   1-,.,,  lk^ lot:  frf) UU^ mil}}    ." G*-t   rr*Wil' -Nl Oil      .     - t.i.Iu? Onlv ?.'u:  lu^.t      . ~'r Ilimiry li:  -~~;</t>
  </si>
  <si>
    <t>                                           Plans have been completed at Little Friendship Baptist church for a rousing celebration of the 34th anniversary of the church beginning Sunday and continuing through, July 10. Opening up Monday night, the program provides for a sermon by the...</t>
  </si>
  <si>
    <t>                                           CAPITOL How Playing! "THE ^INK SPOTS"! t  Q</t>
  </si>
  <si>
    <t>                                           AUGUSTA, Ga. -- Mrs. Louise ... Miller is the first Augusta woman known to be accepted for training as an officer candidate in the Woman's Auxiliary Army Corps. She is stationed with other features at For Des Moines. Iowa.</t>
  </si>
  <si>
    <t>                                           Mrs. L. L Craig in Fiery Speech To Youn? Baotists                 MEMPHIS. Tern.      - la h?r ot*ti dUm i  style. ?/   . L. L Cr;ug. president. Ycung People's -icp . .' the  Eap-b' with      impressive annual address. President Craig urg3d young Baptist? to  now for even greater .s Li the field of religion in spite of rhe war. The youn? Bap'is- head told her hearers that this a day in which much is being expected out of young people. The youn?       showed greater '. as their leader pointed manv dangers they might lace In 'in-.es like th-^se. Tokens of  were presented President Craig. Two pageants staged by the young Eoptis^ attracted hui;e audi- ences. Dr. Gecrjiit Xelfpy,           College. delivered a well taken address Friday ni?ht. Mrs. Oral? w:u ably  bv these -.- --SIr: J: -M. Mattox. president. Matron?: Mri. Etta Versa     . Dis:tric: cf Columbia,  '.or: Mils Primrcse Rai^riess. Uiinois.  director. Michigan Pastor At Convention MEMPHIS. Ter.n.- 'SN5)- The Rev. A. B. McGarraity. 030 Kirby Street. Detroit. Michigan, wai  the !e?.dine  here ^" *~.e National Baptls*. Convention Rev. McCarraliy. formerly resided lr. Atlanta, was a metr.her oi tiie Mt. Vernon Bap ils-T Church. Dr. Wm. G. Glvin3. pastor. The Miihtgan mmb-er iv.?d  he wou'.ld go on a Ions :.?:ir  will take him to many points before he returns to De- .</t>
  </si>
  <si>
    <t>                                           Rites For Murder Victim Are Delayed                 funeral service tar Mrs, Elltaboth Moore, 19-year-old murder victim, formerly dated for today, will be held later, It was  Saturday by Jvey Brothers Funeral Hnme. which to In charge nf arrangement*. Mn. Moore't mother k slated to arrive hero today for completion of plans. Meanwhile, tho  (or Dan Morris, whn  the young woman, allegedly his sweetheart, and then pumped a fatal pellet Into his own brain Is slated to be held today in Hamlet, N. C.</t>
  </si>
  <si>
    <t>                                           I Sleeps In Station, I Finds $90 Missing                 A New Yorker fell  Is Atlanta'* Terminal Station and lost Mi pocketbook containing tM and papers of identification to a thief, according to city police reports. The victim was Ihted 8    urday ai Willie Floyd Head, 31, ot MMSJnd , New York City. Says Week's Pay Snatched From Him Homer Wheeler, of Avrau* T. Rockdat*. had      been paid off and wm  on the  WewaUr before a grocery  when    had Juit made hli  whm a  robber took IIS, he told police Saturday. The Ureeny to (natch took place at ^ and Marietta , police were informed,                 JOSHUA )ONM Bjr L f. *~f Midi y. Broth* Ml     Ite Mir that cut        to     MlL  to tot tht  WM^ I-*'</t>
  </si>
  <si>
    <t>                                           BURGLAR CHASED AND CAUGHT BY ATLANTANS                 Harvey Clark and his wife, who  at 6!   Gre*. Southrat, apartment 593. would make rood .                 Awakened by a burglar early Monday morning. Mrs. Clark remained calm and nudged her husband. Although It was dark in the room. Mrs. Clark recognized the thief and while he was rambling through her husband s trousers, she asked: "What are you doing Eddie?"* The thief, who had BRlned entrance through a rear window, broke and ran. but Mr. Clark was not to be outdone. He gave chase and caught the burglar and held him for policemen. At the City JaO, the suspect was ay Officers MtvcJidl  tf M?S*}                   as Eddie Johnson. 18. of 166 Wai- nut Street. SW. i The arresting officers said they] found an old one dollar bill In Johnson's shirt pocket. Clark Identified the bill as his. The officers also revealed that s burglar entered the Clark apartment July 2 and stole *22S cash. A further Investigation by the officers showed that Johnson had just purchased to expensive pairs of shoes and Invested approximately $20 In "good whiskey" during the week-end. 1 According to the police report. Johnson fits the description of the person seen attempting to burglarize other apartments In the Unlerslty gomes secU9B.</t>
  </si>
  <si>
    <t>                                           Harvey Clark and his wife, who reside at 699 Greensferry. Southwest, apartment 593, would make rood detectives.</t>
  </si>
  <si>
    <t>                                           VILLA RICA, Ga.--Revival services began at Mt. Prospect Baptist last Sunday with Rev. P. H. Head in charge. Mrs. Dorthula Knight and daughter, Paste and Misses Nellie Mao and Grace Ross, Emmet Lee Lyons, Mrs. D. Jackson, Nancy A. Carlton, Rosetta...</t>
  </si>
  <si>
    <t>                                           i Bitter Primary Fight Awaits Harlem Voters                 White Leader Would Rule As Overlord                 NEW YORK- (8   - A* Harlem voters prepare to go to the i poll west Tuesday, tor the prim-  ry election, thU was* marki one of feverish  among embattled Democrats of the  Assembly District where one ot the bitterest primary  in years                 Inoms. In the balance bangs tiw Assembly nomination end leadership of the  now held by Assemblyman Daniel I* Burrows. He 1* opposed by Rev. Ctay Maxwell Jr.. a registered Republican who originally Wed petitions /or the State Satiate but declined to designation and is now seeking the Democratic Assembly nomination Oulded by Frew E. DeMendei, the minister has made his campaign On (the pie*, that "MB. Burrows should be replaced by some young progressive, dvlc- and intelligent representative." BEHIND THE SCENE But behind the scene, pulling wires and  his puppets jump is the figure of a white district leader, Clarence Kesl, or the 20th' Assembly District, who seems to have aspirations to become a second Jtmmte Bines as far as i control of Harlem politics is con- cerned. It wan Clarence Neal who fostered and forced the nomination of State senator Charles Perry on the district. And when Assemblyman Burrows, leader of the 19th A. D. Democratic organisation, protested that Perry could not wm because the voters want Negro representative, It was Clarence Neal ind^    ^Ba^      6'~      j. Kennedy Insisted on Perry* nomination. Close political  say that by opposing Neal and Kennedy In the Perry designation. Burrows incurred their  to such an extent that when Wed DeMendw came forth with Rev. Maxwell as a candidate, the Insurgents were welcomed with open arms and, promised aQ the support necessary to unseat Burrows. Rumor had it, too, that DeMeudet was advised that U Burrow* lost the Assembly nomination be would also be unseated as leader, and a now leader  in toe district. HELP  Jto a while, a formidable bloc of organization captains and workers from the 20th and the Wth Assembly Districts loomed as ready to move in to help Rev. Maxwell beat Burrows. But last v*tk, James , Democratic leader of the 17th Assembly District, faced trouble himself when the courts restored to the ballot, Eyre H. Harris, wbo is opposing Assemblyman Hulan Jack for the Assembly nomination. Ooupled with the  against his Assemblytfan. Pemberton, who just recently assumed the Democratic leadership of the district, is also faced with possible momentary induction In the armed force*, having a 1-A draft status. If Uncle Bam doesnt call him soon and he loses his Assemblyman. Pemberton will also lose face' in Tammany Hall and probably his leadership. PACES TWO DECISIONS Political observers also aver that behind Pemberton la, clarence Neal. leader/ of -the  th, but with the 17th district leader faced with a primary tight, Neal 1* said to be faced with one of two decisions to make- to help Pemberton retain his Assemblyman or to help DeMender in' his campaign to beat Assemblyman. Burrows through Rev. Maxwell, it is a question, observers say, as to Just which Meal will  to do, the thought being, though, that he will probably decide to try to beat Burrows who opposed Perry's designation aa State Senator. No other fight of any importance (aces any other party  In the Harlem districts except In the airt Assembly District ALP primary where Assemblyman William T. Andrews, unopposed in his party s primary, is also seeking the AW designation as left-wing candidate In opposition to Mrs. Malda Springer, right-wing candidate. The acceptance by Andrews of the left-wing designation hai already been roundly criticized by Republican leader and Assemblynominee Harold C. Burton of the I same district. The State Senate race in the i Hth District  started out in I a rather confused state of attain, has clarified to the extent thai there are only three candidates In the field, all unopposed in the (Continued  n Page 4, Col. 1)                 Bitter Primary i  f nm Pm^r 1) - I,ii':ir.w w. Warner. RepuWlrnn ; Clurlcs '. U'-ni'-d^ltr Incumbent: and Hope       \"~ALP left -whig candidate. Ashley L. Tottrn, rightwing ALP , withdrew from the race, declaring that he would throw his support to Werner. Rrpublican candidate, in the interest of his election ut the first Negro Btate Senator from the district James E. Stephens, former AsKmblymun. who filed petitions for the Democratic designation, wni thrown out of the race by tin1 Board of Elections which ruled against his . and Rev Maxwell, the other  .seek- i inx the  . withdrew from the Sennto r.icc    t.eck thi? Assembly nominal ten now held by Burrows. As Harlem  In      pull:.                 next Tuesday, the real issue, say observers, will be - Negroes will allow u white . Clnrenco Nnil. to  and impost- his will on Negro leaders or Uic district, in- whether they will ! Hits attempted  by (IrlciiliiiK         \..</t>
  </si>
  <si>
    <t>                                           NEW YORK--(SNS)--As Harlem voters prepare to go to the poll west Tuesday, for the primary election, this week marks one of feverish activities among embattled Democrats of the 19th Assembly District where one of the bitterest primary fights in years...</t>
  </si>
  <si>
    <t>                                           MADAME ROSE 1* HflC^^H ^      palm*  I^Miif^if nt junction B/ W* ll'.u-~I Mill R.L X ItJ^ ji M Tnttini ~~*r. st*.      iM lii    man Tralinr.</t>
  </si>
  <si>
    <t>                                           WHEN you  tip in Dm morning with Headache, don't wait far it to wear off, do  about it. Have your ever tried  Ungy  Alka-Stltxer? AlkfSdtxtr U In* complete , ready to go to work u won at you swallow it. Th* Mtka of Hi (MdfMie  Mttgrl Mllcy1  *~ if  men  by       which  U Md  up III . Btcum tht mw1     h  m* Umd wJOi   to AUn-Siltw,  of  find it  In          th* Wtm of Hnta*~1C6Ut,'Mon. Mtar FittiM tnd Mmeukr Achtt RdMiu. Your  hM     4 In  null ud  Utk        or ht_wiU to s did to  you ^ Alki-Brttitr it hli  fountain. Why</t>
  </si>
  <si>
    <t>                                           Indian National Government Is Asked At Meet                 4,000 Applaud Demand As Allied Victory Guarantee                 NEW YORK. N. Y.-fSNS)- Wore *hnn  -.  inK a laise number pi   and Negro people s , cached New York's Manhattan Center on TMrl:.'rcv.rth Street last, Wcdnesdity . and wildly  a                 of notable sneakers Includ- I Inc Paul Robeson. Kvmar Goshal and I.hi Llanu-mo when 'lu'.v call I etl for the Immediate formal lor. mi Indian NKtlonal Government as the best, quaran'.cc of d^ India . Japan ano  ihlr.  nation as n. full and  Second Fron4. ally of U)e Unker Nations. The m-. ,i free-India rally, was  by the Council on .African Affairs. Other ' leaders who ] the  wen- Michael QiilJl. JMcniattonal president, of 'lie United Transfer!. Workers Union. CIO: Frederick V.. FfHd. of the Eriltorlal Board of the msr^ Amerasia: New York City CouikII man -A. Clayton Powell. Jr.: Dr. Max Ycrpin. - ct !lic Council on African Affairs: Dr. Olmjinlni II. Toblos. of (he Nallnniil YMCA.: and Mrs. N'. Tar.ut. trom" Swuth Africa. Mr. CoBlial. a nct^l Indian scholar and lecturer on Indln and   at. Inc , t"W tlic . that 'lir  -r India and her ;~ mir.t be solved as the war proceeds. SU.-ST SOLVE. I 1!M NOW "Wr r.lvttl Ivivr. to solve ." he Kild. "not by  .. I" JnU. no' by "*tn* the pco- rle Oown. not. by 1; In such .lc law s as the  law. Tlint Jr. why wo want to form a T'nl. in-. of Hie In'llans for the Indians. For this U .he  kind ot Eovernmcnt that ci i '' Tndla." "The Indian people." he - cd. "have   their      4'    stand l^ the United Nations as a full and  . OiMv fun  nf oil the Jndlan  wl-.h the Uxte -to ^i a people s  "nn chance the present condition? j  1  ? Indian ." he saW " which        In order to carry forward, the alms cr Ihls people s war.1* I "The only way we can prevent Japan from attacking India 4." lie went en. "Is bv  n second front, in Western Europe today. In addition to . wr  cot to do two : '/\vr IndK a na!      : WTid from this - machines, tool* and  dans. Takp ?S.~XK rn1    ; In Tndla  send them to Western Europe and a second fren*. We hnr- aot to make It n  ' war Tor everyone. Including India. Then we will not (Con tinned on Pace 5. CoL 5)                 Indian National Continued from l asc I) h:.ve lo worry  the kind ul peace iv; will get. We will ;et ill", j peace wu nil want, a genuine poo- I pie s ." Both Robescn and Liu Liang-mo. famous Chinese pioneer ir- mass sinking, were greeted warmly as they combined singing and speak- ini? in their appearance at Uie I meeting. MATTER OF 'LIFE AND DEATH"; Robeson told '.he gathering that it is "a matter or life and death to have  he Indian people on our  ide. and just as this is 30. ii.  v!il also be important to us very soon j thai, the African people, the pco-l pie of the West. Indies and other] people, be on our side."-" j Mr. Liu declared that Chlr,a understands the problem in India, and (.hot i* why ?hc wants India to have 11.  . The question of India freedom :uid the .second front arc reall" 'wo faces of the same problem." I !ic  aid. "These who are apainst j hi: second front are against the 1 ItTcdcm 01 the Indian people." I Mis. Kiombi Tantsi. a represen ative of South Africa urged the American p?    . "to k-;ep en ur? the British Government to arm "he    Africans, because I we want to win this war." j Ecth Dr. Yerctui and Council- 1 man Pcwcll declared that a free :\ was vital  1" ino 1 United Nation-; on '.he second Iron'. I One Uiinu Uic- Axis hus not counted upon." Powell pointed, "am! that is that in these days thrown which we are passing thr sub..'rd minorities of the earth have found a new .spirit. I Wo l!!     found that all p^cr peo- v\oy are brothers whether  be; , brown or  or w hi'.c." Point in:: mi'- 1 '.-ibor "sees more dearly (lay bv" -Jny "he necessity lor ringer cooperation between the American. British ami Russian trad.: union movements. Michael Quill       . "And labor believe that through .K a national govern- men*, for India,  opening a j western front now.  the war can be won thb; year and civiliza- lion can    saved. j Ptomment  tl-c si ores oJ  read at the mce'.ins was one (rom Lai Singh,  cl India News, and a member cl die Indi'.m National Congress no"v livins in the United States. Hs  that President Roos: "pub-  ur^i: the Churchill Oovem- 1 mcv.t to reopen  with Indir. looking toward Indian independence. The sooner the President Intervenes 'he sooner our full power will be made available for a United Nations" victory." Resolutions were passed  t the 1  calling Tor opening a se^iid tront now snd the -        *. of an Indian National Government "as the most - ins issues which demand immediate action" by the Uni'cd Nations. Caplcs of the resolution were sent tc President Roosevelt. Prime Minister Churchill and Maulana Azad. president of the Indinn National Congress. j</t>
  </si>
  <si>
    <t>                                           NEW YORK, N. Y.--(SNS)--More than four thousand people representing a large number of trade union and Negro people's organization, packed New York's Manhattan Center on Thirty-fourth Street last Wednesday evening. and wildly applauded a...</t>
  </si>
  <si>
    <t>                                           Atlanta ^ld i Published DAILY and SUNDAY at 210 Auburn Avemit I' By ATLANTA DAILY WORLD PUBLISHING CO. i Telephone: WAinut 1459 1480 Member of SCOTT NEWSPAPER SYNDICATE Established Aug. 6, 1928; Became Dally March IS, 1032 W. A, Scott, II, Founder and Publisher, Aug. 6, 1928 to Feb. 7, 1934 Entered In the Punt Office of AtlauU, Gu., us - moil under the Act of Congress, March 13, 1879 0. A. SCOTT General Managui CLIFF MACKAY Managing Editor Daily:- 1 Year, $9.25; 6 Mob., $4.76; 3 Mos., $2.60; 1 Mo., UUc SATURDAY ONLY:- 1 Year, $3.00; 6 Mos., $2.00; 3 Mos., $1.26 Canada:- 1 Year, $4.60; 6 Mos., $2.76; Foreign: 1 Year, $6.60 The ATLANTA DAILY WORLD is an independent newspaper- aon-sectarian and non-partisan, printing the news absolutely  aud supporting those things it believes to be to the interest 01 it* readers and opposing those things  the interest of iti read en. Address ALL COMMUNICATIONS to and make CHECKS         to ATLANTA DAILY WORLD, rather than to individuals. The WORLD expressly repudiates responsibility for return of unsolicited pictures, manuscripts, etc., unless stamps are sent.</t>
  </si>
  <si>
    <t>                                           wan !.~ A scout car is a low-slung  cir armored with heavy steel plate.      to transport troops from one point to another, ft Is of low silhouette and gives protection against machine gun and other ground Ore. A scout car costs $5,000. You and your neighbors Joining together can buy one ol these vehicles for the Ordnanc* Department of our army with your purchase or War Bonds. We need hundreds of them and need them quickly.' Put at  ten percent of your wages nr Income Into War Bonds every pay day and help your fellow Americans top the -War Bond Quota In your county. u. i,  U'N'imiHi HIGH PRICES UNPLEASANT TASTE INCONVENIENCE Keep you from getting all the Vitamins A and D you need. You can be turo that tach member { your  geti enough of these essential vitamins by seeing to it that they tak* ONE^DAy PhMtHt-Hitint            CflMiom/caJ</t>
  </si>
  <si>
    <t>                                           Demand Abolition Of Jim Crow Laws                 WASHINGTON- (     -A resolution callins for abolition of segregation of Negroes in stations. biases, railroads. ships, taxicabs. and air lines for the duration of the war was presented to President Roosevelt and Joseph Eastman, director of the Office of Defense                 Transportation. The  font to the Men  officials \vas* adopted hy a  vote :it. a two  iay                 meeting here of the National Negro council. Edgar G. Brown, president of the council, cited scores of instances in which Negroes have been discriminated against in his address opening the conference. The resolution was prompted by the recent slugging oi two Baptist ministers one of whom was 76 years old. on a train bound for              on pace fi. col. 3)                 Demand Abolition (Continued from Pace I) Memphis. Brown made a personal investigation of the incident a few days ago and reviewed his findings to the body. "Nazi brutality resulting from Jim crow practices in the Sor.ht  this absolutely unwarranted attack on two Negro Christian ministers on a railroad train last week in Tennessee." he said. i "If the federal government and the ODT under the President's war 1 powers do not act speedily, irre- i parable harm will be done to the safety and morale of 12.000.000 tra- i ditionally patriotic, loyal, fighting. war bond buying Negro American j citizens. I "Negroes have died in every war of the republic for liberty and in- j dependence since a Negro soldier in 1770 fell mortally wounded at I Boston Commons."</t>
  </si>
  <si>
    <t>                                           WASHINGTON--(ANP)--A resolution calling for abolition of segregation of Negroes in stations, busses, railroads, ships, taxicabs, and air lines for the duration of the war was Presented to President Roosevelt and Joseph Eastman, director of the Office of Defense...</t>
  </si>
  <si>
    <t>                                           Last Rites For Geo. Soulha!!                 EAST LIVERPOOL. Ohio- (     -Services !or the laic George \V. Soutna'il.  passed August 2T jr.l his home in Glenmoor alter a Ilisigerint; illness, were held at thr family );om-.- Saturday afternoon. They were largely attended by [riends and 1  from SteubI . WcHsvUlc. Cleveland and Toledo. OJiio. and Midland. Beaver land Pittsburgh, Pa. The Rev. W. C. Barksdalc, pasI tor of the Sheridan Avenue AME . made impressive remarks. Tlic Kev. George Williams and '.Mrs. Emma Keys sang impressive {solos. The Rev. J. Hubert Hendcrjsoii. pastor of Glenrnoor c napel. I rc-.td the scripture and offered prayer. Mrs. Maud Geod read the  and furnished  I music. The  t-. of beautiful florals and telegrams and other expressions of sympathy attested the hif;h esteem which the deceased and his family arc held. Burial was ir. the  "lot In ; Grove cemetery.</t>
  </si>
  <si>
    <t>                                           Atlanta      ^W)rld r.'. Fublished DAILY and SUNDAY *'i 210 AuDur:.       By ATLANTA DAILY WORLD PUBLISHING CO. Telephone: WAlnut 1-459 1460 Member of SCOTT NEWSPAPER SYNDICATE Established Auk. 5. 192S: Became- Daily March 13. 1932 W. A. Scott, II, Founder and l . Aur.   . l'.'-S Feb. 7, 193' Entered in tlic Post Office of Atlanta, Ga., 3' -class inai) under the Act of Congress, March 13. 1879 C. A. SCOTT General MnnJ'irei CLIFF MACKAY Managing Edilo' Daily: 1 Year $9.~5: 6 Mos., ?i.7C 3 Most., $^..  0; 1 Mo., 90c SATURDAY ONLY:- 1 Year. 53.00: G Mo?.. $2.00; 3 Mos.. $1.25 Cannda: 1 Year, S4..10; C. JIos., 52.7.1; Fop-: 1 Year, $5.50 The ATLANTA DAILY WORLD ',r. nr. Independent newspaper- aon-sectarian and non-partisan, printing the nt'%-3   edly and  those  it believes to be to the interest ita readers and opposing those things ai;       the interest of it readers. Add/ess ALL COMMUNICATIONS to an.! make CHECK S payable to ATLANTA DAILY , rather than to individuals. Th* WORLD expressly repudiates responsibility for  of * , manuscripts, etc., unless stamps are sent.</t>
  </si>
  <si>
    <t>                                           BUY U.S. BONDS j AND STAMPS</t>
  </si>
  <si>
    <t>                                           $500 In Damage Is Caused By Blaze Dsmngo approximately nearly $500 wu done- to the residence or L. W. Orcen, 718 Ira Street, during a (Ire caused by in oil stove explosion, city police reported Snturday. The tiro occurred Friday,                 Uic  report . At lout two of the rear room* ware burned. It won .</t>
  </si>
  <si>
    <t>                                           Atlanta baseball fans are eagerly awaiting the first "big time" baseball of the season, slated for pence de Leon Park, Wednesday night, when "Bunny" Downs, former Morris Brown College baseball star and his famous Cincinnati Ethionlan Clowns of the Negro...</t>
  </si>
  <si>
    <t>                                           Local baseball fans will, in all probability, witness the best game of the season, Wednesday night, when the Cincinnati (Miami) Ethiopian Clowns play the hard-hitting Atlanta All-Stars at Ponce de Leon Park.</t>
  </si>
  <si>
    <t>                                           ^BgE^gJE^^W?lft Oil Soap, ?~^^^B[)mjP     . ic. lor F(~* Giit aod     !~*      , etc.  Mlg.         . 2. St. Lou),, W</t>
  </si>
  <si>
    <t>                                           With Joe Walker twirling six-hit ball and Henry (Coot) Warner batting in three of his team's runs, Sellers Brothers won the first game of a doubleheader from Manager James McFarlin's Georgia Power softballers 12-2 yesterday evening on the Morehouse diamond.</t>
  </si>
  <si>
    <t>                                           To all Baptists of the National Baptist Convention, U.S.A., everywhere:</t>
  </si>
  <si>
    <t>                                           TIFTON, Ga.--Sunday is expected to be a high day at the Allen Temple AME church. Rev. Gissentanner will leave for conference Tuesday of next week. Rev. Kelly, pastor or the Methodist church (white) will preach Tuesday night. Rev. Boyd. pastor of the...</t>
  </si>
  <si>
    <t>                                           s. r-</t>
  </si>
  <si>
    <t>                                           AUSTELL, Ga.--Mrs. Lyda Bullard of Ensley, Ala., and Rev. F. M. Hutchinson of Atlanta were guests of Miss O. F. Beaver Saturday. Rev. J. C. Beavers preached a wonderful sermon for the Heroines of Jericho Sunday at 4 p.m. Mrs. Laura Brown of...</t>
  </si>
  <si>
    <t>                                           'We are American Soldiers and by the grace of God, we will fight the enemy until he is vanquished.'</t>
  </si>
  <si>
    <t>                                           Mr. and Mrs. Edd Robinson received a telegram from their son. Willie (Huck) Robinson, who has landed safely overseas, somewhere in England, saying, "Don't worry about me." Willie volunteered in service a year ago this summer, at the age of 18.</t>
  </si>
  <si>
    <t>                                           Runner At Forf Valley                 V" '.1EAX BETTE LANE It iras announced al Fon Valley Ihis week thai Miss Jean Belle Lane, who is known as tin:  FASTEST IHJNKKIt j en account of her record of victories during the lust two years at all  I'roin fifty to iiO meters, had been added to the faculty  f the Korl Valley State College    Jnslruclur in Physical Education. Miss l_mc is Ameriran am! Canadian             sprinter, ' established rei- at Til) .                 50 meters. 75  100 yards. 110 meters. 200 meters, and 2io yards. The  of J. Aubrey Lane. Dean of Men at Wilbcrfnrce. she has recently been employed as recreation supervisor in Detroit i 2\. It is  thai Miss Lane will be able     carry on an   uf physical fitness at Fort Valley, where the enroll, tin-lit of more than ttt o hundred ^ \        splendid. 1' l.ir siu li u .</t>
  </si>
  <si>
    <t>                                           Hampton Views First Batch Of Negro Seamen                 To Begin Study For Ratings As Navy Specialists                 HAMPTON INSTITUTE, Va.-      - Fresh Horn basic training at Great Lakes Naval Station. 128 young Negro seamen, selected j candidates tor specialists' ratings) In the U. S. Navy, reached Hamp- ton Institute at an early hour Saturday, lor 16 weeks of Inten-  training in the Class "A" naval school which has just been established at the historic Negro colleges. They represented the initial en-  of the school which will turn out over a thousand electricians, metal smiths, carpenters, and Diesel engine machinists annually. First of successive contingents scheduled to arrive at the college during the coming months, the young men. who were raw recruits a few weeks ago. gave striking evidence of the Great Lakes training as they marched in 1 perfect formation through the darkened streets of Hampton. I Their threefold training program. I including further indoctrination, rigorous physical conditioning, and advanced mechanical training. wUl I start on Monday morning with reveille at 5:30 a. m.</t>
  </si>
  <si>
    <t>                                           The Baptist convention folk have quietly folded their tent and gone away and we miss them as we had a week of entertaining guests from all over the country and we did it well. We will feel lonesome until we can adjust ourselves to our once normal condition.</t>
  </si>
  <si>
    <t>                                           Perhaps you have heard of the little girl who has blue eyes like her mother's and black finger nails like her father's. She is a bad little girl, and will never hike along the right beauty road. She throws a fit when her face is washed. When she is dunked into...</t>
  </si>
  <si>
    <t>                                           PHILADELPHIA, Pa.--(SNS)--Private Norwood "Barney" Ewell, former track star at Penn State was named here last week as the Middle Atlantic A. A. U.'s nominee for the Sullivan Award, which is awarded annually to the best amateur athlete in the United States.</t>
  </si>
  <si>
    <t>                                           This red-hot baseball town is sure to hit a new high in fan ... on Thursday night, August 27, when Satchel Paige and his mighty Kansas City Mchachs Invade Swayne Field home of the Toledo Mild-Hens, of the American Association, to do battle with...</t>
  </si>
  <si>
    <t>                                           ELBERTON, Ga.--Among those who attended the funeral of Mrs. S. J. Huff Sunday at St. Mary CME Church were Mr. and Mrs. Willie Anderson of Birmingham: Misses Pearl Proctor, Fannie Heard, of Detroit; Mrs. Addle Hairston of Columbia; Mrs. Laura Webb of...</t>
  </si>
  <si>
    <t>                                           Held Over At The Capitol                 STANWYCK anil C.KOIiC.E HUliNT  Uir Ir.: r.Oo in WM-imt Hi".s.. new motion  Iraina.   THE ~'.AV SlSTIillS". .yh irl. Marls tm!   :.t l.hp CAl'JTC'l. .</t>
  </si>
  <si>
    <t>                                           Information released this week by the Atlanta Chamber of Commerce and the Atlanta Junior Chamber of Commerce reveals that ... is the number one menace to the health a Atlantans.</t>
  </si>
  <si>
    <t>                                           THIS IS my parting salute to the dear old SIAC. My last sports column as an Atlanta resident. This evening I shall be gone--perhaps forever. It is not my present intention to return except on vacation. "coverage" assignment, or guest officiating.</t>
  </si>
  <si>
    <t>                                           NAACP Deplores Lynchings And Police Brutality                 Members of the Atlanta branch of the NAACP Tuesday night went on record as condemning the lynching of two 14vear-old boys in Mississippi this week and the brutal manner in which a soldier was treated last week by policemen in South Georgia, and authorized the Rev. W. R. Wilkes, president of the local organization, to wire messages of protest to proper authorities.                 C. A. Scott's motion, which urge-' lhat immediate action be Liken In prosecuting the murderers of the two Mississippi boys, called for President wakes to wire messages of protest to President Roosevelt, Governor Paul Johnson of Mississippi, and Walter White, executive secretary ol the national body of the . The motion was seconded by Attorney A. T. Walacn. TO  TO F. D. K. (Mrs. H. C. Hamilton's motion called on the president of the local branch to send messages of protest to President Kooscvelt, Secretary of War, Stimscn and Walter White, condemning the mistreatment  by Prir.ce A. Williams. an Atlantan now in the armed forces. Mr. Scott, in putting his motion before the house, said the  in Mississippi "affect all Negroes." and in addition, news of the lynchings Trill be circulated by ''our enemies" as means of hurting colored- people of other countries.- Attorney A. T. Walden, !r. presenting tile case of the soldier to the body, said an investigation is underway to determine if any action can be token against a bus company. The  was removed I from a bus and beaten by officers after crowded conditions of the bus I had brought about words between i the bus driver and the soldier. I Attorney Walden said "he haci contacted the legal committee the national body of the  to see what steps should be taken la the matter. He declared it would be useless to attempt to prosecute the officers who attacked the soldier inasmuch as the case would have to be tried In the county in which the officers work. Members of- the organization voted the sum of SKi to the 1' Youth Council at Clark Collesc where the Council will be host to the National Conference of the l^AACP .h organizations October 30-Novcmbcr 1. BELL AND INMAN HEAD W. Y. Bell. Jr.. executive .- or the Atlanta Urban League. and Earl Ir.man. of the NYA. brought  facts tc the group. Mr. Bell's talk centered around National Defense training Jobs. He said  there is no assurance as yet that Negroes will be i given skilled jobs at the Bell Bomber Plant, scheduled tc ope.-, soon, at lca.st SO colored persons will be c*vcn  aptitude tests Saturday. Thtsc -tests will qualify men for Jobs as instructors at De- terse classes  will be started j      ;it Booker T. Washington High J School. Mr. Inman's talk showed that the NYA is doing a. fine Job hero and throughout the state for colored youths. The only difficulty, he said, is getting youths    take the courses. He said it is hard to get a full quota of  men to take  of the opportunities offered by Ilie NYA. Mr. Inman explained that young men, between the ages of 10 and S4 arc paid $34.40 per month to  how to become machine shep workers, auto mechanics, welders and sheet metal workers.  GOOD-PAVING JOBS After  in?: two-month training period, the youths arc given good-paying Jobs in War plants. Mr. Inman pointed out. Young men are accepted without any red tape at the old Clark College site, the speaker told the gathering. Mrs. Ruby Blackburn, campaign chairman for the local branch, reported additional contributions. She reported $8 lor the Seventh Day Advcntist Chuich. Sa for the Fourteen Nex Yorkers Club, acd $5 tor the Hunter Terrace Ocennudty Club.</t>
  </si>
  <si>
    <t>                                           Members of the Atlanta branch of the NAACP Tuesday night went on record as condemning the lynching of two 14-year-old boys in Mississippi this week and the brutal manner in which a soldier was treated last week by policemen in South Georgia, and authorized the Rev. W. R. Wilkes, president of the local organization, to wire messages of pretest to proper authorities.</t>
  </si>
  <si>
    <t>                                           Bailey Theatre* 81 ANDREWS SISTERS WOODY HERMAN S BAND That Play, the Bluet in "What*. Cooking" AUo "Perili of Nyoka" ROYAL "THE LADY IS WILLING" with FRED MacMURRAY MARLENE DIETRICH ASHBY- "YOU BELONG TO ME" with HENRY FONDA BARBARA STANWYCK AUo "       of Nyoka"</t>
  </si>
  <si>
    <t>                                           TODAY, A STRONG labor movement is absolutely essential to the successful operation of the broad procedures which President Roosevelt established last week to stabilize wartime wages, Prices, and profits.</t>
  </si>
  <si>
    <t>                                           Published DAILY and SUNDAY at 210 Auburn Avenua By ATLANTA DAILY WORLD PUBLISHING CO. Telephone: WAlnut 1459 1460 Member of SCOTT NEWSPAPER SYNDICATE Established Aug. 5, 1928; Became Dally March 13. 1S32 W. A. Scott, H, Founder and Publisher, Aug. 5, 1928 to Feb. 7. IBM Entered in the Post Office of Atlanta, Ga, as second-class mall -sr1 under the Act of Congress, Mareh 13, 1879 C. A. SCOTT General Manager CLIFF MACKAY Managing Editoi Daily:- 1 Year, $9.25- 6 Mos $4.75; 3 Mos., $3.50; 1 -Mo, 90c SATURDAY ONLY:- 1 Year. S3.00; 6 Mos.. $2.00; 3 Mos., $1.2? Canada:- I Year. $4.50: 6 Mos, $2.75: Foreitm: 1 Year. $5.50 The ATLANTA DAILY WORLD is an independent newspaper- non-sectarian and non-partisan, printing the news absolutely unbiased]; and supporting those things it believes to be to the interest of its readers and opposing those things against the interest its readers. Address ALL COMMUNICATIONS to and make CHECKS payable to ATLANTA DAILY ". rather than to individuals. The WORLD expressly repudiates responsibility for return of unsolicited pictures, manuscripts, etc, unless stamps are sent.</t>
  </si>
  <si>
    <t>                                           Methodist Area Council Closes Record Session                 Bishop L. H. King Praises Workers For Fine Program                 By LUCIUS JONES                 The fully one thousand delegates In attendance at the second annual Area Council or the Atlantic Coast Area of The Methodist Church at Central Methodist Church departed Saturday  what was generally regarded as the best session In history.                 Bishop Lorenzo H. King, presiding officer of the Area, expressed, the conviction that. an effective Job had been done In meeting the challenge ot the Council      .\ "teaming to Live Together U6 Christians." There were four  features of the 1942 Area Council and Bishop King sold all of them- the  "Town Meeting." ti-c pageant "Ethiopia's Glory." the Veterans Procession. Roll Call, and Reports: and Area Oratorical Contest had exceeded expectations in the richness that they gave lo the Council program. A glowing tribute wax paid the ministers and laymen, the seminar leaders and speakers, the women s section, the Council publication issued dally during the meetings, ana a11 other agencies which worked for the consummate success of the 1942 Council. Many of the addresses were memorable. Unforgettable were . by Drs. Q. L. Morelocfc and N. P. Forsyth. Miss Lucy V. Warrlck, and Mrs. P. M. Glbbs. Challenging were those by Drs. W.-.A. Bell and J. B. Randolph in the role panel speakers for the educational Xorum. Special tokens were presented during the Council to Bishop Lorenzo H. King from the Central Alabama Jurisdiction for his excellency of episcopal administration and to Miss Warrick from t*ie Women's Society of Christian Service for the outstanding contribution she made to women s work In the 1942 Council and her great speech. Miss Wat-rick s brilliant speed) was delivered en the final session day. Friday morning, on the. subject, '~Woman's Place In the New Church." The brilliant young woman said  had made themselves Indispensable to the great cause ol Methodism. Her strong rinsing, bet(Continued on Pace 6, Col, 5^                 Methodists Area j (Cutitintlrtl from Face 1) ti-r than any other portion of ln.-i I  sterling  drive* j home her emphasis of the 1: I of women in the Christian ch . Miss Warrick sUd that  there are even ten women.  arc effective: wherever .there are os many as one hundred, they arc lorei ful; wlv; there arc n-. many as one thousand, they arc powerful:  wherever, as in the Methodist Church, there arc thousands of them they are simply invincible. Dr. B. Julian Smith also punctuated the final day s session with a fine message Friday  di(j Miss Lucy Foreman in the afternoon. Drs. J. \V. Golden, executive secretary of the Eoard of Evangelism, and L. S. Moore of the Baltimore Arcn Conference, were among Melodist leaders bringing felici- I tations Friday. Grandmaster John i Wesley Dobbs of the Masonic I Ledge also brought his persona.' congratulations and fond wishes for God's .g. I The musical demonstration hour i in charge of Dr. D. L. Kidout of Philadelphia, director of the Council Choir, held the audience j in a spell of admiration. Dr. Rid- out advocated a Methodist  j in even.1 home and asserted that it was such an inspiring book and its use so r.lde that more copies 01 (lie old Methodist,  wee sold in its first edition than war. true fcr the first edition of amother book that has been published since the Bible. The figure cited was 57G.O0O copies. Dr. Ridout said he didn't have the figures on the response to the revised or new Methodist hymnal, but he felt that. if anything, they may be even mere impressive. The choir director said one of the fines uses of hymns was for reading, that it is better to interpret them that way. He said he hoped Methodist choirs v.ill stop trying to I sing anthems technical music like the "Halleluiah Chorus." which, actually, they sing very poorly, and' stick to Methodist  which they really sing well. Miss Valeric Yvonne Smith of the Savannah Conference was winner of the S2S0 scholarship, grand prize in the Area Oratorical Contest* -with second prize, S25 Jn . gems to Mis:: Laura Smith of tho South Carolina Conference. So impressed was. Dr. Marci'jis L King, president of I'hiMndcr Smith Ccllece, Little Rock Arkansas, with the showing of Miss Pearl Elaine childs. third place winner in the contest who hails from Saint Petersburg. Florida, that he gave the young woman a S175 scholarship to his institut ion Bishop Kin? graciously acknowledged the .' The other contestants were Miss Bernice Fields of the Central Alabama Conference: Miss Ellen Lydia Baipett of the Atlanta Conferenceand Miss Marcella Calr. James oi the Florida Conference. The 1942 sessions were so "Ci- satisfactory that Bishop king m closing them Friday, was  ed to spy: "METHODISM IS ON THE cS^a,T ATLANT</t>
  </si>
  <si>
    <t>                                           The fully one thousand delegates in attendance at the second annual Area Council of the Atlantic Coast Area of The Methodist Church at Central Methodist Church departed Saturday after what was generally regarded as the best session in history.</t>
  </si>
  <si>
    <t>                                           ROXY Now RAY MILLARD BETTY FIELDS IN "Are Husbands Necessary?" Plu. War New. and Comody</t>
  </si>
  <si>
    <t>                                           HELP YOUR SKIN FIVE WAYS ACTION BEGINS T FEW DAYS Here's help you r:m from     oilier cream that  t. wmk mi ilu minie principle. Black rind While Itlrufliiiii; Crrutn actually brines ym tivo wkin *. It -n*. , clears off  dull.        .M, outer . faile* frt .   I*. Rimy to u*~. Bo cunt that you  irm.ti. mi LMurlc und White Blcachinn Cn-uiu-OOc, S5c, 10c        *a nrmm    '     turn** Drnunlnr  jwn Ililnk    lot       your . If you       /,vri. n. hi- x-nlp.  ij        f'~      lm*i*  If roar l.~Ir    .Kill ond        "ml I. wi..            nn.l   thin . Co-lii ysu IMn thUD    Voar , H worth It. Knjor M^-lne ~~.ur              !*-        r own J^u Di-W . of  ow Try It. If It  . too law *. IVrltr  name       4~]     on a       p**tnT r**A       If to m*. Don't   nr mon^y now. Pay *rh#n yoo grt  I)      av*      In n fra     , yoa will c*t A slx.   np- ply of       .CKiKO Snitp FnrniDln. j Mr.l.lo not Oil. Crram'd Oil S^.. MnUlo  Oil. fnU                  *          of MMulo rmcr Tawdcr UMl   7fum# Ami      Mmlaln IVtoklrt. Pay tbe po^    only $1     a rf nt mor*. Tnr    Hlrrrtpd  If not ah-                    , yoiK  bark.          ^~  with all your . Write now. Georfim Peach. Gold Medal Hair Co. lot imar    IvgK. SU C/u..kI..n. N .T.</t>
  </si>
  <si>
    <t>                                           NATURAL PAGE BOY ATTACHMENTS you Can Have YOuft kair j^h A PERFECTLY MATCHED FOfc       %. 't'i C4 Cfl  Creofiom      Rosily Attached I Human Hoir- 98at\ SEND NO MOrJEY/ J'gi'i] tt        l..      ^fo- SSliS  V PUMS, W1CS AND MAIDS ^ (AiiWiicnoN     ONfr   uN0   ft t^T^SHtfSo iIND  OlOEIt  A F' .1 ^(9r JESSIE KARE BEAUTY PRODUCTS COMPANY "507 FIFTH AVfNUf (doom 409) NEW TOOK CITY</t>
  </si>
  <si>
    <t>                                           OPA Meeting A! Butler T This Evening                 Businessmen Of City Urged To Attend Session                 Under the joint sponsorship of the Atlanta Neffro Chamber of Commerce and the Atlanta Daily World, there will be held an important meeting in Room 2 of the Butler Street YMCA this evening at 8 o clock. Mr. R. Florrid, Price Specialist for the State of Georgia OPA, has agreed to be present and take up discussion relative to price ceil-.  and other. matters.., which concern every Atlanta Negro dealer who sells anything. The Chamber and the World are cooperating with the OPA office in this attempt to (jet colored merchants and other business leaders, men and women, acquainted with this subject, which so vitally affects their everyday operations. Another t^~ic which will be discussed will be the matter of ? some Negroes affiliated with the OPA in this area. A special invitation is extended to all business men and women as well as other interested individuals, to be present and on time. Cornell Named BTW Principal Over the petition ot thousands c! influential colored Atlanta  that Prof. C. L. Harper Im   at the prat he hi-.? heW ror the past nineteen years, the Board of Education, at a regular  the past Tuesday, named Prof.'C. N. Cornell as principal of Booker 'T. Washington f!igh School. Petitioning citizens had been  in their action by tiu: fact that Principal Harper, president of Georgia State Teachers ;and Educational Association was waging a militant, fight u;r  of teachers' salaries. Mr. Harper's retirement closes a :areer of twenty-five years' service in the Atlanta 'public school system. His successor. Mr. Cornell had been assistant principal for lie past seven years. At the formal opening of Booker r. Washington High School in September 1924. Mr. Cornell be:ame one of its science teachers. Later, he was elected head of the Science Department, remaining in that capacity until 1933, when tic(Continued on Page 6. Col. 2) j                 Cornell Named (Continued from Page I) was made vice principal. Mr. Cornell is an alumnus ol Atlanta university. His post-graduate work was at the University of Illinois and Northwestern University.</t>
  </si>
  <si>
    <t>                                           I Ic I v IS 1 ^**^^fc///^, HIDE GRAY HAIR IN 2 EASY STEPS ALL ALOfiE TODAY! GRA Y HA IR Revealed by Sun tj^~ Men like their women to look young... so ~~-    *.Tri.~. m act quickly. Don't let GRAY HAIR ruin your      -        . Color your hair easily and quickly /J^^lTVs. wilh Godefroy's Laricuse. It goes oa evenly, Jg ^*wf5*l doesn't rub off or wash out. Permits - If ^og'''^ Hems, marcels and curling. Used for over 45 U ^^f^ N years. You must be satisfied or dealer will i^^/V refund money. Jf he doesn't have Larieuse, mail Si. 25 direct to Godefroy Mfc. t-    -i^~i- 35KI Olive   ., Si. Louis, Alo. L CAUtlONi USE ONllf AS DIRECTED ON IabEL j^y OODEfROV'S -~^^HAIR</t>
  </si>
  <si>
    <t>                                           TOM HOLLlMnv                 DOUGLASVILLE. fl;. The funeral of Dcocon Tom Hollimon \vus held at New Mt Top church last Tuesday with Rev. J. W. Jordan officiating. MRS. ALICE FORTSON ELBERTON. Ga. Funeral service for Mrs. Alice Fortson wis held Sunday. ROSCOE DAVIS ELBERTON. Ga.- The funeral of Mr. Roscoe Davis was held Monday.</t>
  </si>
  <si>
    <t>                                           THE CHESTNUT ST. FLORAL CLUB will meet Tuesday night with Mrs. Cholston, 304 Chestnut St.</t>
  </si>
  <si>
    <t>                                           closed their session that was held for one week last Friday night. Rev. Jeremiah's sermons and the Atlanta, Quartets added much to the program. On the last night, Rev. Lawliss and Mrs. Goos by added much to the Program Mrs. Echols. the Willing Workers...</t>
  </si>
  <si>
    <t>                                           Slip In Large Sizes Ma lure figures need wcll- "undies"- and this M; Martin Pattern. 939. is just tlic thing. The smooth panelled slip has comfortable built-up  that, give firm j support. Scallops and lace trim- I mini; are optional } 0139 mav be ordered inly in women s sizes .14. "~6. 38*"~0.  2. 44. 46. -"S. SO. Size 34. slip,  2 1-6 yards 39 Inch. Send SIXTEEN CENTS lor this Marian Martin Pattern. Write plainly SIZE. NAME. ADDRESS and STYLE NUMBER. First Aid for the - j wardrobe in our 13-12 Pattern Book. Thrifty styles tor every i member of the family. accessory- j news. lips on fabrics advice j on remodelling old clothes. All tor i TEN SENTS! I .Set'rt ? A!l*J!'a. j Worl(i. 210 ,        "AvetsBc. N.E. j Atlanta. Ga. I</t>
  </si>
  <si>
    <t>                                           Bailey Theatres 81 RED  in "ARIZONA TERROR" "MOUNTED POLICE" And Stage Show I'onite ROYALTY "FIESTA" :~    AlAKlO AN IMAI." OR. SATAN" ASHBY-"Chost or " ami "MISS POLLY" j AU "DA. SATAN"</t>
  </si>
  <si>
    <t>                                           FT. McCLELLAN, Ala. --(SNS)--Pvt. Charles V. Lynn of Lincoln, Illinois, is displaying a neat pair of heels to his fellow-trainees on the training field here at the Branch Immaterial Replacement Training Center.</t>
  </si>
  <si>
    <t>                                           IF RHEUMATIC PAIN HAS YOU DOSING AND HONKO Tli+n prop* in    mull* you ran Krl DM         your own  * others have  Makr up your  you tr going 10 me Mnwthing; ibit frtl to work 00  te pain. You wtat  you an (ctL So get C-   . Daot be put off with    or ban. Ot  now. II you iu((cr f ram       'ie pili% or  vbn, grt C-; toe,     At           .     it . FotH (b^Me     . U Gbt</t>
  </si>
  <si>
    <t>                                           Thank You, Atlanta! (Tiny Bradshaw-Lil Green Dance) AND IN APPRECIATION WE OFFER YOU TWO BANDS FOR THE PRICE OF ONE S ORCHESTRA . c^iT SUNSET ROYAL BAND  nwK      Thursday Night, Oct. 15, 9P.M. to 1LM. CITY AUDITORIUM' Advance 75c At Box 90c a Southeastern Artists am faction (Advance Sale Begins Today at Usual Locations};'</t>
  </si>
  <si>
    <t>                                           ^^I^BOnJcweiry end other B^F^          Property. LctH  K Sour Lody' PtraonrwlH ^^^Solva your Finen$</t>
  </si>
  <si>
    <t>                                           GREENSBORO, N. C.--(S N S) --The Union Panthers, a Richmond, Va.. invaded this city last Saturday night. October 17, but were repelled by the fierce ground attack of the A. and T. Aggies by. an 8 to 7 score.</t>
  </si>
  <si>
    <t>                                           BH Atlanta JWIpf^ World edition ^^y- ^p The Nation's Only Colored Daily Newspaper                         ] V0I UME 15 NI,MBER 136 ATLANTA, GA., MONDAY, NOVEMBER 16, 1912 PRICE FIVE CENTS</t>
  </si>
  <si>
    <t>                                           Meet Miss Petunia Jackson                 HOtf-. Cal.- (5   - Ethel Waters is shown tere in a character study in the MGM al!-Ncsro musical, ''Cabin in the Sky." now being filmed. Miss Waters stars in the film along with Eddie Chester" Anderson. Lena Home, Kex Ingram and Kenneth Spencer. e Ellington's band supplies the musical background.</t>
  </si>
  <si>
    <t>                                           FORT VALLEY, Ga.--(SNS)-- The Blue and White Booker T. Washington High School Bulldogs won a bard fought 19-7 victory over-tae strong Hunt High School eleven, Friday afternoon, coming from behind in the third and fourth periods.</t>
  </si>
  <si>
    <t>                                           196 Auburn Avenue, Northeast "The Finest Bowling Alleys In The South For Negroes" Wednesday Night, November 18th, 8 P.M. ADMISSION FREE TO AUDITORIUM AT ALL TIMES BOWLING AT POPULAR PRICES BOWL FOR YOUR HEALTH Bowling Has No Equal ForJDownright Good-For-You-Fun and Relaxation. It's Inexpensive Too! Come In. Bring Your Family and Friends and Learn to Bowl. IT S A FASCINATING GAME I MRS. FLORINE PASCHAL. Manager MKS. WyOt.ENE GRAY. Assistant Manager COLORED OWNED COLORED OPERATED</t>
  </si>
  <si>
    <t>                                           ^^^^^^HVdo you feel that . ^~P \l      jou by. JHr* t i! * *~w         you bow. you   am M^ /'A )1  ukr people limn    .'  K VtS)~ Wouldn't too      K.V ,tM  yon do  LlbSUCN Boit thow -~ho     I      ww.' OeJne Hjmmond.  9 trained New York         RclMiom ecutive     compiled Formula for Stircen that cm oren wide the door to Succen,      and HapBinew. Dont in on the  while othen  lile l  . Follow direc lion, a^d 1 PERSONALLY  SATISFACTION OR 1 WILL REFUND YOUR MONEY. Seod me tmt rnt  and . When ths   your Fonnola For Stcrru, pay only Si  a few cent! . ). Get the Hrilth. Wealth and Haperneu M    *e  ^~f*ted. ^"           :</t>
  </si>
  <si>
    <t>                                           Crime increased in tempo yesterday when a number of stabbings, at least two leaving their victims in a critical condition, was listed on police records.</t>
  </si>
  <si>
    <t>                                           THOMAS, Miss Florence--of 745 Dunkirk Street N. W. The friends and relatives of Mrs. Eugenia A. Thomas and family are invited to attend, the funeral of Miss Florence Thomas Monday, November 16, at 2 o'clock at Central methodist Church...</t>
  </si>
  <si>
    <t>                                           BROWNSVILLE Tennessee. -- Thirty--one Negro families, former share-croppers and tenants who operate Haywood Farms near here, paused last week to take stock of their progress and found that their annual income has increased more than four times since they moved...</t>
  </si>
  <si>
    <t>                                           As she stepped out of the elevator, she thought of her roommate, and it was with a surge of realization...In no other way could that sable coat have gotten into her locked apartment that afternoon but with the help of Jerry Shafto.</t>
  </si>
  <si>
    <t>                                           Last week a very representative group of Negroes called on the School Board and presented a written request to the Bored asking for at least one Negro teacher, an increase on the number of Negro...</t>
  </si>
  <si>
    <t>                                           NATURAL PAGE BOY ATTACHMENTS YO*U CAN HAVE YOUR HAIR JBfr PERFECTLY HATCHED    ,Mfeg^ $4m La**** Creation*        1311 EatllY Attach** b M' SEND NO Montr/?? VoLu I rum.  and maim   ^^HBfttk. (Ml  M Iw Cray Itak) g-^ ^^^HSftU wo tow   48 MmBmr JES^E KARE BEAlfTY PRODUCTS^ COMPANY 507   (bw MS) NEW YORK CRY</t>
  </si>
  <si>
    <t>                                           They Run Into Trouble With Their Former School Sponsor                 These charming women, members of the "Sweethearts of RhyHim." ran into  last week while filling an engagement at J:ick*on, Tenn. Lawrence C Jones, president t,{ l*incy Woods School, "\Iixs., charged tl'.ut Hie . who formerly  under his sponsorship, have  their connection with ihc school without having returned their instruments. Pictured, left to , top row, l  Braddy and Amu Mac ^'; middle    ', U-tl to right, Helen Saine,                 sax;  McGhcc. vocalist; Anna Mac Winbun, and Mirjorie Pctlilfonl: lower left, Trombojic section: lower . SaNanhone scc ion; Bottom   -~  s he  lund. Ml to . us : Marian e.irl.-r Marjoric I'cltiVord. I'aulinc Bratldy. Joncc !~lr:inl.erry, Annie r.i.rriM'.n. Judy Uaymun. Lucilc Disun. Koxina Lucas. Jonnie Mac l!   -. Helen Jon-.-s. Idaiislitcr of Louia Vaughn Jones); Evelyn McOhe.- KdtiA Williams. Ina Dell Byrd, Anna Mae Winbun. Crucc Byron                 and Willie Mac Lee Won;- (AN P).</t>
  </si>
  <si>
    <t>                                           .im a^ **'^7jfc^S5  ^y^.~it8S ^y td* 9CW. DRESS for the occasion Braid Trims Rich Jewels Suit-dresses Peg Pockets 1-Piecers Embroidery Right in style richt in beauty right for every occasion where new. Haltering dresses arc wanted. So many ElorloiLs. eye-appeal models In soft crepe and alpaca. Utterly simple or lavished with fancy trims. Blue, aqua, ETeeBl red. wine.     , navy, . black. SWi*s 12 lo 20 and 38 to 50. MICH'?          r, i it  jar . I i CRISP COTTONS^ Ml Button-fronts to^CT?~iv Wrap-arounds yO^BsiSriBst, Shirtwaists ,jM?^^^^S^t By all means save your N^Jlt2    5   best dresses wear jWa^^K^aSfc^Bk^ smart, crispy, fresh cotton          ^^ around the house, and to fe lS^lP^^Wft I the market! Choose several i^^^^^^^^PsR^ cay. colorful easy-to-- g^^R^!8MJWBy into frocks in shirtwaist. NgzJ I^^^^^SfniP j wrap around or button 0ro$ ^r5^ 1 front styles. All are fast ^ I I color! Attractive stripes. p*1*^ :"C;l prints and checks. 14 to 52. L f  j Jtf MICH S BASEMENT H' V f ij- %a Dress 'Em Cute in Bright PERCALES 1.49 Prints Stripes Checks Color-fast H Just unpacked and simply       ^ able! Every style Imaginable with KV braid trims.  collars, 2?/ sashes, full skirts. Sizes 7 to 14. HIGH S BASEMENT j^ Women's Regularly f%JF/f Girdles and ^f/ W***9',*  X/ Wo"~~n COTTON SLIPS 2-48 69c 2SSS- gSS.1S!~"   SE ^S SSTS.lE2lS?tsa    !:HSinut.br?cft1u!v.-d1.ii SfflFsaa^w^SsS no      .       . SlSi K 111 T* I??* HICH'rs"0A5.i;. ""H-~  ~~""MM"^~</t>
  </si>
  <si>
    <t>                                           At Covington, a neat little city in the western hills of Old Vir ginia. the colored women, led by Mrs. Luella H. Golf and her club, held a rally that, filled the Pint 13:qiiist church. of Which the Rev. Dr. J. Thomas Reid is pastor. There are. rotiehle sneakine. 1000</t>
  </si>
  <si>
    <t>                                           Pinksf on Group Urges One Bap't Body In Georgia                 Desire For i Unification i Is Expressed i By  ARNOLD. (Start             ) WAYCROSS. Ga.- The Stale Baptist convention, D*. I* Vtoknton, .  cno ol Its greatest  .here Thursday at Mr.        Baptht Church, alter bearing reports which'  that much  hart made dur.mj the year. Kcv. R. H. Cromwell. Pensacula Tin., made a strong plc-a for foreign missions, being supported by Rev. M. L. King of Atlanta. Rev. A. I- Brutcln-r. Jactecii. Tenn., represented the historical department of the N. B. C. being            by Dr. C. D. Hubert. Atlanta. A  express' ng t;3^ 2nd a : for      sent to the Georbiu Baptist             in session at Savannah. The convention  to hold It* next session with Mt. Zlon Baptist church, Atlanta, Dr. J. T. Dorsey, pastor. The Rev. H. H. Fortson. G^Uicsville. preached the educational sermon, while Rev. I. A. Harris, Albany, delivered the farewell sermon. Rev. j. j. Dotsun, Atlanta. was active during devotions. Rev. A. Eell, Atlanta. Is heading a committee appointed to pay special honor to Dr. VS. F. Paschai. Statv Missionary. AME CABINET MEETING TODAY Br DAVID NORRIS 2. Ga. -Bishop W. A. Fountain and the five presiding elders of the Atlanta Conference of the African Methodist Episcopal church will hold a cabinet meeting today to study the 1943 ministerial appointments. Dr. D. H. Stanton, secretary of The American Bible Society, addressed the conference Thursday and mapped plans for a Bible-buying campaign for men In the armed forces. Dr. A. S. Jackson, financial secretary of the AME Church, delivered an Inspiring address, warning that God is watching the current conduct of the nations. 'Presiding over- the" Thursday meeting. Bishop Fountain was high In praise of the work of the presiding elders and pastors of the conference. The conference heard fine address delivered by Bishop John A. Gregg. Dr. W. A. Fountain, Jr., president of Morris Brown College, and Deans E. C. Mitchell Charles L. Hill, of the college, arc scheduled to speak today. Doctors J. L. Butler and D. T. Babcock was active Thursday night.</t>
  </si>
  <si>
    <t>                                           V^JEm2~^^\  AOta- Miracle Whip does work  \   *ZS .il with ! A unique combination of old- lfc*     ?1!Z3\ to3ed  and fine mayonnaise, MiradeTIVhipit ^S^         by far America's favorite salad dressing. 9</t>
  </si>
  <si>
    <t>                                           NOW-Witl YOURj LUCK Come Rolling? "" W-     - Ring FREE    Explained Below Dri\c Out Your Mi*~ry! Can \OV     -at thl* ".MAClt" \ci*~r "~^ren Time* Kpund I Kol) ThU - Cum* Tntr  Tv With And *'G*kmJ I.twk" Bnnjr i Jf you mt* croo^~il hy       rnn t  nt  f#^*l         il rj Mnd J  hII   nv ~"P lo  kbJ }ia%^ fun Jtt-t  In tbU. Ilrtip a little Itaiir           Zolio PontlWM (~U- { r*ttt!y mi\^tl) Info h ~*~Hin #~f . r   vt,ur fert In. Thro *~ak  rub Ihrm for a few  In till* / I . 1~*-1 Ciiy    Jitter Dae.  joor "Zolvo  lUnic.** repent ttt*- Hlwvr WP++. Jf yon     *t hlr^~* "~C  3 on did 1                 my Zolvo i l n       asd 1*11     mi *~ for them. TW **  1to ^VIMiln? TUnc" U .K. Wnr \t   r carry 11 with {    hurt) for unr time wny  son i *nnt U.       NO  jo^t      I twine  nd       (  aay you Miuit    C. 1~.       ?~"i cH the j ? Doable Zoltt* T*owd^n* iC          Mtpttfy) with the  1tKE -         '~~i; lUns."       *1  :      a I       more. You mn-i( be   !  r I  money back. Writ* today to 2. 103 Park A\~=iJc.     . IZ-A. ~*w Tork. N. Y.</t>
  </si>
  <si>
    <t>                                           IT S A GREAT LIFE IF YOU DON'T WEAKEN -By Jack Rabbit                 DOROTHY DARNIT _By chas         j                 r u i By Cy Hungerford                 Tl M TYLER ~^y Lyman Young                 FELIX. ThIc^T -By Sullivan                 HAIRBREADTH HARRY</t>
  </si>
  <si>
    <t>                                           Isle Lass Joins Army Nurse Corps                 MISS ASI.AS A. SltEI'AKU GALVESTON. Texas- (  'S1 Miss Asian Sl'eparC.   f Mr. ami Mrs. M. V. Shcparri 1124 M K *s spendin; few     ip Gahcstpn with tier parents before entraining for Fort Haacbuca. Ariz* wher? she wfil be stationed with  I.'. 5. Array       Corps. Miss Shcparrf  s         ^ Central Hicli School and received her      ; tr.-; :~l Grorcr IV. Mlil.h. KnspiLiI of Jleharry Medical Ollcse. Since Rradualion she has  m:tny prominent ; positions'. S!ic is      on leave from the Homer G. Phillip-. Hospital, ijt. Louis Mo.,  she i*       nurse of the children s department. Miss Shcpard volunteered hiu  for the duration.</t>
  </si>
  <si>
    <t>                                           From his home, Rose Vase, Industrial College, Ga., Director A. H. Gordon, formerly bead of the Divisions of the Social Sciences and Research and Publications at the Georgia State College and more recently director of the colored division of the Soldiers...</t>
  </si>
  <si>
    <t>                                           TIM TYLER -By Lyman Young                 FELIX, THE CAT -By Sullivao                 HAIRBREADTH HARRY</t>
  </si>
  <si>
    <t>                                           MR. L. S. PERKINS of Jones town, Pa returned home after spending n delightful week with his sister, Lois Willoughly, 293 Tanner Street, Apt, 572.</t>
  </si>
  <si>
    <t>                                           Few changes were made in the standing of the teams in the current SIAC grid race as a result of games played during the past week end. Of the team undefeated by conference opponents. only south Carolina State played a conference game, bagging Alabama State...</t>
  </si>
  <si>
    <t>                                           YOUR HAIR DESERVES THE BEST Try         _JT i OilKV*. If  h*lr      p^opc-r c*iw. C*t  No. 1 TREATMENT               - M*4*   *    Scalp Fornntlrt.         T*r       *o. M^~   Prr^lni: Oil  fi  "trt*tm*nt it**). Only On*               (or  rnd           1 wc     ;~).   *~  of )\k  Fitce   .   *f            with  ;*t-~-~nt. WHl*  mr. Ooli Medal       Prodocts. Dept. ?J.. 104 Arrant          . {ISVlSK^THINf; I^  OR  BACK WE WAST TOC TO BK PX-.</t>
  </si>
  <si>
    <t>                                           No Arrest Yet In R. V. Dukes Slaying                 Homicide Detectives Taylor and-"* Austin reported Monday that they had made no arrests in connection with the late Saturday r^iht slaying of Veraon Dukes, Auburn venue tavern operator. They  1 J they had been riven a description and the RUened name M Dukes' slaver, but had not been able to  him. Dukes was shot bv an . Intoxicated customer,        the Utter hud              ? a  actc of dried  with out paying tor them.</t>
  </si>
  <si>
    <t>                                           CAPITOL *ow HELD OVER ^~SW^^^    r ~^i 2nd AUo Speciat *ig i "A LETTER W'ek FROM " QUINTUPLETS relieve misery of CHEST CG IDS this good old reliable way At the first  of the Dionno              ((                            throats arc rubbed with Muitorofo- product made  to promptly relieve  nf colds dnd resulting  and  ;  . The Quinti   had  care, mother     o(  jatt aboat tho CEST product mads when  ou     Mustcrole. Id  than on ordinary mso1 Mustorola  up local *t!ont IN 3 STRENGTHS: Children'! Wld Rfu)!e. Also Regular and Extrm Stroncih for            who prefer a Iti.ncer product. All .</t>
  </si>
  <si>
    <t>                                           Taking your girl to the movies? WATCH OUT!  Watch out that your breath does not offend you yourself probably dont  or otherwise. IT you want to make a hit with your girl friend, there s a way to mako your breath more agreeable. And It's cosy. Simply rinse the mouth with Llstcrlno Antiseptic before you start out. Llstcrlno halts food fermentation In the mouth, the usual cause of breath odors accordIng to some authorities, then overcomes the odors fermentation produces. Lambert Pharmacol Co. St. Loyts, Mo. Before Any Datt Use  ANTISEPTIC To Make Your Breath Sweater</t>
  </si>
  <si>
    <t>                                           Atlantic Synod Opens At Radcliffe Church                 I The Atlantic Syncd ef the Pres- i  Church. V. S. A- wlU I convene in a. prf conference sn- j slon this  at II s  at I Radelilfe Memorial church, cor- ncr of Fort and Houston Streets, N. S. Swsic-.ns wUl continue  Friday. The ore                 ens* wiU be under direction ol j the Committe; of United Promo- tiro, the Hev. Charlos W. Francis, chairman. j Trnight's   trill be auspicious In that a num- i ber of lenders in the church s edu- cations!, ministerial and Jay clr- cles will appear. With the Rev Georee Waldo Long, president Coulter Junior College. Cherav. S. C. presiding, there will be musical 5 by local talent and a ser- iron by the Rev. John M. Gaston. secret    - treasurer or Johnson C. Smith University. Charlotte. N. C. The Rovs. Fnnkllr. GriR5. paster of     :an First Prcsbywriaii Chiircl:. ^r.d John C. Porter, v*tor oi Irmo First Presbyterian Church will read scripture Icssod                 and cff.-r prayer. The Rev. Albert B. McCoy, secretary of tlw Ur.tt oi Work With Cc'. People, and the Rov. Henry L. McCrorey. president cf Johnson C. Smith Uni versity, will aid ir. the communion services. Tnc s\7icd continues Thursday n-. with the roll-call ol presbyteries and churches, the election r,i th? moderator, presentation 01 thi  and report at . A welcome  will    presented addresses to be delivered by Dr. Thomas Slatrr. lor the host church: Dr. C A. Taibcrt. to:     Interdencminatlcnal Ministers Alliance, and    . V. S. Broilcs, Jr.. In behalf of the Presbv tartar Ministers' Association of Atlanta   hice). Churcb extension leaders will speak Thursday  and . The business ot     ^  end  tfc? Friday  session. Ta: Waaiec's r-iT.! n-.ce:ir.g. Mr. A. M. J. McDowc'.l. pr-sident, trill be held Thunday .</t>
  </si>
  <si>
    <t>                                           The Atlantic Syned of the Presbyterian Church, U. S. A. will convene in a pre conference session this morning at 11 o'clock at Radcliffe Memorial Church, corner of Fort and Houston Streets, N. E. Sessions will continue through Friday. The...</t>
  </si>
  <si>
    <t>                                           CALHOUN, Ga.--In a special effort Sunday with each church auxiliary reporting, Rev. J. B. Beauford was able to raise all ... church claims for Allen Chapel ABLE Church. Randolph Kim:; a Curryville and Herman Reynolds of Dayton, who is the...</t>
  </si>
  <si>
    <t>                                           YOU MAY have noticed that your silky tresses have a way of moulting just before the leaves begin to fall. Surveys made by hair specialists show that this often happens. They believe that in spring and autumn the hirsute nimbus should be helped along by...</t>
  </si>
  <si>
    <t>                                           Atlanta      _World Published DAILY and SUNDAY at 210 Auburn Avcnu* Bv ATLANTA DAILY WORLD PUBLISHING CO. .Telephone: WAtaut 1439 MOO Member of SCOTT NEWSPAPER SYNDICATE Established Aug. S, IKS; Became Dally March IS, 1932 W. A. Scott. II. Founder and Publisher. Aug. 5, 1828 to Ttto. ISM Soterod In the Post Office of Atlanta, Ga, as -clasa mall under the Act of Congress, March 13, 1879^ C A. SCOTT General Manager CLIFF MACKAY Managing Editor Dally:- 1 Year, S9.2S; 6 Mo*. S4.7S; 3 Mos^ JMO; 1 Mo-, 90e SATURDAY ONLY:- 1 Year. $3.00; 6 Mos, S2.00: 3    , $L23       -1 Year. $450; S    . $2.75; Foreign: 1 Year, $5.50 The. ATLANTA DAILY WORLD is an independent newspaper- non-sectarian and non-partisan, printing the news absolutely } and  those things it believes to be to the interest ol its readers nd opposing those things  the interest ot its readers. Address ALL COMMUNICATIONS to and make CHECKS payable to "ATLANTA DAILY . rather than to individuals. The WORLD expressly repudiates responsibility for return ot unsolicited pictures, manuscripts, etc., unless stamps arc sent.</t>
  </si>
  <si>
    <t>                                           School Kiddies, Doing Pert To Scrap The Japs                 Heavy Metal Is Being Picked At Students' Home                 Schori children In Atlanta ore ; their part to help scrap the     !.                 City school principal* reporting Thnminv  the children had collected several tons of scrap . which will be -used by the Government In building ships and guns for men In the American armed force*. Frof. C. N. Cornell, principal ol Boelrer T. Washington      school, said trucks nro  sought now to pick up heavy scrap metal at     homos of some students. Be said metal not too heavy fm (he  to carry has already been piled up on the school campus. The high school students nre over  to  scrap and arc  Atlant.ins to donate scrap mento.' through them, according to Prhiclpnl Cornel!. Miss Com Fin ley.  of Yonec Street School, said children at her schol collected nearly three t"~ns of scrap metal and are  hard to bring In more. Inter**! )s nt n  Dltih cut al W-^.'oi- Avenue school,  to Miss Riibv Wise, . Durlns    ; two-week =crnn . thr       - Avenue children, collected three Iron stoves, ' iron beds, sns heaters. bicycles and  other Dicccs or junk, which in the Ion? run -will be " Into   for the  of the AW-d Katlons. other schools with more than two to is of scran met*' were listed as E. V. John"!on and E. A. Ware. Punlls out nt South Atlanta collected 1500 rounds of old metal. At David T. Howard Junior hich. teachers said their children had  in "a little more than a ton." The scrap drive was   underway nt Walker Street. Orny Street Crogman and Ashby Srwt The school Uds know there- Is n v?t and they ore anxious to heir America Uck her         . And.  more. thrs/~ kids are :  or Inspiration from their teachers.</t>
  </si>
  <si>
    <t>                                           School children in Atlanta are doing their port to help scrap the Japs.</t>
  </si>
  <si>
    <t>                                           important Changes At S'west Ga. AME Meet                 By DAVID NOUR1S                 COLUMBUS. Ga. fS N   - Thonsnnds or AME Leaders unti Members           the  ol "he historic Southwest Georgia Conference or the AMB Church here Sunday.                 Bishop W. a. Fountain pointed out the Study. Growth and Improvement of the Conference giving in detail the highlights ot the presiding riders of the conference who were supported by the more man a hundred and fifty pastors. The closing service Sunday waj witnessed by members from many sections of Southwest Georgia. Dr D. H. Stanton preached the closing sermon. The Bishop read the appointments and transfers that gave general satisfaction lo both the ministers and laymen. The session was addressed by. the Reverends J. L. Butler, W. P. i Sherman. Savannah W. K. Wills, S. H. Rome. David Morris. Atlar.ta: W. Boyd Lawrence, Rome; i G. H. r*  -* J. N. Millsr. G. S j                 at  St. James and Ui. J. S. Bryon. Pastor of S:. John made  in -.;: the two large Columbus Cliurcucs in the 100 pcrcent groups. HOST   The pastor. Rev. K. D. Grlllin. came in for the high praise of the Conference for the new church and fine entertainment of the large number of visitors. Dean E. C. Mitchell and C. L. H1U of Atlanta assisted with conference work, and the educational mass meeting. President "W. A. Fountain of Morris Brown College was the speaker. The Conference Fund had an Increase of $300 over last year. The Rev. J. H. Fluellen was transfered from Wesley Chapel. Blakely to Shelman. Georgia. Rev. G. C. Thomas from Sherman to Blakclcy was  the major changes of 'lie Conference. Ths 1943 Ccnisrtiico T/UI ^   -                 Important Changes (Continued from   *o 1) Lumpldn, Oeorglo.  DISTRICT M. C. Davis. President Elder;' St. Junes, Rev. H. J. Bearden: St Mark. Rev. A. D. Har demon; St. Paul. Rev. J. H. Hall; Bethel. Rev. C. W. Collier; Grant Chapel. Rev. T. K. Woodward: Steven Chapel, Rev. J. A. Brown; St. John, Rev. A. V. Arlcnc: Lumpkln, Rev. J. S. Roddy; Florence. Level Hill und Omaha, Rev. Keys: Glcnella, Rer. B. T. Brazil!: Luvele and Charles. Rev. J. S. Pllnt: Peters Chapel, Rev. W. C. James; Renfro and Fountain. Rev. H. J. James; St, John, to be supplied: St. Luke. Rev. G. M. King. Fountain, Rev. P. H. Williams. EAST COLUMBUS DISTRICT PrcsldinR Elder. A. A. Duncan; St. John. J. S. Bryon: Ward Chapel. R D. Griffin: Allen Temple. N. F. Feld;     Glllurd. J. S. McAllister Sr.: Buena Vista. S. D. Airline: Talbottom ana Woodland to bc" : Mehalla Chapel. W. S. Lewis: Philadelphia and Sprlnghill C B. Jewel; Box Springs and Cpton Ct.. J. H. Williams: Brown Chapel A. Peterson: Pitts Chape", M. N. McGhce: Rock Bethel to be supplied: St. Paul. J. W. Carter: Beard's Mission, M. L. Hood: Union and Dale, A. Washington: Prattsburg and Bethel. G. VI. Wallace; Junction City. W. H. Hughlln, Upctola, S. J. Holcomb; Fortson. J. P. Gambcl. BLAKELY DIST1UCT Presiding Elder D. W. Morman. Blakcly Chapel. G. C. Thomas: Ft. Gain. C. R. Morgan Edison. C. E. Graham: Shelman. J. H. JTUellen; Pleasant Grove. T. C. Jones; Bluflton (Bluffton Mission" I. J. Everett: Ebcrnezer. C. A. Thompson: Emanucl. W. B. Powell ;Mllchcl Grove and Springfield. A. James: Coleman. J. S. Taylor; Green Chapel and St. Paul. W. H. Lee: Rock Bottom, C. C. Collins; Springfield, S. M. West. CUT11BERT DISTRICT W. D. Johnson. Presiding Elder; Payne Chapel. G. A. Roberts; Lowell. J. A. Jewell:       ;. E. March: Georgetown. C. C. Crouch: River Bethel and Level Hill. R. A. I Archibald: Blurr Spring. B. B. Pace: Culhbcrl Ctrcull. St.. John. S. F. Jackson, Hatcher Temple. D. Brown: Rlchlnnd and Cussetta. N. L. Burke: Friendship Clr., w. M. Green: Pleasant Grove anil Roxle Chapel. T. M. Mosley. Benevolence and White House. James Love. Minor Grove and Gainesville, R. S. Granger. Boogcs. J. Miller, Rock Hill, John Love.  DISTRICT Presiding Elder. J. W. Dennis:. Live Oak. T. N. Oliver; Eldorendo. B. Moore; St. John, H. F. Powell: Newbcrry. J. H. Dukcy: Cedar Springs, S. Daniels: Jerusalem, W. A. Smith: Shiloh, S. D. Glover: HUton. K. L. Kins: Iron City. C. L. Flowers: Bethel, N. H. Brodwcll: Cyrene. E. D. Fedd:    ' Creek and St. Mary, M. Hubbard: Boydvllle. C. B. Brown; Ducau, H. Wright: Bethlehem, T. B. Mitchell: Midway, A. H. Foson and Rcynoldsvillc, A. J. Johnson. ARLINGTON DISTRICT PresldhiB Elder. A. M". Roberts St.: Arlington, R. L. Tyson: Damascus. J. W. Broomflcld. Carnegie. W. J. Johnson: Morgan. L. D. Dlxon; St. Luke: C. M. Clark; Dlxou Chapel. J. B. Webb; St. James. L. J. Miller: Pleasant Valley. G. M. Davis: Zion Rock and Mt. Zlon. R. L. Alsbrook; Taylors, G. W. Cole- j man: Newton. R. H. Mallory: Rocna, M. S. Sapps; Oliver Grove, C. J. Jones and Lcnry, J, C. Rogers. j</t>
  </si>
  <si>
    <t>                                           COLUMBUS, Ga. --(SNS)-- Thousands or AME Leaders and Members witnessed the closing of the historic Southwest Georgia Conference of the AME Church here Sunday.</t>
  </si>
  <si>
    <t>                                           jL^TAKE A FEW STEPS   ^^^^~ to that Rogers Store that s APPLES i Enriched Our Pridt /JWq BREAD 2.S.15- -^gL i standard Cur Green BEANS 2 Sr 25C SNAP BEANS i Sunshine White Sliced Dcacrt ^J 4 TFc i PEACHES^IS' ~^E 9NG 2 1OC APPLES ROYAL -3 2* fe=S 1- -i CANADIAN j i .~~ 1OC RUTABAGAS MARGARINE^ 18   4 1OC I Gtecn Giant 17-Oz 4 Beef Chuck PEAS Can */C I R A S CORN" 2 C^ 29C I v%^r  "S' 20c -H Jr  I Co'0"1"! Tomcto S% 4-0r ^Ikf" I Lb- d^ catsup 2 so.,- 25c ^   1 Gingham Girl Fru^ 1 (_j^ I Poik2*~x- ^cnic ,h^ftr COCKTAIL cT' 16C H ^ SMe L-^VIr Land Lakes ?P-r Lb5Or CHEESE 35C I FJUfL^Ji^-UC BUTTER %~? 25C Rogers Selected QuoLtY Uvoporctod Milk ToI, I        Bacon colonial 9c 3HvVU I Strained Boby Foods 4  41/, I 07c CLAPP S 2 con? 15c I ^       0 sunbrite2 lie</t>
  </si>
  <si>
    <t>                                           Hm3 i GET^BACK YOUR NATURAtPEP! Tfl     rw*     or  om*n- r^sf^i- I It** of your ite Bf tit  rd  Tor ^frj emt renter         rw*u fit m*n I mn3  All        "wi* n   jv I   Eliminit*  *   *o*J ur*d. ko. *nd  ]     5 RELIEVE YOUR ORGANS NOW!  o-j*        Weo^P* "*!.         #r I in thr  trict YOU '  t:     Your  den Tunrttm 14 *- inf^  c I FRIX your   of Uif po:~on* *n-i  Uir ntr *~j ~)*.h QUICK ACTING Contains No Harmful Drugs NATURE  it _Qj.ck  c'.    Mrmrv. Uif  ork of th*      \      Ui# jri-'tn *   *inj ^cx) elf 11 s?~        NATURE  11 jour  n**t IF NOT DELIGHTED! Your Honey Back in 7 Days  r* t Oflty     Prp    -r-v T'd       nd   nd pty po**.     r 00      f f*  po*    . or J  o-J   nfl j:~     W*U[*    Trfr Nainre SrH\*~ VepU S. C-. K3 E. Broadway, y C- NATURE 5.   )S CO..   *pt. S. C j l?i r, Brntfvar. tVk ornd    *  rf  SEEDS       I D H*   n it* $J CO         rr-f _vj 1  ilt p*y  cn  t O^r.:~~  I i:t-f Aifireu t,.... ...."..r. aty      .-... ^.</t>
  </si>
  <si>
    <t>                                           The Secrets of Womanly Power! I  IN WITHIN VOIT  \~IU m:vui I)H. AMKIl YOli I     *        I\~\ BY  ioi; MAY WIN     HOLD  .man: now much \.d you pay FOB THE LOVE OF T11K MAN VOC WA.*T? Atutntt with your      . j wouldn't you?    ?cla11y If be      In       with *  lw. TIII^N J DON'T SIT BACK AN1  LET T11K  G1UI. HAVE IU.M: \Vlq him for .r: n . tbo Kimpi'!:   *~            tdl roa     .~        In  Kncllxh that       In tlv polac and trill Tim WICAT VOO WANT TO KNOW I                            . Try Itbtn WINNER         of     ?r in. tl^       of 1.1ft      ^. Dn. mny Iw        cor. nrr- ^ to     II-  KN1  MONK\-      arvd mn your doom ami *N* NOU*  nn- pay      PrM'mnn ffl plot -Hr         or fn i tl now nml    pn?             .      *( - write to*~nv:  you will        * nil  CC.VrilJKNTIAI.  In Dlaln          "       ". IT  7 DAYS. YOn MIE MOT COM- .Y . your money will he             . Send nw* your    ^*~ NOW!  nss Em-niK,     . sa r.O.. Station If. NVwYorkClty i 14 SOOTHES CHAFED SKIN /5JV WHITE PETROLEUM JELLY ^SS/ Taking your girt to the movies? WATCH OUT! Watch  that  breath does not offend   dont . 11 yon want to make a hit  with your Blrl friend, there s a way to mate your breath morp agreeable. And if. easy. Simply  the mooth with Llstertna AntlsepUc before you start rot.L!3       halts  la tho , the  of broth .  ..oro . ^comes the , Lambert Fharmacal Co, St Lmli. Jfo. Baton Any Datm Ut*  ANTISEPTIC To IWw Your BHrtkSntUr</t>
  </si>
  <si>
    <t>                                           MR. L. N. MURPHY, prominent business man of the city, spent the post week-end in Augusta. Ga., as guest of his brother. Rev. J. P. Murphy, and family. He it the husband of Mrs. Lillian Murphy.</t>
  </si>
  <si>
    <t>                                           PaulRobeson, Miss Olden Please Local Music Lovers                 "Our country s strong, our country s . And her greatest songs ore still unsure:: From her plains and mountains  we have sprung To keep the faith with those who went before.."                 These were the noble words sung I In the resonant, vibrantly rich voice that Is Paul Robeson's which thrilled more than 1500 Atlanta music lovers who thronged- Greater Wheat Street Baptist Church I Friday night. I                 They arc the words from the  patriotic "Ballad for Americans." which Mr. Robesor. first Introduced over the Columbia Broadcasting System in 1039 and with each singing adds a distinct new flavor and meaning to Its stirring music and lyrics. The now famous Roblnson-LaTouche folk oratorio was easily the highlight of history-making musical event for Atlantans. All credit is do to Prof. Kcmpcr Harrcld of I Spclman College, who with a bare] ten days notice, trained a background chorus lor the difficult number, which would have pleased the composers themselves. Mr. Robcson's appearance here provided a new experience for At- lanta music lovers. For the f irst time in- the knowledge of pioneer: concert enthusiasts a. major artist I appeared before as. audience both races which had not been divided in line with Southern custom. Undoubtedly the experience was  as novel to most of the white patrons as it was to the Negro. The  famous baritone began his concert with Mendelsohn's "Lord God of Abraham," followed by Beethoven's "Creations Hymn" and Carat's "Dans Ie printemps dc mes annees." His concluding number in the first . the Hebrew chant. "Chassidic      " arranged by J. Engel. left its  pleasing for more. It was here that he rendered as an encore "Water Boy." The audience went wild with enthusiasm. overcome by     enormous power that his voice possesses Atlantans were given/ their first opportunity to hear to best advantage with their own ears what critics have called the greatest natural voice in the world today In the. final group of numbers, Mr. Robcson offered. These included Moussorss'^y's "Prayer and Death of Boris." Burleigh's arrangement of "Balm in Gilcad." and the spiritual. "Joshua fit dc battle of Jericho." arranged by Ills accompanist, Lawrer.ce Brown. This was followed by a liberal encores included two thrilling folk numbers dedicated to the brave soldiers oi Stalingrad and China, which were sung in their i native . A refreshing and gracious now .ality Uu:  sla;:i: who made lK r nrM Atlanta ci u i ."w.:.-i-iiiS .Mr. KpbvMiu     III-:  N'".v Orleans . Sylvi. i Wanl O'fl'-u. who n a ". ut I!]'- Cilliiril I7 faculty. S!ic easily captivated her hearers                 by a pleasing stage manner as well as her sympathetic reading of Chopin's "Fantasle In P. Minor" and In her second group. Liszt's Etude In D. William Grant Still's "Out of the Silence" and Griffes' Scherzo Bacchanale. Cosmopolitan Atlantans quickly took both Miss Ok'cn and Mr Robrson to Uicir hearts and their enthusiastic applause signified that they would be; indeed welcome                 on a return appearance. CLIFF MACK.HY.</t>
  </si>
  <si>
    <t>                                           These were the noble words sung in the resonant. vibrantly rich voice that is Paul Robeson's which thrilled more than 1,900 Atlanta music lovers who thronged Greater Wheat Street Baptist Church Friday night.</t>
  </si>
  <si>
    <t>                                           Election Officials Deny Mississippi Negroes Vote In Democratic Primary                 JACKSON, Miss.- Acting upon the recent decision ot the United States Supreme Court. In which the court held that no citizen, regardless of race, or color could Ik denied the  to vote In a state primary where candidates were seeking election to a ] office                 a number of local Negro citizens, duly qualified electors, vent te the polls and made an effort tc vote in the State Democratic primary, Tuesday, August 25th, ta which candidates were seeking election to the Senate and the House of Representatives of the United States Congress. Durinc the campaign,  which saw Bon. Jim Eastland. young delta planter, and Hon. Wall Doxey. Junior United States Senator. Is the run-off for the State's Junto! United States Senator, and a number of Congressman elected, practically all of the candidates in the August 25th voting resorted to the issues of Carpet Days in raising the old time question of "soda] equality" and the Negro and Northern Yankee attempts tc dominate the financial, industrial and economic life of the state. Radio listeners will long remember the almost frantic effort bj local stations to drown out and cut-off the voice of the Senior V S. Senator, Theodore G. Bilbo, campaigning on behalf of the  of Senator Wall Doxey. to a speech in Polndexter Park here. Friday night, August 21st, when he charged Drew Pearson and Pennsylvania Yankees with being "niggers lovers.                 Hon. Jim Eastland.perhaps In self-defense, after he had been' charged with working only Negroes on his delta plantations, wai quoted In the dally press with ref- erences to Negroes and. white work- Ing together In offices In Washington, and the Negroes place as being on the farm, while Congressman Dan McGce asked to be reelected to be able to stand ground against the efforts now being made to give the Negro social equality. In one ward here. Jack Harvey Young. United States letter carrier, went to the polling place and requested a ballot, but was in- formed by the election officers that he had not been authorized U allow Negroes to vote in the elec , and in order to vote he would have to have a statement from the Sheriff of the Hinds County Court Mrs. A. E. Holly, for years a teacher In the city, after having beer, directed to several different polling places, was finally  that NegToes were not allowed M vote In the white Mississippi Democratic Primary. John W. Dlxon and Robert L Smith, also United States  carriers, were also among those who were refused ballots. According to reports no efforts were made at any of the polling places to Intimidate or frighten those who sought to vote, bue election officials without show ol malice explained that tinder tlw existing interpretation of the Democratic Primary Law In the state, and In line with their Instructions, they could not allow Negroe: to vote.</t>
  </si>
  <si>
    <t>                                           JACKSON, Miss.--Acting upon the recent decision of the United States Supreme Court, in which the court held that no citizen, regardless of race, or color could be denied the right to vote in a state primary where candidates were seeking election to a fedeal office...</t>
  </si>
  <si>
    <t>                                           Negroes Should Make Use Of Ballot: Jackson                 Professor's Plea Made At History Confab'                 WASHINGTON (ANP)- Urging Negroes to pay the poll tax where required an to make lull use privileges of citizenship. Dr. Luther P. Jackson, professor of history at Virginia 'State college. Saturday at the second session of the Association for the Study of Negro Life                 and History  id 'his hearers to j hove every possible Negro go to the I polls :md vole. j They must do this to improve their . Dr. Jackson said, and listed three things lor them to do to become "full  citizens." They were: appeal to the courts for the enforcement of the laws and provisions of the constitution which guarantee him equality, work through the ballot and make the most of other privileges he may exercise keep the worthwhile ac-  by members of the race before the "bur of public opinion."  A CITIZEN Dr. Thomas I? Brown of Miner Teachers college opened the discussion by reviewing the question of whether the Negro is a citizen of the United States. He concluded that there arc some serious qualifications to his status as a citizen. Mrs. Lucy Harth Smith of Lex- I , Ky.. declared that history shows the Negro has demonstrated he is qualified to perform the du- I ties of citizenship. Prof. Welfred 1 Holmes of the Wlnston-Salem Teachers college urged Negroes to j lace the realities of modem existence with a spirit of sacrifice. Dorothy Height or the YWCA emphasized that American Negroes must realize their struggle for enjoyment of the full rights of citizenship is not peculiar to their own race, and show interest In bettering conditions for all peoples I throughout the world. Dr. W. Mon- j tague Cobb. Howard university I school of medicine, urged that the j Negro race develop more highly i trained lawyers able to hold their I own in court with the best legal I experts. PROBLEMS DISCUSSED Racial health problems were discussed at the first session Friday evening. Four speakers, including H. M. Brewer. Dr. Julian H. Lewis, Dr. T. D. Stewart, and Dr. W. Montague Cobb discussed various phases of this feature. L. Lcmar Thompson of Hampton Institute also spoke at this session. Mrs. Mary McLeod Bethune presided. Election of officers saw the unanimous reelection of the group which guided the destinies of the association last year. Mrs. Bethune, president:, Louis R. Mehllnger. attorney in the justice department, secretary-treasurer, and Dr. Carter G. Woodson. director of the association. The executive council Is composed of the three officers I named above and the following Charles H. Wesley and Eugene A. J Clark. Washington. D. C, Roscoe Dunjee. Oklahoma City: John M. I Gandy. Petersburg. Va.: Evarts B. I Greene. New York City; E. P. i Southall. Tallahassee. Florida: I Joseph J. Rhoads, Marshall, Tex.; W. R. Banks, Prairie View State college; Alexander L. Jackson and Bishop R. A. Carter. Chicago: A. M. Schleslnger. Harvard university A. A. Taylor. Fisk university and H. C. Trenholm. Alabama State Teachers college.</t>
  </si>
  <si>
    <t>                                           WASHINGTON (ANP)-- Urging Negroes to pay the poll tax where required an to make full use of privileges of citizenship. Dr. Luther P. Jackson, professor of history at Virginia State college, Saturday at the second session of the Association for the Study of Negro Life...</t>
  </si>
  <si>
    <t>                                           i mm -i m Atlanta jM^Wbrld s^on           'Smifatt The Nation's Only Colored Daily Newspaper jj 75 NEWS" VOLUME 15, NUMBER 105 ATLANTA, GEORGIA, FRIDAY, OCTOBER 16. 1942 PRICE FIVE CENTS</t>
  </si>
  <si>
    <t>                                           N. M. G.-I am in deep love with a boy. He said he loved me, too. He told me he would marry me as soon as I finish this year of school. He has gone away to work and I haven't heard from hint in four Weeks. I really love this boy and he is the only one I ever felt this way...</t>
  </si>
  <si>
    <t>                                           If You Are In Doubt Of What A Genuine Palmist Can Do, Consult MADAM MINGY I will tell vour innermost thoughts and desires, and how to gain them. I have helped others. I can help you. Send Names and Initials of "kour Enemies n n Causes speedy marriages, reunites the  separated, settling lovers' quarrels, J"l#44 shows you how t0 Prosper your 3   -^-~~H^I ret a good position, better your finances, i ^% \S^fl -ettle lawsuits and estate troubles. ^V* J^~ Change Your Luck! ^WK^r^r Two questions answered iree. Beadings Daily and Stmdar 10 A. M. til 10 P. M. 638 McDonough Rd. Across from Federal Prison- Take Pryor Federal Prison Car to End of Line. Look for Neon Sign.</t>
  </si>
  <si>
    <t>                                           Ella And Four Keys Hit On NBC Radio                 NEW  CITY- Solid Senders Is a slightly trite phase nw. but it still adequately describes the sensation  created over the Kutioiial Broadcasting Company network twice a week by Ella Fitzgerald and the Feur Keys. Her recording, "I Dont Need a Million Dollars," is a money-making natural.</t>
  </si>
  <si>
    <t>                                           Bailey Theatres 81 CHARLES STARRETT RIDERS OF BADLANDS" AUo: Secret Service and StJUge Show Tonitc ROYAL- "A DATE WITH THE FALCON" and "TRAGEDY AT M1"     : "Doctor Sattn*' ASHBY- "THE MAN WITH TWO L VES" --J "FtATSlATES-1 Alto.- "Dottor Sites"</t>
  </si>
  <si>
    <t>                                           Assistant Solicitor Hits Secret Society                 Addressing the State Prison, and Parole Board in opposition to a parole tor Raymond (Slim) Bryan.1 convicted white , Assistant I Solicitor General Dan Duke, ol Pulton Superior Court, criticized severely Wednesday the nro secret society of "Vigilantes"                 cd here last week by a group of associates of Governor Eugene Talmadgc. The young attorney assailed the new organization in connection with n denunciation of the alleged activities ot the East Point  of the Ku Klux Klan in a series of floggings two years ago. Mr. Duke said: "There is a fundamental principle involved in this case. As long as this man Is serving time, he U acting as a symbol of good government. He Is proving that  has been properly dealt with. "The people who are here today In behalf of Slim Bryan arc the same people who appeared in his behalf at the trial. The 23 deputy sheriffs who have signed a petition for him are probably the same ones who challenged anybody s i authority to Invade the secret precincts of these vigilantes. j WARNED OF ORGANIZATION "A few days ago the Atlanta newspapers warned us of the formation of Vigilantes, Incorporated, which has been granted a charter In the Fulton Superior Court. One high in that organization asked me what I would think If a lot of  and rifles were found in some Negro church. I told him I would say that they had been planted there to further the aims of some Vigilantes society that wanted to stir up racial strife. -It is time for the citizens of the South to rise up and fight these Vigilantes, whether they                 rade under a sheet, as a  for some asphalt company- or are Just a group of disgruntled and defunct politicians who are trying to filch money out of Ignorant but loyal supporters ol some individual or clique." The secret society referred to by Mr. Duke was formed by John Goodwin, director of the State Department of Public Safety: John Cummlngs. of DonalsonviUc. Talmadge appointee to the State Board of Regents, and Fred Derrick, of Clayton, member of the Governor's staff. CHARGES ATTORNEYS FORMER  In his address. Mr. Duke charged that Harold Shcats. attorney for Bryan, and Vcstcr M. Ownby. another attorney who made a statement for Bryan, urging clemency (Continued on Page 6, Col. 3) I                 Assistant Solicitor (Coatiascd        1? foe his. -ere both  exalted - of the tut ?oi=s Sins. "?ou csa t -prove itex,"  air. . "~  7te it tss the KiTerside kian jou headed,"  Mr. Duke. Mr. Ownby insisted upon proof land Mr. Duke reiterated hte charge, then the matter tru i dropped. j Mr. Duke dosed his argument [with a charge that the planting of arms aad            to stir I up race trouble for propaganda 'purposes was along the lines OS the Nazi system In Germany. SAYS BOYKIN WAS KUN MEMBER     Shcats replied vigorously to the charges of Mr. Duke. He admitted that he was exalted  of the East Point Klan In 1 1934 and 1933. and added that Mr. 'Duke's superior. Solicitor General I John A. Boykin, also was a Klan member. "At that time the only men in East Point who were not memi bers of the Klon were those who 1 couldn't get in." Mr. Sheats said "Almost every white man in Georgia was a member of the Ku Klux Klan. Some of the associates of Mr. Diike in Mr. Boykin's office were members. Mr Boykln himself has been a member. Justice Black of the United States Supreme Court was an official of the Klan. in Alabama. He admitted ic. "I have never denied that I was a former official of the East Point Klan. The Atlanta Journal and the Atlanta Constitution reminded the public of that fact every day during the flogging trials. The Atlanta Journal has a photographer here today, at the invitation of Xfr. Duke, to take a picture of him denouncing the Klan. They didn't take my picture." DENOUNCES PAPERS In denouncing the Atlanta newspapers for their crusade against the . Mr. Sheats said: "Why do you think Jim Cox came down here and established a newspaper?" He wanted to run the Klan out of Georgia and establish the Yankee crowd down here. He was red hot from Ohio when this case was being tried.1 "God knows what would have happened In Georgia if it hadn't been for the newspapers, which tried to enlighten the people as to true conditions in this state" Mr. Duke replied. Mr. heats told the commission that Bryan was "just an overgrown country boy who had been dragged Into this trouble by others." He said Bryan had served 'non"ls  r a 24-month term, and had three offers of jobs in war industries, as an expert . He also said that Bryan% I son was going into the Navy and m^ 'T6 the famU-v means of support. Numerous witnesses were oft0 previous IcTitit'iesT"0" Bwul and his  as a member of the East Point Christian Church. Tne commission took the Dlea under advisement.</t>
  </si>
  <si>
    <t>                                           Addressing the State Prison and Parole Board in opposition to a parole for Raymond (Slim) Bryan. convicted white flogger, Assistant Solicitor General Dan Duke of Fulton Superior Court, criticized severely Wednesday The new secret society of "Vigilantes"...</t>
  </si>
  <si>
    <t>                                           MARSHALL SPEAKER AS NAACP CONFAB ENDS,                 NAACP Meeting To Close With Marshall Talk                 Special Council To be Heard #t Three O'clock                 Completion of conference business this morning and an address this afternoon by Thurgood Marshall, special counsel for the national body ot the NAACP. Till! bring to a close the fourth annual Youth Conference of the National Association for the Advancement ol i Colored People, now In session at Clark College. The business session this, morning j at 3:30 o clock will consist ot - lutions, selection of a site for the next conference and election of of- i fleers and advisory committee. I The Rev. James H.. Robinson of Mew York, is to pi each the conference sermon in Davage auditorium this morning at 11 o clock. Mr. Marshall is to address the j conference this afternoon at 3 o clock. He will speak from the platform of Davage auditorium. Five panel sessions were conducted Saturday afternoon and at the evening session, the Rev. W. R. Wllkes. president of the Atlanta chapter of the NAACP. and Pof. E. j Luther Brooks, of the Clark Col- i  faculty, delivered addresses,. j Tile verse-speaking  of Cl;"'* i rendered s pageant Saturday night, j titled "A Ballad for Americans.'1 i I</t>
  </si>
  <si>
    <t>                                           Two Ex-Members Of 'Wings Over Jordan' Singing For Army                 BARKSDALE FIELD. La.- (SNS) Two charter members of the nationally famous Wings Over Jordan Choir, which has presented concerts throughout the United States and is heard frequently over the Columbia Broadcasting System have combined with two other musicians to entertain their comrades In a   nt the . The .singers are PvL Paul i Breckenrldge. 243S B. 59Ui Street. (CWtSSS*  6, Ccl. S) j                 Two Ex-Numbers (Continued from Pace 1) and Pvt. Albert Meadows,' 2150 E. 71st street. Cleveland. Ohio. Thel* comrades fn music and arras are Acting Con. Charles J. Ross. 2305 E. (list Street, Cleveland, who directed his own . und -Actlnn Sgt. John A. Hardee. Jr.. S515 Thomas Streol. Dallas. Texas, who  saxophone  Ersklne HawUlus' well-known band and who also was formerly band director at Oladcwuter Hlsli School In Texas.</t>
  </si>
  <si>
    <t>                                           Baptists Await Confab:                 Baptists Await Confab:                 Waycross Scene OfGa. Convention                 ARNOLD                 ( on Pane 21                 Final plans- have been completed for one of the greatest annual sessions in the history of the General Missionary Baptist Convention- of Georgia, headed by Dr. L A. Pinkston. when the state-wide Baptist organization meets at Waycioss. Novembei\10-12, according to Dr. W. W. Weatherspool, executive secretary -treasurer of the body.                 Many of the leading pastors, lay- men and  workers arc slated to attend     meeting- Such stalwart Baptist statesmen ind high churchmen as Dr. J. M. Nabrit. secretary, National Baptist Convention; Dr. C. D. Hubert, director. School or Religion Morehouse College: Dr. B. E. Mays, president. Morehouse College: Dr.                 B. F. Hubert, president. Georgia Stare Col'egc. will deliver   during the I Hires day meet, TO HEAR , Dr. W. P. Paschal, chairman of the executive board ol the convention, stated that a board meeting 7,'ill be held at the convention sermon Tuesday at noon. i Ctl;cr k(.-y board leaders expected 10 make reports include- Dr. J. T. Dorscy, chairman, executive committee: Dr. M. L. Kins, . n.- / IhmtU: Dr. 'C. TJ. Ellis, chairman, educational I beard: D"1. R. V- Mt!n?r. . m!-':;iop b"jurO.    'ery church asm worker In the co:    . this 3-ear is being urged (Cuntiiined on Vase Col. 4)                 Waycross Scene (Continued from Page 1) to do his level best. The need for the state program is year terrific. There is much to be done for education, mission, and "mercy connections." LIST KEY  This year the local welcome program will be held at the city auditorium of Waycrcss under the direction ot the host pastor, the Rev. J. At. Benton. The general sessions will be held with the                 Macedonia Baptist church. This will mark the 72nd annual meeting of the convention. Other afc.'e ministers slated tc deliver sermons during: the confab are: Revs. H. H. Fortson. P. R Gcer. K. H. Milncr and I. A. Harris The presidents annual  will be delivered Tuesday afternoon and election of officers wiil be held Wednesday afternoon.                 The Rev. W. W. Wcatherspool. I executive -treasurer of i the General Missionary Baptist Convention of Georgia Thursday  schedules for messengers planning: to attend the annual meeting in Waycross, November 10-12. Notin? that tire rail transportation situation is acute, Kcv. air. Wcatherspool advises messengers to leave Atlanta from the Union Station, over the A. B. and C. railroad, Monday  at S:30 o clock, arriving at Waycross at 5:15 p. m.. or leave Atlanta Monday  at 10 o clock and arrive at Waycross at 8:30 o  Tuesday .</t>
  </si>
  <si>
    <t>                                           Final plans have been completed for one of the greatest annual sessions in the history of the General Missionary Baptist Convention of Georgia, headed by Dr. L A. Pinkston, when the state-wide Baptist organization meets at Waycross. November 10-12, according to Dr. W. W. Weatherspool, executive secretary-treasurer of the body.</t>
  </si>
  <si>
    <t>                                           Civilian Defense Fight Is Pushed                 Continued Negro Leadership Urged by Workers of Zone 2                 More than 2(~0 members of Zone 2. of the Chilian Defense setup, in n will meeting Tuesday night at West Hunter Street Baptist Church, urged W. H." (Chief; Aiken and his immediate workers to com inue their fight for an all-Negro Civilian Defense  ion.                 The meeting was called by Attorney A. T. Walden. commando: I the zone, and was one cf m-v- era) held since slops were  by the Metropolitan Area OUice tu relieve Negro leaders -f  i  iu Civilian Defense  hire. Attorney Walden presided and Dob Wilson. Jr.. served as .w- tary of the call . Chief Aikcn told of an all-Xcirm Civ-linn Defense setup which now is functioning In LaGrange.    said the colored people are doin; a good job there and that- white leaders h:~v* ? no effort to re-  Nepro  of their positions. Representatives of various precincts attending the meeting Tuesday l-.ight were K. M. Coles, of pn.-cir.ci M-25: F. P. Martin and H. J. Jiurlough of  F-2a: B. McCanei of precinct F-36; J H. Cameron of  P-36: J. J Alexander of precinct F-37: J. A. Jackscn of precinct F-39; H- Conlcy and J. A. Batts of precinct F-40; V. Lovie of precinct F-43: R. L. Simon of : F-22; B. F. Bulloct of : F-24: and J. R. Hendersoti of th.John Eagan Homes. The meeting was '. and all in attendance were j unanimous in urging continued Negro- leadership of the colored setup for the civilian Defense or- sanitation. Speakers called for a j full colored setup which would give Negroes colored auxiliary policemen and firemen as well ?3 other positions connected with thp organization. Another meeting Is     be held at an early date and precinct wardens will be notified by letter. Metropolitan Area Director Phillips already has been asked to reconsider steps taken by his office to  Negroes  executive positions In the Delcnse set- I up.</t>
  </si>
  <si>
    <t>                                           More than 200 members or Zone 2, of the Civilian Defense setup, in a call meeting Tuesday night at West Hunter Street Baptist Church, urged W. H. (Chief) Aiken and his immediate workers to continue their fight for an all-Negro Civilian Defense organization.</t>
  </si>
  <si>
    <t>                                           EVENING FROCKS SHOW SLEEK, NARROW SILHOUETTE                 iJ-ft     : l  dress with magenta ; black rayon  with .silver ami Kilt embroidery, pearl gray cr^pe opera suit with  embroidery. Glamorous ^ :r.~:ks this .season  a very narrow s:!:   '. i'.'.'SiK"-i-   having p.;ically    .r Hi.- V.TU bcV.vr. .f; a. v.or'. r;i-v: styli- -the fn'.l-!';n^t!i. !-up. mo!i!~! gown which rv!    on the ma^Tiinccnco of ils fabric anil the gaiety of its color and ornamentation lo impart formality to simpl-: styling. The uvo- formal Iroc'K is very new. both on*      two-piece dresses showing* unusual skirt treatment. Above arc shown three smart frocks which are examples of this treatment. Left, pansy purple crepe in the lo'.v-r. style, accented with magenta .- The  dross, center, has discreet touches of silver and gilt embroidery at neck and sleeves. It is made of mossy rayon cn.-pe in pencil slim silhouette. The third model is a covered-up  suit in pearl ;;ray rayon cu-pc with glistening bead embroidery at shoulders and jacket front.</t>
  </si>
  <si>
    <t>                                           Two-way Dirndl M %:/ iWl h;\\ I M LE^ Youngest.    f Hi- j new-season Trucks is pattern 92111 j  Marian Mjrtin: it s in the fa-  UlrniJI .style, ami malic  i a contrasting: .v: and Aktrt rir :i onc-     dress. Kuffiinp is crisp Tallcrn 3210 may hr ordered      junior miss sizes 1 1. 1.1, 15, 17 Size 13. blouse, requires I L-2 yank 39 inch fabric: skirt, z l-x yards 35 inch            . Send SIXTEEN CENTS in coin: for this Marian Martin pattern. Write plainly SIZE, NAME. AD- j DRESS and STYLE NUMBER. Save foi\ Victory with our  new Fall and Winter Pattern Book'. It's the best  to nome j sewing, with smart. -to-scH1. thrifty (li-i-ns for wurk. play, .       is ten -s Srml   (hr Atlanta i Oaily WOKI.O. l':       - j . 210 Auburn AVfinnr. N. K j :i. Gmicfci.</t>
  </si>
  <si>
    <t>                                           Responsibility is Pointed Out By Dr. Weaver                 Manpower Chief Speaks Before Ohio Personnel                 WASHINGTON. D. C- (SMS)- Negro workers Ion? employed in =       ; . and industries ar.rt others entering the war r rmls fir Ihc first time were urg- i ed this week    ^ - Ul responsibilities in America's:  Tor production. 'j                 This advice      giver, by Dr. Robert C. Weaver, chief ef the Nepro ManDov.er Service. War Manpower Commission, in a  before a rally at the National Smelting Company in Cleveland, Olilo, on Saturday, October 10, ]9 2. CITES GAINS Citing specific gains made by Negro workers in war production employment in  months. Dr. Wcaw declared I "Rccardless of current practices, i tid in  of existing attitudes, Negroes \vi!l be used in many oc- 1  in the months to come, j They will be employed because they are needed and  a na- f.lori at war must avail Itself of i  . Just ns the war (Continued on page 5, Col. 3)                 Responsibility Is (Continued from Page I)  is  certain of these  patu-rns which           : Nryre-cs in industry in l)v past lo  way, ao it is  upon i he colored worker many responsibilities. "Those of yen who have been employed in  occupation* and industries in the past no less I than those who enter new places, in the future haw two  responsibilities. The fir?:, and i most important, is your responsibility as American citizens to do .yoi'.r bcr.1 to win this war. This means that you must facilitate the maximum possible output or war  in jour present or in your future employment. MUST UPHOLD TRADITION I "You have also r\ responsibility to these colored persons who have not yet entered into war production luit whose services will  Ije needed in the future. Tha1-  it to '.Uustratc bv yo ir . by your work  :   ! by your  conti:;^!.  the colored worker when given iin opportunity is : an I desirable. "In order to :c these ^ y:~~ must bo ever   .cw of your Uisk. .lust :u fve]ud!cc as usual in i- ir.rst ly out for 'hr .j m    '             i^ out:  lo work late or not r.t. all Is out; : down pro- i   of social act-                 i otter working hours is out: in a i word, all activities, all Habits and all behavior which  the maximum output of war goods  for ;he dur..        responsibilities r.re vour.-:. Tliev cannot bi: escaped and. they should I not Ik  over lightly</t>
  </si>
  <si>
    <t>                                           WASHINGTON D. C.--(SNS)-- Negro workers long employed in strategic occupations and industries anti others entering the war rinlits for the first time were urged this week to ... fundamental responsibilities in America's battle for Production.</t>
  </si>
  <si>
    <t>                                           CLOTHING VALUED AT $5S REPORTED STOLEN                 A burglar twisted '-he lock oil the front door at the home or Raymond Williams, or the rear ot 325 Orange I Street. S. W., and took clothing of a total value or S55. the victim reported to city police Tuesday. The!  occurred while the victim was away from home during the day Monday, it was stated.</t>
  </si>
  <si>
    <t>                                           TIM TYLER -By Lyman Young I                 FELIX, -BySullivarij                 HAIRBREADTH HARRY                 IT S A GREAT .LIFE IE YOU DON'T WEAKEN -By Jacfc Rabbit                 DOROTHY DARNIT -By CHas. McManu*                 By Cy Hungerford</t>
  </si>
  <si>
    <t>                                           He Makes It Tough for Axis                 Production was about to bo held up in a huge California war plant because an intricate machine tool was needed, and then inventive Sam Carter stepped in. A Los Anpreles machine shop owner. Sam took an old lathe, two transmissions from junked cars, and the junked frame of a drill press, and constructed the needed machine. He's shown watching it work as it cuts simultaneously the three faces of highpressure T joints used in ships' fuel and steam lines.</t>
  </si>
  <si>
    <t>                                           Overcome in Bus Rescue Work                 A fireman overcome by gasoline fun. ng     Injnred from the bus that plunged into i ravin Md., is being removed from the wrecked vehicle. Th between forty and sixty * plant workers, dived i. cr a.  . Two persons      reported kill !veo injured.</t>
  </si>
  <si>
    <t>                                           $420 Worth Of Rum; Stolen; Two Held I                 Two men were : held by police and two others sought Tuesdny In connection with a Mitchell Street burglary. Patrolmen P. E. Finley and E. R. Harkins reported they arrested William Cody. 20. ot 594 Meldrum Street. N. \V.. and Orville Tillmon. 19. of 388 Gray Street, and secured a  that they took  cases of whiskey valued at $120.50 from a Mitchell Street liquor store. The officers said the two suspects implicated a youth known as James Stanford, about 20 years old. and said a man called "Freeman'' hauled the liquor away from the scene. Armistice Day Parade Outlined Atlanta wl l observe Armistice Dhv today with a parade starting from Pcachtrec- and Baker streets nnd continuing through the heart of town. The parade will start at 11:30 a. m. High Army and Navv officers will review the procession from the terrace of Jhe Capital Cltv Club. Governor ^Talmadre hhs proclaimed today as a legal holiday. Public  and bonks will be closed.</t>
  </si>
  <si>
    <t>                                           Here's the Application for Oil Ration Book I UNITED 3TA1XS Or AMERICA l.jf.i. I OfTICE OF PRICE ADMINISTRATION i "~1" AppBcatiM ftr W  H () JUti* I for Heat ui DmtjSc     Water for '~   =i    .-sss o3*S3"~ PRIVATE DWELLINGS fl.. A Triviit* Dwelling" 1  w  Aaignrd for Ok occupancy of few than 4 families in j^TT..T  which 70 percent or more of the total floor  is      re-^,) for residential . The term doc* not include Dwdfet Ifkat       TO    UmJ ~~*       ..~t.   boarding or rooming home in which 4 or more rooms art regularly   r  foe . TTic owner of the  or penon  the  i-~~~~n i     of oil burning equipment (or the  of either of ml I ) for       or  hot       or (CiT-'j-'       *~ "oi5;j""*"      to all or      of a private dwelling may apply for r"   *r: ration on thia form. i- A separate application  be made for each oil D.'~ --oo j ( unit and such application    )l cover only the  m xv   1 i Mrt ol the          served by  ieh unit,              to w        V sr Arrucw                                  '                   action or "OA.nr. vc  .  or control, t *~      j         0   fc for  li wxh . SewiNa AD *** in*** J4nw*i n,^. -~tel        ;bTr3       ''           ^^   ^     ^   "              !             'T*. Riw  br 0 FmU^M ^ DYoi D    ===== r-iii nn Ij.i ii) }. I              !~~~    .port.    .ta.~c 1              (    ) .1 r,^)~  (           ^ Arthbuu Nat thou^V q_ StTTTTtm ^Tl .i. *L ). (f} fV rf-~~   far     7 D    No I /~M J.(t)    .fell 0         ( rot)  J I         )~~   )           2                  3   ~]               **X"inOM*p9  f)n*           .) ..1^1II:^1111:_^1111111:11111I11^1._1 j            *     .                . (OnUKdf*         .     7T7  3  r^l^~~~W^~~"~i"I^'*       "    MmMutki.ma .                 .       (Dn-yo.-     .       .     .u.      ).~  *      . . Equi(~Tia fcr         *~       gj^ j    ;~ ~?=.~       *~1 i*-~~uw  m^5 o^r a=5 (c) IfmnvKl ~~-rmi and At  J IV      *     ^on^ I.                                         ^    . W ffa           ill ^WidtemCTM to 1* u*~l                   ^~a j i.              Wtmi d-. Q    D              for           'Mw. OVo DVi H"yt^"~rrf^~-           /       1.Wl,0~*     ^                          7   '*    -l*~      -     _.           *w*~~      ^~.._.._- (MnM      )  T^)               (     ft)                              ]KtlMflf Fado3(~rlR)~*a)tX  npU(R*^                            4                   .^^~.....~.~.ii W    Dkk   "~Ut en tht panto mj cA-r  ( -nO Oat  tm        .   m.           n .        . - j far   ll  r pMt rf lilt        fy                           rJV, pK. I EOT..         ^     . D EViiipwmtf h*~nur. t?)         0 t  'hkh ii  i i (   ^^Ji^iS^ZlZU'^:^"^.^^^'i^^n^^s^\^y^   i i I Before   in  bom s run  ration nf fncl oi! this  -TI have to fill oat this M. v.hiA hsi  Udi issued 1 j    ; Oilko     IVico Auiiilni^u-. The ^rw on Lhij fui.u wiU 'c J ~.~2cij1.. pj'.  -V 'il r'-^-*l J \".r?'.: !l:nr: *?-~'r*</t>
  </si>
  <si>
    <t>                                           AN ACNE = i  S A i ~~[H* when ^gfe soreness am! iu-l:     cS[w32o^.         -   -nt. Relieve y^   3l  Fl '^"^S cau.-  ] ~/i:n;p)rs  I ^^s a!il(~t p~"' Ml;  "   :i*'ti .^Psyi VdiilcOintmotit.'i - J sands of               -   Iiavc  that  and W'liili; Oimnicni i through i!s pi- action kills  -onl  cases  I -helps nature in ln a!   :. ll also re- .i  ami Iiurning * of vi/.ci-.ia externally caused, acd j - i-. 'IVv it! in ;.: !j .CMiicinifal  25(1 and 10c. i IJ.-i- only il;rw."-~l. r?" Ill  lil y :       for daily - : Purface dirt is mild i     -r-f:         and White Skin i'     . 10c and 25c. sold . I CAPITOL HELD over: 1 jj/iW</t>
  </si>
  <si>
    <t>                                           WAR DEP T SAYS RACE SOLDIERS IN LIBERIA                 Important Base For Operations By Air And Sea                 Two Airports Constructed By Negroes                 WAHINGTON "(ANP) -i-' Tbt\ presence of Negro troops In Liberia was tacitly admitted by the war 1 department this' week, alter weeks, of   back to August Vhen th* AMP  learned there were numbers ot Negro troops in the African ReDUbUc                 Neither the state department nor the war department would comment on the tact,' although reports filtered through that Negroes and other troops were, present and building airports. The admission that two airports had been constructed since the arrival of the troops In July came from Monrovia, the capital of Liberia. Only last week an agreement  by representatives of both governments was announced after lengthy conferences. Just what this treaty meant has not been made public. However, some provision must have been made to have Liberia declare war on the Axis. j Germans  residing, in I the capital are said to have been evacuated. They were "business j men for the most part, but it was I felt their presence in Monrovia made  go much easier tor Nazi spies. Liberia has an area of about 43.000 square miles and a cost line of 350 miles. Dakar. Prance's Important colonial harbor and naval. base in Senegal. Is between 750 and 800 miles by airline north of Monrovia. The Importance of Liberia as a base for operations, both by air and by sea against Axis powers, is easily seen. President Roosevelt's personal emissary, Lt. Col. Harry A. McBride who discussed the legislation which provided for Liberia's cooperation with the United states, has been reported back in Monrovia after visit to Roosevelt such duties usually are entrusted to the diplomatic corps, but since tie United States minister to. Liberia. Lester A. Walton, is in the United States "on important business connected with the war effort," the question is being raised whether a colored man could not have been entrusted with carrying on the - , since he had been in Liberia ever since Roosevelt's first terns and was more fully acquainted with the government officials there  a special emissary.</t>
  </si>
  <si>
    <t>                                           WARINGTON ANP The presence of Negro troops in Liberia was tacitly admitted by the War department this week, after weeks, of insistence dating back to August When the ANP first learned there were numbers of Negro troops in the African Republic.</t>
  </si>
  <si>
    <t>                                           Two Leave To Take Instructor Course For Plane School                 Thr two men. who out of 73 I takin? til? examination passed I with the highest marks, are sched- j  lc;l to leave for New York '.'.^ to -liter the Prrcport Strlc Sk-hooi of Aviation where thev  ! be Unined as instructors i for the  courses to b?                 ?lon Hish Mihool It v.cs -cl Saturday.. The mcr. Jimmy Redd of 138 Griffin Street and William Bill" Pullcn of 878 Ashby Grove, were notified of their appointment Tziclay by H. Reid Hunter, assistant superintendent of schools. Salaries of J175 per month while they are taking the six weeks' course  traveling expenses are  paid by the Atlanta Board of Education, through a special federal fund and train war porkers. After completion of the course, tiie two wUI return to open the training school at Washington high school, which is designed to qualify graduating men and women for work at the Bell Bomber Plant and other aeronautical  The machinery for training of the workers has already bem installed in the industrial trainee i (Canlloasd on Past- Cd.  J                 I Two Leave i (Continued from Fncc 1) I   of IK- r-chool. it was i  ctl. I i '.icn v.ic course lot j  -d Nccto workers I at l!io Ecll -.it. Is the direct re- suit or the Atlanta Council lor Dcfcnvs Training Negroes, a  ot the Atlanta Urban Lc- of winch \V. V Bell is i executive secretary. j j Mr. Boclrf, who  Uic In- i '   :;. xri h a                 -I Mcrris Brown Coerce and tor severe! years was construction  und ir^ for woodwork :it the NYA Residential Training Ccmcr at Jcsup, Ga. Mr. F:. n. graduate of Morchoi'ss Collcse. passed the   pi-           instructors    -  A'.lar.ta Board of Educalion wit!; 3 n:urk of J6. He  in c!:cmi.~;r}-. I The Frwport St.vtc School of Aviation Is  at 260 W. Sunri*e Highway. Frceport. Long Is1 land. i I Tlic ir.en avc scheduled tr leave ?n tnr 5?i!  incr  hi." e'.;.</t>
  </si>
  <si>
    <t>                                           The two men, who out of 73 taking the examination passed with the highest marks, are scheduled to leave for New York this evening to enter the Freeport State School of Aviation where they will be trained as instructors for the aviation courses to be...</t>
  </si>
  <si>
    <t>                                           Plans Underway To Eliminate Double Sessions                 BIRMINGHAM. Ala.- (    - A survey to determine where best to begin the  ot the double session In Negro city schools has been authorized by the Birmingham Board of Education. Dr. Frazler Banks, superintendent of. city schools, said last Saturday. Dr. Bants Indicated that it will not be possible immediately to remedy the two-session arrangement in every school in which It is in operation but left the Impression that the Board would, seek ways to do away with the entire double session set-up in  future. Two factors will guide the Board In adjusting two-session schools to a normal session, he said. One Is ability to secure buildings that can be-Toed-              "*" the schools. The other Is "the ability to get these additional buildings at a reasonable rate, of rent If plans work out, the split session will be corrected In a number of the schools, not all of them, at the beginning of the next semester. Jan. 18. Approximately 3300 pupils are attending  schools. The double session is attributed to increased enrollment In the schools and the lack of adequate housing faculties. MAN REPORTED SHOT IS FACE BY BOBBER Sam Andrews, of 452 Arthur St, S. W_  a gunshot wound of the face during a robbery, he had reported to city police Tuesday Andrews staled that he was at home when two men came to his front and rear doors, demanding entrance. When he answered one of the door knocks, he was shot, police quoted him as statins                 JOSHUA  By L T. BotsoMs Bto. Ban     : Teosto  t*.~ toe       are tbMS      rc MSKUao '* r-V??</t>
  </si>
  <si>
    <t>                                           Shapiro Whips Montgomery In Decision Bout                 I PHILADELPHIA. Pa.  SN3~- Our Bobcat. Bob Montgomery, took a terrible. Bob Montgomery. Ion out to Made Shapiro, a tou;h Buy from New York"s East Side. Bob who had shipped Lou Jeni kins In a non-title was a 5 to 1 favorite to knock Maxie to       !    3. but that s just wha' happened to Bob. He took a Mrrlble  and  crowd of C.T30 was on its  almost constancy until th? 10 rounds were over. Montgomery held   I until the third round, wher. Shapiro landed a right to the chin nnd that blow virtually decided the . Bob  and Maxie saw his chance and made thj most i of it. The Bohcat was down for a count of (.-lie. Teen he wer.t half i  R-ay through the ropes, came ; ^r.d went do*'n a^aiii fev one. bob- bed up. and was floored a third j  lor count 01' three. Thon lor two minute* or more. Mo:           the roi-.-s. \v!ii!~! Max   ,ave . all he til1 \v just had to step from sheer, ".n'.. Eob  in tli" fourth and :he liU.h but ho was :: thi1 .~imc From the r. on. Shapiro had it in ^ic bas. He wpd    ^plit, decision. Referee B" Lecnaid cast trie, deciding VOtf.</t>
  </si>
  <si>
    <t>                                           Merry Xmas j To All</t>
  </si>
  <si>
    <t>                                           AtlRirta.r^SBSPbVVbrld. edition Z*^- -1* *Vi A. A. ^i^iii-^jSS^/LJ^ V^A, A "NEWS WHILE The Nation's Only Colored Daily Newspaper jj jg SEWS" VOLUME IS. NUMBER 129 ATLANTA. GEORGIA. MONDAY. NOVEMBER 9, 1942 PRICE FIVE CENTS!</t>
  </si>
  <si>
    <t>                                           WASHINGTON, D. C. -- (SNS) Acting to bring the Nation's 13 million Negro consumers into a closer working arrangement with the price control and rationing programs of war-time America, the Office of Price Administration today announced appointment of...</t>
  </si>
  <si>
    <t>                                           The No. 1 game of the year for Atlanta grid fans will be played next Saturday, October 17, when the Maroon and White Tigers of Morehouse College clash with the Purple Wolverines, of Morris Brown College. Games played elsewhere will be relatively unimportant when these two city rivals swing into action.</t>
  </si>
  <si>
    <t>                                           Quizzed in Kidnaping Case                 Sought for several weeks, Mrs. Margaret Wallace Is shown  questioned by Detective Tom Bryan in Los         in connection with the assault of Mrs. Inez Maclam and the kidnaping- of Mrs Madam's three children. Mrs: Madam was found at the bottom oi an 80-foot cliff.</t>
  </si>
  <si>
    <t>                                           DAILY CROSSWORD                 ACROSS X. Insensible state ti 3. Crust on sore 9. Spoken 10. Skin .gr 11. Select part 12. Walk slowly 1*. Desert in Asia, 05. Pod of cotton plant 16. Smiles broadly iS. Peels 19. Number 21. Garment 24. Platforms 28. Anger 29. Groove 30. Anoint 31. Faith 33. Precious stone S4. Passes Uuougit. a sieve'                 36. Wading bird 3S. Religion of Moslems 43. River o{ Russia 41. Particle  45. Siberian 47. Reprove 48. Bristle-Uka part 49. Feminine name 60. Paradise 51. Insects  LA hue 2. Antelope 3. Afternoon performance 4. Malt beverage                 5. Mineral spring 6. Fight* 7. Bower S. Reigning beauty 11. Ovum 13. Elevated trains 17.Yes(Sp.~ IS. Una ot.  30. Hoarss 21. A bone 22.JIetaaic cock                 23. Babylonian Rod 25. Sunirr.il 26. Xarrov.inlet 27. Entire 29. ChccV. 32. Sequester. 33.AIilUal)One SS. Music note 3S. Hovel ST. Snb but 3S. Valued 40. Slacll 41. Volume of maps 42.Ciaz-/                 Xteutixy'c  sa- tT.Godotsartu                 w li. il 14 .-ill: ill IIIl 1_ III 21    2  -i itt J7             lllll lUll 3fc }7 56 39  1  2  ai  II ii_. I irl 1-1 -in If i  ii-~                 - A cryptogram quotation DMI FPV  SC   COLT? . SKU F?SKAtt SIV KKF BPS?   OltKJVDVOOMH. ^Yesterday's CryjtoqfloteK. WHAT TWAS WEAK TO DO/TW" WEAKER TO,LA^tENT, .OKfE BETSff ^B- SHEtLBY. w           %ss' ~*           . inc. 1^  g^</t>
  </si>
  <si>
    <t>                                           Main Speaker on Navy Day Program                 ~^--~Ci''j*ij- j**** t.i.y- I</t>
  </si>
  <si>
    <t>                                           RICHMOND, Va.--(ANP)--A question which is giving rise to more than ordinary discussion here in Richmond this week is whether Negroes do or do not want a rationing board composed entirety of Negroes serving them under the Office of Price Administration. Brig. Gen. J: Fulmer Bright, state OPA director, appointed such a board in setting up this state organization. On it he named three prominent Richmonders: C. L. Townes, secretary of the Virginia Mutual Insurance...</t>
  </si>
  <si>
    <t>                                           Army Instructor                 T. II. MAYJiKUUY u-Iio hit**   *roi*.vrl ;t W.ir ^  a^ j* Instructor in tlu* Army Air Cnrp*. He h:    *1", ns^r.-vl U* the Army Air 7*     . Twhpiral Train niq- C'~     'ul. Amarillu Field. Tcxxs. to -uv iV.f line'.*  is basic       * ^or in:        . Mavbcrry \r."~s a teacher  iF English and  -it )     Birt*. Okla,.   air ~'orp- *icr\*icc. Hirrr .ire  n!y t1 rrt;    ;n. (U:H  ! at Amnrillo Fir!^. Ore is K. .D?v*son lii.itt of Cranstor.       *~ and    : other bi Whory w. nf Langylon.</t>
  </si>
  <si>
    <t>                                           The Allen Hotel Ml modern conveniences, ralo from SI. Phone Sli. 9429: 231S West Madison SL. Loubvillc. Ky. GRANDMA HANDED DOWN THE mi si Fflnft bum  To relieve colds' I FOR MOTHERS coughing, aches I T0Dfty in muscles I vr mw*i of chest and ~~^"~^B^"1T back, and to reduce local congestion pioneer Grandma pot faith in home medicated mutton suet and hot flannel. Today mothers use Penctro- the excellent modern medication -with the mutton suet base. Rubbed on chest and throat it works fast for Pcnetro never fails to function 2 ways. Aromatic vapors sweep inside through cold- I staffed  throat, while PeaeSo does its outside work like a soothing, comforting plaster on the skin- It's also good for minor burns and cha/ed skin irritation the year around. Try Fenetro. Compare it. Convince yourself. ~'"Grandma was right!" Your druggist guarantees money* back il sst  25c ds-Als supply S5c</t>
  </si>
  <si>
    <t>                                           LOUISVILLE, Ky. -- (SNS) -- John "Big Train" Moody, former all-American fullback at Morris Brown College again stole the spot-light as the most outstanding star on the field as Fort Knox dropped a hard fought game to the Iowa Pre-Flight Seahawks, 13-7...</t>
  </si>
  <si>
    <t>                                           The big War Bonds Sales push by local Insurance Underwriters. Insurance Executive and the Memphis Negro Chamber a Commerce is on! During a four-week period between December 14 and January 15. 1943, these War Bond savings Campaigners are...</t>
  </si>
  <si>
    <t>                                           Youth To Discuss Post War World                 NEW YORK, .N. Y.-^(SNS)- The particular problems which must be faced by Negro Youth now and after the war will bo stressed at the fourth Annu.il Student Conference of tho NAACP to meet at Clark University. Atlanta, October 30 and 31 and November 1.                 S'c-.. and leaders will include Dr. James P. Brawley. president. Clark University: nose Mac Withers, . National Student Council. YWCA: T. Rupert Broady. assistant in Research Dc . Tuskwree In.: Arthur D. Shcres. attorney. Binnlnsham: Dr. J. W. Nicholson. Gnmmon Throlocical Seminary: Prank MoAllisfci-. Sbtitheni Works' Dofens? Leattue; Dr. Forresttr E. WashinKton. president. Atlanta. Atlantn Srhoc: of Social Work: Dr. Eucil G. Gallagher, president TaUade^r. College, who will give the  address: and Thurf.iod Marshall, special counsel from (lie National Office N AACP. who will deliver the c. act- 1 .s on Sunday. November 1 i Rev. Jumes H. Robinson. Church of tlie Master. New York City: Madison S. Jones, Jr.. Youth Director. NAACP. Radio round-tables will be featured. The Verse Speaking Choir of j the university will 'jive a proSi-ftm. Do you - that EVERY, FIFTY. SECONDS a   In America? it might be your home or your factory or your  next! Prevent Fire; be prepared to fight Fire if it starts!</t>
  </si>
  <si>
    <t>                                           BOSTON--(ANP)--Ladies and gentlemen, please lend me your political-punched cars.</t>
  </si>
  <si>
    <t>                                           Tenants Of Project Strike                 TOLEDO. Ohio - Tenants of the Bran.1 Whitlock Homes here went on  Monday  notice 1 ad been  on them the  Uo'jiST.g Aethorlly   rents - hs  Hers you sss 5eter=i::cd  J= tis  !i=s c^rrj-i:; ~^=r.er-; .                 *   * Sect; 3tot Go asd    7 (SN5 Kioto ^7 ^i So=j=0</t>
  </si>
  <si>
    <t>                                           NO ASPIRIN FASTER than genuine, pure St. Joseph Aspirin. "World's largest seller at 10~. None safer, none sorer. Demand St. Joseph Aspirin I- NOW SHOWING HELD OVER THRILLS ROMANCli ADVENTURE THE Black Swan TYRONE W" MAUREEN POWER*  O HAKA (In .Technicolor) Special Reading- 25c Madam Eva Palmtxl .V Adviser GIVES FACTS AND GETS .TS This, madam Warns you gravely- ahti "        -*he- explains fully.'. SHE ANSWERS ALL QUESTIONS. Know Thyself and find success and happiness. Satisfy yourself by seeing Madam Eva, "H5-W. Marietta Rd- ,N.W_ A'TaqlK, Ga. TaEcc Marietta-Inman Yard" Cur to WH Mot-can s Sernce SUtion. Look for Hand I S.tnV j HOTEL MACK 3* Oas Heated Rms. Hot Water. Dlj j Jl np. Eewonable Wklj Rates. Tn; 8321. Atlanta, Q. Free PTtlng. HIT THAI RHEUMATIC PAIN RIGHT WHERE IT HURTS1 And look at the Silver Lining in those Clouds oj Vein The bip idea is 'h t you -want to fed better. When pain , j-our mind '. You get rest that mean* deliverance So use     :  at the . C-2Z21 bring*, you pain-relieving belp. Mott you "'11 feel as good a;         enjoy its help. Get C-Ji!3 . tuc, and $~. Caution: Lse  -ai -. Kint bottle purchase uric  if yet: zz: s:riS;d</t>
  </si>
  <si>
    <t>                                           JOHN C.                  MONTEZUMA, Ga.- Tile funeral of John C. Lcckhart waj held Sunday at rhe Hicks cemetery with lhn Rev S. Fields ;. Mr. Lcckhart Ls survive:! by two daughters, four  r.nd two .  HUNTER ELBERTON. Ca. Ellzal Hiuiter ;-assed away here last wee!;  a  -s. He was an nld citizen of El'jcrt. . His Kr., Privats LcmbarU Huntct and daughter. Miss Wil'ie Mae Hunter attended his funeral.</t>
  </si>
  <si>
    <t>                                           IWS/^'a. ^BflBi PKwf Refutation The reputation which we' enjoy can come only with untiring effort and unceasing desire to please. It is with a feeling of satisfaction that we review the record of our organization. TM 0 1/CMTfUL, ATTENTION      !                 ^fj^^ W2 LMK1H St. VN.*64SS\\</t>
  </si>
  <si>
    <t>                                           NEW YORK -- (Calvin's News Service) -- It will probably come as a surprise to thousands of hep cats who know Louis Jordan as their King of the Juke Boxes, to find that he doesn't wear zoot suits and never hats, because, he says, he's too short, and he loves all green...</t>
  </si>
  <si>
    <t>                                           HONOLULU. -- (ANP) -- A road show called "Harlem in Hawaii," presented by a Negro chemical company stationed at Schefield barracks has been so well received that a strict schedule of priority has been drawn up. Each army post in the Hawaiian islands has...</t>
  </si>
  <si>
    <t>                                           The John Eagan Tenants Association held its second Annual eleclion of president for the ensuing year. On October 15, nine-hundred and fifty-one adult tenants went to the polls in their respective blocks and cast their ballots for the candidate of their choice. The running...</t>
  </si>
  <si>
    <t>                                           Mrs. Mabel Porter Fountain Will Be Buried Sunday                 MARIETTA. Ga.                 (SN5)                 Mrs. Mabel Porter Fountain, teacher in the Marietta city schools died at her home here Wednesday night. Her  is to be held Sunday. The deceased had been in ill health since the latter part of May and had made at least two trips to the Harris Memorial Hospital, Atlanta, lor treatment. Mrs. Fountain was well known throughout Georgia for her work in civic, church and educational circles. She was the former wife of President W. A. Fountain. Jr.. of Morris Brown College, and attended school at Atlanta 'University. Knoxville College and Morris Brown. The deceased is survived by a mother. Mrs. Annie Porter, ol Marietta: her lather, John Porter, of Washington, D. C; brothers and sisters, Including Mr. and Mrs John Porter, Jr.. of Atlanta: Mr. and Mrs. James Porter, of Marietta: Mr. and Mrs. Herbert Porter of Washington, D. C; and Mr. and Mrs. Charles Porter*of Washington; aunts and uncles, including Mr. and Mrs. Frank Reid of Marietta: Mrs. Katie Jones of Ithaca. N. Y.: Mrs. Marion Pooler of Henderson. N. C and Attorney Webster L. Porter of Knoxville. Tenn.</t>
  </si>
  <si>
    <t>                                           PuMliimta (f?V2aM          \m*Sw%W atar     wy  Since tlic release of 'Mrs. Miniver". "Tor Me and My Gal". "White Cargo", and other MGM hits. Leo has a new line It's "King of Entertainment". Some pictures- some lion I + Among the new ones topping the  list is "Stand By For Action" and it s worth standing by for. Three "big-gun" stars, Robert Taylor, Brian Donlevy and Charles Laughton give you an idea. The Japs get the idea, too! Which means you are in for some terrific action sequences with all the guns shooting. Walter Brennan, as one of the enlisted men. is an old salt who gives plenty of patriotic seasoning to the  Kenneth Spencer, whom you will see first in "Cabin in the Sky". MGM's all-colored musical, starring Ethel Waters, Eddie "Rochester" Anderson, and Lena Home, has snagged a  in a forthcoming reel-life action picture. It's titled, "Bataan Patrol". Humbly dedicated to men who had a great cause and gave everything for it! Come on and dance- or at least your heart will when you see Judy Garland, that grand, gay gal from Grand Rapids. Here's a musical that has Broadway blazing with light Gene Kelly, who woo spurs that jingled entertainingly on the Stem in Pal Joey, and George Murphy, another song-and- man. keep Judy Garland hopping in a gay musical comedy that sings its way into every heart that s around to listen. These three are still making it a crowd at the Astor Theatre in New York. Add to your must list: "Random Harvest", crowned the Hall of Fame Picture and adding Ronald Colman to Grcer Garson to add up to Great Entertainment. Mctro-Goldwyn-Mayer is Making Good Afovics for everyone! And that includes sending pictures to our men at the front as well as trying to keep their folks back  i in good spirits! Leo takes time out ^-J? now to salute the ^2*2^1 fighting forces- and iPtS' to wish you a good Span Christmas. And (L}'j2  may 1943 come in Kivfcttt fighting hard- for I our side! Vi7/</t>
  </si>
  <si>
    <t>                                           In memory ol our darling mother. Mrs. Ella Stinson, who  this life In Chicago, Illinois, one year ngo today. October 4, 19-U. How well do we remember that awful snd day. As much as we loved you. We miss you the same way. But God took you on to Heaven to dwell with the rest. Sleep on denr one, the Lord knows best. Mrs. Henry Burroughs, Chicago: Mrs. A. G. Lewis, : Mrs. I. H. Hall. Chciago; and Mrs. Roy Ataman. Atlanta. j children.</t>
  </si>
  <si>
    <t>                                           Dr.CA.Constantine         68 P'htree. 2d Floor at Auburn Dr. E. C. Swanson DENTIST 29K Marietu St., Cor. Broad</t>
  </si>
  <si>
    <t>                                           CAPITOL THEATRE NOW SHOWING Errol Flynr. Alexis Smith in a slam bung story with a ; slam cast James J. Corbolt: "GENTLEMAN JIM" HELD OVER KISsTTnD TELL! Word m   (ut when a. (tit bi - bad ). aod  he Mr Cm hrr bor  an faat  a         .v:,       anyone, .ana 7011. mv       .u  milling It. io oon t lako        .        bmt data,  tb*  with Lbtnlsi Astbaptlc Uta             and    people      on to combat had  Sonrtlnn  b dtw to * 'i .  wort . aay  oma  .            br  of Ufir    4~. GrtleW on tooth,  ami cum   ha]ta Bueh  an4       r^       )~M     odoni T*            . Laabnt Tharmanl Co- 51. U%U. M*.'\fp 3*ton Any Pat* Vt0. *V;*^a LISTERINE ANTISEPTIC/</t>
  </si>
  <si>
    <t>                                           FT. BENNING, Ga.--(SNS) -- Nearly thirty Years' service as a non-commissioned officer in the United States Army has been completed by Master Sergeant George L. Daniels of the Service Battalion Second Student Training Regiment.</t>
  </si>
  <si>
    <t>                                           Charge Picture Seeks To Distort American History                 Office Of War Information Asked To Halt Release                 By ERNEST E. JOHNSON                 NEW YORK-(ANP)-l*~t  should be waged to stop the release by Metro-Goldwyn-Mayer.  2m -Tennessee Johnson," dealing with the life ol President Andrew Johnson, was agreed vpon last Tuesday night     group at  and' TeoresentattTes of tome                 20  Negro and white  i who. had seen special preview a the picture earlier that evening. Besides calling Tor an - -Uon-by -the Office War Information to "determine the forces behind the production ol the antidemocratic, anti-Negro Wins now coming out of Hollywood." the statement Issued by the committee spearheading the drive said also: j "This picture, in effect, Is an apology for slavery. It seeks to distort history by making heroes I out of those who did most to tenr Tag Charge film 34se follow MARY down the democratic ideal for which Hollywood is famous, the American people are asking to weep, Indeed to cry into their handkerchiefs over the fact that Jefferson Davis, that Infamous pre- rebel, the man who led the conspiracy to disrupt the union, could not go along with those who believed In democracy. MUST SIGH FOR SLAVERY ."We are asked to sigh, to emit Indeed a respectable sob or two for Andrew Johnson, who as President betrayed the union cause for the abolition of slavery and the extension of democracy to all men regardless of color. Worse than all this, the mm dares to portray tills tool of the defeated slave-owners as the spiritual heir of Abraham Lincoln. Thus Johnson's treasonable actions are defended on the shawl ot the Great Emancipator. "At the same time, it slanders and defiles one or America's greatest champions of democracy, Thaddeus Stevens, making him appeal as little more than a powerful grafting politician who  played with the cause of" Negrc freedom. The picture was shot in Hollywood about six months ago. The knowledge gained currency that Johnson, whom the house of representatives had impeached for high treason, had been glorified anc that Congressman Stevens, espouse} of freedom for the enslaved Negroes, had been badly maligned and slandered. An earlier preview of the completed film brought a wave of pro test that compelled many change: In the original script. Last Tuesday's showing was that of the reedited film, and the National Negro congress. National Confcrenci of Negro youth, Council for Democ racy. People's committee, Nationa Federation for Constitutional lib  and the Negro Labor Victor; committee were but a few ot thi groups attending. Howard Dletz. vice-president ol MOM In charge of publicity, at(Contiaued on      6. Col. 1)                 Charge Picture (Continued from Fage I) tempted to explain the picture by citing the argument It offers that even a "poor, property-less tailor" could become president -of the United States. Others countered with the charge that the movie "puts a beautiful halo around the right to secede" and thereby encourages disunity, ^c- comment brought charges of distortion of more than one historical fact, ~"appeasement" for southern poll taxers, and the "abuse" of. dramatic license^- The pretesting .statement Issued saw implications with regard to the present war effort, and warned the release now would create: "utter confusion and disunity.'" In  of the whole war of freedom loving peoples of the world," it said, "against fascism and the                 present day Hitler slavery, such a: film, by implication, advocates  the purpose lor which the war was fought and thereby  a false peace and world unity. On the basis of appeasing these present enemies of freedom, such a film suggests that the interests of the common people be excluded now as then." Protests are being directed to Metro-Goldwyn-Maycr offices at 1340 Broadway. New York City, and to the National Negro congress, 200 Lenox Avenue. New York. I</t>
  </si>
  <si>
    <t>                                           NEW YORK--(ANP)--That a campaign should be waged to stop the release by Metro-Goldwyn-Mayer, of the film "'Tennessee Johnson," dealing with the life of President Andrew Johnson, was agreed upon last Tuesday night by a group of critics and representatives of some...</t>
  </si>
  <si>
    <t>                                           Coast Guard Rescues Fliers in                   This photo may strike a reminiscent note in your memory. It resembles the famed painting of Washington crossing the Dcla-ware. Actually it is the rescue of a'^ouple of U. S. army fliers by the Coast Guard after                 they had beta  down .in Greenland. Ihis ii an official U. S. Coast Guard Dhota."</t>
  </si>
  <si>
    <t>                                           Presented At S; C. State                 ORANGEBURG, S. C- (SNS)- Pliilippa Schuyler. daughter ol GcorRc and Josephine Schuyler wli0 under the auspices of the Beta Zeta Omega chapter of the Alpha Kappa Atpha Sorority astounded ROC music lovers in her superb performance at the piano with works of the masters and her own                 positions Friday  at South Carolina State College. Phlllippa Is an eleven year old child prodigy who is acclaimed by musical critics us (he most  genius of out limes. Siemund ""Spaeth,  Taylor, John Barb.. KersCln , Lily Pons and Major La Guardlu are some of her ardent admirers.</t>
  </si>
  <si>
    <t>                                           IF RHEUMATIC JAIN MAS YOU DOS1HQ AMD HOPING Then prove to    lice retail* you tan kc( note  this medicine Opoi yoor own way toward  others hire enjoyed. Male up your mind you re gnus to use    ft3 to wort as- pii=- Tos -*2zt hip yM es= f=s'_ So 2= C-:tis- So='J ft/  rr-li 5ii=' or - : Cse  as directed. First bottle  price  .</t>
  </si>
  <si>
    <t>                                           Washington High, scoring on the onening kickoff, twice in the second quarter and once in the third, trounced a fighting Carver High eleven, 27 to 6, Friday.</t>
  </si>
  <si>
    <t>                                           Those Alabama Hornets bit the dust again Saturday and Frank Forbes Maroon Tigers of Morehouse turned the trick at Harper Field by a score of 15 to 7.</t>
  </si>
  <si>
    <t>                                           Dr.C.A.Constantine \u DENTIST 68 P'htree, 2d Floor at Auburn j i Tormenting L backache strains "i go quickly li j Johnson's Red Cross Plaster helps ^;.ty rolic^o Ictrinrnlin;; .Mtrc*^ 'J/ ness. -vs and strains- -quickly, i effectively no  to    -. off. Apply Johnson's Plaster and en- I -jej its  u  and* cola* t\*  support while yon work. Product of Johnson Johnson, world s i-f  maker of Mircical dressings.</t>
  </si>
  <si>
    <t>                                           School For Air Officers To Open                 ST. LOUIS. (1 Col. Thomas J. J. Christian announced Friday that the first, Negro officer candidates' school of the army air forces technical training command will open at. Jefferson Barracks January 15. It was also revealed that at a later date an officers                 training school for air corps Negro specialists who *'iu nave received their preliminary training at Vale university will also be opened. It was not stated how many Negroes would be trained in these services. Jefferson barracks is predominantly a white post where some Negro forces are trained. No material change in its status Is contemplated. The course of the candidates school will be 11 weeks long and the first contingent of students. selected from the Tanks of Negro troops throughout the nation, will arrive in time for the opening. These soldiers will have the same facilities as whites now stationed there with construction of a new service dub. chapel, post exchange, officers' club and bachelor officers'                 quarters planned. i Graduates will serve as adminis- I  and technical officers for j Negro combat squadrons to be j trained at Tuskegee. Col. Christian j said. It was also announced that a I cooks' and bakers' school for N'egro I soldiers will also open at Jefferson barracks on January 15. r</t>
  </si>
  <si>
    <t>                                           ST. LOUIS. -- (ANP) -- Col. Thomas J. J. Christian announced Friday that the first, Negro officer candidates' school of the army air forces technical training command will open at Jefferson barracks January 15. It was also revealed that at a later date an officers...</t>
  </si>
  <si>
    <t>                                           TIM TYLER By Cyman Young                 , By Sullivatf                 I HAIRBREADTH HARRY                 r M By Cy Hungerford                 DOROTHY DARNIT By Chas. McManiu                 IT S A GREAT LIFE IE TOU DON'T WEAKEN -By Jack Rabbit</t>
  </si>
  <si>
    <t>                                           ~.t OUR HAIR IS DULL AMD DRAB. DONT FRET USE THIS; _TTft_ SPECIAL OFFER #^J $100 fl N^[ W I now  c fi^A. /^~w^i .     B t}~ NO MORESs;^ , Mm  r*w*  l vmt Wtr  mm  t       IN    *~I fc ^^J t^^ M. t^M ^H  oku. SEND' NO MONEY! a? '~       *    Posfoge en Delivery. Send Toor Order Todof. SATISFACTION OR</t>
  </si>
  <si>
    <t>                                           HYPOCRISY AND BIGOTRY are two afflictions which have long plagued our Deep South. one-party system politicians. These 'win evils have made for a mass of contradictions and confusion in the nation's Bible belt.</t>
  </si>
  <si>
    <t>                                           CHECKING AND SAVINGS ACCOUNT SERVICE First National Bank ATLANTA capital, surplus profits $10,000,000 Member Federal Deposit Insurance Corp. BUY DEFENSE SAVINGS BONDS</t>
  </si>
  <si>
    <t>                                           "FOOD THAT IS TRULY DELICIOUS,' i THE METROPOLITAN CAFE 61  STREET</t>
  </si>
  <si>
    <t>                                           GAINESVILLE, Ga.--Miss L. Benjamin and Mrs. E. D. North members of the faculty of Toccoa High School, Toccoa, Ga., spent the week-end here as the guest of Miss Jennie Lee Porter. Mr. Horace Byrd, of Fort Benning, spent the week-end with his mother. Mrs. ...</t>
  </si>
  <si>
    <t>                                           I' We Kg) Hitctetstanc) JS; A true understanding of ^Ji the  of the be- wA'. /coved is manifested in *^    the dignity and          once of our service. We KJ p. Ji  /u// responsibility Hi    details. s 5           cost .1</t>
  </si>
  <si>
    <t>                                           The first full Saturday for the Allen University Yellow Jackets opens with a boom when they meet the powerful Golden Bulls from Johnson C. Smith, Saturday, October 3. The Golden Bulls are fresh from their victory in the Flower Bowl and have a large squad that...</t>
  </si>
  <si>
    <t>                                           October 18, Print--Luke 2:40, 52:2 Peter 1:1-8.</t>
  </si>
  <si>
    <t>                                           TUSKEGEE INSTITUTE, Ala.-- (SNS)--Little loping Arthur Sawyer, Tuskegee's brilliant halfback, appears to be one of the stars upon whom the spotlight will be thrown when the Golden Tigers tangle with the Texas Steers in the Viucan Bowl game, which will be played at...</t>
  </si>
  <si>
    <t>                                           CLARKSVILLE, Ga.--Billie Harris who has held a position at Fort Henning, spent several days with his father and sister before returning Friday to be inducted in the army. He is the third son of Tollie Harris. Charles Thompson and Abraham Harris were Toccoa...</t>
  </si>
  <si>
    <t>                                           Klines Gigantic ANNIVERSARY SALE Women's Full Fashioned LACE HOSIERY  Worth C1.65! Beautiful Quceu's  extra fine /LS quality in Illicit and wine. Slightly . ~"jB Bfl C Slid *~i to 1015. Street Floor. ^J V a Grand Selection-Women's FALL HATS Snap-brims, bonnets, casuals, ".Jeeps'* and  JSH^ m p in wanted colors and materials. Second Floor. ^S B Misses' And Women's FALL SPORT COATS Striped , tweeds, , fleeces in flj B M OD black, brown. bt CC Sizes to III, ss to    ^^m 44. Secnn Floor. -Scoop r-Ker.~$2r29  OXFORDS Smart, . In red, , wine.       , Q H 77 tan, and  u combinations. Kline's town- H stairs. Men 's Zipper Style LEATHER JACKETS -j Special purchase of soft, handsome  Q m DO leather jackets in rich tan. Sizes 36 to 40. Street g  wU Floor. Famous Scranton LftCE CURTAINS f All bordered  willi loop tops ready B r* . The;-  /ally. Seco: d Vloor. Girls' Fall And Winter COATS COAT SETS -y Smartly 3"1h fleeces, tweeds, and C'aeonalj m DO in Mine, teal or brown. Coats, stripes 7 to 14. Coat f Seta. 3 to fi i Second Floor." Values To $L00 Women's SATIN SLIPS ~-7 Very well nude in tailored or lace trimmed styles, "^m m Q Some alight Irrccolan in . Street Floor. ^^0 m 9. 1 .JLB.* H-* 8 t m z</t>
  </si>
  <si>
    <t>                                           Buy War Bonds</t>
  </si>
  <si>
    <t>                                           Lovely Kansan Weds                 Word was received this  cf i Hi* marriage of the  j Esther Marie Rogers of Wichita, Kansas to Staff Sergeant Alvin Pulcrs. sou Mr. and Mrs. El- j nes*. T. l . The vows were consummated at Belton. Texas, thirty miles from Camp Hood, Texas, where Sciwam Peters is stat:u:i:d. Mrs. Peters is a 1941 graduate oi Kansas Technical School. Serjeant, who is a graduate of East j High School, was an outstanding member of the school band, and is i on the staff of the Finance De- j :  I the HL-. i I Company 81^. Tank Ccstroycrs i Battalion. j Tlie )!c. who expects to spend Christmas in Ccs Moincs  j Surccan. Peters' parents, is re- siding at 3  South 10th Street in j Temple. Texas. I</t>
  </si>
  <si>
    <t>                                           DOCTOkS FORMULA FOX LEG SORES Jast think! TJte vacy fine application I of Dr. Tbomni* Ointment a doctor s -   palliative relief for I old Ire *      Uiat nre hard to . It'* I a wonderfully toothing medicated ointment! Succwiftilty used by Dr. Thomas in bis own practice. Get jar of Dr. Thoma** Ointment today and rf*         mon*~y back if not          . Try it! SEND NO MONEY. Pay postman SI Vlus ^e. Or  SI and w** pay poses**. GLENN PRODUCTS CO^ MonoiacN, Nrw Jrosf^. D^pt. G-2 S^^^^^ffi d^H fT THAT i-LOXsJ "    -skin"  FACIAL LOOK j--^* y^!     *^' i  appeal. xi^TM i Use Black and WTme '^ Bleaching Cream. ^***8T Loosens blackheads. Clears off dull -  skin. Lightens. Brightens. Softens. Buy Black and White Bleaching I Cream today use only as directed. I Economical sizes, 25#, 5W. sold at toilet goods counters everywhere, i 8 For ideal  cleansing, regularly use fragrant, super-. mild Black and White Skin Soap, \0t. 25(. I</t>
  </si>
  <si>
    <t>                                           Randolph Scores Suspects Held In Pro-Jap Activities                 Labor Leader Asserts Negroes Have All to Lose in Axis Victory                 CHICAGO. HI.- (S N   - Comi meriting upon the rounding up and imprisonment of 82 Negroes in Chicago last - and some Negrocs in New York- and other  by the F. B. L, for pro-Japanese activities. A. Philip Randolph, International President of                     Brotherhood of Sleeping Car Porters and National Director of the March on Washington Movement stated that he had no sympathy tor Negroes who arc put Into Jalj for being used as spies or for anj activities In the Interest of Japan "Any Negro who thinks the Netrro people have anything to gain by the victory of Japan In this War. is hopelessly dumb, ignorant and ridiculous, nnd is living in a "fool s paradise." said Mr. Kandvlpli. JAPAN IMPERIALISTIC "Japan," lie continued, 'Is an imperial nation which : free speech, free assembly. fret press and the right of organization and collective bargaining of T.                   worker ;ur.ons Hi own people in Ja]?un. What on c^rth can Negroes i hop? to gel from a power-hungry j arrogant; nation like Japan, I cannot sec. Of course, these Negroes whe were preaching the cause of Japar. j arc sure fanatics or evidently believe they are going to get some money from Japan. In the first and' final analysis, the Negroes' interests in America I arc tied up with the Interests of j America. If America goes down. Negroes go down. If America survives Negroes will survive: if, of course, they have the guts to fight tc survive. Negroes want their demo- cratic rights within and under the i flag of the United States of America, not under the rule of Hirohito of Japan or Hitler of Germany. i 7J0UT FOK AMERICA Negroes must fight to save Amer- j lea because they have fought and worked for a quarter of a thousand j years to help make it what it is. and they don't propose to let any- body lick America, or run Negroes                 out of America, or deny Negroes  rights in America, and get i j away with it." stated Randolph. j "This is why Negroes must fight to wipe out discrimination, -  and jim crow fn the armed forces, the Government and Defense industry.- now. during the war and not wait until it is over. I The Negroes task is not to figh: I for Japan who will oppress and exploit them as quickly and as ruth. j lessly as they do the Chines*, but to light for America and themselves in America." concluded Air. Randolph.</t>
  </si>
  <si>
    <t>                                           CHICAGO, Ill.--(SNS)--Commenting upon the rounding up and imprisonment of 82 Negroes in Chicago last week--and some Negroes in New York--and other sections by the F. B. L. for pro-Japanese activities. A. Philip Randolph, International President of the...</t>
  </si>
  <si>
    <t>                                           The Sunday School is looking forward to be the next large event on the Sunday School Calendar. Promotion Day will be held on that Sunday in which the regular Sunday School will be postponed for an interesting program which is now in the making. Last Sunday...</t>
  </si>
  <si>
    <t>                                           New Nat Manager?                 Among those mentioned for the vacant post ot manager of the Washington Nationals of the American league is Paul Richards, above, ex-big league catcher and a successful manager of the Atlanta, team of the Southern Association until his resignation recently. Richards piloted the Atlanta team to two loop pennants and s. Dixie series playoff championship since he took over M manager in 0B3S.</t>
  </si>
  <si>
    <t>                                           AtTuskegee Flying School                 . Ala. (SX$) Miss   :sy Dunn, affable daughter of Mr. and Mrs.      * Dunn, Atlanta. Ga.. U on* of seven youni; J ladies employee? at the Tuikoffcc Army Flying School here as the first group of telephone switchboard operator*. Tlio  represent the states of Pennsylvania, 0   , Texas, Alabama ;md Gcorjjia.    * Dunn in the only one from Georgia- Mis* Dunn is  known to Allunlans i*n ardent  at Wheat Street o.~ Church of which  hc i* a member. She received her education at Hampton Institute und Mcrru Brown Collein*, where* ; her college year*  he was chosen "Mttn Morris Brown.'*"</t>
  </si>
  <si>
    <t>                                           I WORK-IT S MyH ['NERVES AGAIN J4'~~~~ \A\ pi NERVINE sCtt 7 PtOU .t EVER HAft^ft F A DAT -when you    taps** , irritable? A NIGHT i -when  and ^Z Ovcr- mm m Bkctr 1b      loss of friends, loss ot        36S3 oi pleasure, tSae   work, JaraiJy ,  Tic next time you  try lim    ect c* cm  r tve Dr. Ida  03    .2   vine Tablets. Try Er.MHes EffervoMnt      vise Tablets for Sleeplessness dot to Nervousness, Nervou*           . Nervous Heart arha, 2     ability and Restlessness. Yota mooey back U you      Bat   .      Pi tT-       Packao a* CiBtei Bc^ Dtnetfeas On Fu*.     ssd     OalT Staki DR. U1LES i^T^   *~r*~f^</t>
  </si>
  <si>
    <t>                                           Athletes Serve Uncle Sam                 FORT .. Ca.- (SXS)- Uncle Sam is  all the first class athletes to help win the  came of all. Here arc four ex* grid stars now wearing; khaki at                 Fort Benning. L to r are Corporal Kd Briscoc. Corporal Joseph T. Mitchell. Private "Greek"                 son and Sergeant Leltoss Rooker.- (S\S Photo).</t>
  </si>
  <si>
    <t>                                           Bailey Theatres 81 "SYNCOPATION" with lionel hampton be*ny goodman gent: krupa hall johnson choir Royal 'WHATS COOKING" wiin WOODY HERMAN AND HIS BAND THAT PLAYS THE BLUES Ashby HUMPHREY BOGART in THE BIG SHOT* and "'GANG BUSTERS1^</t>
  </si>
  <si>
    <t>                                           All Negro Teachers Are Rated Lower Than Whites                 LITTLE ROCK. Axk.-      - Some members of the school board here revealed in testimony last week that not only were Negro teachers considered inferior as a group to white teachers, but that on rating lists made up by the board, all Negro teachers are rated lower than all whites, including one who was recently fired for Inefficiency. Tburgood MarenaTl.  special counsel, in this city to  tie case tat the Negro teachers                 when it was scheduled to come to trial Monday. September 28. stated that the case is made more difficult by the absence of a salary schedule from 1931 to ihc present year. i This will be only the second a long series of salary equalization suits to be tried before a Jury, the NAACP stated. First was the famous Norfolk. Va, teachers'      . j  won by the Negro teachers and NAACP lasers. J</t>
  </si>
  <si>
    <t>                                           Will Play Paradise Theatre                 ELLA  Ella Fitzgerald, "firat lady of sons." who \% to appear with the Four Key*  l the          Thi-ntrc (formerly Orcheitra    , 3711 Woodward) for one week   Friday, December H, 1942.</t>
  </si>
  <si>
    <t>                                           Suspense Great In 81 Film                 ! is        t    ; many r r- limits  makr up the new . "Juke   ir!," which "~ ;i three-                 day run  ;~l Bailcv'-. SI Tlic;   Ire. Slionr above aio       ! M:~:. Bri'Jc. Kkllard Wliorf. Gnic l. anO Ann Sheridan.</t>
  </si>
  <si>
    <t>                                           The fourth session of the Atlanta Annual Conference of the Central Jurisdiction of the Methodist Church will get underway next Wednesday evening. December 9. at College Park, Georgia. with the Rev. G. W. Hatener, pastor to Greater Laster Chapel Methodist...</t>
  </si>
  <si>
    <t>                                           Proud Sisters Pin Bars On Flying Brother                 TUSKEGEE INSTITUTE, Ala.- (SNS) Two of the proudest sisters in the whole world arc these  the colden bars of a second lieutenant on the shoulders ot their                 baby brother, who has  been Riven his wings at the Tuskcgcc Army FlyinR School. Pictured 1 tn r arc   Richard C. Hackney of                 Atlanta. Second Lieutenant WendelT" Pruitt of St. Louis and Mrs. Joseph H. Walker of                 Salem. N. C- (V. S. Army Air Corps Photol.</t>
  </si>
  <si>
    <t>                                           "No," said Darnley, "but I'll demonstrate my theory of the theft."</t>
  </si>
  <si>
    <t>                                           CAPITOL NOW SHOWING HELD OVER To Spread More .7OY and HAPPINESS Tiing Crosby Kob Hope Dot Laraour ROAD TO MOROCCO'9 ROXY *T Playing G-ENE TIERNEY PRESTON FOSTER ia -THUNDER BIRDS" Plus War News and COMEDY</t>
  </si>
  <si>
    <t>                                           Port of Benghazi, After Allies Took It                 Important Libyan port of Benghazi, some 250 miles ir. Libya, from Egypt, was  by the Allies during- tho westward push. This is the way it appeared  that reoccupation. Two merchant vessels arc on  in the . At the lett :ire derelict hulks of supply vessels sunk.in the  onslaught by Allied bombers.</t>
  </si>
  <si>
    <t>                                           Atlanta ,4BHjM?%' Published DAILY and SUNDAY at 210 Auburn        By ATLANTA DAILY WORLD PUBLISHING CO. Tolophor.e: Walnut- 1459 1*0 Member of SCOTT NEWSPAPER SYNDICATE Established Aug. 5. 1928; Became Daily March 13. 1U32 77". A. Scott, n. Founder and Vublisher, Aug. 5. 192S to Feb. 7,. 1934 Bitered in the Post Office of Atlanta, Ga.. as -elass mall under the Act of Congress. March 13. 1879 SCOTT General Manager J FF MACKAY Managing Editor DaUy:- 1 Year. 59.25; 6 Mos.. $4.75; 3 Mos., $2.50; 1 Mo^ 90c SATURDAY ONLY:- 1 Yftr, $3.00: Mos. $2.00; 3 Mos.. $125 Caanoda.:- 1 Year. S4.50: 6 Mos., $2.75; Foreign: i Year. $5.50 rhc ATLANTA DAILY WORLD is an independent newspaper- aon-sectarian and non-, printing the news absolutely unbiased!; und supporting those things it believes to be lo '-he interest oJ its readers I and opposing those things against the interest ot its readers. Address ALL COMMUNICATIONS to and mak.; CHECKS payable to ATLANTA DAILY WORLD, rather Uian to individuals. The WORLD  repudiates responsibility for return of unsolicited pictures, manuscripts, etc.. ?ss slumps are s?nt.</t>
  </si>
  <si>
    <t>                                           NO CHANGE IN FEPO, FDR SAYS                 Thorough Study Given Request Made By NAACP                 Circumstances Show No Need For Change: FDR                 NEW TORK- (SNS)- In ans- wer to a-1 resolution passed by Uie I November meeting ol the National I Association- lor Hi* Advancement1 ol Colored People which urged that the Pair Employment Practice Committee be restored to its full In-  status as an -                 Mon separate from the War Man  from the White House the Power Commbsion. the NAACP  statement: "The action or' the President in issuing the Executive Order 8802 vas taken alter long deliberation ~.nd thorough study. In the light of I developments since issuance of this Order, under the free and            operation of the Committee -in Pair Employment Practices, the President feels that, there Is little basis for a request for a . "However, he has Hiked me to Ting to your attention two facts:  nc. that in the final analysis the Committee is still under direct conrol of the Chief Executive, and ;he other, that Chairman McNutt \s reorganizing the entire        ;r set-up and is relying strongly decisions and 5 .Aa.de by the Committee on all   to the Negroes. j  CHANGE SiXX i "The President directs me to tell 1 you; therefore, that under the '^. ,he sees no i' necessity1 forTner change as recom  bv the resolution of your 3oard." Adcnowledging this , the NAACP further poin ed 3ut that there Is very considerable scepticism among not only Negroes generally, but other minorities as well created, for example, by such circumstances as the insistences of the War Manpower Commission '.hat its regional offices shall control the ::on In those regions  Practice. Another  the Committee on Pair Em*!on giving rise to apprehension is .he fact that only Northern or border cities are included in those A'here the PEPC will conduct hearings based on Investigations of discrimination the NAACP said. Since aje majority of Negroes live in the South, It is there that discrimination, particularly with respect to :he use of Negroes In skilled and semi-skilled capacities, as well as in the matter of training and upgrading, is most deep-rooted and widespread. The NAACP expressed its hope that the brazen revolt of certain Southern governors, members of the Congress, newspapers, and employers1 associations against the Federal government s insistence that discrimination In war in- 1 dustries on account of race, creed. color, or national origin be abolished, would not deter the War Manpower Commission from continuing a forthright campaign against discrimination in the South, nor impede the efforts of the Fair Employment Practice Committee to unearth and eliminate such discrimination."</t>
  </si>
  <si>
    <t>                                           NEW YORK--(SNS)--In answer to a resolution passed by the November meeting of the National Association for the Advancement of Colored People which urged that the Fair Employment Practice Committee be restored to its full independent status as an...</t>
  </si>
  <si>
    <t>                                           CHECKING AND SAVINGS ACCOUNT SERVICE Hirst National Bank ATLANTA CAPITA L. SURFtUS PROFIT? 11CCCS.0CO Member Federal Deposit Inmrance Corp. BUY DEFENSE SAVINGS BONDS</t>
  </si>
  <si>
    <t>                                           ns* shopping T \f7 OA^S LEFT")</t>
  </si>
  <si>
    <t>                                           CORDELE, Ga.--The atmosphere around Gillespie School was filled with a real Thanksgiving spirit last week. The chapel services were conducted by Mrs. R. L. Torrence. The senior class served dinner in the Home Economic Department and had the high school as their...</t>
  </si>
  <si>
    <t>                                           HOLLYWOOD--(SNS)--... in the Sky" is now in the zero hour stage. It is that time after birth when life itself hangs in the balance depending on the skill of the attending physician and the whims of the gods. It is like an army which after tedious months of training...</t>
  </si>
  <si>
    <t>                                           VUitc     Texas                 Staff Serjjcani Carficld Tucker of the 889th Basic Training Squadron. TuskeRee Army Flyins School, who spent his furlough in San Antonio. Texas. A KT. of Atlanta's Washington High Scbool. Serjeant Tucker was :t sophomore at Morris Brown when he . After attending the Char.ute Field,  aviation school, he was assigned at Tuske^ec, j</t>
  </si>
  <si>
    <t>                                           fo^**-^ Dr. Hriuler's Shoes Atlurn Drew.       ^^~5^^^^^^5r Htel. -mm No. 81S9 Sr Shopping or walking requires KHL  and comfortable feet. U^^^ a Comfort combined with style  Mj^^^^^J3B3^ 1  what you will find in TBiffljfcgggjgj^ -DR. BENDERS- \B^Pk?^. prescription shoes ll^         $6.95, $8.95 and     ^^^ Dr- Bender's a name to . ^^^B^Bta^K member for comfortable Uatkn- atn  A name you will AAi'U t. S6J5 remember! DR. BENDERS 124 PEACHTREE ARCADE OPEN MONDAY TIL 9 P. M.</t>
  </si>
  <si>
    <t>                                           NEW TORICJANPl The hero Lcul of America's Negro soldiers. faun the battle of Bunker 11.111 to the defense a Bataan. wan the subject of "judgment Day," the army's own radio tribute to its !col ored troops, aired over WJZ and .h. Alno notwork. 1:90-1:55 D. m.</t>
  </si>
  <si>
    <t>                                           Appointed Notary                 MKS. BORA li. DAVIS -Friends of Mrs. Dora B. Davis, secretary of tin* progressive Funeral Hume. BunlUc, La., arc congratulating her upon her recent appointment as notary public for the parish of Avuyclles. Mrs. Davis Is very active in religious and civic circles.</t>
  </si>
  <si>
    <t>                                           NEW ORLEANS, La. (SNS) major Reuben L. Tqtuni, Uniteci States Army Area Engineer for New Orleans and vicinity, was praised this week by . Clarence A. Laws, INecutive Secretary of the New Orleans Urban League, for his "fairness and foresightedness in administration of his office eg it relates to labor."</t>
  </si>
  <si>
    <t>                                           ^J * Iti (I!? HOLLYWOOD S GREATEST STARS in "STAR SPANGLED RHYTHM" bk; i-star program    Ti.t, CAPITOL NOW HELD OVER! BUD ABBOTT LOU .LO "Who Done It" HARRY JAMES And His Muiic Maker* "Basketoers" Latest Sport News ROXY ON w STAGE A. B. Marcus Preicnt* "FIESTA' A Carnival of Fun and Frolic from South of the Border On Screen LAUREL AND HARDY "A Hunting We Will Go"</t>
  </si>
  <si>
    <t>                                           GLOVES MAKE FINE GIFTS FOR.THEGIRL IN^YbURTlFE;                 *ft, washable  gloves; tup right, -short white ; below, tan doeskin glove*-.                 It* you .ire worrying ov.~r what to give the girl in your lift?, give a thought to :i good-lookin;;*"        gloves. Whether she s Mveotheiirl. wife or mother, she ll     delighted, with your Christmas gift. Be, sure to get the right size and also get gloves that a-e washable, ao they can lx; dipped in suds, rubbed! gently on the hands. rins.-J ami always be clean and fresh. The three types of gloves shown above were all designed by Kislav. At left is a pair of st. washable  gloves in one of the new colors, v.'orn with a fur com. Top right, short white  over which is worn a smart new. y^atch. Below, washable tan doeskin.</t>
  </si>
  <si>
    <t>                                           Expect Liberia To Declare War On Axis Powers                 WASHINGTON. C.- i.SNSl -Liberia's Ion; m:            soon will did. ;~          to opinions "!'! O'e capital herc The presence of Uiiilcd Suites 'troops in the country. Ihc aS"~        between the two governments make it            for the little African " j Ions maintain its past Jieu- Iniiity. A declaration of war on I the axis powers Is expected dai- I ly. It  be to Wberia's adv. to make such a declara- i tion because her interest would be furthered In tlic event of a. . Officials of (he l  country ;irc ?  ami the Secre- tary     State for Liberia    in- dined, to declare      - I lately.</t>
  </si>
  <si>
    <t>                                           Army To Expand Its Program For Training Negro Fliers                 WASHINGTON. D. C- (BNB)- The War Department announced this week expansion or the pro- (.Tarn for training Negro combat . A group -will be formed  of one Squadron now being trained and two new ones which arc In the process or - i                 ration. It will be provided with all the supporting services, not wily those of the Air Corps, but or other arm* and services  as Signal Corps and Quartmaslers Corps. Metroes are being -d throughout v'~-*.'~ ^v^.                  Technical Training Command oi the Forces, as well a.s at the Air Forces Officers' Training School at Miami. TIic Army nov: lia; a number of large Negro units, including several Ncgco Infantry and Cavalry  : tanks and - battalions: and important units of Field Artillery. Const Artillery. Anti-. Enginect, Medical Ccrps. Chemical Warfare. Signal Corps and Quariermasters troops. In addition to the units here are- Irmusierab!*  or.^s                 Army To Expand (Continued from Pace 1) of great aggregate Importance Substantial NegTo  ore to be found In til arms and services of the Array at home, in all major Expeditionary Force1; abroad, and in almost hII tlic technical and service schools, military and civilian, run by the Army or                 contrast to it- '-'.-7. The rote.of-4hc.Mcgta.          3(Waf. Department employment ii 6lso 'an  one. Statlttlcs pram' tHe Held             '    not available, but figures- ot the Depar^nent A^'. Services show that of a total, of 1 47.S44 civilian employees at tho I  time, 9,569 are Negro.es. I</t>
  </si>
  <si>
    <t>                                           WASHINGTON, D. C.--(SNS)-- The War Department announced this week expansion of the program for training Negro combat fliers. A group will be formed dompoaed of one Squadron now being trained and two new ones which are in the process of...</t>
  </si>
  <si>
    <t>                                           MigoshlMr. Five hi Five!                 Well, well, if it Isn't "Mr. Five by Kivc"- and in the  too. Ho is Clay Womack, OO--old  worker in U,a Angeles who is Xcet  and just 5 feet around the waist. SinBer- Actress Crace McDomilcl, who  the search for tho roly-poly character of the hit lurio which she introduced, is shown  Womack</t>
  </si>
  <si>
    <t>                                           Special Reading 25c Taut Imckj Days An Given Rh Madam Eva Palmist and Adviser  FACTS AND GETS RESULTS nils madam warns yon - she (attests wisely- she  hilly. SHE ANSWERS AIX QUESTIONS. Know Thyself and Mnd (access and happiness. Satisfy yourself by seeing Madam Era. 1015 W. Marietta Bd, N.W., Atlanta, Ga. Take Marietta-Inman Fard Car to Bin Marian1* * Btatlun. Look In Bant 8   . GET THE POWER TO WIN THE ONE YOU LOVE __5-- T__SIop   ^~^ft^lw'"^ ~'ou n*^~l win     ^^z"11'1             oue 70s W flC . Wouldn't you g JM KAN1-    -() t Iinaw B_^          wlmt It U und how MilWHIittJI In K-t        JHBk ? You   fl-i t Iinwfr ^a In you   -H, ULsCOVEIi BOW to KH It  t ! Von tlon t      * tft set      rower of love. Anyonr ~-mi Kft It. Thp one   rmi ba Jfturs in      Ir you \F  Tlier^ Isn't  n-ho c a r*slit  yott If yon tine                4f of   work Hk4        ]^ KB          first t1    to yon In , . ^       , firing you tba   that  op*n      wm in thr lure  vit ,  about !       .UO. Sfml only ?~~nr name             and I'll mull ttt!4 rare.               to  onr lit fi- lit u          - mai-kMl "~'.   Iipii  xn it, pay          SI vim . I'll pny * If yon ~.n.l only *I ih.w. von  \,r  In OM-. MICIK Iniw you           '~*  -(H ftf I.~i\t*. nt  - t nny nor. wnt anA I*J1   money . AVillo ! Hflfty U      !  ru,   - nml ~.       . YOUR LOVE ADVISER    \ isMi-s.i. n.o.r.      t Ttr</t>
  </si>
  <si>
    <t>                                           R .D. J,--I am a high school graduate this year. My ambition is to do the best I can in life and really achieve something. Will I be successful it I take the business Course I am planning to begin in the summer?</t>
  </si>
  <si>
    <t>                                           DR. GEORGE WASHINGTON CARVER s- Nationally known Scientist, reports: "I found a  too;  in peanut oil not found in ether oils.* F'' J CAB7OUWt, tfw KubHnff Oil Terted  nd ApB proved bv Or. Carver, il now on tale at Drug Store*. ^S*' FOB -FG8 MOTHERS -FQgmiSCOUB RELIEF</t>
  </si>
  <si>
    <t>                                           Mrs. Grace Bloan Overton, noted lecturer and author, at a Morehouse Chapel service Friday, named three fundamentals of life, which will still be with us after the war is over. They are (1) the birth of a Child; (2) the social situation into which the child is born; and (3)...</t>
  </si>
  <si>
    <t>                                           Yon- too, ~*an  fwl      ex*  fU M-t of ~;inv*T*   .M^' Medicine nt  fl And tm wp  ymi        *        ^    -*.~~ TrLil -ApplIenClnn! ,^s!; for UtoV^rN fit nnf Hfue    .rc! S^ihI fnt  for      Cnmr^ftn Trial Appli^tion  f CLOVER S * Muncc  1 M.-Inf :mil -til** new  I. ReuiiJy .~              . in liT- i -^- mottl*~K. T*"it     * 1 '*;* Al4Mlic1tt.il *lT*   #1isf. your- j ~^lf! ~'     "if        *        nrt UntikIrt "Thf Si'lfntlflc i  of Sml(~ j mid Hair." Inrliwlwl ! ^~~l j         I winy! ^^ ?^h wUh  fo' 1 1  S. ICt Wr.it 3t*~ Street"" *j m Dept. 5C.  w York City. 9 Send Trial Package. Clorcr's Mnnxe j Medicine and  ^^AMrOO. a j 1a      *-      ,  nd In forma (It*1 Nc^LJ^L Z enclose 25r. K i .na^tk ADniiF.S.q</t>
  </si>
  <si>
    <t>                                           ORDER SAVANNAH SHIPYARD TO EMPLOY NEGROES                 Colored Shipyard Workers Will Get Jobs In Savannah                 Had Been Barred By Fellow Union And Yard Owner WASHINGTON u\?sP. NetT.j .ML lc;jl. currently  the '.i-hite AFi.- council must be ad  to the McAvor SUipbuiltila; corporation of Savannah, tae FEPC tolt! both the ccm X'.ny and tlie Sr. SuUdins Traci'.-' council . TUis order is Uie . i.-.Birniinxlian, .gs in Juii= '.vhere tile  was chai Svd witl: :! against Xesic v.orkers who are members ot u !oc-.;i uf Use Unlteii BrothtrlitKiU of Carpenters and joinery. The (.o:.:po;i5I,   cv. Crete Dav^'er1 Jor the co\'tn*;.:u:i: hired all '.eri -j'.i APL ;; U-^cus eC3:cil whit',  only ~. S  Ue; the tact cbat the Xc^ry ]otu. v.as also a member Qj tet  j:: Tne company has a clci-ju shop  Sreuio::t Tith tlic- Alt.       fit.new order will  thy N-.-jiv  joal to bt admitted ;is n ~;o-!'j! of Uie ^. The FHPC alio  .pii int:. tbr-l ihe ):i '. j. to  JJesro dcc.r.cu.^u.  ^Lec: u?* ii?.-x -i\i.!i". fcL-caiu:^ ut'  vu^c. TOE AKE GOfcTi* OK ^E  rivo ^or^c:   ^*ore -~l on simp!.' .' ch;ir?es in Fulton Crlm!:i:tl Court \Wi'.:e:'cay a:;d .  .ice.s of  i" r:i-' months s^ch.</t>
  </si>
  <si>
    <t>                                           It sounds nutty, but it is true every human individual is about seventy per cent water. Water is a more pressing necessity than food. You can nibble, on practically nothing for a month or mere and be comfortable, but a week without liquids would find you...</t>
  </si>
  <si>
    <t>                                           I Here if a way  tanned dark, skin tod  ^^^H^^^^CS^^S^^^k .                                         ^^WpBy '~S^Bm^m t-kin. Dr.TRED Palmer's 5Hn If7^       to work ^Krl I ^AolH ;*jt s*. New? Days'Trial Offer. Sat- AT c*V0 ^Ht^j$P^^^^^H -^ or Money Back. 25    oil  ^ *l52 I^HIV f;      INO. Box 264, Atlantn.Gcor8U. 9 H C DR.       S SKIM WHITENtft fc**"</t>
  </si>
  <si>
    <t>                                           The ghost of an ill-fated secret romance haunts Kay Wentworth, 24, as she comes to Cliffport, Maine, where her father, Philip, noted harbor engineer, is in charge of a U. S. defense project. Five years before, Kay had eloped with Bruce Jollimar, who disappeared...</t>
  </si>
  <si>
    <t>                                           will render musical and Literally program at the Butler Street CME Church today, 4:30 p. m. Some of the city's best talent will appear. The next meeting will be Thursday with the president, Mrs. Moses Burse, III Bell St., Apl. 94.</t>
  </si>
  <si>
    <t>                                           Speaker Tonight                 UK. I). V..JEM1S0N ....president of the National Uap(Lsl Convctilion. Inc.; wlm will be the principal speaker tonight at the Wheat Street Baptist  during the closing session of the Bible Conference which, has been In session since Monday. The meeting gets underway at 8:30 o clock, j The closing session is open In the I public</t>
  </si>
  <si>
    <t>                                           This Is How Count Relaxes                 Count Baiic and two of Ilie loys in band beat it out between scenes of "Hit Parade of 1943" in  thi, popular orchestra leader and expert group of jazz artists go to town. Other  in the musical are the Golden Gate Quartet, Popl and Louis and Nicodcmus.</t>
  </si>
  <si>
    <t>                                           L'.ll!M*Mi:ilH;  .U[.    \!2 J Beware Coughs from common colds That Hang On Creomulsion relieves promptly because It goes right to the seat of tho trouble to help loosen and expel germ laden phlegm, and aid nature to soothe and heal raw, tender, Inflnmed bronchial mucous . Tell your druggist to sell you I a bottle of Crconuilslon with the  you must like the way It quickly allays the cough or you are to have your money back.  I for Couch;, Chest Colds. Bronchitis</t>
  </si>
  <si>
    <t>                                           Eleven years a ler the founding of the National Association for the Advancement of Colored People the Atlanta chapter was strong enough to be host to the Annual Conference of the Association. Prom the time of the World War I until 1920 the local chapter...</t>
  </si>
  <si>
    <t>                                           Leaves For Army                 .FAMES YOUNG, one of (lie!  men about town left Weil- i  to join Ihc armed forces of I the Unik'rt .'States. A graduate of! Washington Iligli Scliool. lie at- j tender! Clark ami .^ Colleges. Ijriner an Imnorarv  and [ of Slip  Club of SI.   (ri-      , Florida, founder i f (ill- famous            iif the illy:  of Allen Temple A.VL' ~-, ami one "if; Atlanta'-; hest makers uf fine'  for u-.</t>
  </si>
  <si>
    <t>                                           THIS IS A MAST HjQH ATTACK ON JAP VESSEL                 WHEN YOU READ THAT A "MAST HIGH" ATTACK was made on an enemy vessel this is what is meant by such description. Jap seamen aboard this destroyer scurried lor shelter as a U. S. bomber roared down on it during the battle of the Bismarck Sea. Note logs on the ship s deck that were intended for landing Operations that never took Dlace. The 22-thin  urns   0mnH rait hv AllioH  anH                 torpedo planes and approximately 15,000 Japs lost their lives. Army Air Force photo. (International)</t>
  </si>
  <si>
    <t>                                           RIO -1-gTAR  i At The I CAPITOL NOW HELD OVER! BUD ABBOTT LOU COSTELLO "Who Done It" Plus HARRY JAMES And Hit Muiic Mtkeri "Basketcers" Latest Sport New3</t>
  </si>
  <si>
    <t>                                           The Morris Brown Wolverines staged a spectacular rally late in the final period to turn back the Independent Collegians, 52-47, in a heated hardwood tilt, played Friday night at Sunset Casino.</t>
  </si>
  <si>
    <t>                                           $m I How To Help Save I ]gr I For Your Victory Tax! I ann  ^IBi'S 9HH9 Ti'cie are days w icn p^"Mwm ^fe 4^9^Hfl n CS'  alld  Ei Li la ^J ^^B/\ ^~P' fl^      count and soon mount ^^ml AS /^ff^H WB l0 dollars saved- So, right WLJ JP A T IVf .l^r \U nows "Ie "mc to mcet your  I Ei n I HOI^ Victory Tax! Shopping at 14-Ox.Pkg. 28-Oz.Pkfl. R\~~A /fl A*     do the trick. You-I. 3 3 ^B\ ^T ^^^F i^H MORE food for your 8C 14  H^V  y^fl .lo ^^^B^^. -^^ pay 3'0Ur "lx "   " ~'~u ^^^^Bi^^^~f^^a^^HiH 6c all your food under ANN -ASSORTED ^^EJ^^^k^^^^^H .'S  EXTRACTS l-~ 17c  SOUP ANN -SWEET GARDEN I k J I 1 k 1 1 TB Kt J Relish "^12C WwWMfJfq 2     25C Victory Food Specials!, ^HHIBiSRHQ3BlaEHelB3EHr I I^ClVy Dt?~l1S    . 5J j IDAHO  IConlmns Vilomlns Itl-~. and C! I I PilltO Beans VJ1 9C PATATflFQ 1 Lima     at 13e r W H #% U t CORN MEAL {~ 23c i nww-  C NEW WHITE (COnlalnil Vitamin! S1+  nd C+l E  3 .,c.68c Potatoes 10 37C I MOTOR OIL 2C^AN1' $1.32 PuaniDA-UAncE size (va. ni+ and C++) H red rock 25c Oranges *~T 25  I l H ij^  STATE 1OUS IContalns VH CM H Wi%fsu*n Apples. .3For 13c   WA6'1X)N STATS WtNtSAT          Vlt. Ci I I ^""!8 Apples,.,  25C I ^S^^^^S^HS*^  -l.tAT  V,i A + 4. Bli. C++  nd O++I H (*^       Spinach u, 10c II 1 f wi -1^?^ ^   TEXAS (     "ln%        ? *4-j.,   1+ Jn-J c +     I tf- Ssf Tender, Carrots 2 "" 1 3C I IVL TempthicfcJ I ^^^""^^^M^"^1T^ ItOIltDA            ViNmlm A + B!+  nd C)+) H I J/ I Tangerines   "" 15c I I Golden Pound 1 Oranges !lb8 9 29c I I f^ H' FLORIDA (Cont.lns VlUmlnj     - and C+ + I SS" 19C I Grapefruit 6 24C I I Try Worbl* Pound, foo(~S -     source 'r+Ejttiitoi source B StNNYFIELD RICH RENNET POWDER Gems 2 X' 1 9C Junket 3 25C C1UI.FS nEST- ALL-SWEET Beets IV Margarine 23C MARVEL-ENR1 CIGARETTES Bread 1 1 Kool $1.54 AUNT  HOMINY NATIONAL 3-MINUTE OAT Grits 8C Flakes %z 10c COMET WHITE JELKES GOOD LUCK Rice 35  Oleo 25  8-  OR CRI8PO CHEESE CHIP Jewel  L 19C Crackers \t; 10c CLEAN SWEEP CRISPO BLACK  Brooms 30  Cookies X1 10  SPECIAL CRISIS OATMEAL Mops 25C Cookies 1 0c   TOILET   SOAp I FRUIT CAKE CAMAY OXYDOL I I- 3Se Msd- ^c I ?-U,. Coke 7 C 3 CiV" 18  Large hS .-22c I</t>
  </si>
  <si>
    <t>                                           RIGHT NOW-buy the coat of your dreams at All-Clear-For-Spring Savings!       Regular 24.99-29.9M33 mm m co ATS jfl  jj P^,     BLACK NEEDLEPOINT T ^      RICH  l^^. AUSTRALIAN ;P0  Uivi JJPifflW'^ifl^ ^    s r  *'"cen luc^y people will be the ^~1 R*~ proud owners today of a gorgeous fur-lavI I* ft '- ishe^ coat t lat should se" ^or dollars more. i r^^ImlP" coat to       now 'l" sP"nS start Z1 'I^H^jl^Pi  w nter 'n *hc warmth of style. Each ^^Bj^V^ beautifully styled in smart flattering lines  (that  be just as new next season!). Broken Sizes -v-~vM-^JR^gg 16 tO SO ifM ^f HIGH S BASEMENT il  year to buy a F^fd]    ' time, to SAVE MINK*. iSm* CONEY  ^TSJ*49 Regularly S59/. - S10 v I- 1 I -'C/^ I 1 '% '^ above all years i^-^ to invest in a j, luxuriously beautiful, eternally^ i .\"2\varm. fur coat. And w?!i:n you tati save S10 on"; soft,  pelts as pretty M '^.J you d  /          choice. Stj- lines, lovely linings. 12-44.^ t V     -B ASEMtKl/-.</t>
  </si>
  <si>
    <t>                                           NOTICE We represent the People's Home Benevolent Society- a society for the benefit of old people who cannot get insurance. Any one from 16 to 70 enn Join. For further Information call us. Cox Bras., 380 Auburn Ave., NE. Ja. 2172-3. MADAM ROSi; PALMIST Mime wno s nr.iti.i          tn  vud your *       life , .nl m-^  future. Kite HHft      n(l   U^~O4      BJ      will It'll     nil Wj^^MM     mini lo know. ^^^HV giving: ,      *~ ^HB     . lu'-. ?ir.. ^~^^B  : (     ^^^^^V  you will ^^^K many nnd , W^^B anil * you mi Mil  ut      . One TUlt uav** ,    many ill-.         and Sunday 10 A. M. tn I*. M-     *ri* -J^ Rt Innrilnn of  Avr., nnd Jluwi'll Mill led.. imin  Mill R.I. Ibi  ur, lo lake Iloorll .Mill ltd. Car.   ut d(rf*r. In 1' Triillrr. WANTED AT ONCE COLORED LABORERS FOR DEFENSE PROJECT FOR BOTH DAY AND NIGHT SHIFTS COME READY FOR WORK APPLY AT EMPLOYMENT OFFICE FROM 7 A. M. TO. 3 P. M. DAILY ROBERT CO., ASSO., BELL BOMBER PLANT MARIETTA. GA. Colored Skilled Workers ARE NEEDED IN AIRCRAFT PLANTS Prepare yourself now for one of these high paying jobs. Learn AIRCRAFT WELDING in day or night classes. Classes are now in session and we will remain open until 9:00 p. m. on Monday, Wednesday and Friday nights -to accept enrol/. Federal Aircraft School," of Welding IRfi  St., Atlanta,. Ga.</t>
  </si>
  <si>
    <t>                                           Walter White Resigns Council For Democracy Post In Protest                 Brown s Article On Press Rapped                 YORK CITY -(SNS)-.  of the Council for l.rini.fi  s refusal tn accept responsibility for the publication of an article by Warren Brown, one of its  employes, slandering the entire Negro press, Walter White,   sc- of the National Association for the Advancement of Colored People, resigned this week as director, of ihe Council. The Brown article  . mi newsstand* last month in the December 19th                 Saturday P. of Literature and the January Reader's DiuCMt.                 Ernest Angell, president of the Council for  In answer to While's query us to whether the position of the Council was "Indicated" by the Brown article said: UP1 BY COUNCIL "The Council. is not called upon  to endorse and adopt every statement made In Its general conclusion, nor to repudiate the particular statements and general conclusions. The article Is not in the formal sense an official Council publication. It was written by a regular member of our . We knew It was being written: we saw the piece before it was turned in for publication. We did not see tlu'.n nor do we     now any reason to disavow It or to modify It." White charged that the Brown article is not a well-rounded presentation and would do "infinite harm" because of its immaturity and false emphasis. He pointed out also that the appearance of a reprint of the article in a recent Texas dally newspaper alongside an advertisement of the Ku Klux Klan was an unpleasant coincidence. Accompanying White's resignation was a statement by Roy Wilkins. Assistant NAACP executive secretary, CRISIS editor and veteran newspaper man. Wllklns asserted that evidently there was n plan for this article, perhaps before 11 was written and that someone was very anxious to place the 7 million circulation of the Reader's Digest behind Brown's statements. He said thai Information had reached him that the Reader's Digest had had. this article originally and had approached several magazines Including OPPORTUNITY to get them to publish it So Hint the Digest could "digest" it. CONTEMPT FOR .S Finally, it was placed with the SATURDAY REVIEW OF LITERATURE and published simultaneously In the Digest. "I think." Wllklns concluded, 'that the publication of this Indictment of practically the entire press of a minority of 13 million people Is Indicative of misjudgement of and contempt for the ability, aspirations and feelings of the great masses of Negro citizens."</t>
  </si>
  <si>
    <t>                                           NEW YORK CITY -- (SNS) -- Because of the Council for Lemoeracy's refusal to accept responsibility for the publication of an article by Warren Brown, one of its paid ployes, slandering the entire Negro press, Walter White, executive secretary of the National Association for the Advancement of Colored People, resigned this week as a director of the Council. The Brown article appeared simultaneously on newsstands last month in the December 19th...</t>
  </si>
  <si>
    <t>                                           KISS AND TELL! ~\Vonl   -tt* m  vi Jtty fa:t when a  lun li.*~hl"ri (kvl bn.-at*l).         * may Wo     ^    f rK"n*ij fu^t ua slit* net*  Rentirmbcr that  *^*cn ,  hava  . .ini; it, hu don L take ^. TWrtrc  .     -r Tnouth  Lbttrin^ Anttsrptir. the wcmd* antiseptic and  K-odorant m many Tmpular people rely vn to  b*J . . hvt moat ~-    , 5;ty some *. ore          *   ^   *n*.        of tiny foot!  on . mouth     c^im . Llitcrin*.* hulu vich  and tbm ^s       *. I^ Pharmacol Co-^~. Lo*U,      before Any Date Umc LfSTERINE ANTISEPTIC ?  . V^^r*. *?"T^   ^'rrr^rr*</t>
  </si>
  <si>
    <t>                                           THE REMARKABLE Rl'BBING OIL Perfected and Vsed by Dr. George Washington Carver Eminent Scientist of Tuske?oe Institute NOW ON SA.LE AT YOUR YATES MILTON DRUG STORES r And AMOS DRUG STORE Is Especially. Rec. for the Treatment cf Sore Muscles, Expectant Mothers and Babies</t>
  </si>
  <si>
    <t>                                           CRAWFORDVILLE, Ga.--Miss Mamie B. Peek spent Sunday with Miss Esier Daniel, Misses Mamie Peek and Marie Harris were delegates, to the Sunday School Union held with the Black Log Sunday School, Miss Ruby L. Nelson, H. E. teacher of Murden High School...</t>
  </si>
  <si>
    <t>                                           Woman Indicted For Slaying                 The Pulton County grand jury returned a murder indictment against Miss Dorothy Stodghill. 25. Tuesday. The true bill charges that r-hc killed E. Y. Walker. 2G. of 1" Mnrrliind Avenue. SE. with a switchblade knife last Saturday afternoon in (ho Im.siness section of Decalui Street. Stabbed In t!:o chest and heart. Walker died  arriving at Orndy hospital. Police arrested the suspect  she  at the hospital and said she was n friend of the dead man. Officers said they found her in possession or a knife. Escapes Indicted By Grand Jurors Six prisoners listed as Lawrence Darts. Fred Davis, Walter White. Randall McHenry. Roger Dillard and Adel Johnson, who escaped from the Stonewall Prison Camp January 3. were Indicted Tuesday (Continued on Page 6, CoL 1)                 Escapes Indicted (Continued from Page 1) by the Pillion grand Jury. The men were charged with escaping: from prison. Another indictment returned against the six men charges that they beat C. E. Duncan, prison guard, with their fists, threatening his life. A third indictment voted against the men charges that they robbed C. A. King, another prison guard, of his pistol during Hie  from the camp. Adcl Johnson, second of the escapes captured by police officers, already has been Indicted on rape and robbery charges. He was ^d with committing two robberies and criminally attacking two women after he  from the prison.</t>
  </si>
  <si>
    <t>                                           NATURAL PAGE BOY ATTACHMENTS YOU CAN . YOUR HAIR      A PERFECTLY MATCHED FOR        'M $^                * ~^^6S S tMi Ecsiiy AHachsi    Human Hair *0r\ ~^^-v        NO MONEY y*'' J'ffil} p/.v nr,ia;u --/co piu. ,.0.109. fl^^Kn ^N. '.!?J0  Of^LP  A l^H^^ JESSIE  BEAUTY PRODUCTS COMPANY 5.0? .F.'FIM  (Reorn 90S) NEW YOiK CITt</t>
  </si>
  <si>
    <t>                                           HE CAME, HE SAW-//-* Jap Blow Himself to Bits!                 '"THIS IS  of the little J^d -.vho v;zzs.t thers. ~_n"U.ustr*"~i i=  =2an,      in , cir^t 111502 a Jan  ir: the Faoua. section  G'i=il, a^i Jour      g.- eu* to ssi to escape. CSSgg. , -7^?*,$?, ,r,^'S?,i^.                 were . A  started to wade in witt o=ft  urop*"'*'' ThK's th* Jap ,S4S= != wste at left,  10          "~. opened bis ie4 to  t gre=*"e. CtZM Hf*. to  J*o^'    :</t>
  </si>
  <si>
    <t>                                           E GEORGE WASHINGTON CARVER KaOondOti  SdtntUt. reports: "I found a   te  oU not found in other oil*. F I- -T CAJtVOLTOTC, th4 RubHno Terteil  nd ApR^^q     Dr.       , U on tole  rt Drag Storei.  BABIES- FOR - FOR  RELIEF</t>
  </si>
  <si>
    <t>                                           McNutt Decides Not To Register Women                 Mobilization Is Planned On Another Basis                 WASHINGTON. D. C- (     Compreli.' plans for voluntary mobilization of American : Tor war employment were announced Saliirrtuy by I'aul V. McNutt,  of the WaiManpower Commission. Mr.' s  was taken nmm tho                 recommendation of the Women's Advisory Committee which iret in Wnshingtor. on January 12 and 13 The plans  *oe varied area by  according  c loco1 ln jor needs. Mr. McNutt pointed out that there were three type.", of area? which must be de.ilt with by the Commission. Even- effort is being made tc adapt mobilization plans  n  local r.lt"alion. First nro th? - in whim there is  u:-'-.?nt. and whr-re no aggressive  will lie taken to bring additional women into tlie Ifltrar market. Naticuni discussion ol the need for women workers has unsettled      Jabor market In- some of          and Mr. McNnlt em^ that recruitment of women is not need-id everywhere. Second "are areas where direct  of, women is  placo  the United Sta'co Pmoloymcnt Service Offices. The j women are brought to the offices or to special recruiting centers I through educational efforts of th? j press, radio, local , and the cooperation of local err- 1 j . They are referred  to jobs. Jr to training - es leading to known jobs. Third arc areas in which the most Intensive direct recruiting, through educational methods reach                 :he point of diminishing return*. !\s these develop, steps wl l be taken voluntarily control wom*?n in orler tc obtain information as to their training, experience, ., and other factors. Tills                 Ip. will '.e  man- i power authorities to estimate their total potential  or women workers iind plan for other .labor supply . j Mr. McNutt. said thai the cie-   s tc when (he third stage is reached would be mad,~ by the I Manpower Area Director and with j tl.c advice of the Area Manpower Committee. He pointed out that In even n labor market as tight as Baltimore. Maryland, direct edu- 1  methods have bsen ; in  more than a thousand women workers a week Cenlinued on l age f. rol 5                 McNutt (Cnntlnurd frem Paf* 1) through the Area Manpower fac'.Mts. The "Regional Mimomr                 tors, Mr. McNutt said, will be responsible tor conducting  N recruitment activities In every area to correspond with  employer agreements to their women. These  will detail Uw                 number or women to be hired, when they will be hired, and In what occupations. local manpower officials wUl also take steps to expand training faculties for the kind "of training and the  of trainees needed In the area. On-the-Job training for women workers, up-grading training for women foremen and supervisors and technical training will be included, the Chairman added.</t>
  </si>
  <si>
    <t>                                           WASHINGTON, D. C. -- (SNS) -- Comprehensive plans for voluntary mobilization of American womanpower for War employment were announced Saturday by Paul V. McNutt, chairman of the War Manpower Commission. Mr. McNutt's action was taken upon the...</t>
  </si>
  <si>
    <t>                                           CHECKING AND SAVINGS ACCOUNT SERVICE First National Bank ATLANTA J CAPITAL, SURPLUS PROFITS $10,000,000 I Member Federal Deposit Inmrane* Corp. I BUY DEFENSE SAVINGS BONDS j "^T^^^*"*^' i</t>
  </si>
  <si>
    <t>                                           s TO n MIDNIGHT Strict, (jar' Sr.wic?: AvailablB T J All PoidlS "I L 01 Tlic City Until Midnight J  DURHAM ANO HIS ALL STAR GIRL BANO EOSiE DURHAM AND IMS ASl-Star Girl Band Featuring The Four Durhamites TOP HAT Advance 65c At Box 85c TICKETS NOW ON SALE: Vnfcs Millon. 1 and 3; Burdofls: .lac lis. Kimfcr Sf..; SpcnccV. Pharmncy: Ted Li-wi?   (=,inrr?;             ? Smoke House; Hblk)ny.n; HVst Side Ta:'S!'~. Ati\ ance    !f Er.d? P. (A    !~b=~~'-ern         AUrestior.)</t>
  </si>
  <si>
    <t>                                           BUY BONDS*</t>
  </si>
  <si>
    <t>                                           Atlanta ^^fe W)rl"d Published DAILY ana  at 210 AuDura Avenue By ATLANTA DAILY WORLD PUBLISHING CO. Telephone: Walnut 1459 1460 Member of SCOTT NEWSPAPER SYNDICATE Established Aug. 5, 1928; Became Daily March 13, 1U32 W.A. Scott II. Founder and Vublisber, Aug. 5. 1928 to Feb. 7. 1934 Entered In the Post Office of Atlanto, Ga., as        -~-lass mall under the Act of Congress, March 13. 1879 C.-A. SCOTT General Manager CUFF MACKAY Managing Editor      :- 1 Year, $9.25; 6 Mos., 54.75; 3 Mos., 52 SO; 1 Mo., 90c SATURDAY ONLY:- 1 Year, $3.00; Mos. $2.00; 3 Mos.. $1 25 Caanada:- 1 Year. $4.50; 6 Mos., $2.75; Foreign; i Year. $5.50 .The ATLANTA DAILY WORLD is an independent - non-partisan printing ihe news absolutely  and supporting those things it believes to be to the interest of its readers ind opposing those things against the interest of its readers. Address ALL COMMUNICATIONS to and make CHECKS payable to ATLANTA DAILY WORLD, rather than to . The WORLD expressly- repudiates responsibility for return oj unsolicited pictures, manuscripts, etc., unless stamps are sent.</t>
  </si>
  <si>
    <t>                                           Manhattan Shoe Shop 838 Hunter St., SW. AM 1832 Cleaning, Pressing, Altering, Tailoring, Shoe Repairing While You Wait</t>
  </si>
  <si>
    <t>                                           DAILY CROSSWORD SPpflll! ACROSS c.Ofhees 24. Piste of CLlASPHnANiv l.Gasp S. RclW3  MeJn H  B a d 3. Fades A.  2 R. Knock KSflBi8-B BHii H Hi 9. Kish plants 27. Ptrllfs with ."3 *~BiR. ^IgJB k S. 10. Source of S    .-..   .va font d ?li Sol 5 r I 5 Indigo fi. Inside 28. Island n!T HHH Nlplw m 11. Excuse 7. Hishnp'.i CB);i l G B       12. Speak headdress 29. Kalntiieso   )a S Tjjfe T T 14. Rank fc. Traveled 3 1. Title M     A lHi i v c t 15. Undershot over snow 34. PassaRrs           [P A rs water wheel 11. Dull pain between B8i *?r I           16. Female fowl 13. Cereal seats 17. Uttle child crass 35. Exploitrrl   .    .y".       IP. Ovum 1~. Tree r,S. Toward the 40. Aloft 20. Type 21. Factors lee 42. Diplomacy  22. Swncrgcr ."8. Vessel 44. Bllfptlcnl t 21.Trnnsparrnt 23.  y/y 0% .~ -^3 ~%75 24.Periortof %/ W, lime C4O.--. ^55 :5.Wonrty 27. Srnitipizeo IJ b IP         S(VAllow,nr. in 31. Broth 72 W 32. Near to  2 33. Holy person 2U X^    2fe SR. Mother ST. Fairy queen 77 2e % J" 39. Anjrer ^2 40.BCI11 ?P ^31 43. -j? ?J xZ 3U 3   3* 4S. Apave iii 46 4R. Summon 3S uo forth /   47. Pleaslnj wl HJ  Vi 48. Deliver ~% 49. Insects 51^ tb "   50. Snow ^g P DOWN ^75 #55- lr  d r!-Ln i CHYPTOOroTt- A -        =: sv=   ?~ DH Jl'Q If SHS!1'3 KB  T ?LT1'I B M F K V h I H I r L 5 I Q p Jf E IP  H. y Testerdaj's Ctyptoquote: TRUTH CANNOT APPEAR NAKED BEFORE THE PEOPLE^-.</t>
  </si>
  <si>
    <t>                                           / Easy, Quick-Acting Way  t Yes, there is a simple* easy way to       I lighten tanned. - beaten, too  Kkln to .         t Hnd iir lin.T mir.rr  blemish*** ural .v. murli ^Wn. Dr. FRED Palmer"* Skin         - Is -'ino:. ~:.-t nl'.V tw*: . U^-l *              -- Money bact If yoa ar^ not SKtWieJ. 25e at your  GalcnnlCn^ Box 204. Atlanta. Gjl</t>
  </si>
  <si>
    <t>                                           f^HFTfe -THAT l[   [l "DULL-SKIN" jf j J FACIAL LOOK Help'y/jf  K^ JH nature give \/y ll^^Ay.^B j--^* '-ig^JF  appeal. VtfiSr'ef Uie Black and White 'if^Jr ~} Bleaching Cream. ^~' Loosens blackheads. Clears off dull wind-darkened outer akin. Lightens. Jlriehtens. Softens. Don't put off trying  While Bleaching Cream buy it . Trial lize is lot. Larger si/cs, 25', 50(, everywhere. For ideal skin cleansing use  and White Skin Soap. 6 DIFFERENT WAYS TO CHANGE THE VERY LOOK r/ipp OF YOUR I Al/L Black and Wliite Magic Mist F.ice Powder actually offers you 6 different ways to change, the very look of yout face. In tone, texture, .es*, harmonizing color, power to soften harsh lights and shadows. A touch of Black and White Magic Mist Face Powder renews the  freshness to your skin it . you flittering loveliness. You'll   2! with your own complexion. Be sure to ask today for Black and While's new Magic Mist ^v Face Powder. Get  '^sTyl economical large size, fx?%Vy/] 35c, at all toilet goods S/S^// counters . ^~tjx</t>
  </si>
  <si>
    <t>                                           WANTED AT ONCE COLORED LABORERS FOR DEFENSE PROJECT FOR BOTH DAY AND NIGHT SHIFTS COME READY FOR WORK APPLY AT EMPLOYMENT OFFICE FROM 7 A. M. TO 3 P. M. DAILY ROBERT CO.. ASSO., BELL BOMBER PLANT MARIETTA. GA.</t>
  </si>
  <si>
    <t>                                           DAILY CROSSWORD                 I; Chops 3. Vegetable 9. Assumed name 1JL A month 12. Indian 13. Mutual concord H. Girl's name 15. Sense organ 17. Born 13. Permit entrance 20. Weakens 23. Pert 27. Epochs 23. Negative reply 29. Tool" 20. Size .of coal 31. Speck 32. Macau: 33. Owinc 34. Farm animal 35. At a  36. Toi;yo 38. Bogs 39. Eye socket 42. Mineral spring 43. Rainy 4~. Spread grass to dry 49. Hebrew prophet 61. Betimes S3. Abundantly 5*. French river 55. Flat-topped hill 56. Plant DOWN* 1. Sunk fence Israelite camping; plac* 3. Ukea beverage                 4. Mournful 3. Open (poet.) 6. Persian coin 7. Cereal grata 8. Toward the lee 10. Prosecuted judicially 11. Fruit 16. Part of day (abbr.) 18. Donkey 19. Sign of Inflnitlve 20. Shabby 23. Debate 22. Furnished with folios                 24. To warm 25. Mohammedan Bible 26. Periods of time 2S. Goddess of night 31. Portal 35. Toward the stem 37. Perform 40. Exist 41. Article 42. False 43. Fleshy fruit 44. Vipers 46. Real 47. Otherwise                 MP'UICIKMl ' I iR OINWNIEjRIOM 16 !A!~ LtEBj [E (A      ;        6        )AINlslAM5[  ^~M1              *i        4$. Colored .SO. Guldo's highest not* 52. Roman money                 ii: i _li ii: 1" Hill _ 11" 111 in i ii_     i _i: Ii il_1i i: il i-iii IIll-ll III 22 22 I" "111  1 I IX-                 A cryptogram  RUP  IWL.O KEG     KEC -A.             CrTptoqoote: SEE. WINTER COMES TO RULE THE VARIED TEAR, SU1XEN AND SAD- THOMSON. Dlttrihuua by Slsc Foturci SyBfllott. Inc. f</t>
  </si>
  <si>
    <t>                                           100* WRONG CLUB PAST WEEK S  100 Per Cent WRONG CLUB W L CS ME Robert Ratcliffe 8 1 81 I Russell Simmons 7 1 0 72 J. C. Chunn 7 1 0 I0S Mike Turrcntine 6 2 0 ?4 .Toel Sm'th 6 2 0 98 Ernest Lyons 6 2 1 100 Elcee Lucas 6 t 0 101 Jke Ramsey 6 2 1 10S .Foe Dennis 5 3 0 97 Eme] Scott 3 3 0 108 William Fowlkes 4 4 0 311 I Cliff MacKay 2 6 0 157 j 'v. FINAL SEASON S RECORD W L CS ME Joe Dennis 1-58 18 6 2504 Russell Simmons 147 49 5 2510 J. C. Chunn 145 oi 2  689 Mike Turrentmo 142 54 6 2738 Ewel Scott 14J 55 2 2750 Joel Smith 141 55 2 2750 Robert Ratcliffe 136 -30 6 2929 I!ce Ramsey 134 62 4 3033 Ernest Lyons 133 63 S ?.O98 i Wcfe Lucas 125 09 1 2978 I William Fowikes 1W 75 2 2662 Cliff MacKay 114 80 2 2892 PART WEEK S HIGHLIGHTS 1. Perfect doping  Robert Ratcliffe, which marks chs  100 per cent right sheet of the season. 2. Correst scores by Ratcliffe. Ernest Lyons ana     Ramsey. 3. Lowest margin of errors by Russell Simmons, Ratclifi't I :ind M. E. Turrcntine. J SE\SON"S HIGHLIGHTS 1. The healed finish between Joe Dennis and Russell Simmons, with Dennis emerging a single game in front to win first club prize, for 1942. 2. Eirfit correct scores by Ernest Lyons to cop the prize in this department. 3. The season s lowest margin of errors by Simmons, with Dennis  only four points. j</t>
  </si>
  <si>
    <t>                                           First Negro Soldier Hero                 Crashing through at the first Negro soldier to reach the silver screen in an heroic role, actor-concert singer Kenneth Spencer U shown as Private Wesley Eeps, ono of a band uf valiant fighting men who gave their lives in defense of democracy in the Metro-GoldwynMayer film "Bataan." UP AND AT EM. .goes 240 pounds of muscle, brawn and steel, in the person of Kenneth Spencer who come* menacingly out of his (ox hole to engage in hand-to-hand fighting with the enemy.</t>
  </si>
  <si>
    <t>                                           J_DTTOQjJ[Z_ j2$   \\ do  clk STARTING 7  3    LATER. ~;TgAwr.    ^-rTT^~~ hekes DREAM-COME TRUE" PLEASURE To help hold off old- completion appearance  bv skin-rouch?ning weather,    Blarfc and White Vanishing Cream. It holds powder on vour face like a "." Beforp. retiring, clean** face  Black and White Otatisins Cretin. Apply Bkck e=d White Cold   2E. leave o= all =irk!, Bhck -sd White Beauty Creiss. 2bt.</t>
  </si>
  <si>
    <t>                                           TUSKFGEE INSTITUTE, Ala. -- (SNS) 1943 -- The Bulldogs of South Carolina State College defeated Tuskere's Golden Quint, 55 to 34, in the season's opener on the home court Thursday night. Copeland, clever forward on the State team accounted for 18 of the points...</t>
  </si>
  <si>
    <t>                                           The Fairfield High Homecoming was the most spectacular event of its kind, barring none, ever held in this county since I have been doing a sports column. That goes for those excellent basketball tournaments of other years, sponsored by the Jeffcho schools.</t>
  </si>
  <si>
    <t>                                           i n v A i IB l^i^JA i c i 1 1 4</t>
  </si>
  <si>
    <t>                                           171 Nabbed In Hotel Raid In I Washington, D.C.                 Biggest Vice Raid City Has Ever Seen                 WASHINGTON. CANP) Hotel Logan, noted Negro establishment located on the circle bearing the same name, was the scene early Sunday morning ot the biggest vice raid this city has ever seen. One ^hundred and' seventy-one -persons, all colored with the exception ol                 the manager and desk cleric, were token into custody and forced to lies', bonds for appearance  from $10 to $50 and the management wan charged with operating a disorderly house. Nicholas Blstlko, 29, the owner of the establishment, Robert P. Watson, white, George Nathan Miller and Sylvester Booker, the latter two colored, were all  under bonds, $1500 for the first two and $100 for the latter. The raid followed on the heels of n similar raid on a magnificent establishment on Connecticut avenue last week. Supervising the raid was Major Edward J. Kelly, superintendent of police with Inspector Callhnm, Chief of Detectives Robert Barrett and Detective Sgi. Roy Buck  the  of 93 men taking part. A large crowd gathered to witness the proceedings and laughed and Jeered at prospective patrons of the hotel, who drove up while the raid wos in progress. DIG DICE GAME Police asserted that a big dice same was in progress in the basement, while two rooms on the main floor were filled with customers' awaiting a chance at the bedrooms upstairs. Over 17 trips were made by patrol wagons to transport all persons arrested where 113 of those nabbed who could not prove that the}1 were Continued oti Parc 6, Col. 7)                 171 Nabbed (Continued from Page 1) at the hotel legitimately wero booked. Some of the occupants of the hotel, which boasted of 90 rooms in the hotel proper and two annexes, were released on arrival at headquarters after having established that they were   residents or In other cases, soldiers on leave for the week-end. Police conducted the raid under conditions of the closest secrecy reporting to headquarters for detailed Information. They then went to Union station as if going to escort, a train arrival. Prom there they went straight, lo the hotel accompanied by Brig, don. John T. Lewis in charge of the military district of Washington. Included In the number arrested were 52 soldiers, many of whom were turned over to the military police for handling. Thlrty-slx couples were booked as statutory offenders. Most had posted the required bond later in the day. The soldiers were token to the lock-up at Municipal center for detention. Those not. accused by the  were Immediately sent, to their respective camps.</t>
  </si>
  <si>
    <t>                                           WASHINGTON, -- (ANP) -- Hotel Logan, noted Negro establishment located on the circle bearing the same name, was the scene early Sunday morning of the biggest vice raid this city has ever seen. One hundred and seventy-one persons, all colored with the exception of...</t>
  </si>
  <si>
    <t>                                           It used to be TABOO for girls to discuss this kind of help                 Many a girl has suffered from1 cramp-Ilke p:iin and other distresses due o:)Jy to periodic -   simply - Ihs'. ^as a subject,  dWn i ta!k i about. Kswadiiy. tho - of Tomer. rely ?n the 2-way help of .. Started 3 days before the time and    , .  ii:c\ild                 rr i jvc purely ) peri- ti^ic . Used as a Ionic il often -ji up appetite, increases the .Mow or  . thur aiding    ?sti?!i and  helping *c build up strength and resistance for    : tirr* !t's most needed. I  may help you. A 62- i  record =27; it s i- e trial-</t>
  </si>
  <si>
    <t>                                           CHICAGO--(ANP)--Dr. B. Martin of Chicago, president of the Negro American league, who left last Friday for Washington on a hurried trip where he and members of the National league conferred with Joseph B. Eastman, ODT director in reference to bus...</t>
  </si>
  <si>
    <t>                                           Special Reading 25c Your Lnrky Days Arc Given Free Madam Eva Palmist and Adviser GIVES FACTS AST)' GETS  This madam warns yon gravely  he  wisely she explains fully.  ANSWERS ALL QUESTIONS. Know Thysclr and find success and happiness. Satisfy yourself by wing Madam Eva, 1015 W. Marietta Ed., Jf.TV., Atlanta, Ga. Take Marietta-Inmari Yard Car to Bin Morgan's Service Station. Look for Hand SipJ.</t>
  </si>
  <si>
    <t>                                           Special Reading 25c font Larky Dijb Arc. Given Vrrr Madam Eva Palmist mnd Ailrtsrr  FACTS ANT) OETlf KEStjr,TS nils madam warns yoo (- he TOfffrsl* wisely- she  t lully. SHK ANSWUtS ALL . Know Thyself and I Ind  and . Sails- 1 j yourself by seeing Atidam Eva, '015 W. Marietta ltd., N.W.. AtanU. Takfi Marletta-luman fard Car to Hill Morran's   r1   SUHob. 1.00k for Hand  lcn.</t>
  </si>
  <si>
    <t>                                           Special Reading 25c Voar Lucky Days Art Given Free Madam Eva Palmist and Adviser GIVES FACTS AND' GETS  This madam warns you purely- -he *us;ests wisely she explain* fully. SHE ANSWERS ALL QUESTIONS. Know Thyself and Find success and happiness.        yourself by seeing Madam Ets. iniS W. MarlelU Rd, N.W.. Atlanta, Ga. Take Marlelta-      Yard Car to Bin Moroni Serrice Station. Look (or Uaad</t>
  </si>
  <si>
    <t>                                           A VVE RENDER C^AN FINANCIAL AID ^*U1 IN AMOUNTS 515 to 5200. Kll/ADY We Also Make Loans on Any Make or Model Automobile SEE US service WALNUT FINANCE CO. For MONEY 146J4 peachtree st. ^5S Vt^^!2St'l\ "ull ON$r*   - Miracle Whip does work u- Vfr^^*^^"4i ^ A unique combination of old-fashioned \t'- aaS^ *~^ ^"ssing and foe mayonnaise. Miracle Whip is J\~?^/ by far America's favorite salad dressing, V^Wll ~~*tt\ t H fl I I</t>
  </si>
  <si>
    <t>                                           COLDS EVERYWHERE If this spreading wave of colds sweeps your way and grips you with muscular aches, coughing, nasal congestion try Fenetro, the salve with the base of old fashioned mutton suet- same kind Grandma put such faith in. Penetro .works two ways (1) outside by counter  (2) inside by vaporizing. 25c. Double supply 35c. Demand Penetro.</t>
  </si>
  <si>
    <t>                                           Dr.C.A.Constantine DENTIST           -2d Floor at Auburn.</t>
  </si>
  <si>
    <t>                                           MILLIONS KNEW ATTACK WAS COMING It happens every year. There's always a time when it  like everybody has a cold or nearly everybody. So it s a good  to take  precaution you can. Dou'l overeat, overdrink, overdo, and above all, dress warmly. And if a cold catches up with you with ita sniffles,  nasal breathing passages and   making you feel miserable, get after them with old reliable Pcuetro, the powerful modem medication with a      of Ihc same kind or old fashioned mutton suet Grandma used for her medication. For  works two ways. Outside, counter irritation casei tightness of - chest muscles. Inside,  s specially medicated vapors help reduce nasal congest-on, and relieve coughing. Stainles?. clean, pleasant to use. Get a jar now. Generous suse 25c. Double supply only Sfc. .AteajE rl"          'm</t>
  </si>
  <si>
    <t>                                           DR. GEORGE WASHINGTON CARVER Nationally  Scientist, Teports: "I  a ^*^1* *"ff strength in peanut oil no: found in other oils." ,jf -I , the Rubbing Oil Tested cr.d Ap-?1  by Dr. Carver, is noic on sale ct Drug Stores. ~^A FOR BABIES FOR MOTHERS FOP, MUSCULAR BELIEF</t>
  </si>
  <si>
    <t>                                           Recreational Leaders To Meet Here In March                 NEW YORK       As a method of ; the skills and techniques ~,X . leadership directing programs for service men. children of employed mothers, nil citizens on the home front, the National Recreation association Is making available to workers among                 colored citizens two  leadership training institutes. Two institutes of three     type will be held. The first institute Is for the convenience of recreation workers In the southern area and will immediately follow the area conference ol recreation executives in municipal and privately supported agencies serving colored citizens which is scheduled In Atlanta on March 1416. The conference is an annual program Eponsored by the bureau                 of colored work of which Ernest T. Attwell Li the national director. Mr. Attwell states. "The recreation conferences have been of value because of the exchange of practical experience by workers attending. The southern area recreation meeting In Atlanta will be followed Immediately by on educational opportunity which all recreation people whether engaged In public, private, federal or war activities should attend." For 'he northern area conference to be held In Chicago on April 4. 5. 6. a similar arrangement is to be followed by having a three day Institute, offering instruction in actual techniques and programs. The Chicago institute will be given on (Continued on Tag* 6, Col. 1)                 Recreational Leaders (            from rage 1) April 7-0. Those desiring If)  the institutes mny en- may not wish to  pan in the conference. The recreation conference is Intended for directors responsible for programs and supervisors or special leaders In certain activities. Trie Institute- are open to  who desire to - their skills ana understanding of activities to he promoted, in v.ur or In pence. Local committees in Atlanta and Chicago arc being organized lo plan the usual courtesies to delegates to the conferences and to complete the "arrangements for the Institutes to follow.Many recreation centers and agencies in small and large cities will be represented. More than 150                 cities  been served nnd recre- 1 ation organized by the bureau of colored work of the National Recreation, through field workers emanating from Its headquarter? at 315 Fourth Avenue, New York. A number of agencies supported by the government and other war work services arc sending representatives to the meetings, as heretofore. The training institutes will Include  in recreation arts and crafts, social recreation. program planning, fundamentals, organization mid special problems Indtir. recreation workers on personnel stuffs, and workers from local agencies are welcome to attend.</t>
  </si>
  <si>
    <t>                                           NEW YORK -- (ANP) -- As a method a increasing the skills and techniques a recreation leadership directing programs for service men children of employed mothers, all citizens on the home front, the National Recreation association is making available to workers among...</t>
  </si>
  <si>
    <t>                                           The Gay Dukes met at the usual place. Election of officers was held as follows: Samuel Taylor, president; Isaiah Maddox, vice president; Waymon Gilstrap, critic: Charles Bell, secretary; James Shaw, assistant secretary; Henry Jones, business manager; Frank...</t>
  </si>
  <si>
    <t>                                           B.M. -- I have been married 8 years. What does his mother and father think about me. I doubt them caring anything at all for me. Am I right?</t>
  </si>
  <si>
    <t>                                           Clark College will delay its basketball games one hour this year to accomodate the Army School here, which holds sessions until 9 o'clock al night, to enable all the soldiers to see their games, was announced by Coach Ralph C. Robinson early...</t>
  </si>
  <si>
    <t>                                           MRS. GEORGIA ANN JACKSON                 REYNOLDS. Ga.- Mrs. Georgia Ann Jackson died in Macon. Her Uody has been brought here for funeral and interment by the Bentley Funeral Home.</t>
  </si>
  <si>
    <t>                                           The sports spotlight during the current week will be focused on the annual Inter-fraternity Basketball Tournament, which will begin, Wednesday night, March 17, at Sunset Casino, with the Omega Psi Phi cagers playing the Phi Beta Sigma quintet.</t>
  </si>
  <si>
    <t>                                           ^~^W:.^ *S- ^,-~ft _i j s^ _~r NEWS -WHILE ^g 1^ The Nation's Only Colored Daily Newspaper /r I if^n B VOLUME 15, NUMBER 214 ATLANTA, GEORGIA, FRIDAY, MARCH 5. 1943 ?~!i: PRICE . CENTS -..,.7:..</t>
  </si>
  <si>
    <t>                                           Atlantans In Mass Attack On Syphilis                 SYPHILIS. Atlanta's number one public menace, to men in the armed forces and to civilians, loo, is  death-dealing blow through the combined efforts ol City and State Public Health agencies. Schools and Colleges, Police officials, educators and business                 and professional leaders. The campaign, under the sponsorship of The Junior Chamber ol Commerce and The Atlanta -Senior Chamber of Commerce, a great number of outlying communities like Collere Park. Hnpeytllc and East Point, have thrown their efforts and Influence behind the Atlanta fight and have announced arrangements to have a mass blood test of its membership. Forty members of the Junior Chamber of Commerce, which hat prosecuted an attack on Atlanta's venereal disease dangers since Pearl Harbor, recently submitted to simple, painless blood tests to prove they are sincere In their  that every citizen should be examined for his health s sake. Working under a grant of financial aid from a private foundation, with larger sums from the federal, state and city governments, the Junior Chamber of Commerce  Ust August, AUante '3 Hea!!h Center Number 1 at II Hunter St.. S. W. n this larger, better equipped and staffed health center, needy citizens are given thorough physical terminations for the                 Iccllon of  diseases. TIic I Center is open from 8 a. 111. to fl i p. in. daily except Saturday It Is closed Saturduy afternoon and Sunday. Othei- results of the Junior Chamber's efforts Include a prophylaxis Station for men In the armed services at the corner of Spring Street imd Carnegie Way. The old Venereal clinic opposite Grady Hospital, and City Council has made available buildings formerly   .rd for the city dairy as detention wards for treatment ol i Infected prostitutes. Pastors of numerous churches have Joined in the march on this disease. Out of 109 Atlanta firms employing workers. 55 require an- nual health examinations, the Junior Chamber of Commerce reported. H. Reid Hunter. Superintendent in charge of AUania High Schools, i reported that a committee Is work- I Ing out a course on social diseases to be used In. the Junior and Senior high schools. Much has been done to improve i the record on syphilis and other venereal diseases. But, until every person. Do matter how high nor I how low he or she may be to our social lile and organization, feels the persons! responsibility and pride of taking the blood test himself, the final knock-out blow for this scourge Is yet j Ions f-7 oil.</t>
  </si>
  <si>
    <t>                                           SYPHILIS, Atlanta's number one public menace, to men in the armed forces and to civilians, too, is ... death-dealing blows through the combined efforts of City and State Public Health agencies, Schools and Colleges, Police officials, educators and business...</t>
  </si>
  <si>
    <t>                                           Atlantan Helps Build The Alcan                 By WILLIAM A. FOW1.KES                 When the present war conflict, is ended, no man will be prouder ol the port he played in Ihe building of the strategic Alcnn Highway than Private Wheelus Raines, 23vcar-ald Atlanta soldier-engineer.                 Raines, the son of Mrs. Nettle j Raines, Almand, of 210 Baker Street. N. E.. is ending n furlough in the Gntc City with his mother find friends nnd he talks constantly about the accomplishment*- his accomplishment in building the unusual highway that runs across western Canada, linking the United States by land with one of its most Important possessions Alaska. Over a thousand miles through some of the most rugged and beau- tiful country on earth- that s the Alcan highway! Euilt in less  a year over terrain that some said was impassable- that s the accomplishment ot the United Suites Army engineers and Private Raines. TOUGH LITTLE  i Incidentally, the Atluntan gain- I ed the reputation ot being one ol j the toughest little - i (Continued on Pasr C. Col. 41 j                 l  WliEEI.l'S RAINES                 Atlantan Helps (Conliiuictl from Pujic I) on the highway trail that .through countryside where 10 to 20- low weather is warm and where the thermometer hit 72 degrees below anytime. 50 and CC below average weather Private Raines Joined the Army in 1941 and was placed in an engineer battalion. He never I dreamed of being part of a unit that would build the highway which may yet play the greatest part in carrying the decisive bombs to Tokyo. But, eleven months ago he and his battalion were transferred to the great White Country, where there s more day than night. After staying there u while, the engineers started their task of building back towards the United States and meeting another unit building towards Alaska. The War Department already has told the nation of the magnificent  the engineers, especially those of the Negro battalions, including the one thai Atlanta's Private Raines is a Dart. The actual building of 225 i..ues of the 1,400-mile road is the accomplishment of Raines' unit, it is understood! Swamp land and mountains were crossed with comparative case once the brawn and brain of the United States engineers tackled the job. But don't think it was anything too easy, according to Raines. One of the hardest Jobs of the units was the cutting down of trees and "" the difficult areas with them. Gravel is on the surface of most ot the Alcan highway now. HARD TO .r Private Raines said he found it, difficult to sleep in the North Country at first, since it stays daylight most of the time. He's used to it now. The sub-freezing weather is well taken care of by the superb equipment Uncle Sam sent along with his engineers. The sleeping bags came In for special praise from Raines, who said they were so warm that, the nights inside them made him think he was way down South again. Outside the  the wintry winds would freeze a drop of water before it, hit the ground. While at. work, the - arc outfitted like the Eskimos and fare as well. Ruincs rated belter  most, of the - in the North Country, many of whose faces show prominently the effects of frost bite. Raines looked as if he had  in Atlanta climate nil the Lime. He  that- it, is so "hot" here he felt that he wiis going to "burn up." The Norlh Country has charm- i cd Raines, however. The Atlanlan said the skies behind the snow- capped mountains and above the i deep, clear lakes were a shade of pretty blue, the such of which he had never seen before. The quaint Indian life, unfettered by the war, and the black bears nnd moose encountered and hunted by the i engineers when not on duty, thrill- cd Raines, he said. SHOWN  There was plenty of recreation supplied by Red Cross unit* that went along. Movies were shown regularly. One of the most thrilling experiences in Raines' life, he said, was the 1.000-mile free air trip he made from Alaska to Edmonton. Canada, on the way home. Monday, the Atlantan will start back the same route- rail from Atlanta to Canada, and probably by plane back to Alaska. Raines hopes the war hurries to its conclusion, but wants to sec it over for good. He has decided against marrying while in the Army, but hasa a "good Jricnd" in Atlanta. In fact, he was in such a hurry to meet his "date" that the interview had to be rushed a                 bit. I One lust-minute query revealed that the - in Alaska don't give even an active thought to the possibility of Hirohilo's sending planes to bomb the Mean j highway and their camp site, j Raines believes that Uncle Sam has the Japs' number several hundred  away in the Dutch Harbor vicinity.</t>
  </si>
  <si>
    <t>                                           When the present war conflict is ended, no man will he prouder of the part he played in the building of the strategic Alean Highway than Private Wheelers Raines, 23- year-old Atlanta soldier-engineer.</t>
  </si>
  <si>
    <t>                                           Brings Biology To Aid Of The War Effort                 HAMPTON INSTITUTE. Va.- (SNS)- Mi.~ R. Alethia Greenr of Savannah,   ., teaching assistant in the -y department at Hampton institute, make a bacterial  of milk for the                 campus community.      is just one of the many function* the biology department it performing                 at the Virginia . (        Photo)</t>
  </si>
  <si>
    <t>                                           r 'J0^* m ^f^j' SHOES AT Dll. BENDER S XN. Trim,  shoes thol Onnounce/^ /a. spring as emphatically os the first /A 'Ms. You'll enjoy the long-wear- ~~% Foillc White Kid Be ju^c ttr send rattan ticket No. 17 X-Ser     ^.       w th Mo't Order*. DR. RENDER S 124 EiaeHTRK   TTI. 3 F. M.</t>
  </si>
  <si>
    <t>                                           DAILY CROSSWORD                 ACROSS 3. Talk 5 Wanders about idly 9. Leather 10. Keen 12. Sultanic decree 13. Pertaining lo kidneys 14. Caress 15 Sailor 17. Epoch 18 Mlsreprc sent 20 Liquid 23. Food dressing* 27. Hot and di. 28. Anteceden 29. Capable 20. Hasten 31. Obstacle 22 Bank employee 34 Mexican toin 25. Frozen rail 36 Moreinfie quent 37. Beslou-ed 39. Male cat 42. Bounder 43. Quadruped 46. Mistreat                 48. Form of crane 60. Jewish month 91. Each 82. Dispatched S3. Headland DOWN 1. Heal 2. Warmth 3. Sum up 4Seeiaw fi. Fortified place .6. Hlfhest cara                 7. Sand ridge 8. Heavenly body 9. Short drink 11 CuiUo's highest noti16. Mulberry IS Layer 19. Sen.se or^:tn 20 Floats 1\ Satellite of Uranus 2-J. Nilll.r i^ Brown f:ii III used as                  25. Stop 2G Mistake 28. Animal's coal ::0. .Silen: Support '.'A. Shallow vessel ::G. To bins!; ::S Stale (abbr.) ::9. Cornell   f iO Jap .-~.s 41. I'OIKk-r Bir.lsus                 t Zff^"M[N E  Id] in TBi n 4 id           'i An*Wfr 14. Title (pi.)  45. Pigpen 47. Polish river 4U Hail!                 w r r w r r r I: i _li _il II" -I" JL ill:  221 1 !1_ z ii_ i: s2 ii Ii_ ill37 111 3' Z^ T" %z 50 IT wr\ Wr\ \M                 HVGYVTRWaV RWE UP.  RTV HOV n f m htlv v s c j a j p. w mi a r w i m iv C C V R L. Yetltrday't Cryptoqnote: NOW NATURE HANGS HEP. MAN'.  TLZ GP.EEM OX EVERY BLOOMING TREE- BURNS, Cimibu'.td by Klnr Twlurat Srndlctte. Iafc</t>
  </si>
  <si>
    <t>                                           Hapsburg Dukes Join Army                 Sc=s ef thf !~   EniPeror Karl acd      Empress Zlta of Austria. Archduke Kail Ladwiy Hapsburg, 24, left, and his , Archduke Felix L.,26, are shown as they received their physi*. cal examination prior to induction Into the XT. S. Army as buck  at Fort Myer, Vs. Dr. Fred' A. J. Geier is at left Subject to selective service.     two. for  . Tn*y</t>
  </si>
  <si>
    <t>                                           CLEVELAND, -- (ANP)--The pride of Cleveland, Jimmy Bivins, slugged out a ten round decision over Cincinnati's Ezzard Charles before 10.335 fight mad fans in the Arena Thursday night, and almost clinched the right to claim ... to hghtweight "duration"...</t>
  </si>
  <si>
    <t>                                           .KS BUTMill                 MACON. Gil.- FuiicM'sil services for Chnrlc.s Butler were hold from the Hulchings' Service  Mundny. Inlcrmcnt in Port Hill cemetery.</t>
  </si>
  <si>
    <t>                                           A WE RENDER       FINANCIAL AID RFAnV WAMOUWTSttBtoWoo. KE.AU I We Abo Make Loans on Any Make SERVICE or Model Aulomob'ie WALNUT FINANCE CO. For MONEY 146* peachtree st.</t>
  </si>
  <si>
    <t>                                           Answer these Questions and make a good laxative choice                 Ques. Can any laxative be of help -when sou feel listless, logy, or have a coated ? Ans. Yes. if those conditions are the result of constipation. Qiks. Why has Bisck- Draught been such an outstand- ingly popular laxative with  generations? Ans. Because. It is purely herbal, and usually gentle,                 thorough, prompt when directions are followed. Ques. What's another reason for Black-Draught's great popularity? Ans. It costs only 25c for 25 to 40 doses Doat -wilt! Get Blade-Draught in the familiar yellow box today. Many prefer the new granulated form. Follow label directions.</t>
  </si>
  <si>
    <t>                                           LOS ANGELES--(ANP)--After a series of announcements and denials it was stated this week by George Moore, manager of "Hammerin Henry" Armstrong, that the bout between Armstrong and Ray "Sugar" Robinson would definitely be staged on Jan. 2, at Madison...</t>
  </si>
  <si>
    <t>                                           Mulzac Praises Ship, Fine Crew After Maiden Voyage                 First Negro Skipper Asserts He's Realized Life's Ambition                 NEW YORK- ) Disembarking from Uic 10.5C3 :on US.S Bocker T. Washington at an east port Capt. Hugh N. Mulzac declared the maiden voyage of the vessel a "thorough success" and said the mixed .- "     along     " we!'.."                 Capt. Mulzac. the first Negro to receive comm-ind of a merchant  of the size of Booker T. Washi . in the American merchant marine. ~:d he had realized his life s ambition when he became the ship s master. The Liberty Ship, christened a few weeks ago at impressive launching ceremonies in California, has a crew representing 17 nationalities. 2A  cent of whom are Neqrocs. Including the chief . four dsd: officers ::nd the wireless operator. PirKED OWN MEN They were selected by Capl. Mulrac with the aid of the National Maritime ur.io:i after the War Shipping administration and the Maritime commission instructed                 him to rich his own men. "This is like a home here for us a'.'.." said Muiii:. "We get.  very well. Thnrc has been no trouble of any kin*, for the men who are here -wanted to sail on this ship. At sea -re he.'.J a  and I addressed the crew, saying that we now had a fair opportunity to show that we can handle a ship as well as ether people." The  was horn in' St. Vin- I cent. British West. Indies, in 1836 He first went t0 sea In 100" en n Norwegian bark. During the last war ho served as a first mate on British-owned vessels. Ho was denied  as master in America because of his color,  ho did sci-ve as an officer on American .  AS STEWARD Tn recent years Mulzuc has continued his sc:i- career  ~'tcn in lhe steward departm?nts of freighters. Before his appointment as shipmaster of the Booker T. he was employed on the intc.-ccas:sil freighter Montanan In war sen-ice. Multfic has continued his studies in navigation and was prepared to accept the appointment after a  refresher course. He studied  the last war at Swansea Nautical  ir. Wales and was graduated from, the shipping beard s school in Baltimore ir. 1918. Further study came  correspondence courses and he holds a certificate in compass operation from the Sperry Gyroscope company</t>
  </si>
  <si>
    <t>                                           NEW YORK --(ANP) -- Disembarking from the 10,500 ton U.S.S Bocker T. Washington at an east port Capt. Hugh N. Mulzae declared the maiden voyage of the vessel a "thorough success" and said the mixed crew "get along very well."</t>
  </si>
  <si>
    <t>                                           From February 28 to March 6, we celebrate National Negro Newspaper Week and bemuse that press means more to the people it serves today than ever before, leant to pay fleeting tribute to fellow tradesmen whose efforts and pioneering have meant to my People...</t>
  </si>
  <si>
    <t>                                           Atlanta Police To Aid Check On Pleasure Drivers                 Atlantans who take the chance of "pleasure driving" today face the possibility of having their license numbers taken by OPA agents who will patrol the citv and vicinity. County and state police will cooperate with the spotters. They are expected to stop any motorists who are obviously on a pleasure trip. OPA officials said. The stopping and asking will take place in other states of the eastern seaboard. In the meantime. Price Administrator Leon Henderson took an emphatic stand against further reduction of "A" coupons, -which are (Continued on Page G. Col. 4)                 Atlanta Police (Continued from Pagre 1) good for ttu-ce gallons. Henderson said that further decreases would leave 5,000.000 people stranded and result in the complete breakdown of transportation in Washington and other eastern centers. Although several hundred automobile license numbers have been listed by OPA agents, none has been turned over to OPA agents, board officials reported Saturday afternoon. The boards will ask motorists for reasons when they are reported for "pleasure driving" and make decisions on the cases, OPA said.</t>
  </si>
  <si>
    <t>                                           Expect. Equal Pay For All N. C Teachers In '45                 RALEIGH. N. C. (ANP) In a report Friday by Dr. James T. Taylor, dean of the North Carolina College for Negroes at Durham and chairman ol the legislative committee ot the N. C. Teachers' association, members were brought up to date on the  ot the                 state'* efforts -leading -to equalization of '.pay on a statewide basis. Dr. Taylor cited the $1,750,000 appropriation lor the next two years to apply on the differential and said, "Thus In 1945. we may expect all teachers throughout the state of North Carolina to be paid on an equal basis." The speakers on the program were Dr. N. C. Newbold, state director of Negro education, and Dr. Hayford Logan of Howard University, Washington. The text of Dr. Taylor's report Is as follows: "It is with a deep sense of  and satisfaction that I am privileged to announce that North Carolina again leads the way, as she becomes the first among the ^southern arid, .border states to take action to equalize  pay on a statewide basis. Out of fund* appropriated by the recent general assembly, thp new state school board set aside J 1.750,000 to apply on the differential, $750,000 In 1943-44 and $1,000,000 In 1S44-4S. thus In IMS we may expect all teachers throughout the state of North Carolina to be paid on an equal basis. "This is a great moment In the life of our state and In the life ot the south. When North Carolina's Negro soldiers read this news on the battlefronts around the world, they will exclaim, Thank Ood and pass the ammunition.' To paraphrase Daniel Webster, I say, 'North Carolina, there she stands,' and In the words of our own song-, all of us can sing, "Hurrah I Hurrah! The old north state forever. Hurrah I Hurrah I The good old north '"</t>
  </si>
  <si>
    <t>                                           RALEIGH, N. C. --(ANP)--In a report Friday by Dr. James T. Taylor, dean of the North Carolina College for Negroes at Durham and chairman of the legislative committee of the N. C. Teachers' association, members were brought up to date on the progress of the...</t>
  </si>
  <si>
    <t>                                           A WE RENDER C"*AN FINANCIAL AID ViUi IN AMOUNTS S15 to $200. READY We Also Make Loans on Any Make  or ModeI Antomobilc WALNUT FINANCE 00, For MONET  peachtree st.</t>
  </si>
  <si>
    <t>                                           1942 has passed, never to return again. Whatever mistakes we might have made, have also gone with the old year and it is too late to weep over them now. We can however. make good of our mistakes if we are willing to pay the price in 1943. uuuuuuuu chthememeb</t>
  </si>
  <si>
    <t>                                           Promoted From Sergeant To 1st Lieut- In One Day                 Gets Commission While Serving On African Front                 Lt. John Lyle Is Veteran Of World War I                 SOMEWHERE IN AFRICA- (SNSi On the morning of -October 26th. 1942, Master Sergeant John T. Lyle. assumed as usual his duties as Sergeant Major ol a Station Hospital somewhere In Africa. He arrived on time at 8:00 A. M.. but before noon of the same                 day Sergeant Lyle had signed his name to the oath as a First Lieutenant, Medical . Corp*. He Is the first of his race to be commissioned from the ranks In the "war -Mife.' Youns soldiers in the detachment were heard to remark, "thought you had to go to West Point, before you could become a commissioned officer." "Right, replied the newly made j officer. I went to West Point. I was there for sixteen years. Serv- ed at the Station Hospital as clerk to the Recruiting Officer during that time.'1 Lieutenant Lyles was born in Lexington, Ky.. on October 5th. 1894. and attended the Public Schools of his home town and Frankfort. After the World War he returned to Kentucky and taught school at Louisville. He first enlisted In the United States Army at Fort Thomas. Ky.. on July 24, 1917, attending the Medical Training School at Fort Des Molnes. Iowa, and Camp Funston. Kan.. 1917-18. His World War sen-ice was, with the 317th Sanitary Train of the 92nd Division In France. He was awarded the Victory Medal with two stars for campaigns in the Mcuse-Argonne ana the Somme Offlensive in 1918. Alter nine months overseas he returned home and was discharged on March 13. 1919. After a year of teaching Lieutenant Lyle rc- in the fall of 1921. going to the Tenth Cavalry (Medical Department) at Fort Huachuca. Received an honorable discharge after nine months because of the reduction of the Armies. He rc- on March 24. 1924. and was sent to the Medical Department at West Point. In early 1941. he was sent from the Academy as part of k Cadre for the Medical Detachment of the 92nd Engineers at Fort Leonard Wood. At the time of the activation of the Station Hospital ut Fort Bragg, he was ordered to thut (Continued on Pajc 2 col 7)                 Gets Commission ) ~~"in l ae  1) organization. On April 20. 1942. he was promoted Master Serjeant and was made the Sergeant Major by the I Surgeon: October 26. 1942. he re- ceived his commission and was sworn in by Captain Richard I. Choate. Adjutant or the Engineers Regiment. His new duties are that of Assistant Adjutant and Assistant to the Supply Officer of the Station Hospital.</t>
  </si>
  <si>
    <t>                                           SOME WHERE IN AFRICA-- (SNSI)--On the morning of October 26th. 1942. Master Sergeant John T. Lyle,assumed as usual his duties as Sergeant Major of a Station Hospital somewhere in Africa. He arrived on time at 8:00 A. M.,but before noon of the same...</t>
  </si>
  <si>
    <t>                                           Jeep'ers! They're Creepers!                 Qui.f That's what these boots are used lor. South Africans don          thf-y 50 out on night patrol* Into German lines to cut t-ji.- communications und destroy  un positions.</t>
  </si>
  <si>
    <t>                                           CLAXTON, Ga.--Technical Cpl Kelly Ricks, Jr., who is stationed at Hobbs, New Mexico, is home on his first furlough visiting his parents, Mr. and Mrs. K. S. Ricks, Pvt. and Mrs. Oscar Bacon on March 28 became parents of a fine daughter. Mrs. Bacon is daughter...</t>
  </si>
  <si>
    <t>                                           NAACP Deplores Gagging OfFEPC                 Resumption Of Hearings Asked By Organization                 Authority Increase Is Suggested In Long Memorandum                 WASHINGTON, D. C,- (SP5J- Unless the. President Is ready to to undertake a drastic revision of Executive order 8802 providing positive sanctions covering every field to which the Fair Employment- EracUce Gorainlttee ,. assigned, no tampering* with the                 Committee's hearings or with any other of its procedures should even be considered, the N. A. A. C. P. declared this week In a memorandum to the president of Hie United Stales and to the FEPC. The  which .stated lhat the recent arbitrary action. of Wnr Manpower Commissioner MeNutt called for more than condemnation supplemented the National Association for the Advancement of Cclorcd People's protests against the postponement of railroad discrimination Heurlngs '^cd for Jiinuary 25th. NEED MORE AUTHORITY      ..A. A. C. .P.- recommended that the only other effective alternate to public hearings would be the increasing of the committee s authority by permitting It to  all holders of government contracts to execute an oath that Hie employer has not been guilty of any discriminatory , prati.ee. A false statement would su  Ihc affiant to prosecution. It would also be important that the president require that war contracts provide money penalties for proven acts or discrimination APMtAISAL, NECESSARY The NAAC1' stilted that McNult's action necessitated an appraisal of lie fundamental  of Hi.administration to the problem involved, an . of executive order 8802 and rc-cx:!on uf the techniques employed by Ihe . The memoradum policed nut that  it was anticipated that the Committee would have Independent status the President placed it in the Office of Production Management and subsequently shifted it from one agency to another.  Die NAACP said that although (Continued on 1'agc 5, Col. til                 Resumption (Continued from Pace 1) llic committee members are presidential appointees, there nas never been u direct relationship between (he Committee as a whole and the Executive Office of the Vrcsldcnt The practice has been to decide  matters relating to the Committee in "off the record"  involving the President's Executive Assistant, other high-ranking government officials not connected with the Committee and. on occasion, some one or more of the white members of the Committee. When Mr. McNutt ordered the postponement of the railroad hearings without prior conference or consultation with the Committee, lie simply followed and reflected the mode of the Administration In  with the Committee.  NOT SUPPORTED Thu Fair Employment ITccllcc Committee was set up tu deal with a fundamental, long-neglected problem, the NAACP reminded the President. If the Administration's purpose was a serious one. it then became necessary thai it follow through. Yet, at no time has the Committee had an operating staff, budget, or status commensurate with the immensity and complexity of the  assigned lu it. The militant support  ch ulie Administration has given such agencies as the National Labor Relations Board and the Securities and E^ Commission when they were under violent attack by reactionary forces lias been conspicuously absent ill Us dealings with ilir Cotnniltue en Fair Employment Practice. If I lie Administration intends thai the committee be effective,' let It give the Committee status In the Executive Oliice of the President, wholehearted support within government, and 11 budget adequate for tile a/ ot its . ) AUTHORITY The Association's memorandum pointed out that llic committee has never had idle authority it needs for the enforcement of Executive Order 8802. No provision is j made tor penalties or civil damages. Although many Federal agencies influence and, in varying measure,  the execution of war contracts, there Is no provision i"      Executive Order obligating any . agency to exercise iUs an- i  for the  of ~\U- i ' practices Which -the committee has discovered. It also should be pointed out that, while the order imposes a duty on labor organizations to comply with Its in this . provisions, it provides no sanctions I Notwithstanding these obvious j                 limitations Inherent In Kxccutive order 8802, and despite the  of an inadequate budget and admittedly  staff, the Committee has been able to Investigate complaints and effect a significant measure oC compliance in I every section of the country. I ONLY.  HEARINGS i At tlie time tlie order was !, discrimination against minority racial, religious .and national groups, in almost twenty per cent of our population, had reached such a stage that it threatened to l,cs:ome a national scandal. The committee was literally swamped with thousands of complaints. Where there was prima i.; evidence of discrimination, the committee lias attempted to effect an adjustments with the party charged. f In numerous Instances,  publicity, satisfactory adjustments have been mode at this level. AlIIkmujIi public hearings have proved to be the committee s most effective sanction, it Is only in a very small number of cases that llu.s sanction lias been involved. Tlie committee, through its 13 period of operation and the investigation of more than sever, thousand complaints, has held only five public hearings involving less than fifty employers and labor organizations.</t>
  </si>
  <si>
    <t>                                           WASHINGTON, D. C.--(SNS)-- Unless the President is ready to to undertake a drastic revision of Executive order 8802 providing positive sanctions covering every field to which the Fair Employment Practice Committee has been assigned, no tampering with the...</t>
  </si>
  <si>
    <t>                                           Announcement I wish to announce that the PHILLIPS BEAUTY SALON, 171 Houston St., is now open. Experienced operators.. Mrs. Phillips. JA. 8I.  7. Important Notice This is tr  my many friends mid Ilic general public dial my Spiritualist church and training  will be in a new Incatio:,. bt Kinnini; April 21st at 110 MiliOiell St.. S. W. Divine Spiritualist services for II, v i.i  of the public will bo   it  and Wednesday nights. My fume! location was 178 Auburn Avc. v e. N. E.     3 .''anila Ann While, Uireetrcss. Tliono Mm. 1B01. (Adv.)</t>
  </si>
  <si>
    <t>                                           "STILL A "WEAPON FOR FREEDOM V</t>
  </si>
  <si>
    <t>                                           ' BEGINS WHEN WE y y ARE YOUNG AND out Out      .. AND CONTROL IT WITH APEX POMADE (DOUBLE STRENGTH) Wrll  improve      of your hair,  of ilt        lion. ttp*~ia]ty )        for dry, Aching . Remove* loot*  Ar:x MASK GRdV/trO rf"~Hr,.~  ol,~ .h,     1 Iiv9 and  and  oty to **. SEND 10c FOR TR,AL SIZE ^C^ZJ^'VV^. APiXCO- ATLANTA CITY.N.J.        USE.~T</t>
  </si>
  <si>
    <t>                                           NEW YORK--(ANP)--Negro "Aida's" can' in' no wise complain for lack of opportunity for displaying their gifts in these parts for no less than four have been presented in New York City within recent years, credit for three of which goes to Alfredo Salmaggi.</t>
  </si>
  <si>
    <t>                                           Many Killed as Bomber Hits Packing Plant                 F1BE WHICH DEVELOPED IN AN ENGINE In the course of a regular test flight was believed to have caused the crash' ot a big four-motored Boeing bomber into a Seattle, Wash., packing plant, kill-, ing at least 14 persons and injuring many others. Among the dead was Edmund T, Allen,                 Xnmed teat pilot. The naming wreckage or the packing plant Is shown above. Qnternitionil)t</t>
  </si>
  <si>
    <t>                                           BURIAL THIS AFTERNOON                 The- celebrated scientist who developed hundreds of by-products from ]~:a: and sweet potatoes, v.lil be buried this afternoon in the Tutkege cemetery near the grave ~!f Ur. Biokcr T. Washinctjn. f mincer ct the famous institution. Funeral services will be held at 2.30 o'c ock this  in the college chapel with      Rev. Har.y V. Richardson, chaplain of the  l, officiating. Er. Cirvcr tli?d Tuesday night  a lingering illness.</t>
  </si>
  <si>
    <t>                                           Says Higher-Ups Would Sacrifice McNutt's Political Ambitions                 Sacrifice On FEPC Altar Seen For New Dealer                 By )                  WASHINGTON (ANI'i- Puli- Jcnlly minded observers arc  ill the lack of progress I made by the War Manpower Commission in the FEPC muddle. They scr In this the          '4 of McNutt's political (Irinlsc,  carefully planned by Ilic                  Hint, be. In Hie convention preceding                 Koosi'vcll's  tor Miirtl term. McNull was a potent figure. and aspirant for the top place on the ticket, and easily an outstanding contender for the post ol vicepresident on the Roosevelt ticket which had discredited Join) Nance Garner. McNutt, however, was Minuted aside for the . Henry Wall:n:e. who had Ixicn secretary of -. What was In the card:;  fur McNutt was merely u . NIiw Ilic Indlaiiaii lias been pn' :.~     \\r i?  I li-i :hr failure or surce:.s of Ilic War Manpower ,                 nn with the military nl d , industry and agriculture. It s Ills business tu keep the country  during the war emergency. Sut he hasn't been given a free land to dictate the policies to be . As a result, he is handl:       on all sides. Unnblc to solve the FEPC  to the satisfaction cf the biggest minority group In the United States, he turns fiom one thing to another In an effort to salvage something out of a program fast  a shambles. McNUTT A POLITICIAN McNutt Is a capable.            administrator. 4jut above all a politician. His past record indicate.' this and he Is fully aware of what is transpiring. Can it be that he is holding (lie bag on the promise ot big?cr things in the future? Meanwhile, hf. Is taking an awful . ~'hat with the press of the nation. Congress and personal asso. dales on his neck constantly. His inability to offer a solution for the moot rEPC lias caused no end of dissatisfaction among the powerful groups of Negroes in  nl stales. And his actions arc a reflection on the New Deal in that the higher-ups in the New Deal refuse to make any commitment on I the FEFC. This alone, is the one j point which voting Negroes will hold against McNutt. And it is clear that something will have to be done in the very near future to clarify this position and hold iji line the votes which the New Deal gathered from the Republicans in the past. I Not only is McNutt on the spot, (CsEtoici K r*$s 6, CsJ. Z)                 Says Higher-Ups (Continued from I'age 1) bul. the whole Nrw Ucnl Is on Uic KvWcllc. Especially is  true or the housing situation where  congi . resent- any progress in housing lor Negroes and Uneaten to hold up appropriations and funds as long as Negroes benefit. However, in the final analysis the New Dealers will come rushing as a to these very Negro advisers as a last resort to write glowing reports of what has been done and what is being planned to relieve the , situation for Negroes. IT WILL IIA1TEN AGAIN H has happened before and will happen again. But. this time, there is  In be a balance sheet, where Negro voters will remember Sojourncr Truth homes and Willow Run in Detroit where southerners tried to force their mode of life on a community where such was                 unknown and unwanted; they will i remember tlio listless attitude to- j ward the CT3PC  had been hailed far and wide as the second emancipation proclamation. Much will have to be done to j remedy this situation. The railroad hearings which were too hot to bring into public will rise to smite the New Deal and all that the New Deal represents, even at a time when national 'unity is the cry: when all minority groups arc being shushed into silence because of the war lime needs of the country. But wolf 1ms been cried once loo often und Hie voters in pivotal slates will remember tue rebuffs of FEPC and of the housing administration and all of the other quiet little caucuses which have mitigated against the welfare of the Negro.</t>
  </si>
  <si>
    <t>                                           WASHINGTON -- (ANP)--Politically minded observers are interested in the lack of progress made by the War Manpower Commission in the FEPC muddle. They see in this the beginning of McNutt's political demise, apparently carefully planned by the powers...</t>
  </si>
  <si>
    <t>                                           Atlanta  Fsfciisfcsa 2AU.T s=3  at 210 Asbsrp J*?2zzs 3- ATLANTA CAH."  O3L3 Fu3L3H3NG CO. Telephone: " 1459 1460 Member oi SCOTT NEWSPAPER SYNDICATE Established Aug. 5. 1928; Became Daily March 13, 1U32 IT. A. Scott, IX Founder and Vubhsher, Aug. 5. 1928 to Feb. 7, 1934 Entered la the Post Office of Atlanta, Ga.. as -class mall under the Act of Congress. March 13. 1879 C a SCOTT General Manager CUFF MACKAY Managing Edltoi l^:- 1 Year, $3.25; 6 Mos., S4.T5; 3 Mos., $2^0; 1 Mo.. 90c SATURDAY ONLY:- 1 Yccr. $3.00: 6 JIos. S2.00; 3 Mos., Jl 25 Caanada:- 1 Year. $4.50; S Mos.. $2.75; Foreign; 1 Year, $5.50 The ATLANTA DAILY WORLD is an independent newspaper- non-sectarian and non-partisan, printing the news absolutely unbiasedly  nd supporting those things it believes to be to the interest of its readers and          ?~      the interest ot its readers. Address ALL COMMUNICATIONS to and make CHECKS payable to ATLANTA DULY WORLD, rather than to individuals. The WORLD expressly repudiates responsibility for return of unsolicited pictures, manuscripts, etc., unless stamps are wnt. j</t>
  </si>
  <si>
    <t>                                           Switchblade To Be Doomed In Proposed Statute                 Chief Hornsby Cites Knife As Dangerous Weapon                 The deadly switchblade , :i  weapon in ihe eyes of Atlanta and Pillion Comity slayers, is going to    outlawed It Police Chief M. A. Hornsby ;md J. A. McKlclden.  "I , can get the city council'5  committee to act. The city police department declares major crime In Atlanta can be cut in half if the committee will pass an ordinance outlawing * .s us  weapons. Police  stilled Saturday that they will ask an early  of tlie committee to have a bill drawn imposing severe  on Page 6. Col. 2)                 Switch Blades To Be (Continued from page 1)   persons convicted ol carrying  knives. Chiol Hornsby and Superlnlcndcnl McKiddcn said almost three out of four murders recorded here during the last nine years have been committed with knives. Police officials believe the percentage will show a great Increase this year because pistols and cartridges are not on the market. j One of Atlanta's most recent murders was committed by a woman who smuggled a knife into the city Jail and stabbed to death another woman prisoner.</t>
  </si>
  <si>
    <t>                                           BUY BONDS</t>
  </si>
  <si>
    <t>                                           Colored Skilled Workers ARE NEEDED IN AIRCRAFT PLANTS Prepare yourself now for one of these high paying jobs. Learn AIRCRAFT WELDING in day or night classes. Classes are now in session and we will remain open until 9:00 p. m. on Monday, Wednesday and Friday  to accept enrollments. Federal Aircraft School, of Welding Ififi Decatnr St., Atlanta, Ga.</t>
  </si>
  <si>
    <t>                                           Girls, does an out-dated TABOO mean you don't know this help? Very Jo women cling to Hit old-! me of two  1  as . It  notion that, certain inti- may  ipp up np;x-tiU\ aid digestion, male fects  a forbidden tepid and  hi-lp build" up energy for of conversation. That's why  ''lime" to come; (2i started 3 wem.-n who have suffered the days before time, and taken as cramp-like  sind nervous j directed, it may aid in  strain pr periodic, functional :lts- purely r."(~"l.  .    ;:- al. least      a joi.it !. Won we praised !'-; Try C.4.  msy hs!p *   h;!p for 52 . Try</t>
  </si>
  <si>
    <t>                                           FEE1 LIKE A MILLION DOLLARS with that million dollar look for your hair. A famous Black and White creation, Pluko adds radiance and  to your hair. Don't     just anything, get Pluko, a "dressing /'Si1*^. that really dresses." Eco- /^SSi^*~ nomical big sizes. Amber, A^n^vV 25*. White, 50*. Sold nt **Xjfi7 fill toilet  .     //y if YouHad MYJOB T^EEPING HOUSE, helping { JC\- take can of the family yon would realize that business girls I an not the only one* who sometimes get Headache and Tired Aching Muscle*. We home girls often work  aa hard and bava just as many Headaches, just aa many Stomach Upieti and get jost as Tired. About a year ago, I first used ALKA-SELTZER I find that it eases my Aching Head, takes the kinks ont of Tired, Aching Mascles and brings relief when 1 have Acid Indigestion. The family  I am a lot easier to live with since I hay* known about Alka-Seltier. Have yon tried ALKA-SELTZER 7 If not, why don't yon get a package today? Large  SO*, Small package J0~, also by the glass at Soda Fountains.</t>
  </si>
  <si>
    <t>                                           v .,--/7,   /-\L s- = 1 1 r  ir-M^^^iM- ^~^ miS .;-^J^=r-- j, in IM"i f,'^1"-'"1'  i. n-  pia^        .'.               FRIDAY *uny itt Tomarrow for Th^ 1 tel^^^.^ii CDCriAICI              ! no    ,    ., 1 ^~~~~~~~~~~~~~~~~B ! or C. D. Orders, PLEASE!   ...' and women-. ^^^M?$- SAVINGS FOR WOMEN! I 0\ Men,s In.or.Oul.r V \r-6\l'*y l% PORTO RICAN , print and solid. Size* f SPRING ^X^gW PQJVsl^^an, ., large.  .^KW SPORT DRESSES  ^jl^5^^-8"65241030-1"^  P^~^n SHIRTS ^''~H^HL^a." SWIM SUITS. cottons, U-stex, woolens. Misses* ~~~$^^I^W^ ^* $^B^         , Tg* sizes, . 3.98, 4.98 2.98 IHM^fev^J   !':^5 i WM '^/^HbS^ JR. MISSES' SPRING SKIRTS, plaids and solids.      ^*P*=a^p3^  ;i  Irrefis. 2.M to 2.98 2 for $3  Hi$  -k %? i^r iU*^ J^^B M    8  ^J JR. COTTON SUPS. Sizes 11-17. Usually 69e 38* ^l ^J  SATIN CREPE SLIPS, junior sizes 11 to 15. Reg. F7    *!f'"^4i^   / Reg. 3.95, 4.95 'i 1 .39 1.18 /~~"*^M^^^^/ Made to cell for 1.29  JUNIOR MISS SLACKS, strutter cloth. Reg. ./*^        7 fou can nave a whole new ^      3.98 2.88 /mMM WsSBI V Get your summer supply "of wardrobe a! these 8  . CR^SP NECKWEAR, lace, pique. Samples 59c           fine sport shirts at these great savings on smart   nd A WHB FABRIC GLOVES. si*s 6 to 8V4.' Spring cdoS B  F I Lighhveight v,Oshable       All the newest, lovel,- g^l ~^^K \l t Seconds 59c, 69c 38 i WbBSvJ J ln white'  and  shades anj .    $$~     FLOWERS, LACE BOWS, for your dress, your W. Tn-or- with short sleeves. In  12 to QO 3B to 42. ."^i^^^^ hai.'. Re;..      29c iW^^^Mm Sna)!. medium and large size. ^Aataam* SAVINGS FOR GIRLS, BOYS! i BifeiBi 48?X RAYON PANTIES, tailored styles only. Regu- I /A^lL^^^^^^^^^^^^^^^^ Crepw and Satins     ^.  4!)c 3 for  x r^ Summer Cool   ^ u JUVENILE SPORT SHIRTS, in-or-outer styles. J*#~ I Al/CI V l^Mk Sizes 4 to 12. Usually 1.09 2 for $1 %3    ^l^C LvVCLl  BOYS' WASH PANTS, lightweight. Broken sizes. ~^M IfllLn 9 Cl IDC '  ^/SN BOYSlfDRESS SHIRTS, whites and fancy prints. ^Ilffli/A ^JW?    9l.lr3 im /^v Sizes 8% to 12, 12% to 14. Firsts and seconds     %  5 1 CfiC ^p4l' \S SAVINGS FOR MEN!' ^Mift 4 MA  4 ^.1. X 7 /^H SPRING SOX, solids, clocks, all-over patterns. if             'i IKS  I *i fe^Jkr-*1'! rl 10 to 12. If perfect. 35c 3 prs. 55c ^'^W^V^?- A H^T^T cn.nl.. 9HH. */.^Hn 'S MEN S WASH PANTS, sanforized shrunk. Broken WMffl'M^/ Samples, 2nd* of I SSO^i 41 sizes- Usually 1^8 $1 ^^^Mf      to sell for l.~5 $1 and 1.19 g  A#^ MEN S FINE TIES,  patterns. If perfect ^BPlwm^Bw^ ^^^ns^=    ^ SAVINGS FOR YOUR HOME?      ^ZZ^*^ tailored types or lavishly lace    ^aff    -  j TERRY TOWELS, 20"x40m. Made to sell for    II 'I JT ill il T trimmed. Select a supply in fe#"^^ II 39c 25~- i!LJ L  ^mes. tans, blues.        In       or . Reg. and w^^S^J^6"' J LACE TABLE CLOTHS, 72"x90", mended. Irregs. TtTT^A  s npe1! and patterns. Get a       "Let' jM\J ^^ I FIBRE RUGS^xg1 for summer. Made to^seU WM\ P Ply a- these great 3       ^. WOVEN "SPREADS, full or twin size. Irregs. li *- -  11"111" Spring Savings on H^^B 39f). 4-98 2.99 JwffQk WT DISH TOWELING, 16" wide. Part linen. Usually 7 T     Sov* Boys' Sports tato v r 35c ~'d- 2se vi -r-! ?r IUI J .C^\ #~g*A^ WINDOW SHADES, mounted on guaranteed roll- V X?V'7  Vl MfSwWl /!% ers. Cloth 3'x6'. Irregs. 79c and 89c 44 J V? f OflaBl I 3i 1 \\^Pl^Si//^ DRAPERY REMNANTS, sold by the piece. 36" K WtAK \y^^Wr/ wide. Usually 49c, 59c 3 yds. $1 Ai /WAV  X^mmP\/ LACE PANELS, 48"x78". Ecru, ready to hang. /VM/^/l ^^ #!S?*9fe I Usually 1.29 $1 ca A ^%- V if' 'A 1  P W^^-is, I FELT BASE RlIGS, size 6'x9'. Reg. 2.49 1.99    f. 1 1 HV ^#%. #C 2^/~~y^1-^~- CRICKET CHAIRS, maple finish. Usually H#l^ #QC m m VN^O PILLOW CASES, smooth percale finish. 42"x36". i V Sb? J JJfrT T Regularly $1 and 1.19 j ^V^'P' KITCHEN TABLES, sturdy enamel. Seconds of X Jp'j **    to sell lor 1.29 Dresses in percale, broadcloth. tX'^--v^T^' ^S^V SPRING CURTAINS, ruffled and cottage styles. a" SHIRTS- in-or-outer styles in Little boys" wash suits. Sizes ^/*2*VAi)/l ^.t    *"X- Made to sell for $1 pr 79  pr. Vi .'Z '-.Khi- colton. BH:e:,     , 1 to n :.nd 3 to 6x. Also Tots' ~^M'jfWffi^  T"~"    *fi X f ST^ SiW in to.13. "I washable seersucker and cham- /Ty fy4i.LU\ Simulated Leather Skimmer Styles in rl*l^\~ -Im l-gMv.- son- I bray overalls. Sizes 3 to 6x. *^-:Lj/ \JL      -*~rj-kk.i B J 1/ ^~k.vV/ foi-im-ii  khal-.i. Made to V^rK TMBIf IV y COTTON  t TO. withstand wear. Sizes 8 to 14. J-S-L- BAGS DRESSES ~..-m,.;,^ Save on Un- Rationed 53  1.27 1S" to 2S" Wld*H* ln i pi ay /  \ Re9*4   ^. i.8sto*2 Jf^^^Si VENETIAN rLH I JBSk m Lovely spring shades in A grand selection of styles  3 S1^^^^ ffl. i      X in;srt fabrics and simulated (ot now and spring. Smart ; iSS^S^S 3L -I  r^^ S ~$~$$ JMh leathers. Colors to match prints in smooth cotton Mil- S.C^^* 5 Rl  SHOES WWA^^  new Easter outfit. . Sizes are broken.  T !5^^5 t 1      ^1#*J ~**3SsSB^ Sheer. Clear Print. I Solids! Slj i=EEEE ^k    M -H Save your precious rationed ~!fZ*. ^ \^4I Perfect 89c Samples 1.49 Wif"^ %^SSzrf\    ln - colors,           '. shoe? by  these smart akU^iB*^! .,,..,v h h ,-j Sr ^^SS^tV*'^ v/i!!l br""kets. Bt  tA P.ay shoe, for your . JKMKBSm *~~    ^ Xl^T^ iSS 1 B^^^ 227,^ "~~$~%?%$~ hours. Adorable styles to Bo ^HmEHHQ^^^H        1i.nd - Buy with lace Tcarnse, blue or 4-^*^ ^SmmSv oi.. with your summer washables ^^HRflp^^!^ se\eral pairs. SVi: to lO'.j. yellow. Rej. sizes. 20" to 3fi" widths, made to and sportswear. Broken sizes. \^W^S^K^J^^^^"^ "T"    "T" 'e" 9C 2,99 i JM^^iBg^'^     ' and Cirls' Jr. Misses' 37" to 75- v.-, made -to COTTON COTTON . Hoy Upton ,^~A SUP%          f Pjj^i ^^3 36"'nCh     'ry drill IN la %*~/ Regularly 89c Regulariy79c J^^J^il SATEENSy Dl AllCrC 7\ ~~"f A ^rand assortment of Streamlined tailored style: ^^^^^^^9     ^~b  am mi^..^. DL-%#U3IL3 Cb-fil h^ styles. Many one of a kind. for business and sportswear. W-    ^3bM* ff^UlM 1 7K7C -i (T/fV Trimmed in dainty lace Cool, crisp cotton in white *T 5lW-       i Wlill^l I     ^ "C ~^l *  \ /^JJS^^N ai1d beautifully finished. and cloud-soft pastels. B$6  4*re. fi XX 1 b#fil 84" to 90" Nlnon 9mart Sui"   - ^^wi^^l^N ~*  ' \V^Lf^ TAILORED i BEACH ^T^%B^^ Irreg.. of 1.19 ^f\ ^9 CURTAINS WEAR m%":'"i;^^^St 'rre"' $1 Smaitly tailored shirts to go ^^^^^^^k 1 QQ Ii28 'P^'"" 1  ^^ I OVL V "oral  . dainty I with cl! sportswear . ^^^K^ *~*^W .^m,~^ ill f   (~mI V\ '^""'M-snt. Smart  I J skirts suits. Now and all ^v B^P - *9* Ts^!l2.299S' tt^      cr.lW .i,Kom.. I mal-e.  n hite. -,z^ to 36. har?_ 1ion, rli?ht. a!1 ..lmn;er )n"nfr. t, 18. T^ *~~WB^SS^^^S '*m S3VC 'vith I *!S*^"ipp-Til vm^mmmmm^^^^^'^ mmmmm^mmmmm rT t r-3</t>
  </si>
  <si>
    <t>                                           Miss Anderson To Sing At Mural Presentation                 WASHINGTON". D. C. 'SNS) Marian Anderson, noted Negro contralto. will sins at a special ceremony at the Department of Interior on Janus- y C it was announced Saturday by Secretary of the Interior. Harold L. Ickes.                 Miss Anderson will appear in the auditorium of the Department of Interior building for a ceremony to bo attended by a group of prominent Federal officials, members of the diplomatic corps, civic lenders, outstanding Negro representatives, and other prominent persons. The occasion will be the formal                 talion to thc Federal Government of a mural painting representing Miss Anderson's first-concert in Washington when she sang on the steps of thc Lincoln Memorial on Easter Sunday. 1939. TO HONOR SINGER While all details of the program for January 6 have net been completed. Secretary Ickcs said that Miss Anderson would sing several selections. The program will be conducted in recognition of the great cultural contributions mude by Miss Anderson, Secretary Ickcs said. The mural to be presented was arranged for by thc Marian Anderson Mural Committee, under chairmanship of Edward Bruce. It depicts thc scene at the Lincoln Memorial at Easter. 1939." when Miss Anderson sane an outdoor concert to a crowd of 75.000 persons gathered before the Lincoln Memorial. Use of the Memorial w.is granted by Secretary Ickes at that time following refusal of the use of Constitution Hall for a concert by thc Negro singer. To memorialize the event. thc Marian Anderson Mural Committee was formed. Funds to finance .1 painting were raised by thousands of contributions from school children and others throughout the natl',n interested in the strengthening of racial relations. Mitchell Jamison was chosen to paint .the  after a national competition. The mural  been Installed in the "Oapartment of thc Interior ?, and will be formally presented to the Government on behalf of thc Mural Committee. It will      on Page 6, CoL 5)                 Miss Anderson (Continued from Pa^c 1)  for the Government by Secretary Ickes. CHILDREN TO j PARTICIPATE Complete  of the  will be announced later. Secrclaiy i Ickes said. In addition tc participation of Nccr.) leaders In I'.ic event. I plans arc ; made for t ne .it- j tendance of a representative  of Ncpro children who wili appeal on behalf of the manv  who made small contribution.*; 10 the fund which financed the  of the mural. Miss Anderson's app^ At the Department of the Interior auditorium will precede hsr Initial appearance in Constituti'M Hall  she sines  on.tlic .-. ing night (Thursday. January 7i,J on behalf of the United China Rclii-f. I</t>
  </si>
  <si>
    <t>                                           WASHINGTON, D. C. -- (SNS) --Marian Anderson, noted Negro contralto, will sing at a special ceremony at the Department of Interior on January 6, it was announced Saturday by Secretary of the Interior, Harold L. Ickes.</t>
  </si>
  <si>
    <t>                                           Anniversary Dance Planney By Del Ritas                 The Del Ritas, popular  Morris Brown coeds, announces that the final plans have been completed for their Fiist Anniversary Dance This ira a affair will be held Wednesday , March 24. in the swank environs of the Service Men's Center, 1000 Htinter Street. S. W., 8 till 12 o clock. A medley of waltzes will h? dedicated to a member of the club. Miss Nomna Ellinpton, who is  to do her patriotic bit as a new  in the WAACs. A errand treat is in store for all who attend this social event. The personnel of the  is as follows: Jlises 7 Iayme , MavbeHe Ensseli. Eupeni:i Frederick, Norma: Ellington. Mildred Mathis, Ethel Morelnr.d. Alma Fage and Dorothy Paries.</t>
  </si>
  <si>
    <t>                                           Clearance! Fall Dresses One Group Values $7.98 Reduced to $4.77 One Group Values .$4.98 Reduced to  2.37 One Group Values $4.98 $2.98 Reduced to  1.87 Come Early, Select Several at this Saving:</t>
  </si>
  <si>
    <t>                                           GRANDMA HANDED DOWN THE COLD FACTS rt^SSi I F0R MOTHERS couching. aches I Tnn.v in muscles OF TODAY of chest and back, and to reduce local congestion pioneer Grandma put faith in home medicated  suet and hot flannel. Today mothers use Penctro the excellent modem medication with the mutton suet base. Rubbed on chest and throat it works fast, for Pcactro never fails to function 2 ways. Aromatic vapors sweep inside   nose and throat,  Penctro does its outside work like a . comforting plaster on the skin. It's also good for minor burns and chafed skin irritation the year around. Try Penctro. Compare it. Convince yourself. ~'"Grandma was right!" Your  guarantees ^'bock if not spt-. 25c, double supply 35c.</t>
  </si>
  <si>
    <t>                                           Here's how to get a Million Dollars into the look you give your . Use Pluto. This famous Black and White creation  keep your l.:iir in place, adds shining beauty find lustre, makes hair  more cn-ily. Get Pluka in big economical siM-a. Amber L'Sj1. White SMt- At. l..iK-t Knuil.counter* every^1, 'Jciiijirnl Phikn. ^ HOTEL MACK 30 Gas Heated Urns. Hot Water D'ly {1 up. Krasonalilv WUly Kales.   . 8921. Atlanta, Ga.       P'kinf The Allen Hotel All modem  rates from SI. Phone Arlington "Ml; 251 West Madison St.. Louisville Ky.      ?MH'Bj  DO THIS FOR H- GREATER HgglJjfllSI BEAUTY... Ifuizly,           '..'irk try Black and White Bleaching Cu-am. It soon begins to lighten, briehl^u the complexion. Skin  ^, smoother, more .. Hlai-k uwi White Blenching Creum al.-o helps to smooth out course blotchy skin. Try it today. 'Joe, ,ri(lc ,-izes at all toilet ^* counters. Always be Fine to  Black and White Hkwhinn   :u.</t>
  </si>
  <si>
    <t>                                           BIRMINGHAM, Ala.--(SNS)--After trailing 10-7 at the end of the first half, the powerful Purple and Gold Steers of Texas College, champions of the Southwest Conference, came from behind to chalk up a hard-earned victory over the Golden Tigers of Tuskegee Institute, runner- up in the Southern Conference, 13-10, in the second annual Vulcan Bowl Classic, before more than 7,000 enthusiastic fans, at Rickwood Field.</t>
  </si>
  <si>
    <t>                                           Tl M TYLER By Lyman Young                 FELIX, THE CAT  5y Sullivan                 HAIRBREADTH HARRY                 By C* HunKerford                 DOROTHY DARNIT By Cha*' McManu*                 ~"8KB IT S A GREAT LIFE IF YOU DON'T WEAKEN -By Jack Rabbil</t>
  </si>
  <si>
    <t>                                           EVERYBODY WELCOME! APEX BEAUTY COLLEGE Graduation Exercises FRIDAY 8:30 P. M7 April 30lh Sharp Allen Temple A. M. E. Church THE REV. w. R. WILKES. rst;=r 3S CLARKE STREET, S. E.</t>
  </si>
  <si>
    <t>                                           The South Atlantic Regional Open Pair Bridge Tournament will be held February 27th in the University Homes Recreation room, 668 Fair St., S. W. The net proceeds of the tournament will go to the United War Work Fund.</t>
  </si>
  <si>
    <t>                                           Special Reading 25c j Y"Dr Lnrhj- Days Art Given Fret! Madam Eva Palmist and Adviser GIVES FACTS AND GETS RESULTS     madam warns  jrr.-- Rtiffccst"; -slic  fully. RHt ANSWERS AIX . Know Thyself iind flml  and Iiapjiliic.il. Satisfy yourself by  Mailam    , KM." W. Marlrda Kd.. .V.\T.. Atlanta, Ua. TnUi- M.-Iuoian Vanl Car to Bill Morgan's Srrticc . l.~iuk (or Ualld</t>
  </si>
  <si>
    <t>                                           STABBED 8T *                 Cltv police Friday reported the stabbing Thursday night of Mrs. Adeline Reese, of 3S9 Pine Street. N. E. The housewife was said to have been slabbed by her husband, j EtfTard, !ij  of ISsfr .</t>
  </si>
  <si>
    <t>                                           Picture Review Of 1942 News On Page Five</t>
  </si>
  <si>
    <t>                                           NEW YORK -- (Calvin's News Service)... Square On March 12, at Madison Square Garden, two "heavy lighthcavy weights" will be battling for what amounts to the title of "heavyweight champion for the duration." Their names are Jimmie Bivins, the Negro boxer...</t>
  </si>
  <si>
    <t>                                           She Is Honored J                 SOROK COLI.YE LEE RILEY who lias recently   .il director of t.'ie. Alplui Kanpa Alpha ,  will lie truest of  at n tea (bis ci  at six o clock in tbe lounge of Annie Mcrnor Halt, of Clark. Members of Alplui IM chapter will lie . A native of ClinllanooKa. she is now Hie librarian at Clark. TIM  list include* members of Kappa Onicsa. sifter : Gamma Carom of M" Hrnwn   of the Clark faculty and all Cri't-k letter .        in tin' .</t>
  </si>
  <si>
    <t>                                           Sunday is pastoral day and Communion services. The pastor will return from a revival which he conducted in Macon. Sunday School, 10 a. m. Evening service. 3 p.m.; H. Y. P. W.W., 6 p m Sermon by the pastor. Bishop M. C. Griffin. 8:30 p. m.</t>
  </si>
  <si>
    <t>                                           OHE-A-DAY Vitamin A and D Tablets EACH tablet contains 25% mom than minimum daily requirements of these two essential VitAmins. Insufficient Vitamin A mmy cause  , mav        Tr^*' tn infection     i)io no?e. throat, ryes. *vrs and sinu5~?5. Vitamin    \x  fo * 1h* h**?y    TTalert ti_co pf         nd  in our foo*?. Insure your minimum requirement   f these two important Vitamins, bv taking a ONE-A.-DAY Vitamin A and D Tablet every day. Econom lea 1-50* or less per month. Convenient- you      on* F!~ISH2!~ *?? OoftraUv Ijlr. IMPORT AJ^T-- -r-^^r Hjvi^e tr;            a*       dmt; e4nr-A</t>
  </si>
  <si>
    <t>                                           AHanla JSift World   '    The Nation's Only Colored Daily Newspaper 'NEWS WHILE ^USSSSit^SX VOLUME 15, NUMBER 182 ATLANTA, GEORGIA. SATURDAY, JANUARY 2. 1943 PRICE FIVE CENTS tT     "</t>
  </si>
  <si>
    <t>                                           Dr. Lightfoot Men West died last. Sunday afternoon. And thus. wrote "Finis" to one of the most distinguished surgical and medical careers in the annals of his profession.</t>
  </si>
  <si>
    <t>                                           mmr OKE-A-DAY Vitamin A and D Tablets EACH tablet contains 2S% more than minimum daily requirements of 'Jmsc two essential Vitamins. Insufficient Vitamin A may cause night blindness, may lessen  to infection the nose, . eyes, oars and **. Vitanvp D  5 Decessary to      body               of    ?  3d  cvr imi. =f thes trr= i.-=pertz=t rr- brr Ei=3=J=S- 5~^ sr 1=: ys tablet c csy. the tase- and ao will you. - vbm          ,  ?9  sc!~~ sail price*. Get iii^. - drug .</t>
  </si>
  <si>
    <t>                                           ^fe^Tthis cheese food that s digestible as milk itself! SPREADS' SLICES! TOASTSl MELTS PERFECTLY!</t>
  </si>
  <si>
    <t>                                           GET THE POWER TO WIN j THE ONE YOU LOVE r Stop   V  'ANVHIINi; Unttw JBBBHjip to   *l tin* ^r you re ~?          ? Van    IliN   J1OW t,. n^t U  H ..n.~-! Y,~ti il.iii l n,    i.-O4k1   ^.   tn Kt-t thin io\    nf . Anyone ran  M II. The one .vou wnt win bo  in one  If yon KNOW HOW! Tlu-re (~n"l   cui resist lorInc von If you us? the^  ^'cr^t* of  I hat  Ilk- .           for the              to yon In frank, . wimple    *  ,  1 you the !   will open    *~ to tho lor**     '  * -  -about ,~^f;          ! Send only  t.ur    *~ an.l  and I'll  thU .  information to toot at  In P.W* "TrnPT"       ^-4*Prrnnal.** "^ITi^n    "    " It, pir   l ola* pout ar*. I'll roy          if      *t nd  jti noir. you  b^ h*     * n O^E          yoo tl(~ei1    of tore.  r rlw Ton don't pay nn*~ r#nt- find III T^ T^nr mrm*y ImmfdfafHr.-. today! TMbt U     ^^^.t T-if,t n^m*  nd j-. YOUR LOVE ADVISER tot *~wm\ t.   it it</t>
  </si>
  <si>
    <t>                                           CLARENCE SCOTT, 32  FOUND DEAD                 Clarence Scott, 32. or 184 Pine Street. N.E., was  dead cm  at Grady Hospital early Thursday morning, alter his brothers. Robert and Moultrie, discovered him In b?d at his home. According to city police, the brothers were quoted ns stating that Clarence appeared to have been drinking heavily before his passing.</t>
  </si>
  <si>
    <t>                                           Ministers Protest Ouster Of Pickens                 Members of the Interdenominational Ministers' Alliance representing every denomination in the  of Chicago, met last week ol tile Wabash Avenue YMCA wild President Uishop James A. Bray presiding, antl protested the  of      Dies committee in congress which recently  Dean William PicUcns and  to have him ousted from his post with the U. S. Trcamry. The                 ministers also protested the smc-Rrinjj of Mrs. Mary Bcthuno by Diet and  cohorts. Photo  hows the officers of the group, seated, BUhon W. M. Roberts, Church of Gud in Christj BUhop Jamc, A. Bray. CME church; Dr. H. B. Hawkin,, president Baptiit Ministers" Conference; Rev. G. A. Reid, A. L. Foster, secretary Chicago Urban League, and Rev. A. Wayman Ward, pastor of Bethel AME                 church.- (ANP).</t>
  </si>
  <si>
    <t>                                           COMMON COLDS SPREADING IN GREAT WAVE With sniffles, coughing, *f*cd nasal breathing, and muscle aches Don't let tins  menace rrm you of relaxation, rest, time on the job- with its siege of 6Uf:)i discomforts. First,     intuition       .'  . ]~m t . 0  n't overdo. l)n;w ^.     "nl . as much as    *. Second, if a cold   **s strike vm, ^    Pcnctro,       *e I*   *    :i pn:*t. -by for colds' miseries           pas^aces. IVnclrw is     powerful         -:ition with  the Rime oltl f.isli-        mutton siw-t Grandma . It works two ways.    -~    , -  discs  of ro)H- .         !.        *. Pcnotro's 5po- i           help rr^                 ,nnd relieve . I Slaiiilc?~s, , pleasant to use. On j . Generous size, 25c. DouKIp Mipply 35c. Alwaj-s demand Penelro. I 70       \ t\ ..60t) If  h*ir U doll. . */py* . (.^1 S  I-ACK  will -/^ j-^ur entire head of harr ill/ j/io a . even. Initroof. itt U*  . All yoa            f /four   looking  nr.d I I lov*'r Black Strand. Wheib*r it t a!l  h*rr. or jost -op  , parting, ^n or        !     . yoo JI find BLACK STRAND economical nnd      ^^~i!i"          A%V v-ur  t^  .T for BLACK STRAND  n (he        *~ rul j r east ^^~j cr ?cor mener back.. r-Al!T!ON--EU A     4fc!3b-  c='7 u ti^ e= It* !   ! BLACK STRAND Thr. SST SLACK HA!  . C9 B!ssk Strtp.d Cp. Chicusa. !U.</t>
  </si>
  <si>
    <t>                                           History was made for baseball teams in this section. Thursday night, when the annual banquet and mid-winter meeting of the Atlanta All Stars was staged at the Neighborhood Union on sunset Avenue.</t>
  </si>
  <si>
    <t>                                           A true understanding of IS /A* jor/ow.~ /Ac   is manifested in S /Ae dignity and reverse ence of our service. We Eg take lull responsibility Kg for all details. S  HIL II/ )M MOOtVATC COST 5S JSSeHBiiaft M Was C ^-7^ R</t>
  </si>
  <si>
    <t>                                           freedom Day AdvQcsta                 Mujtir U. K Wrixlit wml  ttf* country M-curin;; .  tor a.  Frvrdmn Hay tin Frbruury 1.</t>
  </si>
  <si>
    <t>                                           Farmers Can Gettoans From Government                 The U. S. Dcpflrlmtinl of              I* nmU   available        ,                and tenant*, well owner*,  enn  5c loan I" increase I heir production   f  w;ir crops. A' top, Cornelius Kior, . a us i* taut la ihu Governor of Farm Credit AdiMinislralron, explains                 TJ*   4  N- KoIitIr, special a sals I. "nil to the USOA Pemonncl Dicecto.r, Imw farmers can . \nann through l-'CA. Below, Uxlcusion Farm Agont T. D. WilKamiioii of Cnswell County, N. C, advises farmers how  may  their County Faim Security Administration office about a                 Freedom loan. USD A PHOTO.</t>
  </si>
  <si>
    <t>                                           Male Or Female PHOTOGRAPHIC FINISHERS PORTRAIT and KODAK HELP FINISHERS PRINTERS RETOUCHERS COLORISTS. GOOD SALARIES. APPLY SUNDAY, 2 to S and MONDAY, 2 to 6 FOR IMMEDIATE EMPLOYMENT ROSELAND-STUDIOS 910-A WEST HUNTER STREET- Next to A.libr</t>
  </si>
  <si>
    <t>                                           At OST people who use Dr. Miles Anti-Pain Pills say that ono rill usually relieves their head.-. In      package, Dr.- Miles Anti-Pain Pills cost c sc penny each. In the economy packages, on6 penny buys lVi rias. Way Don't You Try Dr. Mile. AnH-Pain Piils? Tb'ey tarto good, act promptly. do not upset the stomach, contain no opiates or laxative medicines. "You may be miles away from drug store when you are suffer- Iris from a Headache, Neuralgia, i or Uusctdar Aches and Pains. I "VTtrrnot get a  of Dr. TnsUs Anti-Pain Pilla today and    prepared for  Xanlxr Pxtan, pint, "i^  1JS Pilb. II M C*^:l4C:      Dirvrtloa* Oa Psckxa*</t>
  </si>
  <si>
    <t>                                           While the present war emergency limited considerably the scope of the major American sports, several new champions broke into the headlines during 1942. Below, the writer has compiled a list of individuals and teams that were formally acknowledged as being supreme in particular branches of sports during the past year.</t>
  </si>
  <si>
    <t>                                           *l I \     5^?Si'A\ MIlUONiAOta- MiradeWhip does work  \V'.SW^~J5?'4\ with  A unique combination of old-fashioned I \V """iS^ j\   and fine mayonnaise. Miracle Whip is I Vb-S^^^V by far America's favorite salad dressing. *VMf-^^- A</t>
  </si>
  <si>
    <t>                                           Campaign workers in the current YMCA fund drive will be honored ' with a Victory Dinner at "Y" headquarters. 316 Miss. Avenue. Thursday night. January 7th. in appreciation for the most successful finance campaign that colored people of Memphis have engaged in...</t>
  </si>
  <si>
    <t>                                           The new Telephone Directory Goes to Press 1* ysu  change*   le!         listings,  notify Iho Telephone Business Office at once. Bo sure to chock your present listings to Ii9  that friends or customers can cosily  your nomo. Now is the time, too, to consider tho nood of additional listings for members of your family or  your employes to assure them of receiving calls which  might be lost. Additional listings coit only a low cents a month. Business concerns desiring representation in      directory (yellow pages) should alto coll i Ihe telephone business office right away. e "Your Buying Guido Ths Claisifieil" Vs9 'ho classified  *r pagis) to  'ho names, locations   "W tol*      numbers of the firms ; various aoo^J and . It's your handy .'ng gu.  . SdoTHERn Bui Telephohe rhd Teubrrph Company IKC3 HJOJJlTt)</t>
  </si>
  <si>
    <t>                                           The Memphis Housing Authority this week has announced the appointment of J. Hamilton Smith as assistant manager of LeMoyne Gardens, last of the three housing projects built for Negroes of Memphis. Mr. Smith, who resides with his family in the Gardens, is being...</t>
  </si>
  <si>
    <t>                                           ELBERTON, Ga. -- Mrs. Gorden Alexander was hostess to a birthday party at her home on Pulliam Street Thursday, January 21. Covers were laird for fifteen. Arthur Smith was week end guest of relatives in Dewey Rose, Ga. Mrs. L. Bell and daughter.</t>
  </si>
  <si>
    <t>                                           WE KNOW YOU WILL UNDERSTAND Dae lo heavy wartime demands- crowded conditions will exist lateness of trains will occur modern      of equipment cannot be furnished in all cases. WHEN VICTORY COMES AND OUR PRESENT JOB IS DONE YOU WILL CONTINUE TO HAVE OUR EVERY CONSIDERATION. ~~*4        AT WAR WORKING FOR PEACE IN PEACE WORKING FOK YOU. ~-T**       CENTRAL QF GEORGIA RAILWAY CO.</t>
  </si>
  <si>
    <t>                                           North Star Lodge No. 2 A. F. and A. M., has purchased a $1000.00 war bond it was announced his week by the Honourable Carl M. Mays, M. W. Grand Master for the Stale of Iowa and Jurisdiction, (P. H. A.)</t>
  </si>
  <si>
    <t>                                           M. R. -- My child has given me considerable trouble in public schools this entire year. I am thinking of taking her out after Christmas and putting her in a private school. Do you think this would encourage her mischevious traits or would it help her?</t>
  </si>
  <si>
    <t>                                           i,  *6^ \     ^l2Sj'A\ MIlUOHSAOin- Miracle Whip does work  vt'^B^S^'Al ^i* salads! A  combination of old-fashioned W-ar^^^Jl   'led  and fine mayonnaise. Mirade Whip is ^V^^S^S*^/ ky America's  salad dressing. %J3    **-*~*</t>
  </si>
  <si>
    <t>                                           WASHINGTON--(ANP)--War ration books are the property of the federal government but are designated for the individual use of citizens, and no employer has a right to withhold the ration book of an employe under any circumstances. This is a declaration curried in theh group services bulletin published by the Office of Price Administration.</t>
  </si>
  <si>
    <t>                                           Lighten Skin       Mir4     Apply now XIX -iV Bleach. LujnUninp film adds itn (      10 nkm 1^ '.vi * active Moiuh in^     ''it work* from . A'o  an."K. i, at once. U.=   . No 1ne.ts. HrJps dry     surface        **--~.  *.       freckle*. Vine powder . DruggiBts guarantee.</t>
  </si>
  <si>
    <t>                                           A WE  C2^N FINANCIAL AID ^^1 IN AMOUNTS  1S to 1200. "KAJ)Y Alw, Maktr Loans on Any       "r Model            r. WALNUT FINANCE CO.     MONET 146 H P^ ST.</t>
  </si>
  <si>
    <t>                                           GLAMOUR PLAN HAS INSTANT APPEAL Follow this plan thousands arc using. Before retinue cover vour face with Black and White Cleansing Cream. Remove it, and off comes dirt and makeup, too. Next, pat on Black and White Cold Cream. In the morning wipe it off. Easy, isn't it? Use Black and White Vanishing Cream as a  powder base. At all toilet counters, 25*</t>
  </si>
  <si>
    <t>                                           Analysis Shows G. P. Voted To Oust Pickens                 Voted Solidly To Put Him Out Of Treasury Job                 NEW YORK. N. Y.- (    - The recent vote of Ul! r.or-Jiern and border state Corwiessmen backing: the attempt  or William Picketu, Treasury Department employe and Dies Target, prompted the NAACP this  week to warn Negro voters throughout the country to keep c                 on me records of their representatives and -r those records when tlie representative come up for reelection. The NAACP pointed out that In the total of 136 votes against Pickens, 50 of the 66 cast by the northern and  state Congressmen were Republican votes. Illinois' 17 Republican Congressmen voted solidly for the- dismissal of Plckens from the War Saving Starr of the Treasury Department on charges of subversive activity made hy Dies CommlHee. In a protest sent to the House of Representatives before the final vote of 267 against 130 which brought about the reinstatement, the NAACP outlined the career of Mr. Plckens who since his graduation from Yale in 1904 had been zealous In the  for the rights or Negroes and other minorities. For 21 years he was an executive office of the NAAC1V "Mr. Pickens and other officials r.re being persecuted on false and malicious charges or un-American activity, without fair or competent investigation, and without opportunity to be heard." the NAACP said. "The conduct of the men responsible Tor this attack would be more becoming to agents or the Gestapo than it is to those acting in the name of the name of the American Congrerss.</t>
  </si>
  <si>
    <t>                                           NEW YORK, N. Y.--(SNS)--The recent vote of tid northern and )order Mate Congressmen backing the attempt ouster of William Pickens, Treasury Department employe and Dies Target, prompted the NAACP this week to warn Negro voters throughout the country to keep a...</t>
  </si>
  <si>
    <t>                                           If You Arc In Doubt Of What A Genuine Palmist Can Do, Consult MADAM MINGY I will lull your innermost thoughts and desires, and how to gain . I have helped others, I can help you. Send Names and Initials of Your Enemies nfl Causes speedy marriages, reunites the O/trw* - settling lovers' quarrels, JJjtQQ shows you how to prosper your business, I OjH 5^TM get a good position, better your finances,     -\kS-~sett!e lawsuits and estate troubles.  mM^ Ji Change Your Luck! i ^BT^^rP 'Two questions      _ l?. "jbf Dailv ar.d Sunday 10 A. M. til 10 P M 652 McDonough     Across from Federal Prison. Take Pryor Federal Prison Car to End of Line. Look fop Neon Sign.</t>
  </si>
  <si>
    <t>                                           Negro Labor In Georgia Denied Paid Organizers                 BecMutf -  state  to (rant Umoi  paid     - ,' s  man and                   Tha  cane Iron -to*  white tabor leaden In CteorsUr- .Albert OoKtt, of  VMerttbnofJtadaE, ml Sews? I* Jni * -' * dent of electrical affairs for- the city of Atlanta. Gossett told sponsors of the resolution that It would serve as an avenue by which outside forces would seek to "destroy and disrupt." He was chairman of the resolutions committee which recommended to the convention that the proposals be rejected. He contended several Negro delegates had considered the resolution to be. unwise. Qosscll and Juhnson, speaking on the resolution, mada several references to "outside Influences" which they claimed were striving to wreck the program of the American Federation of Labor. Further, Cossett declared that when organization work was Instituted under auspices of the Federation "we will do the organizing and expect those  Into the union to live up to principles of the American Federation of Labor and not the C. I. O.Johnson told the Negro delegation at the convention' that he did not believe the resolution wa? brought In good faith and he did not, take  to the "long-haired, -eyed fellows from the col- i leges" who strive to tell labor how to conduct Its affairs. Said John- I .-.. I "I sincerely 'doubt the good Intentions of those who brought this resolution s that It can be taken back and used as propaganda against the A. 1'. of L. It seems to me that you are taking advantage of the wur situation, something you wouldn't do In ordinary times. such reacts against you; you don't make progress when you attack your friends." The (ILsttBi-.on ended when one of the delegates moved that the matter be dropped.</t>
  </si>
  <si>
    <t>                                           Because they asked their state convention to grant them two paid Negro organizers a publicity man and an enlarged sphere of "co-operation," Negro delegates with the Georgia Federation of Labor received a rebuff Friday.</t>
  </si>
  <si>
    <t>                                           CAMP ROBINSON, Ark.--(SNS) --Regt'l Hq. basketball Learn dropped another heartbreaker when they were nosed out by a well balanced Company a five 26-24, Sunday night at the USO club In Little Rock.</t>
  </si>
  <si>
    <t>                                           Get PoundOf Meaf Each Day                 PHILADELPHIA, Pa. Cora, and Minnie 2nd, -eye dogs, delicately sniff a nice chunk of meat dangled before them by their blind master, Paul Oliver, of Philadelphia. The OPA  375 meat and fat points per month for the two      enough tn get them a pound of meat apiece each dsy. Even no that is only  rations for them. In addition each 'has a sugar book, to help eke out their diet with cereal with milk and sugar. Oliver's first "Minnie" balked x bank holdup, killing one holdup man before herself being *hot. In , the then Governor of Now Jersey, Hoffman, bought Cora to replace Minnie, and later Governor Monre bought Minnie 2nd for Olivet'. The OPA grant ed the  meat rut inn when Oliver presented a veterinarian s   that both dogs                 ailing  of inadequate diet. (INP).</t>
  </si>
  <si>
    <t>                                           Sunday morning the pastor delivered the message and Sunday night, Rev. A. L. Brewster, of the Milledgeville District of the Macon Conference, delivered the sermon. Rev. Dyson of Carrollton, Georgia, was a visitor and assisted with the service Rev. W. L. Brown...</t>
  </si>
  <si>
    <t>                                           A recent message from Pfc. Theodore Roosevelt (Teddy) Rogers revealed to his mother that he was somewhere in North Africa and was all right. Mrs. Rubye lialey says her husband Pvt. Lewis Haley of Tuscon. Arizona is fine and will be home...</t>
  </si>
  <si>
    <t>                                           John Williams, youthful baritone will be the guest soloist at West Mitchel 1 C. M .E. Church this evening, 7:30 o'clock Williams is a member of the junior class at Washington High School and has won an enviable place in the hearts of thousands of students.</t>
  </si>
  <si>
    <t>                                           If s no longer TABOO for girls to talk of this possible help IranUy than they used to bo. :'"u d'^  T Thai* ono reason whv  u"^ l:"' ',h-,     of women have como to know :.bo,u t"'x; '"'P1"1- 1;1,"1" -s "S-u-av U.-lp. Som.~ wfa- r-"v1^"1 :',lil1 M'rr^ ICir ""r" It. as directed. iMw day. l- *~v L. .vni^. -their time" to    A \~ir r.~.:ord s;ivs CAftOHI pain due only to functional causes, may help. Try it. won t you? Always the f^^ Last to Dance... ^^jj^i The Girl With  {MM GRAY HAIR! ]~i[^ Don't be left alone pt the table. Color that gray hair with -"V\[3fc I Godefxor'sLaricusc..:. in rich, natural black, brown or ''KvlB blonde,        's Larieuse goes on evenly doesn't i. flW j rub or wash off permits , marcels and I curling. Used for orer 45 years, your dealer will refund money ifyou 6ed.Ifhe doesn't hare Larieuse, CAUTION: I (LARRY-USE).send$l.;5                     .Co., ul,        ^l0OUveS.,S^     ,Mo.  Ja*       HAIR COLORING</t>
  </si>
  <si>
    <t>                                           52 MORE TOWNS CAPTURED BY SWEEPING REDS                 Salient Toward Moscow Erased By Russ Troops                 Fortresses Smash Four Axis Ships In Mediterranean                 BX THE S. N. S.                 Russian troops sweeping south and southwest of Rzhev captured 52 towns and villages In erasing a dangerous German salient pointed coward Moscow and increasing the menace to the German bases of Vyanzma and Gzhatsk, It was reported Friday.                 Red Star, "army newspaper, declared the Russians had made three large-scale crossings of an unspecified river southwest of Rzhev. Farther south, the advancing Reds threatened the Nazi strongholds of Orel and Bryansk. In capturing the highway hub of Sevsk Thursday, the Russian army had advanced 25 miles In a day and reached a point only 19 miles from the Bryansk-Kiev trunk line. By cutting it, the Russians could disrupt all German communications In the center. The Germans counter-attacked heavily in the muddy Donets basin, where most operations were covered with silence. A communique .said a line of trenches was seized wcst.ol Rostov .and^th^t ;aoo^Gtttv..'  and three tanks were destroyed In futile counter-attacks. In the Kuban region below Rostov, the Germans were reported rolled back ever closer to the Black Sea after the Russians "having broken stubborn resistance, occupied fortified positions." OFFENSE ROLLS ON On the central front west of Moscow, Russian armies were fat to the west or Vyanzma and GzhaIsk on the Germans' north flank and were beyond Smolensk in the Velike Luki region. The big Russian offensive rolled through watered forest lands in severe weather conditions. Allied headquarters in North Africa revealed that tank forces of the British First Army In northern Tunisia were officially declared to have beaten off violent German attacks In the streets of the highway Junction town of Sedjenane, along the Mateur-    barka road, while In central Tunisia Allied troops continued to consolidate their gains. On the southern front, Axis activity was intensified all along the Mareth line, where Allied patrols were reported very active. In the air, American Flying Fortresses smashed four Axis ships of a six-vessel convoy off Blzcrte, damaging the remaining two, and other Allied airmen attacked Axis land transports both Jn the southern and northern sectors. ACTION OVER 3 LINE Reports from Cairo told of heavy air action over the Mareth line. South African fighter bombers strafed Axis positions and transport between Matmata and Osbes; 0. S. fighter bombers carried oul similar attacks. In Washington, the house Ways and Means Sub-committee Friday (Continued on Page 6, Col. 3)                 On The Alert At U. S. Air Base In Tunisia                 *%! i*~~  on the Tunisian front- here- but U. S. soldiers are maiming thp anil-aircraft, guns ~~^S;8t?Kinrt *~vit^nv*.        when, they . NnU..es to.         .d.._Th*y.                 "arc ready to UJteoff to go into action if Axis plan-a should  way. (                 Salient IWard approved 3 psy-si-ycu-so    *i which Chairman Ccopsr. Democrat, Tennessee, said would make current virtually all of the nation s. 44,000,000 Income taxpayers, beginning July I. The subcommittee by-passed a decision as to  all or part of one year s Income taxes would be abated to case the transition to a current basis, leaving this knotty problem to the full committee. The committee will act Monday on the proposal. snip production men Secretary Knox of Navy Knox revealed production of 150  and 1,400 Navy airplanes In February. Knox ak0 told of a new - of Jhip to combat submarines. More than 700 landing barges also were completed last, month, the Navy secretary said. At the same time the Maritime Commission announced that American shipyards delivered 130 new merchant ships totaling 1,239,200 dead-weight tons in February. The London ministry of home security warned Erltons Friday against a small new anti-personnel bomb dropped by German planes, saying a number were dropped recently and that they might be scattered over a wide area. The bombs arc (ho size of a round cigarette can. weigh about four pound.! and may explode at the slightest touch, the ministry said. London revealed that for the ninth consecutive night,- bombers of the Royal Air Force were over Germany Thursday night laying mines in enemy waters and attacking targets In the western industrial area.</t>
  </si>
  <si>
    <t>                                           Russian troops sweeping south and southwest of Rzhev captured 52 towns and villages in erasing a dangerous German salient pointed toward Moscow and increasing the menace to the German bases of Vyanzma and Gzhatsk, it was reported Friday.</t>
  </si>
  <si>
    <t>                                           "Thank you for the Christmas present," say the members of the 24th Infantry Band, long-stationed at Fort Benning and now "Somewhere in the South Sea Islands."</t>
  </si>
  <si>
    <t>                                           Jim Canada, Birmingham first sacker; sought by the management of the Black Crackers to hold down the first base assignment this year, looks extremely promising at this time. Canada, a veteran of many diamond wars, is looked upon as being the best in his position in the south, since the induction of Red Moore in the United States Army. A hard hitter, with a brilliant baseball mind, he is expected to add plenty of power to the Black Crackers'...</t>
  </si>
  <si>
    <t>                                           IN MEMORIAM                 IT.  ^.ce :ef pur deer  and . f" LUllar. N. Brcva, T?fco  this life one  ago  Mr. and Mrs. K. 3. Broim aud daughters.</t>
  </si>
  <si>
    <t>                                           The Weather . T</t>
  </si>
  <si>
    <t>                                           COMMON COLDS SPREADING IN GREAT WAVE With sniffles, coughing, clogged nasal breathing, and muscle aches j Don't let this public menace rob you of i relaxation, rest, lime on the job- with its siege of such discomforts. First, use common sense precautions against this common enemy Don't, overeat. Don't, j overdo. Dress warmly. Avoid crowds I as much as possible. j Second, if ft cold does strike you, Rot Penetro,  Pcnetro is n grout - for ' miseries affecting upper breathing passages. Tenet ro is t lie powerful modem medication with a base of the samp old fashioned  suet Grandma used. It   ways. Outside, counter irri- I  en.^es tightness of cold-tortured chest nui.-cles. Inside, Penctm's     - i  i. .'         help         -.and relieve coughing. Stnitiless, cle.in, pleasant to u?e. Get . (, 2   . I3o\ supply Me. Always demand Penetro. BAILEY THEATReT "" and 'ESCAPE TO KONG KONG' also "CAPTAIN' MIDNIGHT" Royal "SABOTAGE SQUAD" also "BATTLE OF MIDtV Aland "GANG BUSTERS" Ashby "T LITTLES OF TAHITI" and -WEST OF CIMARRON" aKo 3 Other Pictarcs</t>
  </si>
  <si>
    <t>                                           t\ ^Wi \0^  5BB Y.^^V/'^ 111 iO -^^^f 1 SPEED^. SM .^.t-^*'^ VICTORY in '43     \ ^C*^"-** 0' i** BUY M0RE     \ ;l"9 rt'1'' .o^co^1*^'8^8* BONDS AND M\l\\ .^^^;;i^^^ Y stamps y .  \ "^a</t>
  </si>
  <si>
    <t>                                           HAMPTON INSTITUTE, Va.-- (SNS) -- Negroes the United States were urged to take an active interest in Latin America in a stalk at Hampton Institute last week by Ruediger Bilden, Cultural anthropologist, who concluded a series of lectures at the...</t>
  </si>
  <si>
    <t>                                           SHEFFIELD, Mr. Charlie Hood -- The friends and relatives of Mrs. Dink Sheffield and family of Gay, Ga., are invited to attend the funeral of Mr. Charlie Hood Sheffield today (Sunday) at 2 o'clock at Mt. Vinus Baptist Church, Gay, Ga. Interment churchyard.</t>
  </si>
  <si>
    <t>                                           HOTEL MACK to Gas Heated Dm Hot Water. D*ly $1 up. Reasonable Wkly Rates. Ve. 8921. Atlanta, Ga. Free FUni. The Allen Hotel modern conveniences, rite*  om SI. Phone Sh. 9429; MIS Wert Madison St., Louisville, Ky. ON SUNDAY MORN. IF HEADACHE) COMl. OR ANY OTHER OAY. HOP OUT OF BED ANO EASE YOUR HEAD % THE AlKA-SELTZEft WAY, WHEN you wake up in the moming with Headache, don't wait for it to wear off, do something about it. Have your ever tried a glass of tangy sparkling Alka-Seltzer? Alka-Seltzer Is in complete olution, ready to go to work as soon as you swallow it The action of Its analgesic (sodium  *) it mad* more positive by alkaline   which protect It and  up iu action. Because the     combined with alkaline  In' Alka-Seltzer, million! of people find it effective in relieving th* distress of Hradache, Colds. "MomIng Atlcr", Acid Indigestion, Mutcular Tatlgue and Muscular Aclita and I'alns. Your  hat Alka-Seltzer In convenient small and economical  packages or he will    {lad to serve you a  ot i'i^-f Alka-Seltier at hla aoda wan' fountain.      -*^~L</t>
  </si>
  <si>
    <t>                                           Where 1,200 Inmates Fled Insane Asylum Fire                 DESTROYS Evnr.. I::-! .:a: V.tr-.-. ;; iy I ;     .  i-vi.,m of whom wandered . or.iy I" r. u.     ::-.i-r ::-.u:.:l: '.I::,. oo:y .v;is found in the ruins. The lire  a:s:ro\v.! i::..1 is;:. I'UiU::::;: :ir.~i fi.ur :n:   .:ii::^ il'.. Property less S'hs placed at $2.G0O,0u0. by Is. T:-.;- :i:o ' ou; at C a. m.</t>
  </si>
  <si>
    <t>                                           ELBERTON, Ga. -- The Elbert County Teachers met Friday, January 29 with the Superintendent. Guy T. Bell, as speaker. Mr. Bell spoke on war and the part, we play. The Jeans Supervisor is asking each member to pay his dollar in the next meeting. Money was...</t>
  </si>
  <si>
    <t>                                           WARRENTON, Ga.--The funeral and a son Mr. Ervin Harris who is of Mrs. Helen Harris was held at Pleasant Grove Baptist church. She is survived by a husband. Mr. Hollie Harris, a daughter Mrs. Estell Porter of Washington...                 In the Army. Rev. Matthews of...</t>
  </si>
  <si>
    <t>                                           Three Chicagoans Guilty Of Sedition                 CHICAGO.- (ANP)- Three lend- ers of the Peace Movement of Ethiopia,  took. Sen. Theodore Bilbo of Mississippi as Its patron saint, -were round guilty of sedition Monday by JWcral Judge Holly alter three weeks ot   a Jury. A fourth was found not guilty. j Those convicted were Sirs. Mil- j tic Maud Lena Ooixlun. 53. prcs- Idem or the I'eacs Movement. given     years in prison; Srun Emanuel Jones, 43. two years, an;! William Gordon. 70. husband of the president, given probation fcr three 5 ears. David J. Logan, 68. was i found not guilty. Mrs. Gonloj;   guilty oc                 our      conspiracy :iml ;     found  ot making seditious utterances. Slic was placed on probation for three years on the second charge, that sentence to To! \q\v completion Iit prison term. All of  found guilty tried to interfere wilh the induction ul men Into tlie finned forces. Judge H- tw.l; tlic case  -nt Tlmryday  rendering Uls decision Mondity</t>
  </si>
  <si>
    <t>                                           ORANGEBURG, S. C.--(SNS)--The CIAA Intercollegiate Tennis Tournament sanctioned by the America Tennis Association, will be played May 7 to 8 at Howard University, Washington, according to information released by Dr. Ellwood Downing, Chairman of The...</t>
  </si>
  <si>
    <t>                                           \      2JJJ"~~\  AOin- Miracle Whip does work wonders \V.~~  3fc*S7 .H\ y,-ith salads! A  combination of old-fashioned Vt ^j^^'ijl toiled dressing and fine mayonnaise. Miracle Whip is ^^J by  ir America's favorite salad dressing.</t>
  </si>
  <si>
    <t>                                           The Memphis Red Sox will play their second exhibition game of the 1943 season Sunday when they meet the Chicago American Giants in a single game at Martin's Park. The Red Six in their first game of the season dropped a thrilling game to the Birmingham Black Barons by...</t>
  </si>
  <si>
    <t>                                           Several Obtain $50 Memberships                 By ROBERT M.                  Cheers and yells Lliul would have done Justice lo anybody s football game turned the kickoff meeting of tlio annual membership campaign ot. the Atlanta branch of the NAACP Into what many would have called "a gala i affair" Monday  at the But- I                 ler Street YMCA. And the cheers and yells were well deserved, too. II had been a long time since any Atlanta organization reported more than $800 ul one silting during u citywide campaign. They did just Unit Monday night, thanks to the energetic Mrs. Daisy Lampkln. national  Tor the National Association for the Advancement of Colored People, and Prof. C. L. Harper, president of the local branch. $85(5 TOTAL ) A total of $850. CO, representing several hundred memberships, was reported shortly after' Mrs.' Eampkln kicked the ball down the field and aroused the interest of the hundred or more citizens present. Of this amount, $189 wiis reported by colonels representing 1G of Ihe 35 divisions, $399 in advance                 gifts from the executive  of Hie Atlanta NAACP, and $2tf8.U0 obtained ill two meetings held last month by the local branch. President Harper, who reported lor the executive committee. revealed that $50 contributions were Riven by Attorney A. T. Wnlden, Dr. G. L. Hlghtower, E. M. Martin and the Economy Delicatessen. There were $25 contributions from Dr. R. A. Billings, campaign , and S. W .Walker. President Harper contributed $20. At the opening or the meeting, Mrs. Lompkln explained that any worker turning In 20 memberships would be considered a member of the honorary PANCA society. FlrBl to become a member was Charlie Green, of East Point, and the second member was President Harper. HU report of 32 memberships from Yonge and Ware schools enabled him to become a member. I1IG1I INTEREST SHOWN High Interest is being shown by workers in East Point and Decatur' with the latter having the largest delegation present Monday night. There will be two more report meetings this week at the YMCA, (Continued on Page 3, Col. 7)                 Several Obtain (Continual from I'ae* H both  :il ~:30 o clock and lasting  9:30 o clock. Those meetings will bo hold Wednesday :mtl Friday . Mrs. Lnmpkin wns highly enthused over tlie splendid start. She declared the -otl meeting In Atlanta was the. best she lias witnessed in many years. The current  will lost hut. two weeks. For the first time in years, the membership campaign has been designed to reach every citizen living in Atlanta and all of its suburbs. Aiding Mrs. Lnmpkiu in making proper contact are Dr. Billings and his co-chairmen. Mesdames M.'ie Yates and .Julia Pate Borders.</t>
  </si>
  <si>
    <t>                                           Cheers and yells that would have done justice to anybody's football game turned the kickoff meeting of the annual membership campaign of the Atlanta branch of the NAACP into what many would have called "a gala affair" Monday night at the But...</t>
  </si>
  <si>
    <t>                                           Opcninjr IJjiscb.ill Gome (if (lie Season Blackcats Braves Sim., April 25. 2:IW p.m. (Jciicral Admission 50c Children 20c HARPER S FIELD</t>
  </si>
  <si>
    <t>                                           WE RENDER CLEAN FINANCIAL AID      IN AMOUNTS S15 to 5200. j READY We Also Make I-oana on Any Make j ^ or Mo^el Automobile s- us WALNUT FINANCE CO. For MONEY U6H peachtree-ST..</t>
  </si>
  <si>
    <t>                                           Now Pastoring Fellowship Bap't                 Rev. T. N. Nelson, who lias been called to tlie pastorate of Greater Fellowship Baptist Church, 151 I Vine St., Atlanta, Gu. He formerly j  Little IicllicI Baptist church of Mabelton, G,\.</t>
  </si>
  <si>
    <t>                                           i Funeral Notice                 KaMLEY- Mr. KI1L-.18JV   . Sr^ the uncle of Mr. J. H. Kanie? unv foth?r cf Mr. Klltaan Ksttlejj Jr., of Detroit. Mich., passe April 1, 1943. Funeral announcer       later.- Hanley Co. IN MEMORIAM In loving but sad remembrancer of a ( husband and  Mr. Ertdle Heywcod, Sr.. who Id** us  v. c  ago today. "A hiving one was called Iran us.tji A vol-'c we loved Is stilled, w A  Is vacant In our homo, B Thai never can be filled." fc Mrs Shifle Hcywood,  Mi Eddie Hnywood. Jr. Mr. Aidilc Heywooil Mrs. Mai'Rle Oaimon Mrs. Liitllc H. Runkin Miss Bt'Ulah Hcywood. child ren.f IN^ MEMORIAM MK. WILLIAM A. CLOVER i_ In   of  darling, .son and Uiotl;er who :ef: us  years ago today, April 2, 10~. Ooni. but not .- Mrs. Warranl Qloivr nnd family.</t>
  </si>
  <si>
    <t>                                           FAVORITE OF                  JIMMY LU. and his famous band will play here at the City Auditorium Wednesday night. March 10th. beginning S P. M. until 12 midnight. The internationally famous band is a top favorite among music, loving Atlantans.</t>
  </si>
  <si>
    <t>                                           THE NEWS THAT after three decades of struggle bordering upon the heroic, the club women of Georgia have been successful in getting the state to assume the responsibility for maintaining a home for delinquent Negro girls, is most heartening. Little credit, it is...</t>
  </si>
  <si>
    <t>                                           A WE RENDER C^N FINANCIAL AID    * IN   15 to 1200. I READY vVe Also Make Loan* on Any Makt SERVICE or       AntomobUc WALNUT FINANCE CO. For M6N5T  .ee st.</t>
  </si>
  <si>
    <t>                                           LOTS FOR SALE $2.00 a month buys a lot near Stone Mountain carline near Scottdale. Churches and schools. $50.00 up. Owner, E. R. Craighead. 604 Candler Bide. Wa. 5S62. Night Ch. G296.</t>
  </si>
  <si>
    <t>                                           Any adult member of a family may register for the entire family for point rationing next week, the Office of price Administration reminded yesterday.</t>
  </si>
  <si>
    <t>                                           Named Successor To Hastie                 WASHINGTON (SNS) Truman K. Gibson, Jr., Chicago ,     been appointed acting civilian aide to llic Secretary of War, succeeding Judge         H. Hastie, whose resignation, became '~""7*''t.''','~whe practiced law in ChicVgo and served    executive director of the American Negro Exposition in Chicago, hat been a$ to Judge       . Upon, resigning the pott, Judge Hattie protested that there is   Negroes in the Army Air Corps.</t>
  </si>
  <si>
    <t>                                           Special Reading 25c' Tnur Lucky Days Are Given Free Madam Eva Palmist and Adviser GIVES FACTS AND GET8 RESULTS Tills  warns you - slin sng;esK w-- she explains TuUy. . .KS ALL QUESTIONS. Know Thyself and rind success and . Satisfy yourself by seeing Madam Eva, 1015 W. Marietta lid.. N.W., Atlanta, Gs. Take Marletta- Yard Car to B1U Morgan's Service Btatlou, Look for  Slcn.</t>
  </si>
  <si>
    <t>                                           MANHATTAN SHOE SHOP 838 HUNTER ST.. S. W. AMhurst 163Z CLEANING, PRESSING, , TAILORING SHOE UEI   YOU WAIT</t>
  </si>
  <si>
    <t>                                           BUY A WAR BOND EVERY PAY DAY</t>
  </si>
  <si>
    <t>                                           After trailing, 45-32 midway the second half, the Morris Brown Wolverines came from behind to knot the count at, 50-50, and in the closing minutes of the game pulled out in front to triumph over the Florida A and M. Rattlers, defending conference champions...</t>
  </si>
  <si>
    <t>                                           COMMERCE, Ga. -- The rally at Mt. Pleasant was a success. The amount raised wits $48.22. Rev. C. C. Browner is pastor. The Y. P. C. A. Club met Monday at the high school with the Bible teacher, Rev. W. S. Winston in charge. James D. Adams and J. W. Pattman left...</t>
  </si>
  <si>
    <t>                                           Special Reading 25c Voor Lncky Days Are Given Free Madam Eva Palmist and Adviser GIVES FACTS AMD GET8  Tills madam warns you - *hr (**:1  she explains (., 'silK ANSWERS tit j    -"E9    '5 E"!?"-  42^ fy jo=ise!f b? sssi=~      =5 B^a, 1015 W. Marietta Rd, N.W^ Atlanta, Ga. Take MarletU-       Turd Car to Bfll       '~ SprrlrB .m. Look for      j Sien. I</t>
  </si>
  <si>
    <t>                                           Today is the long awaited day for scores of Atlanta Youth. The first session of the Y summer Camping Program will be conducted on the Campus of Old Clark College in South Atlanta.</t>
  </si>
  <si>
    <t>                                           FEEL LIKE A MILLION  with that  dollar look for  hair. A famous Blade and White creation, Pluko adds radiance and beauty to your . Don't use just any *,  st PluVo, a "dressing I (Jft^ I that really dresses." Eco- ^05*  big . Amber, ~^a.'oJ 25~, White, SOt. Sold at K 3   all toilet goods counters. c^^BI;</t>
  </si>
  <si>
    <t>                                           Oscar De Priest Wins Council Seat                 CHICAGO- (ANP) Oscar DePriest, former congressman, is right-back where he started; First Negro ever-elected to the city council in Chicago back in 1916, the 72- d Republican warhorse is again, an alderman, defeating the PemocjvihY incumbent, Beniamin A. Grant-,- 'in the-  vard nice by a vote of 10,176 to 9,7i5 in Tuesday's election which also saw. Congressman William Ij. Dawson's protege, 'villiam H. Harvey, defeat his GOP rival in the second.^ard.                 Mack C. Atkhis,  m1 wih a council scat by vote of 14,058                 The election also saw both heav- 1 Uy  Negro wards give aj majority to Mayor Edward J. Kelly, Democratic Incumbent, after his supporters pulled a  ly stroke by revealing In local  newspapers that his Republican foe, George B. McKlbbln, was a i signer of a residential restrictive covenant barring Negroes Irom liv ng in the district where McKlbbln lived. By his election DePrlest becomes dean of the city council. A native I of Florence, Ala., he grew up in I Kansas where he attended school I and has lived in Chicago 53 years. He was Cook county commissioner 1904-08, .second ward alderman 191517. assistant state commerce commissioner in 1927-28, congressman from 1928-34, and Republican ward TOmmittocman since 1928. His opponent. Alderman Grant. 15. v.us elected in 1939. He was a former deputy coroner and had attended Flsk and the University of Chicago. Neither he nor DePrlest was recommended by the Citizens association, an impartial body which passes on the qualifications of all candidates as a guide to voters. After the election. Grant said: "Looks like the people don't want Intelligent and progressive leadership. Another thing, the precinct captains were tolling votes in my ward "Vote for Kelly and DePrlest.' That's something I couldn't understand." Harvey, second ward winner. eliminated Alderman Earl B. Dicker son in the primaries a few week/ ago. A former  at Lincoln, (Mo.) and John Marshall Low school, the 38--old alderman was a city fireman and secretary of Dawson's Democratic ward organization. His defeated opponent. Atkins, 42, is en undertaker. While In Mississippi, his home, he was once an assistant deputy U. s. marshal and is currently a member of Draft Board No. 3. The Citizens association backed Atkins and refused to enters? Hprvsy.</t>
  </si>
  <si>
    <t>                                           CHICAGO--(ANP) -- Oscar DePriest, former congressman, is right-back where he started; First Negro elected to the city council in Chicago back in 1915; the 72-year-old Republican warhorse is again, an alderman; defeating the Democratic incumbent, Benfamin A. Grant, in the third ward race by a vote of 10,176 to 9,715 in Tuesday's election which also saw Congressman William L. Dawson's protege, william H. Harvey, defeat his GOP rival in the second ward...</t>
  </si>
  <si>
    <t>                                           PuUliMdU V.       . VWIfC/W'      of id* ~*~ry  j iL s Iwni of  and  I i And  and gallantry! I It's M-C-M's motion picture tribute to the courage and y,\ory, endurance and spirit of tlie men who fought to the bitter end on  "Bataan" tells (lie story of 13 adventurous men of all races and creeds who battled as one against the treacherous men of Tokyo. + You'll live every exciting moment with them- hide Ix-hind bare rocks, seek j shelter in fox-holes, spend long days and longer nights in the unfamiliar j jungle while Jap bullets hit all about you and Jap planes blast you from above! i ^c i I j Robert Taylor as VSJUsIKs!^ Sergeant Bill' Dime ii /~~ the hard- QjtK.^y leader of the 13 men mT j  symbolize all V ^A.h^^ ho lived and died on 'C?*SjC2 Y^* j Others in this noble company are George Murphy, Thomas Mitchell. Lloyd Xolan. Lee Bowman. Desi Arnaz and Robert Walker. 1 t You'll Ret a prideful thrill out of the per- formance of Kenneth I Spencer, who as Pri- vate Eeps plays the part of a negro Army Engineer. A great hand, at blasting the Japs with demolition charges, he sings the St. Louis Blues in a setting you ll never forget. + "Bataan" is a picture that brings thr headlines home to you</t>
  </si>
  <si>
    <t>                                           'j iSh^^^^^^V V i ^^^^^1' ^1 f^fil "^^fl^^^^^H^^I^I^^BBH^n i^Sl^^^t^P^KBS^r flk^' v ^^^^4 I X j i^Sr/^^^^^^^^^^^\^^^B^^^B t *sf@A ^Sitf^BfiSroXSBS^BSGp^</t>
  </si>
  <si>
    <t>                                           State Dentists To Convene In Tenn. June 23 And 24                 CHATTANOOGA, Tenn                 )                 j The Tenth Annual convention ol the Pan-Tennessee Dental Assoclntlon will convene in Chattanoogn, Tennessee June 23rd and 24th nt the Howard High School with Dr. Strieby S. Smith, President. Presiding. This association embraces all counties In Tennessee and a portion of Arkansas with nn average attendance of fifty dentists. With the country at war, i exacting many dentists for the armed forces, the dentists as  well as the physicians have many new duties upon them, and one of the i features of the programme will be a "Round Table Discussion with I Physicians." Other numbers of the program consist uf clinics and  subjects  to the  of Dentistry. Dr. w. 13. Davis.                 I President. Dr. J. Young, Secretary, Dr. E. T. Fields, Treasurer, and oilier members of our local group consisting of Drs. A. H. Lotfsm. J. M.. Bynes. W. H. D. i Valentine, -r wit-li the  of the Ladles Auxiliary are i putting forth ever}' effort to make tills the greatest session In the history of the Association. I</t>
  </si>
  <si>
    <t>                                           Blood Tests Will Be Made Sunday At Local Churches                 A demonstration of blood tests (or syphilis will bo given In several lurches on Sunday. It Is hoped that this effort will be an educational measure tn showing the people that a blood test Is a simple process and Involves little pain.                 The tests will be given In the churches because many of the people assembled .wilt be those who perhaps have not had an opportunity during the week to attend any of the meetings where lectures were given. Churches have always taken n lead over other organizations In the education of the general public. Thus this step will be only another step In the process of preparing the people to take those measures which will lead to good health. These blood test demonstrations will climax the celebration of National Negro Health Week by the Atlanta Urban League. During the week meetings have been held with groups all over the city. These meetings have served to make the community more aware of the fact that now more than ever before Is the time to treat as well as prevent Illness In order that the demand^ for manpower may be met. Attend church this morning and see what a blood test Is like! Demonstrations will be had in Big Bethel. Wheat Street Baptist. St. Paul. Ebenezer, First Congregational Church and at the Senlce Men's Center this afternoon at 4 o clock, other churches are Alien Temple and West Mitchell C. M. E.</t>
  </si>
  <si>
    <t>                                           A demonstration of blood tests for syphilis will be given in several churches on Sunday. It is hoped that this effort will be an educational measure in showing the people that a blood test is a simple process and involves little pain.</t>
  </si>
  <si>
    <t>                                           AIM ACNE { I5A mill ...especially when  and  IwJwfc^ arc present. Relieve V'^   2   troublesome A iK   7 'S^SB caused  with I ^jM antiseptic Dlatk and ^   . ~!      of  users have found that famous Black and ^f bite Oint- j  through ite soothing  action  itching helps nature 1 I in healing. It also relieves itching and burning soreness of eczema externally caused, and simple ringworm. Try it! \n large economical sizes. oO(i, 2op and 10(f. Use only sr . tsr Hizhlr  for daily clii-n^in: away surface dirt- is mild ami fr.i^rant Clark and U bite Skin Soap, JOp and 25c', sold everywhere.</t>
  </si>
  <si>
    <t>                                           "THEY GIVE THEIR *$h YOUR MONtY"  m m i i i I Special Reading 25c      larky 1                      f Madam Eva t  Ailri-or GIVES I-AC1S AND GETS RESULTS ThJn  * you - ibr anmc^tK wisely- slie explains . RUE ANSWERS ALL QUESTIONS. Know '  nd rind          . Hatlsfy  hy  Mnriam Eva, lOIS W.     ^((~ M.. N.tV..          ~-~r l*~ nill MnrxAti'n Sign.</t>
  </si>
  <si>
    <t>                                           The Esquires met with John W. Merkerson. The following members have won promotions in the armed forces: Charles Adams, promoted to Sergeant: I. N. Robnson to Corporal; and Charlie Cobb to Private First Class. Next meetey Moore. Jr., 168 Lawshe St. Apt.</t>
  </si>
  <si>
    <t>                                           CORDELE, Ga.-- Mr. and Mrs. J. E. Jackson and family spent Sunday in Waycross with Mrs Jackson's mother. Mr. and Mrs. T. L. Jackson spent Sunday in Waycross with Mr. and Mrs. W. H. Johnson, Mrs. Cleo Woods accompanied Miss L. C. Williams to...</t>
  </si>
  <si>
    <t>                                           RAILROAD TRACK LABORERS Essential War Work GOOD PAY 1R to GO Ablo-Bodiod STEADY WORK Free transportation to job Apply. U. S. RAILROAD RETIREMENT BOARD ~-i35 Lucltio Street, Atlanta Persons now employed in war industry will not bo considered. WANTED 1,000 -COLORED, LABORERS 62c PER HOUR WORK 48 HOURS PAID FOR 52 SHIPYARD WORK Must Be in Good Physical Condition Permanent Employment If now employed full time in War Essential Activities do n:t . HOUSING AVAILABLE Representative from J. A. Jones Construction Company Inc., Brunswick, Georgia, will interview and employ applicants at the Atlanta office of the -UNITED STATES-! EMPLOYMENT SERVICE of the f "WAR MANPOWER COMMISSION 191 Marietta Street. N. W. April 26lh, 27th. and</t>
  </si>
  <si>
    <t>                                           My Secrets Help You Win Lore ; Happy Marriage Hapiiiiicss-Succnss-Moiipy-Powcr i Itnn't  nnr       *. Weltr  Her- Mtuul  to in*. Yntl "ill a .    :nti,\i.. rr.uso.NAi. i IM ORMATION I- for YOO Hlnni-. SI;M1    MOMtV! .lli!"l   1J  fl.flK     Jon    .v *-\   . (,!            .n  r Itiom-.v ri TuiKlftl. ItlTI1:    ' 1~" Jnnr                *.   -      1  A'411 It j ri:     .\l, AltVISOtf, f:t Ivrry HI.. Ho^ 7-s. ri. Vi.tu . GET THE POWER TO WIN i THE ONE YOU LOVE i        Ttimdrrlnc  ^^f*  *^-^I  ynn  to \\\n HT ^JfeVH nnl     1' the onn jna V H^K    (f. \         't   U c*~~      HANVntl.Nd t a know I IHffJjiwt  It In nnd        K**t t lf  yon rr ^D^HH^  You Iiato f if ^i^   ^n In j on         ^- IlISKmciC \\i)\9 in cfi It M imr+i Yon    't i\r*A %nwi  lo (H 4   t *1 of      .  Vn)~~~* run K'l. If. Th"       rut*    Tt. In   nn  If Jon KNOW FlOtVI Thfrf* fon f. %M.       uhn   tor-'   (f '"Hi If     n^p  pi1r*1*    rrr^   ~*f lore  (rork      * mn^lc.       ^ 1 Kit f,.r  ltf^ pr^l Umo lo 300 Id , ,  . chine  Hi? bar* Urtr* Ibnt will             l*~ tbf       *  .           ! PENH NO    "EY1 Send  m\j Jfor    ^  tv!dr#*w nnd m       this mr*~, rni^'ATn Informfttlon to  ni i 1         In n  wrapper  *T*r- ." IVTiftt jon ge* 1t. pur po^ j fl      iwn1    . I'll 1~~* p*~^     If *on       ff .ror-. y,*^ mm*.    !^' S-wM #..r 1~*t-. -r tp"-        y r*nt eH VH r*t"!-   yr*c-   =?   -4!   !~ TTr!*~H to^r? p*!-i- ij i-sf* P-^-t-T a=5 f. as-* sd  dwr!y. YOUR LOVE ADVISER tmv tor \t^\\ ^oi:k*itT'</t>
  </si>
  <si>
    <t>                                           Spelman College Set For Annual Founders7 Day                 Celebration April 9-11                 Sixty-two years devoted to the educational development of Negro women will be celebrated at Spelman College April 9-11, When the students, alumni, faculty and friends of this Institution pay homage to the founders of the college, Miss Sophia B. Packard and Mils                 Harriet E. Giles. This celebration Is an annual observance on the campus for paying tribute to these two New England women, lor It was through their efforts that a movement was Initiated In the South to improve the status of Negro womanhood. According to nn announcement from the office of President Florence M. Reed, the three-day celebration will open on April 9 with the annual spring concert by the Spelman College Glee Club under the direction of Professor Willis I Lnurence James. The celebration I will continue on Saturday. April 10, with special events Including games and a demonstration by the physical education department nn I the center campus. u report of Founders Day gifts, and. special memorial exercises in Howe Memorial Hall conducted by tlie Granddaughters Club of Spelman. The formal exercises of the observance will be held on Sunday afternoon, April 11, ot three o clock In Sisters Chapel. The Founders Day address will be delivered by Dr. Everett Carleton Herrick, president nT Amlover Newton Theological School in Massachusetts and a long-time friend' of Spelman College. Known for three years as the Atlanta Baptist Female Seminary and for forty years ns Spelman Seminary, (he institution was first open- ed in 1881 with eleven pupils in the' dark basement, of Friendship Baptist Church, Just one year prior tn I the coming ,-f Or. 2. R. carter. present pastor of the church. Dur- I Ing a period tn the school s history, when its program included nurse training, t lie elementary and high (Continued on Taee 6. Ci.l. 1)                 Spelman Coilege (Continued from Pane 1) schools, professional teachers' training and special religious                 . Iho  In one year was fis high :ik 800. Today.    -1.  solr-ly lo work on tlic college Icvvl. lias an  of more than four hundred young women, (i ml thor.p  come not only from thp South, but. from all sections nf      Uiiited Slates.</t>
  </si>
  <si>
    <t>                                           Sixty-two years devoted to the educational development of Negro women will be celebrated at Spelman College April 9-11, When the students, alumni, faculty and friends of this institution pay homage to the founders of the college, Miss Sophia B. Packard and Miss...</t>
  </si>
  <si>
    <t>                                           Tornado Kills Five In Roxohel, North Carolina                 Two Others Feared Buried Under Debris                 I , N. C- (3NS)- Five .Negroes were Killed, two others feared still buried under the debris of  stores ami a  of the homos and stores in ruin in this small North Carolina community Tuesday from the visit of a tornado. The tornado struck Monday afternoon and ripped t path of destruction ;               a mile and a half long and 150 vf.vds wide through tho business section and  the town   its fury in less than two minutes. Virtually nil (lie community s 400 or 500 residents suffered some Joss of property, but conservative estimates placed total damage under 5150,000. Volunteer salvage, squads began digging the community out of the .' s wreckage Tuesday.</t>
  </si>
  <si>
    <t>                                           G. T.--I find your column very interesting. My husband and I don't get along any more. He is very rude to me at times. We have a baby girl and he seems to believe our family should have increased more. So last week I told him I felt like our family was soon...</t>
  </si>
  <si>
    <t>                                           DOUGLASVILLE, Ga.--Rev. Seay pastor of St. James spoke Sunday for the Missionary Society. Among the contestants that won prizes were: Miss Rosa Mae Geter, prize; Mrs. Mattie Hamock, second; Mrs. P. Love, third and Mrs. John Carr, fourth prize, $49.69 was raised.</t>
  </si>
  <si>
    <t>                                           SUCCESS OF "CABIN IN THE SKY" WILL HELP NEGROES IN FILMS                 MILLION AND A HALF DOLLARS SPENT ON FIRST NEW .MAJOR NEGRO PICTURE IN SEVERAL YEARS.                 By     ROA IHattywood Corntpeedtot)                 HOLLYWOOD, ., Jan.,- Within a few months, "Cabin in the Sky." Metro's huge all-colored production starring Ethel Waters, Eddie "Rochester" Anderson, Lena Home, Rex Ingram,  Duke Ellington and his orchestra, Louis Armstrong and Kenneth Spencer, will be released on a nation-wide scale. If it is greeted with public approval, it will start a trend in the making of both all-colored and mixed cast pictures that will give the Negro a strong entertainment and talent outlet in Hollywood. It will be remembered that Metro-Goldwyn-Mayer is no experimenter but rather the pioneer in the; field of the all-colored production. For it was this company, in 1929. which brought "Hallelujah" in all its glory under the direction of able King Vidor. to the screen. Nothing has been spared towards the making of "Cabin in the Skjr" in its various technical departments. Upwards to a million and a half dollars have been spent to give it the super-super touch akin to the tinsel city. Aside from its roster of great stars, the film will present a cast of feature players who are well seasoned in the art of entertainment. Among them are  uch favorites as Ernest Whitman, Nicodemus, Buck and Bubbles. Bill Bailey. Moke and Poke. Mantan Moreland, Willie Best and a group of the prettiest girls in Hollywood. Produced by Arthur Freed, one of the most liberal showmen in Hollywood, "Cabin" was directed by Vincent Minnelli. with the celebrated choral director. Hall Johnson, as special adviser. It's from the Broadway stace hit of the same name and has been specially woven for the screen by the deft touch of the M-G-M staff.                 Its cast has been given every latitude and with great ease, moves from the height of comedy to the depth of pathos,  the fantasy all the                 bite, the' dramatic" urgency and lyrical overtones of a production of                 real worth. In it has been captured something human in the theme                 battle of Rood and evil and shows the great heights to which the race, through its imagination, can soar.                 For more reasons than one. "Cabin in the Sky" is a picture to be seen.                 ) Ethc! Waters, the Krar.d lady of the spotlight world. who is shown here as she will  in M-G-M "s million and a half  starrer. (Rfcta) In this scene Louie Armstrong, the trumpet  swing, and Man tan Morcland  comedian. \-ie for the cigar lighting honor. Rix Insram. who once played "De Lawd."  Satan himself. The lads making up the background arc the famous dancers MoUr and Poke.                 (Abo-c) This cabaret scene v.i'.i Rive you an idea of just how clamorous many of the scenes really arc. "Rochester" and Lena Home enter the picture here really dressed to kill, ) John \V. Bubbles and his partner "Buck" are very much in Uic picture Some of Hollywood's most  colored girls and Duke Ellington and his famous orchestra. i                 I (Above) Also in "Cabin in the Sky" are radio-famous Eddie "Rochester" Anderson and Lena Home, the most outstanding screen discovery of 1942. I V</t>
  </si>
  <si>
    <t>                                           How to find a LOVELIER YOU ..'Mjritefak Your real appeal /JSJ^^ can hide when a gV isM wrong face powder Wt  8fc TPjm does not blend with C-hmJ] your complexion. V*SS$~       and     0 V.... tap Face Powder with its  "magic mist" texture comes in 6 different shades, one of which will blend beautifully. Select yours- use it. You'll discover a lovelier YOU as you fluff it on* your face, neck and arms. Its velvety smoothness is thrilling, its fragrance alluring- while its clinginess makes it stay on for hours. Yes, Black and White Face Powder can bring out your own lovely true skin tones. Be sure you ask for /^v^^ genuine Black and /L %g/\ WhiteFacePowder.Big f^^NJ/ economy size, 25)! at all ^~~S\^/ X toilet ,good3 counters. ^s4~_~/~</t>
  </si>
  <si>
    <t>                                           The racial flare-up last Tuesday at the Alabama Drydock and Shipbuilding Company's yards at Mobile, Ala-bama, occasioned by rumors that "a thousand Negro weld-ers were to be placed alongside of white workers," emphasizes again, the existence of breathing, virulent race hatred, blown up into a modern Frankenstein by racial; tensions and exaggerated fears...</t>
  </si>
  <si>
    <t>                                           GAY WASHABLE BLOUSES BRIGHTEN WARDROBES;                 Loft, floral and lattice print ; top right, white  ; Ijelow, printed organdie model. Whether you art spending your summer in town or i.ountry. you ll be wise 10 include a number     blouses in your warm-weather wardrobe. Selected with an eye to color and . they will, brighten up last years slacks and suits, and decrease your dependence on harassed cleaners. Tlio! three blouse? shown above were designed by Clcnwrur. and were chosen because they are -] ate for almost any occasion. The rayon and cotton blurt, lef 1 with large floral and lattice print, is right for Victory gardening with slacks, bul you ll wear it. too, with shorts and jumpers. rWt has u petal scalloped collar The softly tailored   blouse, top ri(;ht. has a full Windsor tic bow and ia a perfect topper for dark faille skirts. Below tins is a delicately primed pastel organdie blouse..</t>
  </si>
  <si>
    <t>                                           MADAM LYDIA NOTICEAll Questions Answered ITee Guaranteed *0^ read your entire ^BI and . (J'^ B*N- advice *l i*V. , 1nre and SHj-*\l*~Vj health and (iml-~w -^C7'  -~ 2973 Peachtree QS^^^=S Bd.  1 Boctnead</t>
  </si>
  <si>
    <t>                                           . Ga.- Mrs. Rosa Pntierson died at her .ee Thursday, Moy 20. Funeral services v.-erc held from the Mt. Zicn Baptist church. Milieu.</t>
  </si>
  <si>
    <t>                                           Stationed In Memphis For Brief Period                 by U. S.     Dcetrtmmt Buruo of Public Ration. MACDILL FIELD, Fl.ORlOA-Chief Warren Officer JJobert B. Trtiville of Bay City, Texas, leader of the 436th Army Air Force Band. He is the father of Lieutenant Robert B. Tresville, Jr., a recent graduate of West Point, no* stationed  t Tuakece. Flying Field, Alabama. Chief Warrant Officer Trenville    in Memphil.</t>
  </si>
  <si>
    <t>                                           Track stars cm all age levels have been invited to compete in the first annual City-Wide Track and Field Meet, sponsored by the Butler Street Branch, YMCA, which will be staged at the Henry Grady Homes Playground, Saturday, May 22.</t>
  </si>
  <si>
    <t>                                           Men's Speaker                 IV. It. Coehrune, executive secretary of Tin- Butler Stieet branch Of (lie V.MC.VI, is.    he Slen's Day HpfiilHT .it tile eleven c'"~'k worship   at         '        CHE Cliui'h, KM. \    -e. Jr., *.</t>
  </si>
  <si>
    <t>                                           Jack Steele By Ted Watson                 Davis From Headquarters                 By Mel Tapley</t>
  </si>
  <si>
    <t>                                           I MADAM ROSE PALMIST I JAIOlx WHO S IlIIKF.! Cuaruutw* to   entire life-      ,  { fl ft A fi^ore. St'  l IBA  rtu uur* tion* I HDaJ v ot UU   u n" ]     inn mmt to know. BW^     Uinjr      .  ^H^^V f^ affairs;  I WO^r        "Q will j j ^B^K     /5  when, I  qnd ndi-      on i nil affair^ or nf*1. One 'i^lt eaten jou I  f)tH.       (     *.  Daily KmJ        -- 1  A. M.    1*. M.    - {     * I l.'J' l(    fll   r * ATP-. i him! JH.w-11 Mill ltd.. 1060  Mill Urn  Tirr f(, (   * UuMfil Mill fM. fur. Mhirh ^t(~pft nt . In I'liiliniiit . j j Special Reading 25c 1 toor l. Dmyi     Olvrn      Madam Eva Palmist and AdrUer GIVES FACTS AND  RESULTS rbls    - iht        -  he explains . SHE ANSWERS ALL QUESTIONS. Know Thyself  nd j TlDrt KDCcen und . 6 tl3!t  tj tc*vg Madam Em   !5 TT. Hsf!:tis Hi, N.TV,        Oar ta BE Manas'* Strrica BtiUtm. Leek far Han* Sim.</t>
  </si>
  <si>
    <t>                                           Gay In Sheer Print V 9334  ^T MAK1AN MARTIN After a busy dav war-job or home duties, you ll want to get out of your work clothes and into a cool, shc^r dreis. Pattern 9334 by Marian Martin is exactly what  . It's u figure flatterer, with a smooth in-one bodice panel and waistband, and u princess back, i Pattern 933.J may be  only in women s       36. 38. 40. 42. 44, i 40. 48 and 50. Size 36 requires 3 5-3 j yards of 35 inch fabric. Send SIXTEEN CENTS in coins i for this Marian MRrtin patte-n.i Writ* plainly SIZE. NAME, AD- i DRESS, STLYE NUMBER. Ready now our new Summer I'attern Book! Just TEN CENTS more brings you this  sewing guide for the entire family. Send your order to the Atl.ima Daily World Pattern Deoartment. 232 West 18th Street New York, N. Y.</t>
  </si>
  <si>
    <t>                                           Regional War-time Business Clinic To Hold Two-rDay Parley In Birmingham                 BIRMINGHAM. Ala.                 -(ENS)-                 Birmingham Negro business will give scientific consideration to its problems at a two^day. three-way sponsored Regional War-Time Business Clinic opening Wednesday  at the Masonic Temple.                 The project Is sponsored by. the Negro National Buslnness League founded by Booker T. Washington In 1900, the U. S. Department Commerce end the Birmingham Negro Business League. Two sessions or the clinic will be held Wednesday, the morning program set lor 9:30. At this time, welcome greetings will be extended by local business men, Dr. J. E. Walker, president, of the NegTO National Business League will tell of the status of Negro business and Eminer Martin Lancaster, advisor                 on Negro affairs. V. S. Department i of Commerce, Washington. D. C, will state the objectives of the clinic nnd preside. Dr. Roscoe Arant, regional business consultant, will lead the discussion on "The Impact of the War upon Small Business Enter. prises" and Joheph A. Short, OPA district manager, Birmingham Is scheduled to discuss, "How Retailers and Consumers May Best Support OPA." i Dr. F. D. Patterson, president of Tuskegee Institute, is scheduled to preside at the two P. M. session. "The Negro and War Production" will be discussed by S. B. Puller, of the Fuller Mfj. Co., Chicago: "The Procurement of Government Supplies" by John D. Thompklns, of Atlanta; Financing Negro War                 Production Enterprises" by J. B. Blayton. vice-president of the Citizens Trust Co.. Atlanta Unions by W. A. Shields, of the People's Credit Union, Tuskegee Institute; "The Small War Plants Corporation." by Thomas Deegan, chief division of public information. Small War Plants Corporation, Washington, D. C; summary by H. D. Coke and announcement by Willard W. Allen, of Baltimore, regional vicepresident of the  and closing remarks by A. G. Gaston. A "Business on Parade" program Is set for 7:30 P. M., Thursday at the Masonic Temple. This program should be of great interest to the public because it will give and exhibit of Birmingham business. Services, products and displays will be placed on public inspection. The                 program has the backing of two Greek letter  and the Negro Housewives. Dr. Walker, of Memphis; Albon L. Hosley. of Tuskegee Institute. Mr. Blayton. R. R. Moton, Jr., of Tuskegee and Mr. Allen are slated to speak at the luncheon set for one P. M.. Thursday. The steering composed of Dr. Patterson, chairman; Mr. Blayton. George W. Cox of Durham, Roscoe Dunjee, of Oklahoma; Carlton W. Gaines. Detroit; Joseph P. Geddes. New Orleans and B. Oliver, Jr., will meet Wednesday morning1. I National President Walker issued I a proclamation from Memphis proi claiming the "month of April for the annual Spring Trade Week Campaign and observance of  founder s night."</t>
  </si>
  <si>
    <t>                                           Birmingham Negro business will give scientific consideration to its problems at a two-day, three-way sponsored Regional War-Time Business Clinic opening Wednesday morning at the Masonic Temple.</t>
  </si>
  <si>
    <t>                                           NEW YORK--(S N S)--"Hammering" Henry Armstrong scored the most impressive victory of his sensational comeback campaign. Friday night, with a clear-cut decision over Sammy Angott, former lightweight king, in a ten-round bout at Madison Square...</t>
  </si>
  <si>
    <t>                                           Judge To Rule On Equal Pay Case In Tampa                 Charge Rating System Used By Board Is Unfair                 BaVfeHT BIIIMNlWld at till dOM of a   thk %Mk. (tat b*  mdn a      In tin        .Mdny ratt htr* "In fen    ," Durins Um Mai Arid Bartar   Um  jof Tbuieod Uanban, X                 A. A. a P.. VMM mum!, to Un  at Uw HUatltt, ^    Hfldp . by Iwr.!    tan lad  Mutter In     that ante      n*~  bUi  Icochcr pay scales in Hlllsborough County, the majority of white teachers ure ruled In the highest group and the majority of Negro teachers nre In the lowest. Out of 178 Negro teachers all bul 20 were in the lowest bracket. Of all Uic white teachers all bnt-100 were -in the highest, group und only six of  were In the lowest group. But the officials deny discrimination. TEACHERS QUESTIONED Thurgood Marshall, N. A. A. C. P.  counsel who Is representing Mies Turner, revealed that during the filing of depositions earlier In the week, the Negro teachers who have received highest  and equivalent salaries were questioned by the school officials. These teachers were asked ir they were satisfied with their own salaries, Rnd If they had suggested that  and her lawyers drop tho case. This group said they were satisfied with their own salaries, but because other Negro teachers felt Ihot the rating system had not been fairly , they had Joined them In voting unanimously to carry the case through I Tampa teachers arc paid in accordance with their ratings. The ratings arc Al, A2 nnd A3, AI being Inn highest mid A3 the lowest  Attorneys for both sides agreed before the trial that the question ut Issue Is whether the schedule of      Is  und If It Is being fairly administered. OlLltCT TO SCHEDULE I "Our objection Is to the administration of the new salary schedule" Marshall told Judge Barker. "We contend that it make*  possible and that the people who rated  teachers did so In a discriminatory fashion." During the trial the plaintiff called members of the school board and school officials as witnesses who under cross examination admitted that no Negroes were considered Tor the rating committee and that It Is composed entirely of whiles Superintendent E. L. Robinson  that he had a prc- notion that Negro teachers as a group arc inferior to white teachers. Suit for equalization of teachers1 1 salary was filed In November. 1042 In behalf of Miss Turner. Bhortly i afterwords the school board declared that It had instituted salary schedules which were based solely pn the  of the individual s leaching ability. The Negro  !',?re now """'end-that the classifications hove been used to perpetuate salary differentials of Ncgr0 and while teachers and that in most instances the highest Tatlng iith its higher pay  to the white teachers.</t>
  </si>
  <si>
    <t>                                           TAMPA,Fla.--(SNS)-- Federal Judge Barker announced at the close of a three-day trial this week that he would make a ruling in the teachers' salary suit here "in a few days." During the trial Judge Barter repeatedly overruled the objection of ... Marshall, N.</t>
  </si>
  <si>
    <t>                                           Q TO BE SET TO **nd     *nu  *~       - patriotic, . burred,  ^ *~r.) for our    - *  n.1 JfRKE "Jib* minit Olcllonirr-** X'llONOGRAril It COO UPS A1APR VANOfcltmLT .MI HIC  . R. I*. Uux 112, Coiic-y .       , X.</t>
  </si>
  <si>
    <t>                                           Dr.C.A. Constantine 68 Peachtree ar ,2d floor DENTIST</t>
  </si>
  <si>
    <t>                                           * I rl 1 1 Til I r 1 f^^^* -^y fif SMS"        KJHiB^^^ to WOSK WONOf         *    * Implicit  In th.t. MAG'Cl" 7  or TAtlSMANS ond b*l*   in lh*.r MAGlC POwfftS ia  them m thi following  I I. SlAl Of -THI SIM Sral tor qU*3 fo.ori. 7 Co'Wtd ond     *d by mony       ^-.g t^-          ond making loon*. % UAl OP THI MOON TVn      u?d fo tuk-4 7 * and Attraction by )S*          *t I tVf.td       . SIAl OF MAIS I hi. S*ol U btl^v^j by -    7 wh*n  en     body            on^         rt bin**^. 4. HAl Of MHCUtT         on4 tott td fay 7 7   10 guo*d  . + 5. fCAL Of JUfTTH.          and b*C^d by ^c-y w*9  t-k   !d*'~ -fc tH nd      *o*j-t. 7O.SIAI OF VfNUS..Cari4              0ny1ka, tat      , pi*      end butl^~it p3   *   :pt. 7. THI SIAl OF    +n4 o^d ca-,;,d 7 by  nony -So  long                +y. + a. O^d*' YOUt MoQkk Svoit or ToliiMo*i NOW tot  INVISIBLE GUIDANCE end MClF  by r*m 7           to     tc men  tm*   * I       no                 Acrt     ~*q*tff^nh obe*~ 7 V, c*  of  Af 1 doim n *ot "THE 7 X I 7 SEALS Of TKC 7 STAIS* or. WtU IK!D by    -r* A. *          *OUti'M  0^~duci - 7 1 *~[ST MFIt in 81OOD ~!0 INK of       n  I     AjkW^H      ~~:d te       . I CUAKanTEE THAI YOU MUST Bf SATISfJfD Of * MONEY 7 7 B*OC. V. ord WAY(f wh^t 0 Condi* ii /h*'- -3 odd          t0      d*~i*o fM d-w f^t: tr^t   h roof O*      br 7 -r "0^* o*d "      Q'vf" obo*t. Your ct Oic* o*y ***-          30  ony 3    '~  1-  *rt c" "7 SfAlS Of THf 7 $T*~- f?      7 7 n-OAty     O*~d I  Oy *. or SEND NO MONfY ?oy F-~~         * prk*i phn ^ MsCOO *9  i     ^ * SI.  YOUl    [t 7  j       i#    0^1 nan*  MttS  cept. ss,  22, stu. n. y.v.c. 7 7 *J *Z_*_7 + 7*7*7*7* j</t>
  </si>
  <si>
    <t>                                           Many persons 1 ^w^^^fc^^ remarkable        J^NtARj bles, Rheuma"VBxSt ^^ conditions, but have often wondered whether or not Chiropractic can be or benefit in diseases that affect children, and those conditions that are peculiar to women. In answer to these two queries, it is sufficient to say that the countless women who have been benefited by Chiropractic in their trying times, and in those other cases  to women, are wining to recommend Chiropractic to like sufferers. The mothers of the benefited children are also good BOOSTERS of Cblrapractie. Call Dr. Evans at the Chiropractic Health Clinic. Ja. 1124. and make an appointment for a free consultation regarding your condition.</t>
  </si>
  <si>
    <t>                                           Madam Eva /f^~9 Palmiit and       Vl^K GIVES FACTS AND % GETS RESULTS Thil madam      im      - he * -  ha  . 8HR ANSWERS ALL QUESTIONS. Know ThycU and HDd       and . Satisfy  by       Madam Bra, 1015 W. Marietta Bd, N.W, Atluta, Gm. Take Marietta-toman fart Oar te BUI Morgan1* Bn*lM BtotWn.   *k far Han* SUB.</t>
  </si>
  <si>
    <t>                                           American Bombers Blast German Submarine Bases                 Called Greatest Air Battle Ever Staged                 WASHINGTON (SNS) In the greatest air battle ever staged by the Eighth United States Air Force, two large formations of American heavy bombers rained explosives oh the Nazi U-boat bases at Bremen arid Kiel, Sunday, and 3hot down several German fig-.                 In striking this stunning blow at Brcman and Kiel, the American nil units were unescorted and as a result lost 26 four-engined bombers. According to the com- . the bombers engaged the largest concentration of enemy fighters. The bulletin also revealed that Bremen and Kiel, which account for n large percentage of the Nazi war machine s U-boat production nnd servicing, were effectively bombed. American fliers engaged ap-  50 Japanese fighter planes in a rough-and-tumble  over the Russell and Solomon Islands, shot down between 25 and 33 of the enemy craft. Six United States planes were lost in the engagement, and all but two of the American pilots were rescued. In addition to the Jap fighters, two Mitsubishi bombers were sent into the sea, the Nava] communique said. Army Liberator bombers were credited with sending the latest Mitsubishi down in flames. Meanwhile, other flyers were smashing at Japanese positions on Bougainville Island Flying Fortress heavy bombers and Avenger torpedo bombers. United Nations forces moved a step nearer Sicily, when a British destroyer accepted the bloodless surrender of Linosa, Sunday. This was the third Island In the" central Mediterranean Italy has lost in three days. Meanwhile. American bombers and fighters began their knockout raids on Sicily. In taking Linosa not a single shot was . as the 140 Italian soldiers and sailors raised white flags on the little island, which is 105 miles from Sicily.</t>
  </si>
  <si>
    <t>                                           WASHINGTON -- (SNS) -- In the greatest air battle ever staged by the Eighth United States Air Force, two large formations of American heavy bombers rained explosives on the Nazi U-boat bases at Bremen and Kiel, Sunday, and shot down several German fighters.</t>
  </si>
  <si>
    <t>                                           IN MEMORIAM                 In  memory of nur moth. pr. Mm Eddie B. Jnckson. who Jeparted this life  years Ago, May 16. 1985. Who  our baby lips to pray Who -watched over us from day to day Who vent u* along to church and school And taught us how to obey 'God'; rule Darling Mother Tour lored ones, Sara LiroincT Arleros and Private</t>
  </si>
  <si>
    <t>                                           HOW S THE SUMMER TREATING YOU? Tbc"253nd= h.ivr found hn^ io best Mfssana is the kind of medicate 'h? heat with Metssna. formerly powder often  by            Heat rowder- it to . Yet it costs very little and take the hot feel. 15 put of sunburn, is even more economical in the esso the smart of heaf rash and irri- larger sizes. Keep in mind- if vour j          . Kimiliesoverv-K-hereare summer troubles are the burn of i also  to this  powder sunburn, the sting of mosquito to relive the itch and cool the burn bites, or the Itching and heat of heat of  -~ad diaper rash. rash.</t>
  </si>
  <si>
    <t>                                           Institute Rector At Saint Paul's                 Amid  ceremonies Sundav evening, the Reverend rather George E. Harper was  into St. Paul's Episcopal Parish as rector by Bishop John M. Walker, of the Dioccrc of Atlanta. A capacity , which numbered many leading citizens, witnessed the religious event. Bishop Walker . the necessity of  bein? h?nest to themselves, their fellowmen ana to their God. After he was Instituted Hie new rector conducted the serves. A reception In honor of Rev. Father Harper was held after tbc services In the recreation room of the . Fight Own Battles, Club Men Are Told Mis. Ruby Blackburn, well known civic leader, stressed the value Of colored citizens learning to fight their own battles in an Bddrex Sunday     members ard friends of the Eight Men Business . Mr*. Blackburn's address was  n connection with popularity con-test sponsored by the clot at the Servk* Men's Center. John King is president of the dob.</t>
  </si>
  <si>
    <t>                                           NOTICE TO OUR CUSTOMERS Due To War Rationing And Labor Problems Beginning Sunday, June 6, 1943 we will be open on Sunday from 1 P. M. until 11 P. M. Other days we ..eat will be open from 9:30 A. M. until 10:30 I\ M. l)   liveries Monday  Saturday 10 A. M.  9:30 P. M. NO DELIVERIES SUNDAYS For the duration there will be no deliveries of I he following rigidly rationed items: Ice Cream, Films, Candy and Soft Drinks. Amos Drug Store ASHBY STREET at HUNTER RAymond CHI</t>
  </si>
  <si>
    <t>                                           A AVE RENDER CLEAN FINANCIAL AID CLT IN AMOUNTS $15 to $200. R17 We Also Make Loans on Any Make   r       AutomobiIe  WALNUT FINANCE CO. For MONEY i46  peachtree st.</t>
  </si>
  <si>
    <t>                                           Atlanta  Published DAILY and SUNDAY at 210 Aubnit Arenn* By ATLANTA DAILY WORLD PUBLISHING CO. Telephone Walnut 1459 1-160 Member ol SCOTT NEWSPAPER SYNDICATE Established Aug. 5, 1928; Became Daily March 1.1, 1132 W. A. Scott, II, Founder and Publisher, Aug. 6, 1928 to Feb. 7 1934 Entered in the Post Office of Atlanta, Ga., as -class mail under the Act of Congress, March 13, JS/9. % SCOTT General ManageCLIFF MACKAY Managing Editoi Daily:- 1 Year. $9.25; 6 Mos. $4.76; 3 Mos. $2.50; l Mo.  0c SATURDAY ONLY:- 1 Year. $3.00; 6 Mos. $2.00; 3 Mos. tl 26 Canada:- 1 Year, $4.50; 6 Mos. $2.75; Foreign; l Year, $6.50 -on ,IcteartTLANJA DAILY- W0KLD is an               ,nJ^,H d ".""-P"1'5*". Printing the news absolute^  hi      ^    / th,0Se  !t  t0 be t0     "teresi i  L ^ "PPO^ing those things against the interest ^TLA^^!^^O^^t^r^^^^^</t>
  </si>
  <si>
    <t>                                           George Harris, Southern Intercollegiate Golf champion and former Southern Amateur king was recently called to the United States' Army. Harris, a junior at Morris Brown College, where lie was a member of the enlisted reserves, was one of the most promising amateurs in the Gate City. In 1941 he won the MAC golf title at Tuskegee and led the Morris Brown Wolverine linksmen to their third straight team championship. Later in 1941, he annexed the Southern</t>
  </si>
  <si>
    <t>                                           AIR STABS ON EUROPE APPROACHES CONTINUE                 Invasion Prelude Leaves Outposts, Machines In Ruin                 BY THE S. N. S.                 The European invasion continued Thursday as American airmen laid explosives on Pantelleria, tore up two Sicilian airfields near volcanic Mount Etna and scored heavy aerial victories Against Italian outposts.                 Northeast of Pantelleria, 50 U. S. Liberators from the Middle East Command destroyed 24 parked planes at Catania and Gerbini in Sicily and shot down at least three of the 20 to 25 intervening Axis fighters. No American planes were lost in the twin stab.                 Aerial reconnaissance photos showed thai Pnntellerta had received a terrific pounding. One photo showed a nve-mile-long pall of smoke and dust blanketing the northern shoreline which has been under almost  bombardment by American airmen and British warships. 3 Bomb carrying American Lightnings participated in the bomber assault on Pantellerla. The size of the bombing force was not disclosed. V. S. AIR POWER GROWS In London, Major General Ira C. Eaker disclosed that the strength of the Eighth United States Air Force, which is rapidly approaching parity with the RAP in Britain, will be used to hit the enemy In three, four, five or more places in a single day with bombing fleets capable of obliterating any normal Industrial target Eaker said the U. S. bomber command has doubled in size since March and growing at the rate of 15 to 30 per cent monthly. It recently sent nearly 300 of its heavyweights against St. Nazaire, Rennes and La Pallice in a three- way raid, on. May. 29. During May, Eaker revealed, more than 1,600 American heavy bombers raided the continent, including those that went twice or more, and dropped 2,800 tons of bombs on 19 targets. Sixty-two of the big planes were lost, but they shot down 359 enemy craft. Eaker dented that Americans are bombing civilians in the Axis countries.  HITS BICKERING In Washington, Bernard M. Baruch declared that "Informal bickering has hurt the war effort and confused the public." He expressed hope that James P. Bycnes will stop. Baruch was chairman of the War Industries Board in the last war, and is now the unpaid and  assistant to Byrnes, director ofthe Office of War Mobilization. Both have been advocates of simplification and standardization of civilian production in wartime. BOMBS IN OREGON In Eugene, Oregon, Lieutenant Colonel Uames W. Fraser, member of an Army party now touring logging and lumber operations in this area, disclosed the incendiary bombs carried by free ballons have been dropped on Oregon forests by the enemy In attempts to start fires. TAX BILL SIGNED President Roosevelt signed the pay-as-you-go tax bill Thursday, while his aides conferred on a program to raise the $16,000,000,000 in additional savings and revenue he has requested for this year. The measure approved by the President (Continued On Page 6 Column 71                 Invasion Prelude (Continued from Pace M Is the compromise worked out by the senate and house. COAL  THREATENS AGAIN Another coal strike threatened Thursday night as John L. Lewis angrily denounced what he called "a brutal application of economic sanctions"- the decision by Secretary Ickes that bituminous miners who took part In the June 1-5 walkout will be fined $1 a day. Some United Mine Workers' officials In the coal fields warned of another work stoppage. Lewis refrained from saying what he would do about the action taken by the government boss of the coal mines, but called the act "unwarranted and illegal." There were Indications that the War Labor Board did not look favorably on the $1.30 a day as pay for underground travel tune recently won by Lewis In an agreement with a Pennsylvania producers' association.</t>
  </si>
  <si>
    <t>                                           The European invasion continued Thursday as American airmen laid explosives on Pantelleria, tore up two Sicilian airfields near volcanic Mount Etna and scored heavy aerial victories against Italian outposts.</t>
  </si>
  <si>
    <t>                                           Challenge Elections In AlUNagrc Town                 MEMPHIS  b petition was filed Friday In the Crlttcnden Comity Court to set aside an election for municipal offices beld in the all Negro town of Edmondson. Arkansas on April 6. K. T. Sutton. attorney for the Southern Tenant Farmers Union. Is                 resenting T. P. Page. Candida tiTfor mayor, A. H. Mathews, candidate for recorder. Bueben Hendrlcks. W. H. Cummins. Walter Hampton and Dr. George W. Austin, candidate tor Alderman. All are responsible Negro leaders and sought to regain control of the town affairs. H. E. Weaver, white plantation owner, for several years has controlled the town through stooges appointed us the town s officials. Twenty-four votes cast by qualified elector* were not counted. The poll tax showed only 26 eligible to vote. The slate declared elected by Weaver, who was the election judge, was not even qualified under the law to have their names placed on the ballot. Those elected Incju4 l a man who  not read                 or write. Dan t' Gmoo'., mayer. DRIVEN OUT IN 1888 Edmoiidson was founded following thp reconstruction  tr in the Sotilh. Crillcndcti County with b population of 90 per cent Negro was the lust county tn Arkansas to return to "while supremacy." Negroes served as county officials up until 1888 when they were driven out after a' massacre by the Ku Klux Klan in which hundreds were killed. Some of the leaders who escaped the Klan later returned to establish the, town of Edmondson which until 1933 remained in the possession of their descendant*. None of the land In or near the town was ever to bo sold to       . In 1032 a renegade Negro purchased a business lot proposing to open a general store. It turned out that he was  for the white planter WeBvrr who opened a commissary, a whiskey store and -tonk. Weaver tried every means at his command to secure the property owned by the Negro citizens. He Cwrtlmwd on page 5, col ?l                 Challenge Election (Cnnlluued from rage 1) obtained Illegal tax title* to 40 houses mul lots In the lawn and 16(1 acres or farm land nearby. Electing a set of town officiate . lent to his Interests he proceeded to evict the home owners, tear down their houses and plow up the street* of the town. Terror was resorted to, one family had gasoline  about, their homo and it fired In the dead of the night SEEK RESTITUTION In 1936 the Southern Tenant Farmers Union was organized in Edmondson and the Union local became the rallying point for opposition to the plantation owners of Crittenden county who support Weaver. In 1040 suits were filed by tin attorney hired by the Union to recover the property belonging to the Negro citizens. Dainsges for dc Kt ruction of the property amounting over $35,000 was  . Weavers attorneys taking  of every legal technicality arc fighting a delaying battle in the Arkansas courts, postponing the hour for the ca*c to go to the Supreme Court and be tried on its merits. Notice has been served that unless a favorable decision Is  down to Hie Crittenden County Court Htiri a fair election order Uilis case loo will go lo the Stale                 Court. Several crittenden County  were convicted In the U. S. Courts In 1941 ot Conspiracy to deprive citizens of Uielr civil rights nnd sentenced to long terms In the federal prison.</t>
  </si>
  <si>
    <t>                                           MEMPHIS --(SNS)--a petition was flied Friday in the Crittenden County Court to set aside an election for municipal offices held in the all Negro town of Edmondson. Arkansas on April 6. K.T. Sutton, attorney for the Southern Tenant Farmers Union, is...</t>
  </si>
  <si>
    <t>                                           W. M.--I have a wife and I work hard for her and give her money and buy her clothes. I don't run around, neither do I take company on her but yet and still she sometimes say to me that she is going away some place. Give me your anwer in your next...</t>
  </si>
  <si>
    <t>                                           The Weather :.. WARM, with  f   j*</t>
  </si>
  <si>
    <t>                                           WHY HAVE TANNED DARK SKIN when you may      UlfiHTERSKIH 7 DAYS^ Here is s;   ] news Tor folks with a Llnnvl  ,wc:ii.  ?r-tK:aU !u: rough* skin, marred by  caused minor Ni-mishi-s. Dr. FRED Palmer's SKIN WHITENER contains a six-rial  for - Innntti dark . Worki fast lict- it s Quick Acting. U tin)- 1-1,. and EASY tn usv. NEW 7 DAYS'   gives  a quick test IJwl 7  l.-iys ;M-L-: to . If not satis* lic-fl vour MONEY BACK. 20c at  . CALENOl. CO., INC., Dot 2M, MtMtta.Oh F,.r B^ s       *~ usr    .      ,r- PEI. SOAI'      .\              .2a:cacb4</t>
  </si>
  <si>
    <t>                                           John and Mary Respress, 279 Fletcher St., S. W., dtr., Annie Lois.</t>
  </si>
  <si>
    <t>                                           THE FINE ARTS CLUB OK LIBERTY BAPTIST CHURCH PRESENTS CHARIOT WHEELS ATLANTA S FINEST A CAPPELLA CHOIR LAWRENCE C. MANN. Director Tuesday Night 8:30 P. M,</t>
  </si>
  <si>
    <t>                                           Model Land Army Uniforms                 WASHINGTON, D. C- (SNS) In perfect  tep, MU* W- Phillip*, left, USDA junior professional librarian, and Milt Betty Jean Arnctl of the USDA secretariat stuff model uniforms which have been approved for the Womwn'i Lund Army. These  outfit* are washable, , and . The GO, 000 women who will be enrolled in the Lund Army, on the      of local need, will                 wear uniforms liUe theie. (Extension Service Photo Ly Acker man)</t>
  </si>
  <si>
    <t>                                           Authorities Ask Detroit Workers To Resume Work                 Riot Death Tall Reaches 29; More Sporadic Raids                 DETROIT, Mich. (SNS) Civil and military authorities Wedresday appealed to workers to resume work to offset n drop in war production caused by the rioting here Sunday and Monday.                 The  toll Wednesday readied 29, and although Detroit was under armed siege there wore sporadic outbursts of violence Tuesday night. Six colored persons were reported wounded in the blest flares.                 A white woman, who was wounded Monday by gunfire during a police battle with snipers, died Tuesday night. TWO SHOT TUESDAY NIGHT I Two colored persons wore reported shot Tuesday . Ernest Lilly wns wounded during n police raid on a rooming house. He and four others were arrested. Julian Wltherspoti was shot in tl)e foot during nn altercation with a state trooper and n group of policemen who stopped a group of colored persons In an automobile around 11 p. m. C. M. Bolds, regional labor representative Tor Ihe War Production Board, estimated  50 to 90 per cent of the city s Negro war plant workers remained away from their Jobs Monday and Tuesday. Some . he said, reported as much ns 25 per cent absenteeism among white workers. PRODUCTION DROP FEARED Industrial leaders expressed fear                 the curtailment would drastically reduce deliveries of planes, tanks military vehicles, guns and other war materials. Following a tour of Inspection In the Negro districts, the Governor declared. "I am thankful for the co-operation of the citizens of Detroit and of the Army whose forces patrolled the city. I believe that this modification of the regulations will help restore the city to n normal basis." More  700 persons were Injured in the fighting which started Sunday night on famous Belle I Isle resort in the Detroit River. i Law enforcements authorities arrested a reported 1,250 persons, of whom 34 were sentenced Tuesday to 90-day terms in the Detroit House of Correction.                 As U.S. Army Troops Took Over Detroit                 -UNITED STATES REGULARS fron. Fort Cu.ter, Mich, pilch their tenti al Northwettcrn High School in Detroit ('op photo), ready tp quell any renewal of rioting which brought Army *                 tion after more than a  corc died. That they intend to stay it  by the bottom  where                 mobile kitchen* and ambulances have arrived. (In tei national Soundphoto).                 i!</t>
  </si>
  <si>
    <t>                                           DETROIT, Mich. -- (SNS) -- Civil and military authorities Wednesday appealed to workers to resume work to offset a drop in war production caused by the rioting here Sunday and Monday.</t>
  </si>
  <si>
    <t>                                           Jim Steele By Melyin TapU^                 Davis From Headquarters %il^ T^ Watson y                 HAIRBREADTH HARRY                 By CY HUNGERFORD                 DOROTHY DARNIT By CHAS. McMANUS                 IT S A GREAT LIFE IF, XOU DON'T WEAKEN- By JACK RABBIT,</t>
  </si>
  <si>
    <t>                                           THE WEATHER WARMER; SHOWERS.</t>
  </si>
  <si>
    <t>                                           GET 1HE POWER TO Win THE ONE YOU LOVE MMaMK11"*   Ir dHt^la."'1 hold V  gBK Wouldn't rfT. I        1 anything i      C^SHS-VlA     what It la ud boa BaB K*t I lie  roo rt  Ibii ^Mi DISCOVElt* HOW to r*t It st  In tat im tmi  ooka to  rc        mt loto. Anjon ran r^t it. Thn        t         roof" In onx  U     KNOW 11OWI I Tiiftr* Un't   rAne wbo tnm  Iot* j Irk ym tf 7     ^ ^          of lava lll.t      like mails. I1, Kit lor           Urn. to     lg .     ^[Mik^n. Nimple .  7on tlM 1 bur*   will open roar              Iot* ri'*     *  1*^) aboot !       NO MO..I 8rod M1I7       Mad *~MrF*a ami 111              ^ mil ATE          at I  In a Plain   TM-- t Mcutl."  yon r*t. It. pnr JiAMtmaa II pio# . ni               if          Miljr 91 now1. TtHl malt    * In  VE WEEK  70a u-xl   *f Urn*, flM     4~~'t pa*       aird I'll                 . YTrtte today!   ^U.v la lm*~ 0             aatt    L0M5 ADVISER Box 206 S-15. GOP. New York City</t>
  </si>
  <si>
    <t>                                           s4L* ~/4,''Qbout*%'~ \V.'*'s2Sli ;*UJ6   *G*tt- Minds Whip does *ork"       IV.^^^JS' -i\ with salads! A unique combination of dd- \K ^-J^^i-y boiled ; and fine mayonnaise, MtradfWhioi* JT.~^IHjji)1*^1 J. 1 J 1 1 t { I i r t (I 1 f f 1</t>
  </si>
  <si>
    <t>                                           Help Them Clean we the Blood of Hnrmfiil Body TTnMo Toor Vldofys *rr constantly  witf matter from the blood . Bpt Wdoeyi ** lag in  work    not net u Nature *d- ftU to r*  that, if retained         tba system and upset tbo * body . Symptoms may bt  backache, p^r*    )t l!~          ^kfi of  JlzK{n#m, trader      yw-t          of   aad  of pep sod . Other situa of  or bladder          are  ,  cr too  urination. Thtrs  be no  that prompt  la  than .     Doan't PMb. Doan'a have b**n  wv " for mor*   y**T%, Tbty bar* r Barton-~ido . Ara  by fra**f nl           . A*k</t>
  </si>
  <si>
    <t>                                           Coming Next Tuesday May 11 FOR ENTIRE WEEK America's Finest Carnival Great Lakes Exposition Shows 10 RIDES 10 SHOWS      urine UNCLE SAMBOS DARKTOWN STRUTTERS REVUE SHOW GROUNDS LOCATED AT Ashby and Mayson-Turner Streets SPONSORED BY Colored Elks Education De.pt, All Week Starting Tuesday, May 11</t>
  </si>
  <si>
    <t>                                           VALDOSTA, Ga. -- Miss Mamie Epps has returned from Atlanta after visiting her brother, who is very ill. Mrs. Docie Dockette and children of Boston, Mass., and Miss Johnnie Dunham were dinner guests of Miss Hattle Forrest Sunday. Rev. A. P. Dunbar of...</t>
  </si>
  <si>
    <t>                                           To Depict American Musie Via Beale St. In Pageant                 .MEAfPHIS. Teim.                 -(SNS)_                 "To America, via Benle'street mid U)   SwaiiHf." is title of u pageant students of LeMoyne College will present on the campus of the                 tills Friday, May Mlh. Basic idea of tin? pageant is thai nil music Una is sung, hummed, or played in America is a member ol the music family and isn't to be set apart as one particular group, sponsors of the  stale. Members of the American- Literature Class will give the pageant us it class project. They are to be assisted by the Creative Living Class, and members of the TraCo-Dram Club. During the same evening the Physical Education class,  Miss Mabel Robinson, will give a series or games and stunts on the campus. Originally scheduled to be presented last week when the Spring Festival was given the Physical Educational Department, Jn view of the extra material involved, found it necessary to have an extra day for this presentation. Miss Elsie Van Ness, head of the dramatic department: Prof. John Whittaker, music department, and Prof. Vertis Hayes, art, combined the talents of their respective groups to give the Festival last week.</t>
  </si>
  <si>
    <t>                                           NATURAL PAGE BOY ATTACHMENTS' YOU CAN      YOUR HA!* J^i FlgFgCTtY MATeHBO F9lHL% Homen     -~- IBcv A i 4HSfced9. 1K\\ A  NO NO MONfY 7^* )W\tt j MND YOU* (MOt* TOM* 4   Ah^I^B^^ ISsiTkARE BEAUTY " ''' j</t>
  </si>
  <si>
    <t>                                           Nearing home the other afternoon, a car pulled alongside and a white woman asked: "Can you tell me where Julia lives?" Looking around, I saw a man in the car, whom I presumed was her husband. "What Julia?" I asked. She didn't know Julia's last name but "she...</t>
  </si>
  <si>
    <t>                                           Visited Year Ago                 Cpl. James Gilbert, 904 A. B. S. nn, Co. B. A. 531. rare Postmaster. New York, N. fa the! only and ; ton of Kcv. and Mrs. Luclndsv Gilbert, 780 Cnleiuan St., )3. W. Ilbi lut visit home won Mother's Day one year ago. This Mother's nay, Kay God Bleu him and keep him U my prayer. Hoping he will he hnmr URa'n soon.' (Adv.)</t>
  </si>
  <si>
    <t>                                           Tonight is Family, or Ma-Pa-and-Me Night for the Rockdale Park community. The Rockdale Extension Group, one of the mast active groups in the 'Y' membership, is expected Lo be out in large numbers.</t>
  </si>
  <si>
    <t>                                           The Child Welfare Association of Fulton and Dekalb Counties presents these pictures of children in their boarding homes rather proudly. The pictures almost, tell their story without any other explanation But because of the need of more good hones such as are...</t>
  </si>
  <si>
    <t>                                           Two Indicted On Burglary Charges                 The Fulton Rrund Jury Friday Inj  a man listed as E. K. Davis. I charging  with three counts of '- Another burglary Indictment, in which It Is charged that 565 was stolen, was voted against a woman listed us Annie Corrwell. j A man listed ns Ed Johnson was I indicted on rape charge.                indictment was noI billed in favor of a man listed as :.J. Wilson.                 Pres. Barclay Arrives In D.C. Wednesday WASHINGTON- (S N S)- President Edwin Barclay, of Liberia, will arrive In Washington Wednesday as the guest ol President Rooierelt on an official visit  e the United States, the State Department  Friday. The announcement revealed that President Barclay would spend one night at the White House after which he would go to nearby Blair House, where official guest* are /ril. In remain fur several days. Knox Gets New Plan For Negro Waves WASHINGTON,- (A N iP)- EfInns f.f Mrs. Thnmaslna W. Johnsen, legislative representative for I he AKA Nonpartislan Council on Public Affairs. t0 secure an interview with Adm. Romlall Jacobs, chief of the personnel Depart., of I lie navy last week fen the purpose of pressing the case of Negro women for  to tbe WAVES. SPARS and women s reserve of the marines, brought the assurance that a ''plan' has been submitted to Spcretnry Knox The Lobbyist was given no hint of the details of the plan, nor anything of  connected with It A check with the public relations bureau of thp navy foiled to uncover anything more than a ""no comment'' response. Mrs. J. pointed out In her telephone conversation with IA C. A. Applcy, detailed to Adm. Jacob3" staff, that a conference on the plan Is desired before approval Is given in order to "'avoid the criticism that  the change In    'cy affecting Nept) men In the Navy. Even this failed to evoke a sympathetic ear for the .</t>
  </si>
  <si>
    <t>                                           M'house, Clark In Commencem'f Sessions Today                 Paul Robeson And Dr. Brook:) Speak At 10:30 A. M.                 Clark and Morehouse colleges will hold their annual  j exercises this morning at 10:30 o clock.                 Dr. Robert N. Brooks, edito- of the Christian Advocate. Methc'ist Church, will be the commencement speaker at Clark. Fifty-four graduates are to receive degrees. In Sale Hall Chapel President Bcjijamlii TJ. Mays or Mnrrhousc College will confer the honorary degree of doctor cf humane  upon Pan! Robesan, noted concert artist; and th? rif- r.f doctor ol law s upon Forrester B Washington, director nf the Atlanta University School of Social Wovk.            Mays will also award thp degrees of  of nrts end bachelors of science forty-se-on Morehou^e seniors Tci members of the class are now in the  . ROBESON TO GIVE ADDRESS The commencement address Till be delivered by Mr. Robesc-n whose contributions extend tb the store, radio, and motion pictures The speaker earned the A. B degree at Ruteers College, th.-. wL.D at Columbia Universitv, and he lias been honored with the L.H. V. degree by Hamilton Collree. A loud . has been Instilled iir l^e Chapel in order that the  may be heard by the manv individuals who will be unable to secure seats. Tonight at eight o clock at a formal  in the Robert Hall Lounge, the  of honor will be Mr. Robeson and Mr. Warhin?ton and three meir-ber? of the Merehousf. faculty who this year  the  of doctor of ^y Dr. Brailsforc1 R BraTeal in     field of economics. Dr. Hugh Gloster in the  of (Qontiasei oa      3, Coi. 6)                 M'housc, Clark (Continued from P*i;e English.  Ur. Kclwar'l A. .lones in thr field of Fm-.rh. i Yp3t3 Ht  u m. tlio Morchiiuse  ccl rl^iHt.cd Class i Day, mid fit.  p m. the alumni i hr.M Iheir  nnn:il business  I : whi' li ;i     -pt.i(i.i was i  in  hmi T in Hip Hohcrt. Hall I.our.'S'v</t>
  </si>
  <si>
    <t>                                           Clark and Morehouse colleges will hold their annual commencement exercise this morning at 10:30 o'clock.</t>
  </si>
  <si>
    <t>                                           A A* I /^^ffi\' TTT T .11 CITY Atlanta        World edition   .s -I,-- r ,t t -i "ft/ .y - YfniLtCt J The Nation's Only Colored Daily Newspaper jj j$ NEWS" VOLUME 1G, NlTMliKR""27 ATLANTA, GEORGIA, FK1DAV, JULY 30, 1943  FIVE CENTS</t>
  </si>
  <si>
    <t>                                           Two well known characters among the colored folk of Memphis met violent deaths last week when William Foote, 36. 355 Allen's Avenue was shot to death during an altercation on Avery Street, and Mrs. Geneva Cosey. 690 South Fourth Street was cut to death in...</t>
  </si>
  <si>
    <t>                                           THE 2nd WAR LOAN DRIVE IS ON!  i AMERICA Let's be frank"  it   of Immlis    1]   . pms, Every 'dollar you pui into Wnr T!   1   .so far, many of us back homo Ii.ivc , plane*, shS;^. :n:~l s!.~. l.ring you a dollar /#fn.i . e heen lighting this war from no ca*y ThaC why  y ibis $n  more Bonds   ... Imiv  chair. Many of us have bought. War Bowls month of April alow-.          U *m. W     Amcri.-m*- Gel       with mil of extra , out of money we didn't * of           Imviiip Vi:i,r IJ.m.U. v.,, for vour      100 . We haven't been really 13 billi,,.,* of Mfm .- over mt.~ :il.    .nl,~.   ilh . any buying lh;il     \[   (; doing anyway!        ore 7  typos of U.S.Govcrnmonl S?tu,~ Bui  war is a hard, -lo- j r  Choosstho  best suited for you: var. And many of our hoys arc dying in iu ~)f     ^ ~(;1~..(in ;s  r ,;.vm,VK..~./~-Wfyn.. We've got to buy MORE money. Il'll lake mvo.i! anil U:n- In rais.- il. y^tcv.l  for  mid   iv. So your government a^ks you to buy It'll Mica.,   n,.~. IJm al-~,- il l?^', Givcs you bi ck .$1 f,or      ' s,:s     "      Bonds and wore Bonds- .0 gel really lough vill ,~rni, savings ,~,,,v_~O ~,,,v . fl"~ 1 ""il/wT* n .TJ V 1 CI1 V:CU'"-V1 .f"r wr 1 1 extras. Vllh your H)(-Iiw, lll.jl  t. us. o.rr . DciioMiiiisilioiig: S25, S."~0. $100 We know how human it ig not lo  children, can . a hi-tler,      - .Icrcill S.'~~, $1000.   -~        ,,n: any      - 60         until the crisis drives us lo il. In place lo Jive in when ihis war is wim. ' "suo d3'"5- I'ricc: 75% oC  \-. England they felt the same way until the Th_ _ u    \ombs started failing. s -r -    Treasury  of 1964-1V6V: KcikVIt Bombs arc such persuasive ,.     .!  f April,  f/"'~--"- . acceptable a. hunk collateral. tl,   just as persuasive ought lo be the spirit of ?Vnl \Y in V? V v' n p.Vr ??"d8 T r""1, ln; csl"u"t8 f our brothers sons lnU.-inds 2lN VK    AIN r)^'U'- WI" ~'~11  and "          . A special  provide* our , sons, Husbands. Luy t(u. ,,uv nu(re? ,  may bc rC(   .Mu.(i al iK.crMC(1 If you COUld see Belter yet, will you i;o to your Bank. Post- interest for the purpose of satisfying Fctlcrn Look at it this way suppose yon bVd a office, or* wherever  lo         ?^"8       1 April 15' 1943i  luc ll"lc 13* magic carpet that could take you to Africa your Bonds- and ? Will vo.i lend ^*?S^      %Mn^")0"$.10'" .nd New Gninea. Suppose yon  hear extra  this month? Moncv "  m ^'JiuKS w T?' To/? ~"~  "~~" .he groan of America boys wounded, and hasten ,he day of Victory? Money thai can     ^^^ ^l^Z:^ American hoys dying. Say now, how help to save American lives. months' notice Price: pnr nml  . wany Bonds would you buy? Money buys money Thot kind Of W0T Bcmcn.bcr,  vo,:Vr, r. - willi ^'h?Tr S*~*f*" f"!" "^'n '       -:    /. jmY .. And*1IKe,poa ^ ..if, mw, w.^. V^nf,,r 1^^^^; lt?^^~~X. "tS dying until we drown the enemy in au over. all, these Bonds arc money! Moucy plus! rk*~F'i United Staler. Saving. Bon.lf. Srrlr. THEY GIVE THEIR LIVES... YOU LEND YOUR MONEY! ffi This Space Gontribcted to National Defense By the J Scott Hewspaper Syndicate</t>
  </si>
  <si>
    <t>                                           Many suffer- ^ \8BnBS5 1       been re"W3S53        cm! Prof ession^H^r 'J8EBH no cure ^orVa^B /^^ this condition. 3^~H^^B This is a m*aa-]^BKT^^^^H^^H  state-  BKr*j^^^^^H nent, because ^^K^^b^b^""^""" under Chiropractic care, this malady has responded * , and many  have been effected. Write for information, or call DR. EVANS at Ibe Chiropractic Health Clinic At 250 Auburn Ave. Ja. 1124 Other fo- incurable diseases have been successfully treated by Chiropractic Adjustments.</t>
  </si>
  <si>
    <t>                                           The Apex Alumni Club will meet Sunday afternoon at 4 o'clock with Mrs. Mattie Stephens. 323 Highland Ave., N. E. All members please be present,</t>
  </si>
  <si>
    <t>                                           -MONEY$15 To $200 LOW RATE QUICK SERVICE WALNUT FINANCE COMPANY 14CH Peachtreo Street WE MAKE AUTO LOANS Special Reading 25c Your Lucky Dayi Are Given Free Madam EVA Palmiit and AdvUer GIVES FACTS AND GETS RESULTS Ttiis madam warna you gravely  he          the explain! fully. SHE ANSWERS ALL QUESTIONS. Know Thyielf and find  and . Satii* fy yourself by ceding Madam Eva, 1015 W. Marietta Rd., N.W., Atlanta, Ga. Take Marietta-Inmnn Yard Car to Bill Moran'j Service Station. Look for Hand Sign. MEN ^Qd^.Ge4 Wise- f*   .VITA-MIH- jft^Hp Tnr No  man  to be  *, worn- . lie       of          pep, tor.f, *. snd  to make       and admired no  what hli nge* WIN ~-lth  VltBminUfd Tonlo ond          with Kml Orgnnie iron, For ad a II* (.nlr* Jn-.t   for 7      *     If yon don't ret a BIG  I'rove the tout un Money-buck Cutrani iw*. If not the        It      yon . 8ENT1 NO MO.wri'.  Ton . Wiiea  *  p*y only *2,IA- not n  more. Fait - . Yon mm*    -Mtuned and ( 100%, n   *H" money  Write now  103 Park An., Dept. 26G, N.Y.C.</t>
  </si>
  <si>
    <t>                                           CAMP ATTERBURY, Ind.--(SNS)--The Camp Atterbury Post Hospital is now operated by members of the WAC. The enlisted administrative force of the Medical Section of the 356th Service Unit has taken over all operations connected with administration of the hospital's...</t>
  </si>
  <si>
    <t>                                           CADETS 'BURN OUT' A PiLLBOX^.                 A WEST POINT CADET knocks out a pillbox with a deadly stream ot fire during maneuvers held at Ihe training grounds near the academy. The "'future generals" 'are regularly put through  combat                 game* to prepare them lor the  Sicilies" ahead. (International)</t>
  </si>
  <si>
    <t>                                           4 \vli ^y^* ^0^ I ~~% M Mi tTT 'i CITY anta JBIiifflbrld. ED T ii l^ ^1^1* (1 J-^-12ii^   . 7 J v i V^A    ^JU "news while The Nation's Only Colored Daily  ff IS NEWS"  I r,, NUMBER 360 ATLANTA, . SUNDAY, J(JNE 27. 19-13 PftlCE FIVE CENTS 1 j</t>
  </si>
  <si>
    <t>                                           almost as many famous people in the cast as there were in the audience Thursday night when the Zanzibar opened its doors for the first time. First of all, the important somebody was Sgt. Toe Louis and the others who have a claim to fame were Lieut Com. Jack...</t>
  </si>
  <si>
    <t>                                           In Show One Week From Today                 BILLY ECKSTEIN                 EARL HINES                 LOUIS JORDAN                 These stuns plu* many others will appear here next Monday night May 24th in show and dance packed full of entertainment. City Auditorium. Beginning 8:.J0 to 12:3(1 A.M. Advance  U(l;rk.x SI .25. Advance Sale Starts Thursday, May 2 th. Usual locat.ons.</t>
  </si>
  <si>
    <t>                                           LHj_GH S ^ENiF Every Summer Fashion  W Could     [        in This Group... Rayon crepes, , sheers, , BHf and jerseys all smartly styled all de- ^T ffl A  cool. Your choice of prints, also B some light solids. Sizes 12 to 20 and 40 to 52. M WOMEN S AMO MISSES' CRESSES HIGH S  Wtk % v(-\ Cool Summer Apparel i 4* ft--* ^or ^en anc* ^~ys I t^0S^ Wen's 2-Pc. SLACK SUITS /./~ift: Sliatkskln. ^, shan- \i,\      . willow weave, and ii i''''.:m V A breeze weave just a few of ^^S 4"^# /fi- i f"'' j^\ Hie cool fabrics fashioned into *:Mi \rfS^\^\ full-cut slack suits. Hliic, Ian, %~ 'if -t /\\'X' teal, brown, and burnt orange. l^m Mens Better SP0RTS SHIRTS V I /fe' *"or a c00' plunge into sum- jY,  J- ^-rei?' mcr sports,  a  well(j ~-~^r made  of breeze weave, 4B 39 v-1 shantung, or broadcloth *T Miceac' 5  f in ^Ill0          on. or white. MM Short action sleeves. Small, i PLAYS U ITS    . larce. Boys' Washable SLACKS One-Piece Sunsuit -~f. km i u- Miuiitly soiled boys stacks With a Matching gj.-rt  from regular stock A. made from fine quality     SBk ^."^H^Jn     in Woe, Un, for coo!  front- green, brown solids;       buttoned cori-d skirt. Avail. ,Mn(~ c;~~. K ia  ble in red. . ~.r      stripes. 5.1MJ 8 to 18. r ch^Pkfd c-o'.tnn. Ji to Jg. HIGH S GASEWEr;T MLM S AND BOYk- AP^/ML  t</t>
  </si>
  <si>
    <t>                                           It U A I PLAWMa ON STAGE IN PERSON ARTHUR TRACY THK STREET SINGER Plus A WO. ALL NEW STAGE PRESENTATION With S GREAT VAUDEVILLE ACTS 5 And Id BEAUTIFUL DANCING MODELS 40 YOU CAN HAVE YOUR HAIR J^    s PERFECTLY MATCHED FOR jH^^.^ $^% 1 A Creation* uH^^^k'S) %tV g Wumnn       J ^^^k ^m All Shnr/.i l!^^      \ 11 oi"mt SEND NO MONEY yl^* T)B)\ (I Holt  olof. PAY POSTMAN H.30  Jl Wf^^BD M AISO PUMS. WIGS AND BRAIDS ^^H SATISFACTION CUAIANTtED ^'-^*!S ^^^^    UHO YOUR OtDf* TODAr V? I^B^^kfl III IM^^SZACki JESSIE KARE BEAUTY PRODUCTS COMPANY S07 FIFTH AVENUE Itoox  05l     TOt*</t>
  </si>
  <si>
    <t>                                           You can have a MILLION DOUAR! . nf  for your h:iir witli famous Pluko Hair Dressing, a Black _ Wliitc creation. Fluko brings RhiniDK radiant !~ to your bair, gives a  lustre, plus a lovely fragrance. Makes your hair comb more . Ftav in place longer. Bis economy sites. Amber 25t. White S0~. At. all loil"t counters. Demand Pluko.</t>
  </si>
  <si>
    <t>                                           MACON, Ga.--The Easter observice started at the USO with a special Lenten service for War Mothers on Tuesday night. On Wednesday the Victory Service Girls, their friends and guests enjoyed a spring semi-formal. The rooms were beautifully decorated...</t>
  </si>
  <si>
    <t>                                           RAISE MONEY for your Church, Club, etc. Instructions $1.00. L Waller, 5303 Latham St., Los Angeles, California. FREE TO WOMEN Sentl for FREE valuable booklet and FREE  of  HYGIENIC TABLETS used for Feminine Hygiene for over forty years. Expect pleasant surprise.  LABORATORY Oept. 22, St. Louis. M*. Do Kidneys Make You Get Up Nights? "~ like - and feel Ilka a mil. lion." Get Oold Medul Ilaarlrra Oil ClipsolMi today. Only 35c, Mant help Brntffnl (l.ou.aB.    Iramrd that " up " may        (lint the Irklnern nreA what  rail  ul. I. If that i Toir trouble, don't              fram thin     Trr tlmp-,  to take Gold Medal Haarlem Oil OMMule*  on the *. !Ve If  dM l help jaa rou. nr m/Mif^ .</t>
  </si>
  <si>
    <t>                                           Special $1.00 Residing for 25c Your l. 1 1. iv. mill M..~    ~.l..,i Iri^ Madam Eva  C. FACTS AN II YOU ~;ET mill hon nnr* Hull KixtuM nil. If  lul^*' Iroillil*'        nr       if I.ik-U Miir^ mid t-iii M. ill ii ii'*-. * I rN  l A.M. Ill IU I'.M. mill Smiilny. 1013 W. Mnrlrlln .St.. ,  '. All..  in 11^ Kim* to       MnrlHIu Iniinin VU. Slri'i-t Cur. Z   !m-kn nut  Klni^n I'lnw To.</t>
  </si>
  <si>
    <t>                                           SOLOMON GILBERT of 694 Harrison Place, Apartment 155. S. W., left Monday. April 26, for Fort Benntng where he was inducted into the U. S. Army. He Is the husband of Mrs. Margie Gilbert.</t>
  </si>
  <si>
    <t>                                           THIS WEEK WE are giving our column over to Editor Robert R. Reed, publisher of the Mortician's BULLETIN who pens a fine story of human interest. Here is the "Mike," Brother Heed speak for yourself.</t>
  </si>
  <si>
    <t>                                           TUSKEGEE ARMY AIR FIELD, Ala.--(SNS)--A welcome addition to the civilian staff at the Tuskegee Army Air Field is Miss Robbie Goodloe, who comes to this post in reponse to a call sent out by the Special Service Department for an efficient and well-qualified...</t>
  </si>
  <si>
    <t>                                           Bigger heard. but did not answer.</t>
  </si>
  <si>
    <t>                                           ST. AUGUSTINE--More than 500 persons heard Miss Nannie R. Burroughs address the Wednesday evening session of the third Interracial Institute which was held at Florida Normal and Industrial Institute, July 6-8.</t>
  </si>
  <si>
    <t>                                           Barnes Shoe Shop 287-A AUBURN AVENUE We will repair your     ( to     can     . DUKE S Poultry Market 92 BROAD STREET, S.W. SPECIAL Friday and Saturday MILK-FED BARD ROCK Fryers 38c Ib. WE DRESS "EM FREE</t>
  </si>
  <si>
    <t>                                           7 Indicted By Fulton Jurors                 Two persons were indicted on charges of  with intent to commit murder by the Pulton grand jury Friday. Kalip Evans was named in a true bill, charging that he shot at Viola Evans on July 4 and then struck, kicked and beat her. Jessie Raleigh was indicted for attacking Viola Evans with a knife on April 24, and pointing an unlicensed pistol at Olivia Robinson on February 1. Sylvester Price, victim of a police shooting, was indicted on four counts of burglary. Price is charged with committing burglar}- fn November. "42. April. June and July of this year. Also Indicted on burglary charges were James Rogers and McKinley Smith. Ulysses Weems and Elbert Dave were named in a bill charging larceny from the house. a felony. They are accused of stealing two truck tires valued at $110 from the Dixie Freight Linei. lric                 Soldier's Wife Loses Jewelry, i Cash To Thieves A Columbus. Ohio, soldier s wife who paused in Atlanta Thursday j night while on the way to visit him :il Camp Stewart, fell victim to two - who turned thieves to accomplish their crime. I Mrs. Olivia Harp of 722 Dexter Avenue, Columbus. Ohio, was listed as the victim. Her loss was said to be two rings, a watch and cash of a total value of $104. The victim, according to information, had been escorted to a tel-  office by a man and was en route back to the Terminal Sta- tion when they met a third party. While standing on the corner of Spring and Mitchell Streets. the men started the old pocketbook I game and when the victim didnt fall for that fast enough, snatched her jewelry and cash and fled. Mrs. Harp found her pocketbook about a block away where it had been thrown down, emptied of its con- i tents. Descriptions of the perpetrators fitted those furnished by recent flim-flam victims who fell prey to criminals in the vicinity of the  ;</t>
  </si>
  <si>
    <t>                                           I DAN MACK                 MACOtt, Oil ^ services for Dan Mack were ' Sunday from the 8t Mark Baptist Church with Iho Rev. J. T. Saxon officiating. Interment In church cemetery. MB8. RimV GLOVEIt I MACON. Oa.- Funcnil services for Mrs. Ruby Oliver were held Monday from the Memorial Bapllst church with the Rev. J. T.       officiating, interment hi Ptort H1U cemetery, tery.</t>
  </si>
  <si>
    <t>                                           MAN DIES                 William Brightwell.  bout 70. e? 2B2 Bynum Street. NE. v.ss -, on arrival it Grady hospital  Tuesday . Rclallvr.-.  the elderly man  oul of his hfi. He made no statement from the time relatives reached him up to his death.</t>
  </si>
  <si>
    <t>                                           Musical At The USO Center                 The Heady Twrlvn Social and Saving Club is ; Musical Sunday, July 25 at the  Center. 1000 Hiintcr St. from 4 to 7 which will clo.se the contest between, the Reds-Blues in the city. Mr. S. G. Sellers will he the  speaker. Welcome address by Miss Willie Know-lex. Solos by Miss Phillips. Mrs. Hlghtower. Mr. Norton Evans, Mr. J. C. Smith. Mr. Hunter Ross, and Mr. Timothy Jackson. Reading by Mrs. Elizabeth Kynds. Mrs. Lillian Matthews and Ann Olcsaby. Speech by Mr. W. R. Ray, General Chairman of international Hairoad Association. Quartettes: The Progressive All National Independent, Patterson Sisters, Star Light. Spiritual. Selections fom the Twelve Month So- I cial Club.</t>
  </si>
  <si>
    <t>                                           Reckless Driver Draws $77 Fine                 t Two Injured In Accident Lowsou Chnlnge, of 490 Rhodes street, N. W., \vas fined $77 in City Police Traffic Court Monday on charges of operating an automobile under the influence of liquor and reckless driving, growing out of an accident which occurred Saturday near the cornor of John and Gray streets. A  7 fine for drunkenness was sub. . According to police investigators, Chainge tried to drive his truck between a street car and a parked car at the intersection. The trolley, manned by Operator C. I*. Moss, of Pelham street, was comine to a stop for passengers at the time. The impact resulted in a cut arm for Chaintre and a fractured knee for Mrs. Ruphus Mason, white, of Sunset street, N. W., a passenger of the trolley, according to reports. No charge was preferred against      street car operator. NEGRO WOMAN BEATEN BY POLICE. NOW INSANE TAMPA, Fla. (SNS) Melissa Williams, 35-year-old Negro woman here, who was beaten up by city policemen, has been declared insane by two doctors, and the officers have  cleared by Mayor Chancey, the NAACP revealed this week. NAACP attorneys nave" filed a complaint with the Department ol Justice In Washington.</t>
  </si>
  <si>
    <t>                                           Upon preliminary facts Contained in a report purporting to show credible evidence of racial discrimination in the hiring policies and practices of the Bechtel-McCone-Parson Airplane Modification plant here, the Citizens Committee on Jobs and Job Training has...</t>
  </si>
  <si>
    <t>                                           LOTS FOR SALE j ?2.00 a month buys a lot near Stone Mountain earline near Scott dale. Churches and schools. $50.00 up. Owner, K. R. Craighead, G04 Candler Bldg. Wa. 58C2. Night Ch. 3296. CAPITOL NOW ERROL FLYNN ANN SHERIDAN In 'Edge of Darkness' EXTRA! Pluto Cartoon Held Over</t>
  </si>
  <si>
    <t>                                           WE KNOW YOU WILL UNDERSTAND Due to heavy wartime  crowded condition! will  1* tenets of train* will occur-- modern typo of equipment cannot bn furnished in nil easel. WHEN VICTORY COMES AND OUR PRESENT JOT5 IS DONE YOU WILL  TO HAVE OUR EVERY CONSIDERATION. AT WAR  FOR PEACE IN PEACE WORKING FOR YOU. CENTRAL OF GEORGIA RAILWAY CO. g When the Long Distance Telephone Operator L. -*  I'm      /. d*~ in t,*a,, fc.li/.iin, ^p *   . f/i*rw  tin a on*, or f**o-,r Tf :  on    /r call". M]L.'- '''t*   *v II  All long distance telephone lines to f j the place you are calling are overcrowded with urgent war business. i Under such conditions, if your call isn't extremely urgent, it will help a lot if you will tell the operator to cancel your call, so as to avoid still further crowding of the lines. If your call is important, but you can wait until some other time to talk, then tell the operator to cancel the call, and try again when you find the lines are less crowded. The deeper we get into this war, the greater the demand for more and more long distance telephone service for war agencies. Their colls must go over the same lines that civilians use. So in order to give all aid possible to those who are responsible for the successful carrying on of his war, we are asking civilians to make only the most necessary long distance telephone calls, gnd to be brief on all calls. May we count on your cooperation? SOUTHERIl BELLTELEPHOnE RI1D TELEGRflP.H COfTIPRny INCORPORATED</t>
  </si>
  <si>
    <t>                                           0N0  5TAMPS</t>
  </si>
  <si>
    <t>                                           OCD WORKERS HELP PROTECT THE NATION S CAPITAL                 Typical of the millions of volunteer Civilian Defense workers throughout the country, the Negro CD workers in the Nation's Capital are prepared for any emergency. (Top left) An aiv-raid "victim" is rushed to a hospital after receiving first-aid treatment. Both physician and nurse carry gas masks. (Top right) Volunteer auxiliary firemen know how to control their water stream under all conditions. (Bottom left) Air-raid wardens arc the  in the Civilian Defense program. Sector meetings keep them alert to their duties of clearing the streets,                 preventing panic, and summoning aid promptly. (Bottom right) Using n wall as a shield from the intense heat, these wardens operate a stirrup pump in extinguishing an incendiary fire during a practice drill in Washington, D. C. (Center) A message ce.-.ter is the central nerve of Civilian Defense communications. The young woman shown above is one of the scores of volunteer workers in the Message Center of  Alarm System in the N'ation.'s Capital.                 . 0 l       I.Y  sm.t.i. MEDIA DlVISIONj^OWl</t>
  </si>
  <si>
    <t>                                           GREAT LAKES, Ill, July 21 -- Recent arrivals at the U. S. Naval Training Station here were 63 men from Tennessee.</t>
  </si>
  <si>
    <t>                                           DANGER! COLDS AT WORK WITH COUGHING, SNIFFLY, SNEEZY, STUFFY NOSE PUNISHMENT  of spreading  The spread of colds is a nation.il menace. Guard your vcll-. Dress sensibly. Get enough sleep. Above all. don't neglect your cold. A neglected  can cause lots of . So do something about the very first sniffle or sneeze, use Peiietro Nose Drops famous "two-drop" way to relief. Remember, l  Nose Drops aro real prescription-type medication containing , in n balanced formula that helps break through  cold s congestion in your nose, give your head cold the air. Generous bottle 25f! 2}~ limes as much for 50~. Use only ns directed. And don't wait for these head cold miseries to attack Today get Fenotro Nose Drops. f^Wkf HERE* HOW To\ *% awn/mi) If   doll. . (i lf/   burnt. Kny.              1 *//t ^o  one * of B y BLACK              I y color your entire head of  I If yto Bmwtb, even, ,     W black . An yon     to keep V /tout hair  -n looking black  1ove]7 is Black Strand. Whether U I it s all  hair, or jost to -np t I  hair at .  cr the , you 11 find BLACK STRAND economical md           !i7 e?ff=. Ask 7 ar  today  as 60c SLACK  c= the%        ::-              BLACK STRAND rfis     SLACK HA!* COtOKntfl Black Strand Co, Chlcajo, UL</t>
  </si>
  <si>
    <t>                                           tor tAmo^i^f/gp/ CUTS.BURNS^rvM Let Me Help You Find Happiness rt  ? it yim wunt . IflVB. I'OMKIl, 1       :, 1 M.\Ultr.A(il;, SI ESST Ilon'l 1i" s!i*. Wrll,.  ~.  ,l,l.-,n ,,ti,~ ,     icl *'..~ I I, VI. r N U.I, I ATIO\ .i; liv Mill, rnr  mi .: M'.Ml      ^'!      tm.v  pm-Kimo, M1V(. ;^ mc"ii,~  S? (HI.  vall- nr  "r"~ I Wrllt.   mil nan.,.  Personal I'rohlems Counselor f. r.       -rity</t>
  </si>
  <si>
    <t>                                           If You Are In Doubt Of What A Genuine MADAM MINGY SPECIAL READING 50c I will tell your innermost thoughts and desires, and how to gain them. I have helped others, I can help you. Give Names and Initials of Your Enemies Palmist Can Do, Consult ft ft Causes speedy marriages, reunites the HHQ^. separted, settles lovers' quarrels, JjTfi show3 you how to prosper your business, ofl j^Tjl get a good position, better your finances, ^S-~ settle lawsuits and estate troubles. ~^La^P Change Your Luck! Two questions answered frei. ReadIngs Daily and Sunday 10 A. M. til 10 P. M. 652 McDonough Rd. Amma from Federal Prison. Take Fryer Federal Frtson Car to End of Line. Look tot Neon Sign.</t>
  </si>
  <si>
    <t>                                           D. M. C.--My husband and I live here in a small town. He writes insurance and I am a beautician. We have two houses, bought a '42 Plymouth, bought nice furniture the six years we've been married. Now some friends of ours in the north are trying to...</t>
  </si>
  <si>
    <t>                                           HnHP C?/T\fT*p"ir^)</t>
  </si>
  <si>
    <t>                                           Many Stabbings Despite Ordinance                 In spite of the recent city ordi. nance banning switchblades,  continues unabated In the Gate City. According t0 reports complied In the Atlanta Police Crime Report Bureau. Sam Mays, 42. 3B2 Old Wheat SL. N. 8, was tried In Recorder's court, Wednesday and was bound over under $aoc bond for stabbing; Joe Jones. SSI Green Street. N E.. Saturday. Police, reports also show that Oscar Jonex, 50. 334 Forrest Avenue. N. E.. was  hound . under COO bond for stabbing Eleanor Jones, Pridsy.                 School Children Give Pennies In Equal Pay Fight SOMEWHERE IN SOUTH CAROLINA- The little children in this colored elementary school, reading of the fight to equalize school facilities, asked their teacher Thursday how could they deliver $30 they had raised among themselves in pennies, to the . The money has been sent to the state NAACP office and was received about thn time Saturday members of the Executive Committee of the stale teachers' association were deciding not to support a court suit but to abide by a plan they had agreed to in 1841. The teacher of these students mid she was " surprised" at what had been done by them without adult consultation.</t>
  </si>
  <si>
    <t>                                           'in I i I i^P'hG^MH</t>
  </si>
  <si>
    <t>                                           NATURAL PAGE BOY ATTACHMENTS j YOU CAN HAVE YOUR HAIR   ) 1 PERFECTLY MATCHED      ^^Sk 4  JU E"~"r Attached Mf U9  T SEND NO MQHVtW* ,~L\ U f*T POSTMAN %     1         ^2 ~^~    runs,  *xo huh Oty^jf^ ^^^^~klL  a* amor  Jt'iJ ^^^^KtWw (Kk nn fv Onr     )  L4 ^UF HMO TOUI OWn TOKAT JM     ^lr JESSIE KARE BEAUTY PRODUCTS COMPANY urr   (     ton  w tow cm</t>
  </si>
  <si>
    <t>                                           Italians Surrendering Jit Organized Groups; Rome Is Dazed By First Air Attack                 500 AMERICAN BOMBERS TAKE PART IN RAID                 Believe Axis Forces Massing Near Messina                 WASHINGTON (SNS) -Axis forces appeared to tw collapsing rapidly in Sicily. Monday. Italians were reported surrendering in organized groups.                 Allied headquarters in North Africa said American and Canadian troops moved upon Enna, second important defense center of Sicily. The American Seventh \rmy captured Caltanissetta following an eight-mile push. j Big news of the day was the bombing of Rome by specially trained American precision airmen who dropped hundreds,, ol torn of bombs on rail and airfield Installations. The bombing was. the first at the. war Jqr     historic seat of the Roman Catholic Church and capital of Fascist Italy. A late announcement this morn, ing said Rome had another air raid alarm around midnight, but It was not known Immediately whether the city suffered another Allied bombing attack. 500 BOMBERS War officials Monday night revealed that more than. 500 bombers and planes took part In the Roma raid, one of the biggest of the entire war. An early report said none of the Allied airships was lost. Axis forces declared churches were hit during the raid, but this propaganda was denied by Allied authorities. Flyers  part in the air raid had special Instructions to pass' over religious Institutions, hospitals and schools. Most of the men taking part In the raid were Catholics. Bombs began to fall on Rome at 4:13 a. nu Central War Time. Leaflets were dropped advising the Inhabitants why certain sections of the city were military objectives. Targets hit by the bombers Included San Lorenzo railway yards, four miles east of the Vatican City: the Littorla yards, and the Campino airfield. Last Saturday, Naples, Italy's largest port and most important base for sending supplies and reinforcements to Sicily, was bombed (Continued on Page 6, CoL 3)                 500 American (Continued from Page 1) by approximately 500 Allied planes. EMPHATIC ANSWER The bombing was an emphatic answer to Premier Mussolini's Fas- cists who apparently long had believed that their headquarters and military Installations would be immune because of then- construction to the Holy Sea and amid the cultural treasures prized by the entire western world. With Catania cracking and inland cities giving way to the advancing Allies, the Invaders were moving steadily toward Messina last night. Observers reasoned that German and Italian troops would put up most resistance at this tip of the island. Approximately 35,000 prisoners I already have been taken by the: Allies since invading the island of Sicily 10 days ago.</t>
  </si>
  <si>
    <t>                                           WASHINGTON -- (SNS)--Axis forces appeared to be collapsing rapidly in Sicily Monday. Italians were reported surrendering in organized groups.</t>
  </si>
  <si>
    <t>                                           Campaigns to aid in averting future outbreaks of race violence in Detroit were undertaken by the Metropolitan Detroit Youth Council, 20 Jewish youth groups and the American Civil Liberties Union.</t>
  </si>
  <si>
    <t>                                           We Make Real Estate Loans Federal Plan, in Fulton and DeKalb Counties Small Monthly Payment*. Lowest Ratei No Application or Inspection Fee PROMPT SERVICE Sec Us Befirc You Buy, Refinance or Repair Your Home Atlanta Federal Savings Loan Ass'n, 22 Marietta St. Bldg., Ground Floor WA. 2215</t>
  </si>
  <si>
    <t>                                           In order to lessen the danger of indiscriminate sale of weapons and stolen property, a city ordinance regulating the operation of pawnbrokers was passed Tuesday on first reading by the city commissioners.</t>
  </si>
  <si>
    <t>                                           HAIK IS DULL AND DRAB.  FRET V SdJHIS ,4*^ SPECIAL. OFFER jf^j $inn X\  r*4~. 1 u u haw tU R NO MflRF^r^^ '    . row*                  if   ;m e^* l*~ Mfva'      SPKUl OFFi*. SEND NO MONEY!     .. skoo Potfog* en Dtllyty. Sen* Yoar Order Today,</t>
  </si>
  <si>
    <t>                                           THE GRAY STREET PLAYGROUND will stage its annual carnival Wednesday at which time work done by the children in arts and crafts will be on display. These exhibits are very beautiful and Mrs. Batten, recreation leader, is...</t>
  </si>
  <si>
    <t>                                           S-o faster  in tho Md of Mplrln. Ot Si  Aspirin.  l:        !' 10c. 3         . 2~~- I'M ~~'y 35 BWmflrTLll -~~f-l*^^ WHY HAVE TANNED DARK SHIN when you may      LIGHTER SKIN 7DAYS^ Here Is Rood news for folks *ilh a tanned dark.- Ellin, marred by NliTiially caused minor . Dr. FRED Palimr't SKIN WHITENER contains a special  (or lightening  d=r k .  fast becau* ifs Qiiltk Acllnf. Is simple and EASY to use. HEW 7 DAYS' trial  Hires you a quick test Use 7 dars according lo directions. If not satisfied your MONEY BACK. 25c at your   CO.. INC.. K4. Atlanta. Ca, F or /i Suit also Dr. FRED Palmers SKIN DELIGHT SOAP            ..Z5#</t>
  </si>
  <si>
    <t>                                           You- can have 3 MILLION DOOMS worth of lool;a for your  with famous Pluko Hair Dressing, a Black and White creation. Pluko  shining radiant Iwauty to your hair, givea a bright lustre, plus a lovely fragrance. Niakes your hair comb more . stay in place longer. Big  . Amler 2B*. White      At all toilet counters. Demand Pluko.</t>
  </si>
  <si>
    <t>                                           HOLLYWOOD, --(ANP)-Ruby Greene, when a cute little wide-eyed kid down. in Kinston, N. C., never dreamed she'd become the bride of a U. S. naval officer and be right in the thick of things when a war started. She might have dreamed about being a movie actress, most feminine youngsters have such dreams-but she didn't believe they'd ever come true.</t>
  </si>
  <si>
    <t>                                           Pscibocd DAEuT sad SiINDAT et 210 Aabara i7~=s B/ ATLANTA DAILr WORLD PUBLISHING CO. Telephone Walnut 1469 -1400 Member of SCOTT NEWSPAPER SYNDICATE Establishtil Aug. 5, 1S28; Became Daily March 1.1, 1932 W. A. Scott. II, Founder and Publisher, Aug. 6, 1928 to Feb. 7, 1884 Entered In the Poit Office of Atlanta, Ga., as second-class mail under the Act of Congress, March 13, 18 /9. 0. A. SCOTT General Manaieer CUFF MACKAY Managing Editor Daily:- 1 Year, $9.25; 6 Mob. $4,761 3 Mos. $2.50; 1 Mo. 90c SATURDAY ONLY:- 1 Year, $3.00; 8 Mos. $2.00; 3 Mos. J1.25 Canada: 1 Year,  4.50; 6 Mos. $2.75; Foreign; 1 Year, $5.50 The ATLANTA DAILY WORLD is an independent newspaper-  OB- and non-partisan, printing the news absolutely  and supporting those things it believes to be to the interest of its readers and opposing those things against the interest of Hi readers. Address ALL COMMUNICATIONS to and make CHECKS payable to ATLANTA DAILY WORLD, rather than to individuals. The WORLD expressly repudiates responsibility for return of unsolicited pictures, manuscripts, etc., unless stamps are sent.</t>
  </si>
  <si>
    <t>                                           There was no threat of stormy weather when pretty. Ann Biters left her married sister's swank home in Bar Harbor, Maine. Bur on a lonely road outside Providence, she ran into a sleet storm--and a ditch-from which her car refused to budge. At the Tru-Frend...</t>
  </si>
  <si>
    <t>                                           Child Injured When Struck By Trolley Thursday                 -year-PK James ) of  0 1-2 Auburn Avenue sustained a broken led arm and .painful Injuries, Thursday afternoon when he Was struck by a  vard-IrwUi Street car on Aumirn Aveune near Butler street The child, accompanied by     mother. JJtrs. Ada Shelton, was crossing Auburn Avenue 'n  middle of the Mock, when tnP  suddenly broke loose from    mother s hold and dashed Into Wi intersection, just in time to So struck by the car. Caught by the catcher, the child s .body was dragged  2$ teet. before the car was brought to a stop. Rushed to GradV Hospital, it was dlsc/Tered the ', arm had Men .</t>
  </si>
  <si>
    <t>                                           dui BUS</t>
  </si>
  <si>
    <t>                                           BAILEY THEATReT 81 WILLIAM HOYD in "LEATHER BURNERS" Also: KING OF MOUNTIES And Stage Show Tonight Royal "ESCAPE FROM HONG KONG" and "NOT A LADIES' MAN" Also "The Iron Claw" Ashby "LURE ISLAND" "ONE OK OUR AIRCRAFT IS MISSING" Also "Captain Midnight"</t>
  </si>
  <si>
    <t>                                           Advises Citizens To Respond To Editorials, News                 C. A. Scott In Stirring Talk At Zion Hill                 Sbeaking at (he Wednesday  recognition services for the Rev. Lcvl M. Terrlll as  'in Zlen Hill Baptist Church. C. A. Scott, genera] manager of tho Atlanta Daily World, called upon Negroes to be more alert in responding to -news and editorials                 of nil the local newspapers. The editor pointed out: "We ot n minority   i  interest in preserving the freedom or the press arid should be  .t  attempts to sup. v pross It." The Rev. J. T- , pastor of Mt. Zion Baptist Chvrch. l-; the sermon of the evening, delivered an Inspiring message which evoked           /Swponses fte decried selfishness arid urged his listeners to adhere to the principles of Christianity. J. H. Hanley, of the Faulty Funeral Home,  , while his choir furnished music. Strlpture was rend by TUT. Hammonds and  offered by the Rev. C. Jackson Mrs. A. M. Pitts, of the Usher Bourd brought greetings. W.   . Whltt served as master ceremonies A collection of $41.42 was taken (Continued en      C*l. B)                 Advises Citizens (Contlnned From Pare 1) Recognition services for Rev. Mr. Temll, who Is Jlrst vice president of the General '.Jisdcnary Baptist Convention of Georgia will continue tonight, md through, cnt Sunday, ending Monday . The program began last Monday 4</t>
  </si>
  <si>
    <t>                                           Speaking at the Wednesday night recognition services for the Rev. Levi M. Terrill as minister in Zion Hill Baptist Church, C. A. Scott, general manager of the Atlanta Daily World, called upon Negroes to be more alert in responding to news and editorials...</t>
  </si>
  <si>
    <t>                                           BETTER CARE FOR BABY with this soft, smooth, quick drying medication. Wonderfully soothing. cooling and comforting. For your baby s personal care use medicated Mexsana, formerly Mexican Heat Powder, regularly to help prevent and relieve the discomforts of diaper rash. It acts like a million tiny sponges to take up moisture that is the cause. Mexsana also promptly relieves itching and burning of simple skin rashes and Irritations. Costs little, and you save lots on the large sizes. Demand Mezsasa.</t>
  </si>
  <si>
    <t>                                           ^r "~ jr7?~^C^S^Hrfinj5SHI</t>
  </si>
  <si>
    <t>                                           School Children Back Bond Campaign                 These are the children of Johnson City who purchased their bonds in the second bond drive. Rrndinjr from left to , first row: Edward F. Jaektor,. Jpy Woolwine, Cynthia Townes, and Bobby Young. Second row: Ruth Shelton, Normarettn Townes, Pegpy L-, Wynonia Love, Carolyn Brown, and Janic Blaylock. Tliirfi row: Fr. Wilson, .'oan Wrblter, Donald Boyd, Joan Boyd, Mary Spurfreon, Fred die Williams, Jimmy Coles, Joe LoIIar Ivan Mil- I                 ler, Aquilla Head, Dorothy Patterson, Esther Spurgeon, James Hamilton, Grady Blalock and John Smith. Frankid Wilson, in the third row,     the first chi]d to purchase a bond. She has bought two bonds during the year. The faculty i* bown in the insert. Reading from left to right, Mils M. CInivuorne, Mr*. S. Wittcn and the principal, Miss B. B. Ellis,                 Tennessee School Children Invest $1,365 In War Effort                 I Picture on front puce.)                 JOHN8ON CITY, Tenn.- 1SN8) -AND A LITTLE CHILD SHALL LEAD THEM.. The ninety-live boys and girls enrolled at Douglnss Eleractory Schoool In Johnson City, Tennessee  made a  start on seeing that this well known phrase holds true (or                 their Immediate community. Will) the aid of their teachers. Si, 305.75 has been invested in war bonds and  during the past school year. The school lias also been 100 percent active in the city-wide school  bank system. During the  days ol school the fifth graders honored the sixth grade pupils with u formal banquet on the occasion of their being promoted to Junior High School. With imp aid of the mothers.a wonderful affair resulted. Booklets contained the class colors, flower, motto, roll,  roster, program and menu. The banquet was carried out in real "grown up" style with after dinner talks being  by parents and students alike. A splendid tribute to Mother was found In the annual Mother's day celebration of the school Mrs. E. E. Ewlng delivered the address on this occasion. All others numbers on the program rendered by the pupils         outstanding accomplishment of the year was the Douglass Chronicle, a publication of the chip?' ?       Earuest as Edlt01' Send ri "~Byounf staff. m,~ h neWS' Jokes- a ~~*sword , honor rolls for the classes and recipes using food from the Victory Gardens." I The project for the school PTA Bent "T" Wl" thc I  of parent, and adult ,    I                 in the purchasing or stamps at bonds, and a Girl Scout Training Class which la to meet twice ween* ly. The  of this school Miss M. Clalborne, Mrs. K. 8. Wltten and Miss B. B. HI* principal.</t>
  </si>
  <si>
    <t>                                           JOHNSON CITY, Tenn.--(SNS)--AND A LITTLE CHILD SHALL LEAD THEM. The ninety-five boys and girls enrolled at Douglass Elemetary School in Johnson City, Tennessee have made a magnificent start in seeing that this well known phrase holds true for...</t>
  </si>
  <si>
    <t>                                           BARGES HELP ALLIES TO LAND HEAVY LOADS OF TROOPS                 WHEN THE INVASION OF EUROPE TAKES PLACE, it is expected that large numbers of landing barges the type shown above will play an important part. Outsize barges of this kind have proved to be such versatile pieces of equipment for an invasion army lhat the U. S. N;ivy has been building them in lar^c quantities. Their efficiency was                 demonstrated clearly in North Africa when U. S. troops look over, ar.d in  Allied campaign in Sicily. Aside from landing larce complements of . alons with their guns and equipment, they carry armored vehicles and arc used Tor unloading supplies                 from cargo ships accompanying ihe invasion forces. (!)</t>
  </si>
  <si>
    <t>                                           THE FIRST OF A series of pre-nuptial parties honoring Miss. Edwina Westmoreland, popular bride-elect of May eighth, wad the elaborate bridge given on Friday by her aunt. Mrs. Eugene Martin.</t>
  </si>
  <si>
    <t>                                           The Hi Hi Social Club is sponsoring Musicale Sunday May 9, lime 5 to 7 o'clock, at the USO Center. Next meeting with Mrs. Mattie Penn 542 1-2 Tatnall St., Thursday. May 6. at 5:00.</t>
  </si>
  <si>
    <t>                                           Accuracy Safety Mfl6Sn^   3d^ AV for  ^M Comfort Health  \ B^B m styles HH^^H^HBpAyjB Lenses and Frames    BHh^B^B B^BB ANT STRENGTH Wf ^B*LwflSB^B^Bl^B^B^B^I WWte Single     5"J Ki^^^^HP^^^^^S  BSy^^^^fe^'^l^Ji You will be able to do your ^^^^^J work       . better, without    '*^    $*ju)B strata or fatigue, IF you /f *:^~2^^B   conect f\w"' ~'~~^~^B^M ^M Buy An Extra Pair! r\    ^ Cnm OPTICAL CIH u"r 50c WeAJy   Prleet</t>
  </si>
  <si>
    <t>                                           FORT HUCHUCA, Anions -- (SNS)--Headed by Private Harold, Brown, Hollywood, Calif, former planist for several motion picture studios, including Metro-Goldwyn-Mayer, Warner Brothers, Paramount and Mat National, the Fort Huachuca Post orchestra, known as...</t>
  </si>
  <si>
    <t>                                           Their Marriage Announced                 8GT. AM) MKS. WALTER DAVENPORT                 Mrs. l.eona Cain announce. Hit; i marriage of her daughter, SallU: Hot to Sergeant Walter Davenport j Jr. of Camp Stewart and Altantu. Mrs. Davenport Is ;i 1941 graduate of Hooker X. U'a. High Schuol and a member of  popular club, Cnilsantanio.                 Sergeant Davenport is the son of Mr. and Mrs. Walter Davenport, Sr., attended Georgia State College anil was a  member nf the Yumpli Social Club. Mrti. Davenport will juin her husband at a later date.</t>
  </si>
  <si>
    <t>                                           Back To Duty                 Cpl. James T. Jackson  r Camp Young. Catif_ left the city Tuesday  to  to doty. He   \ been  hi^ parents And friends. CpL Jmckmn    the rounder of the two sums of Mr.  ixl Mrs. June* Jactcwn. MX Cray St. N. w. Tib fi kiHl* run rr^rh him *~v  P. M- B. N.- A. r. W3: Vm Aneeles. Cniif.</t>
  </si>
  <si>
    <t>                                           VctmK^X fryers, hens, oysters. VMrw\ EGAS, Economically Priced. -^~Kk. WE DELIVER HOOPER S . MARKET 206 Aol.nm Ave. WA. 4418</t>
  </si>
  <si>
    <t>                                           BAILEY THEATRES 81 JAMES  "Yankee "Boodle Dandy" AUo "BLACK DRAGON" Royal DEaNNA DURBiN in "The Amazing 'Mrs. Holiday" Pla. JR. G-MEN OF AIR" Ashby "Tar/an Triumphs" with JOHNNY WEiSSMULLER    . "BLACK DRAGON"</t>
  </si>
  <si>
    <t>                                           "Mr. Riorden's right though." Romey began thinking out loud.</t>
  </si>
  <si>
    <t>                                           "You remember we spoke of my brother yesterday," Alter's voice resumed. "He meant a great deal to me--more than any living being; and when he died something want out of me. I had great hopes for him. If I had children--but I have no children" Alter straightened...</t>
  </si>
  <si>
    <t>                                           EXPERT WAC                 EXPERT- Aux. John Lawrence. laboratory technician at Fort Bragg, N. C, in a member of WAAC Detachment No. 2. She is finding that the three years sbs peot at Southwestern Colkge. Windfield, Kstishb, in helping her great deal in her work in     of Fort Bragg's hospitals where she fcas relieved an enlisted man for "Vonibat . Her hom? is in Caldwell.      .                 cr Puhtic Relation* U. 3. War Department</t>
  </si>
  <si>
    <t>                                           The appeal tribunal of the Department of Labor has ruled that the MacEvoy Ship Building Corporation, Savannah, Georgia, charged John S. Ring, a cement finisher, without cause.</t>
  </si>
  <si>
    <t>                                           Monrovia To Be On Air Tuesday                 Hopping Hie South Atlantic en 'he second leg of a United Nations itinerary, Robert. Young, cast In the title rule of Columbia's "Pussiwrt for Adams" , transports network listeners on Tucsdiiy. August 31. from Bcmcl. Brazil to Monrovia, capital ol Liberia, only Negro                 public In the world. The program, third III n . Nturrlng Young as a smalltown editor assigned by a syndicate to report on the lives of Allied and neutral nations. is broadcast '.Torn Hollywood. (WABC-CBS. Tuesdays, 10:00 to 10:30 p.m.. EWT). Norman Corwin is producer-director. In 1847 Liberia became a republic with a constitution modeled alter that of the United States, with' a President. Senate a^ House of Representatives elected ~}" the people, a large portion of whom arc tbe descendants  Negro freedom settled In 1822 with the aid of American colonization societies. Monrovia Is named after President Junes Monroe. In the Uilckly Juggled Interior. rich in undeveloped natural resources, the native tribes live  us they did centuries ago. Most of the country-s Industry is concentrated along the coast, and there live most of the descendants of the republic s settlers. It is about these people their reaction to the war. their hopes and dreams of a better future that Doug Adams will report on in "Passport for Adams." The script is  by Ranald McDougall. ..Paul Stewart plays Perry Qulsmberry. photographer accompanying Adams. Original music the program- is composed and directed by Bernard Herrmann.</t>
  </si>
  <si>
    <t>                                           Hopping the South Atlantic on the second leg of a United Nations itinerary. Robert, Young, cast in the title role of Columbia's "Passport for Adams" series. transports network listeners on Tuesday. August 31, from Bemel, Brazil to Monrovia, capital of Liberia, only Negro...</t>
  </si>
  <si>
    <t>                                           Florida Equal Pay Suit Slated Tuesday Morning                 MIAMI, Pin.,-      - According to AUy. S. n. MrDill oj Jacksonville, FU.. the case of the I'alm Bench County teachers versus the. 1- olm Beach County Board of Public Instruction will convene here in Judge Holland's Cmirl on Tuesday morning. Allurney McOill \v:is in the city dmi!i(r the- past week in interest of Hie case anil had It'set for that, time In t!)c- U. S. Bistrict CoiirL. MIAMI CASE MOVED UP -The csse of Mr. Hubert. Reynolds of Ilie Dude County Teachers .'.;   versus the Dade County 3oard of I'ubii; Instruction. wi,ii-h  lfst week, was Conlinui-il on page C Col. 8)                 Florida Equal .(Continued from Fare D moved up at toe request of the plaintiff until sometime after August 20. The cose entered Into us  day  It was con. . Several such cases are now pending In the courts about the country und at regular Intervals  re  filed.                 Atlanta NAACP Investigates Police Shooting Wounded Youth Continues In Critical State The Atlanta branch of the NAACP, Ihrounh its legal , Attorney A T. v.'.  Ri: investigation Friday. into the shooting Wednesday of a colored  by n city . The case is that of .lohn Henry Webb, 19, of 82  Ashby Plsre, SV.'. who wu shot In the cheat by Policeman E. G Cowan. The gun vlc.im was still in a critic:;] state tt Grady Hospl'.ol Friday afternoon  A'.       Wnldcn \ him. Webb fas ! to answer the attorneys questions. The   eave  hp  version of the shooting to the NAACP: John Henry Webb and his ;'irl friend left a Westslde cafe:  I he young woman failed pny for five Icigarer.tos she        . i Jolin Henry  offered to r*y for the  after he learned Ihnt the police had been . Approached by the police. John Henry  when he thou.rht he was         to he shot and  saftey in the resr of an  en Hilltop Circle He left nt Mia request of       of the hof.se vhen police arrived and on leaving the back door w:is  Sow:i  the officer. Getting up, Iriin Henry  the officer 'n :i tuss e nnd was shot while backing tlf from the .</t>
  </si>
  <si>
    <t>                                           Mother And Baby Doirtg Fine I                 MRS JOHNNY Mll.I.KIt WAKI)                 Enlisting  interest nf friends In the  marie by Mr. and Mrs. Johnny Miller Ward or Atlanta nf the birth of a seven and one-half pound daughter bom August 17. 1943 at Harris Memorial Hospital. The lathy has been named Johnny Christine Ward. Mrs. Ward is the former Miss Jewell Christine McGhce, the                 third    f Mr. ntid    . Kichurri MrKhcr of Atlanta. Mr. Ward, Mir*      if .Mr. and Mm. Walter Ward of ICast Point. Is now I  in Honolulu. Hawaii, where he is  in         at i IVarl . ,   . Ward  t  j is  in l  ity Hnmisi I and r\~MTlN tn iftin her  Al I ;i later  latr.</t>
  </si>
  <si>
    <t>                                           Bishop Gregg Returns; Will Report To FDR                 'Ends Tour Of South Pacific War Theatre                 SAN FRANCISCO CANP) Bishop John A. Gregg. AME churchman, arrived here last week niter  h 27.635 mile air trip In the South Pacific battle area to boast the morale of Negro    Tepreeav-"  .of .Resident .Roosevelt and the federal Council of Negro Churches. He was  by his chief aide. Major (Chaplain) John DeVeaux. on detached 'service from the famous 93rd division. The bishop was flown here In the Clipper, the air ship FDR used lor the Casablanca confab. The 'internationally known  will proceed immediate!; to the White House where he win report to the President on his our, but attaches of the bishop s party said he would spend the night en route with his family at his home In Kansas City.</t>
  </si>
  <si>
    <t>                                           GLAMOUR PLAN HAS j INSTANT APPEAL Follow this plan thousands are using. Before ; oner your face with Black and White Cleansing Cream. Remove it, ami off    and makeup, too. Next, pat on l$l:ick  nd White OoM       . In the  wipe it off. K.-   ,    'tit? L'^ lil:uk and Whit* \'        *'rp:iin M"a   *:         bx.-c. At all l"ilr-t ^^ 'JS* I j y^ *m i V*"A ill M.M M..^</t>
  </si>
  <si>
    <t>                                           Julius and Eula P. Pounds, 564 Larkin St., Apt. 540, son. Rufus.</t>
  </si>
  <si>
    <t>                                           320 FRESHMEN STUDEN TS AT HAMPTON INSTITUTE"                 Three hundred and twenty young men and women /rom 27 states, Canada, the Bahamas, Cuba, and the Republic of Haiti make up this year s freshman class at Hampton Institute, with 199 co-eds in the majority of over 121 male                 men. The home state of Virginia has sent 81 newcomers to the Tidewater college, ami there are 5K firstyear students from neighboring North Carolina and 22 Jrom Alarjland. New York sent 1G, South Carolina and Texas 13 each.                 da 12, Georgia 11, New Jersey and Indiana (j each, anil Alabama, tin- District   t Columbia, anil I'ennsvlvania six. each. There are  one j to four freshman students from Arkansas, Connecticut, Delaware, j                 Illinois, Kentucky, Louisiana, Massachusetts. Michigan, Missis--~~~ii, Missouri, Ohio. Oklahoma, Washington, anil West Virginia, besides one from each of the foreign countries                 mentioned. (Cheync Photo.)</t>
  </si>
  <si>
    <t>                                           M. R. B.--I am 16 years old, have ... in love with a boy. He asked ... to marry him. I told him Yes, ... he didn't show up that day. ... I am to be a mother. Will he ... me? When?</t>
  </si>
  <si>
    <t>                                           She's Case Worker                 M1CS.  ML KUAY  graduate- of the Atlanta. Unlverslty School uf Social Work, has recently been appointed to the stair of tlic Family and Children's Bureau, St. Joseph, Missouri. She was formerly employed by the Kansas Tuberculosis Society^ Kansas City, Missouri, anil Is also a -graduate of Tuskejfee Institntc.</t>
  </si>
  <si>
    <t>                                           Gallup Poll Says South Favors Anti-Lynching Law                 PRINCETON. N. J.- (    - Dr. George Gallup, director. American Institute of Public Opinion, declared last week that a poll taken of  revealed that a majority of them favored a federal .                 FJdd reporters for the institute canvassed a representative crosssection of voters of Texas. Lonbianna. Arkansas, Oklahoma, Georgia, Strath Carolina, North Carolina, Tennessee. Mississippi. Kentucky. Alabama, and Virginia and asked this question: -Do you favor or oppose federal anti- law?" A majority ot the persons sampled favored the law as opposed to a similar poll taken to 1937 when less than a majority favored the law. Todays' findings compared with those of the earlier poll show: Favor Federal anti- law, today- 55 per cent: 1937. 47 per cent. Oppose Federal anti-lynching law.                 today- 23 per cent: 1937-38 per cent. No opinion, today- 21 per cent: 1937-17 per cent. Pointing out that only these with opinions on the subject were to be considered, the Institute's report sald.a- greater proportional Increase was noted among those favoring the law. In 1837, 57 per cent of those with opinions favored the law. but today the percentage has jumped to 71 per cent, which Dr. Gallup termed a -substantial majority." Opposition to federal  law. according to Gallup, is based on arguments that such legislation would - states' rights. Advocates he said based their fight upon the 14th amendment that states: "no state shall deprive any person of life, liberty or property without due  of law, nor deny tn any person within Its  equal protection of the laws."</t>
  </si>
  <si>
    <t>                                           PRINCETON, N. J.--(ANP)--Dr. George Gallup, director, American Institute of Public Opinion, declared last week that a poll taken of southerners revealed that a majority of them favored a federal anti-lynching law.</t>
  </si>
  <si>
    <t>                                           Slim Figuring You couldn't      a better cr-  this wand-slim Jumper fuck Tor your first back-to-schw! ~'Ulltt. Pattern Wti  you look tail and lithe. It  ou the side, a help lor -uP-; A  . trom which you     initial  Ijlmiae is- included. PaUem MSI may arden-d only in junior mUs abet 11. 13. 13. 15. lfl 31 and 18.     Jumper. 2 1-8                 rds 54 inch;  1 1-2 3! . Send SIXTEEN CENT* in  'or Ibis    '.~-  . Write  SIZE. NAME. 3.'.  NUMBER. TEN CENTS more and the Pat-' ~*rr Book if ji K l Smart hand bug   :     *tfn in  Srna yo;ir order to Atlamn Daily Wodd.  Vmxr.mrr.L 232     JSlh Strert. Nnw Tort 11. K. T.</t>
  </si>
  <si>
    <t>                                           GREENSBORO, N. C.--(SNS)-- An estimated 3,500 fans saw the highly-touted Dan Bankhead of the Marines live up to his advance notices and turn back the All-Stars in the South's Fourth Original All-Star game played here Sunday. September 5 in the...</t>
  </si>
  <si>
    <t>                                           Club Dietician                 Mfe* Loafer Edna Harris, of . Fa. hat jat tNa   DictMaaat Scrriee GMb No. 5      VcniBfc Ok.          4 . Dn^lcr .~r Mb. sad Nn. . ntt        Anwe^ .. Via Ban*    a -Mi ft Cbtjvtj                 Stmte CaDecc Chcyoer. Pa. (Credit Offlda! C. S. Army  Corps i Mto.) t</t>
  </si>
  <si>
    <t>                                           Lt. Richard W. Hall recently joined the rapidly growing group of young men from Albany who are receiving their wings at the Tuskegee Army Air Field, Lt. Hall received his commission the last of July, thus becoming the third Albanian to complete advanced...</t>
  </si>
  <si>
    <t>                                           I</t>
  </si>
  <si>
    <t>                                           Solid ~'-ir Pc-:-r.;5 icr our rww offer ^uj l-r.*B -Bhyrslns D:.-t:      - lO lay. j Phonoarnnh Eccords Made 1LX MT SIC STUDIOS Dipt. KS, Box 112 Coney Itluml. X. V. I SIAkZ NEW *8 -        '-lf s*i-m:1i*I Correspondent.-") i to tbf Inlcwt of          , *~*n   *jU nt iv         -  * ui.~ 3c  for '1* ,."~  -1. *.ft Ai .,...Ji'*"H duo, n..a :~nn.l si;,    .     -i- Riiillmorr. Mil I  Wuiu.ai Wiiii A Hujil I Full Of Lo\o For A Man To Hc!'.bt:r! i Y'.. DAVIS PAUL l.UKAS "Watch On The I Rhine" COLoVoAKTUON MrliUL  j</t>
  </si>
  <si>
    <t>                                           Leroy Wellmaker, ace hurler for the "streamline" Fort Benning Reception Center team, was in rare form when the soldiers routed the Sunshine Stars, 5-1 in the first game of a doubleheader, played before a large crowd Sunday at Harper's Field.</t>
  </si>
  <si>
    <t>                                           Wanted CONSTRUCTION LABORERS White and Colored KV Vital Construction Job in Ihc Vicinity of KNOXVILLE, . Transportation Furnished by Employer Pay: 57 l/2c per hour Time and One-Half Over 40 Hours- Now Working 58 Hours Per Week Adequate Housing and Eating Facilities Available at Reasonable Ralo IF NOW  IN ESSENTIAL INDUSTRY DO NOT APPLY APPLY United States Employment Service OF THK War Manpower Commission 131      *fa St. N.W. Avzvs* 23-24 25 f OFFICE HOURS "5:?o A.M.    5 F.M,</t>
  </si>
  <si>
    <t>                                           NEW YORK--(Caivin's News Service)--The efforts of liberal white Southerners like novelist James Boyd. publisher of the Pilot, at Southern Pines. N. C. to understand the position of the Negro; people in this country and to suggest means of improving it, are...</t>
  </si>
  <si>
    <t>                                           BAILEY THEATRES 81 Tin- Crystal Ball"' j and I " IJIackio Goes i Hollywood*" j Royal HOWS    .~''T  T" with l! ANDREWS SISTER* r. i;ii h a- hi* r?"   i Ashby "The Invaders"  i j "Shadows On The J! Sacc" j r__ 'i KptTial J1.00     !lnc fnr 25  Trw Urekr ~*~     4 Madam Eva 8BE GlVUi FACTS AN" TOC GBT  B8Ct.TS Si." jS^TrT?    5! -txr ~=~ -rtS: ?r=r Es  tsss -a-L-rte -ra.</t>
  </si>
  <si>
    <t>                                           YOU CANT BUY ASPIRIN thai, ran d-~ more for yon. m why iwt ? Ahcwys ask for ^.  St. -       Aspirin, tire        \*.       Piryt.cbo"*1 ef  at. fer* *!!? of o^ 1**        or ^aai^ . It's f?o r^je as ^c eain bar.        "^~t TyjnL'~!B-!~!.of     : Coited Steta Fbe^          . Tli?rf"   none faster, voon  i, none more dependable. Ahravs refuse . Be rare von leased , pes St. :"ls=c=.</t>
  </si>
  <si>
    <t>                                           The Strait of Messina was ringed by fire of Allied air and naval forces Saturday as dazed German troops began a wholesale withdrawal from Sicily for a stand in Italy.</t>
  </si>
  <si>
    <t>                                           CARTERSVILLE, Ga. -- Sunday, August 15, was high day at St. Luke AME Church. The pastor, Rev. G. S. Hardeman, preach two sermons during the day. The Trustees raised $25.50. Charlie Carey was again crowned captain of the trustees for raising the largest amount. The...</t>
  </si>
  <si>
    <t>                                           TAN  ny CHAR/.ES AlUN                 ?EXCfJSE ME        EVt THE  Dn3Nrf MEAM  TOtl TO CONSE*v^ THAT 7-WCH ^.TERIAL</t>
  </si>
  <si>
    <t>                                           DETROIT, Mich.--(SNS) violence, race riots and insidious campaigns against minority groups are a national disgrace and a reflection upon all Americans, J. Edgar Hoover, Director of the Federal Bureau of Investigation, told the annual convention of the...</t>
  </si>
  <si>
    <t>                                           ' DREAM-COME TRUE" PLEASURE To help hold off old-looking complexion appearance caused by skin- weather, use Black and White Vanishing Cream. It holds powder on your face like a "guard." Before retiring, cleanse face with Black and White Cleansing Cream. Apply Black and White Cold Cream, leave on all night. Black and White Beauty Creams, SiV.</t>
  </si>
  <si>
    <t>                                           IN MEMORIAM                 m loving memory of my dear, father. Mr. Comer Broughton, who departed this life August 16, 1M2. Gone but not forgotten. Mrs. UUa. Clark, daughter.</t>
  </si>
  <si>
    <t>                                           UNLESS WENDELL Willkie is able to get the Republicans nomination for president in 1944, the American masses--and I include both the white and Negro castes--can have but one logical choice for another four-year tenure of the White House. That choice is Roosevelt, for no Republican other than Willkie has demonstrated fitness for this high position in a changing world.</t>
  </si>
  <si>
    <t>                                           GREENSBORO, N. C.--(SNS)-- Fformidable lineup of players Germany of the major Negro of the country will represent the Negro Marines for the original All-Star game of south to be played here at morial Stadium Sunday...</t>
  </si>
  <si>
    <t>                                           HERrs' DREAM-COME TRUE" PLEASURE To help hold off old-looking complexion Appearance caused by -* ening weather, nse Black and White Vaznsbjng Cream. It holds powder on toot face lite a "pard." Before       iag, cleanse face with Black and 'White Cleaasng Creasi. Apply Black and Wliite Cold Cream,  on ^ht. Black aad WBhe Beauty Creans, 25t</t>
  </si>
  <si>
    <t>                                           In Memoriam                 In loving memory of my friend. Mr. John Davidson, who departed this life three  ano. Oct. !W0. "Peaceful be  re.sl, clear John It's sweet to breathe they name. In life I loved you dearly In death I do the same." Maitie Belle      Card of Thanks I I:iUi' - mi  in i lunik my  frl'-nd:: Iit Mic many l:!.ss'\'i.     :u;~'!~ of  .Hid beautiful floral ik':-     during the  ^ ol my sister. Mrs. Nancy Mapp. of OliiclnnH.li. Ohio. SIGNED: Mri. Rosa Shy.</t>
  </si>
  <si>
    <t>                                           MRS. T. J. BROWN and daughter Lois Kathryn, of 144 Brandon St., are spending their vacation with her sister, Mrs. Dezzle Meggert, in Charleston, S. C. They will return to the city in a few weeks.</t>
  </si>
  <si>
    <t>                                           Tiny BRADSHAW And Lil GREEN At City Auditorium This Wednesday SOUTHEASTERN ARTISTS :ire fortunate in being able to present TINY BRADSHAW and LIL  on Wednesday evening, November 1913, a( the City Auclilnrium. Due to .s for Ions-run employment in other sections, particularly in the areas of defense industries, where theatres and night clubs are doing turn-away business (l0 say nothing of orchestras losing their personnel lo the Army) THIS MAY "BE THE LAST TIME that the BRADSHAW-GREEN combine shall appear in this section. TINY BRADSHAW always gives the patrons more than their money s worth, working from (ho beginning to the end. Therefore, we urge you to  yourself of this unusual opportunity. Tickets are now available. Buy (hem only from your responsible neighborhood merchants. Incidentally, permit us to request you to use your good influence over those whose conduct might be of a substandard character, since it is vitally important both to our organization and to all similar ones that the best of public order and decorum shall prevail at these entertainments, lour usual cooperation is expected and will be very greatly appreciated. October 31st, 1913. SOUTHEASTERN ARTISTS</t>
  </si>
  <si>
    <t>                                           This is being written in Chicago, where the writer is attending the Annual Session of the National Baptist Convention, Inc., and the date is Tuesday night, September 7. We have just returned to our temporary home after trying in vain to gain admittance to the pre-conventional Musical at Regiment Armory, 35th and Giles Avenue.</t>
  </si>
  <si>
    <t>                                           Youth Acquitted Of Rape Charge                 COt-TnUBUS.   - ^   -            of rare char^/~ Thurs. day by a MnscOKe? superior c^trt jury. Jucks^- T2S 3       ?~f  the  site*</t>
  </si>
  <si>
    <t>                                           Atlanta To Be Host To Omega Psi Phi Nov. 6th 7th                 Chanters of t'\e Seventh District of the Gnkvs i si Phi Fraternity I  v!H hold their  District I IWcctin-j m Atlanta, Georgia, November Oth r-nrt 7th. ~;ih Eti'omc;:a. cr.ndi.r.ti chapter as host. The  Distinct comprises the. ;i:uer. of QeoR'ia. Florkia, Aliibama I                 :mrt Mississippi with r. total of  ch.-.. o-.vir.'? to war (on('.it:or:~. the  Conclave of ihc fraternity lias been .  the District Moptin.; arc of .t .cc for the duration. j\"? have been  to Iioiisl' t'U' ' and .i; i.rothi rs  m 'he campus of Atlar.!:"Jimiisity. a"d the sessions will hi-  :it Cla-fc CoMeec. RCRiitralivm will  at 9:0D p m.. Sntidny. N'nVf  6th with a In'sirw r.'. sos.^inn to  at 10:0ir o cluck. The tr.ec in- will be .cd at noon to permit tlv rii lci ati-s to attend the Morehmis'Clnrk Kootlv.li r?:imc.  ;       b'? :~n ovi  session,  ,7 a*, six c . Later in Ih  there will bo a  ;:t ihc lYp H.-t Club, and on ''mic'.v  i. a", a  of the Achieve : Week Obscsvance of F.f OmcB.i Chanter t'1" anr.url publ!' "cr ,v!il bo hold. At     ; time "Mr. Q" fnr 'he will be . as well as tVx  citizen for Atlantr. (Continued on page 6, col. 8)                 Atlanta To Be (Contlued from pace 1) There will  bo awards to the outstanding member of the fraternity tn the Distr.ct ns well Or the outstanding ;t. of chapters in the . The public .-r will lake the form of a forum with the subject: The' Ne1ipro Business !n tho' Pest Wnr Period," being discussed.</t>
  </si>
  <si>
    <t>                                           Chapters of Vie Seventh District of the Gmen Phi Fraternity will hold their annual District Meeting in Atlanta, Georgia, November 6th and 7th, with Eta Omesa. graduate chapter as host. The Seventin District comprises the states of Georgia, Florida,...</t>
  </si>
  <si>
    <t>                                           OEL1EYE IN LUCK?- jj #~*i^SsESt^^-jmo . Svg;2S5 Lt":~; ,  ^TS^~5~/'-9~^5""3'-el7 circled two1 ^SySMSKss^ sost  ~^KW^W^' MAGNETIC "" ^''.Oj'liis'iavS' CHASMS.     to "At, *    " 0  d Lack tl Mo=er.   3 f.     ,~     =eti. Work, eta.,  ether to "'^ Std Xoek, Loises.  rll. Trouble. HArm.  ee.^         In Lack 1 Cirrr FAir of       * Geouiae Srahaia     XIto              Wm  qo supernatural       . S1.0?           for tbd two. wl:b ai .tlon. tl.M  nJI 1        if C.O.D. EstUfaction -!      cr Uoner  . Ordtr joun KOWl[ 1, CO.. Dcpt. B-8, Main P.O. Box- n,  X. x. y. 3! B.  "   of ': v(~  ) GUARANTEE     8 Ocmiino Brahma I^o"-1        ro AlIVE: We .~n they     J"   that , tho HEAL THlNO-JOWtR^ TOI, DRAWING. EXTRA  KAW !  Conrricht Madam Lydia PAU1IST AND ADVISOR Luck Love- Success Happiness if in . ~-^~ n nnf ami-bora riK-Ultuii.       tn nil that Ig          . - life,        CrM( Hfiil .   True ~'^-^Vl  anil family  I I ^H  joti what           \v^   lucky for yoa   -M  part of * world w!       juu; -4 liow tw '"'"~JmL^ uti l huld  po4^Br)^^n^H  * If the one 7OQfHw(r.    1  true or fAl*~. Located At 2973 Peachtrce Road At  25c- THIS  O1NLY,</t>
  </si>
  <si>
    <t>                                           Pleas of a farm wife to her husband not to kill her in front of their children went unheeded as Clayton Horton, 40, of near Benjestown, Tenn., shot his mate. Mrs. Indiana Horton twice with as 12-guage shotgun, and then turned the weapon upon himself...</t>
  </si>
  <si>
    <t>                                           Purpose Of Lescot Visit Is  Revealed By State Dep't                 Three Haitian Cabinet Officers With Chief                 WASHINGTON- (A N P) No  lias yet been given as the purpose of the visit of the Saitiiui party outside of the announcement that it is an 'official visit."                 One this present trip President Pescot lias  with him three j cabinet officers, which may indi- rate the possible trend of conversations. They are Abel Lacroix, ' of state for , com. and national economy; Mau.iee Dartigue. secretary of state for  instruction, agriculture and labor; and Gontran Rouzier, under secretary of state for information ind general police. It Is to be recalled that upon the  of the visit of President Elie Lescot to Washington in the spring of 1942. a series of conferences were held between representatives of the two governments looking to the "strengthening and implementing" of the resolutions  at the Rio de Janeiro conference of foreign ministers of the American republics. As a result of these meetings, an :~ memorandum was prepared covering the agreements reached. The United States government agreed then that the Comnodity Credit corporation would buy up the surplus cotton from he 1942 crop at an agreed price,  nd a portion of the 1943 crop on the same terms. The Haitan  obligated itself to hold lown cotton production but to  its quality. The UnHeci States agreed to  ertain military and naval  to the Haitian government ncluding the training of the Haitan guard, construction of a        railway at Port-au-Prince.   Ter of coast defenses, offer of   aircraft with  \nd instructors.</t>
  </si>
  <si>
    <t>                                           WASHINGTON--(ANP) -- No Indication has yet been given as the purpose of the visit of the ... party outside of the announcement that it is an "official visit."</t>
  </si>
  <si>
    <t>                                           I took trim s Ill-re! .IST I Madam Rose Iliiri*   "~ luat  Id jour        Lurk I.    S*MCceiw HnppliH'fM (Junrniifpcn to rend j-"~r wl w II". P*st   . Aski no    "~"""~ but tells   " n l 5"~  "nnl to . * JHIBiMBt  dako nnd  HH  of ba^liii1^ 2f ^^B0 love, health. ( ^^^^^^Hf affairs: tells whom ^B^^^^H yon Trill marry ant] V^^H^B   eue. V^  ^B mle4, ;  ^H^^v Quanels. evl! habits 3^^^K s^ blocks spd bad lack of 2U  ne-      -So  and Sc=day, S JL.3U to 10 P.M. Too w!M Csd her s!3 . THsrs !b so hG*.*i  3 s^3 or boss dna-T that I ot-Tt t-1=~  et Jc=ct!o-* of Bndy    . e=d Ho-re" M!H Kd. I9S0 3   !l Mil! Sd. Ba      to           adp rar Hnwflt l\tl!t 11.1.    .         nl .il) Mill VsUW t",'!l!-     f</t>
  </si>
  <si>
    <t>                                           JOSHUA JONM                 Bytr. KcjrmfaU                 Bro.   0  *~T*: Mtar  tb*a it le to to UMI</t>
  </si>
  <si>
    <t>                                           Delay In Passage Of Anti-Poll Tax Bill Is Deplored                 s Inaction Called Disservice To Democracy Cause                 WASHINGTON- (A N   - "Senators who take refuge in .1 doubts" as an excuse Cor delaying or opposing passage of the anti-poll tax bill "are doing a  to the cause of democracy," warned Prof. E. Merrlelc Dodd, of Harvord Law school, Saturday at                 a meeting of the senate judiciary committee. The senate group, headed to Sen. Frederick Van Nuys, (D. Ind.^ upon receiving a favorable report from iU; subcommittee on abolition of the 'tax in federal elections, recently delayed hearings for a month and announced that the validity of the poll tax would then be debated on constitutional grounds. Dodd Indicated that should the supreme court rule  the -poll tax bill, its adoption by congress would bo an endorsement of the 'democratic  that no American citizen ought to be disenfranchised because of property." In a statement addressed to thr ' committee, he said that "many constitutional lawyers -vi! that the supreme court, would hold that the payment ol a poll lax has nothing to do with a   s rapacity to vote !li;;ntl: nnd that congress can so declare. "Such a pronouncement by .'' said the college professor, "would be of great value as r demonstration of faith in the principles of democracy, even ot a, con. amendment is required to make the pronouncement legal.'</t>
  </si>
  <si>
    <t>                                           WASHINGTON--(ANP)--"Senators who take refuge in constitutional doubts" as an excuse for delaying or opposing passage of the anti-poll tax bill "are doing a disservice to the cause of democracy," warned Prof. E. Merrick Dodd, of Harvard Law school, Saturday at...</t>
  </si>
  <si>
    <t>                                           Atl ant a JlilmWQrl d edition The Nation's Only Colored Daily Newspaper "NEWS WHILE     / SiftiicOt I j. "FivvrCP\T^ NEWS" 1 '.VOLUME 16, NUMBER 10.-} ATLANTA, GEORGIA, TUESDAY, OCTOBER 12, 19-13 1 KICK F1VL U.Mb</t>
  </si>
  <si>
    <t>                                           NOW, more than ever, you wan! to stay on the job and do your fall share of the work which mart be done. Headache. Mascuiac Pains, Simple Neuralgia. Fractional Monthly Pains Blow you down, interfere with your work, apoD your fun. Hare you  to Jss DR. MII.ES Anti-Pain Pills when any of these common ? have made you miserable? Dr. Miles Antl-Paln PHI* art pleasant to take, and prompt ta action. They do not  th* f^^,,f\ or make yeo eons . A  tablet  Map . Dr. Htlea AntS-Pafa PflS    compounded imd*r tba   at  . Get Dr. Mile* .ABU-Pata PBl . Banbtf *% 23*. Eeonoiny   B*~~ * and taka Mf mtt       . V   ..'..,j_:.r..TJi.'..-    }</t>
  </si>
  <si>
    <t>                                           WEEK FraetronsJ Harrow Diatnrhancea  as 8!     , CranloDem. Excitability, Beatlessness or Nerroiu HeadadM * irith your week  ^nr rood times, t*   Dr. Miles NenriM (Updd  r Effemwot T*    4        TeoKioo am ask*     Vrnkcfol. JiUcry, Izritabl*. Mw Tendoa eaa cuh Kuiw B-dx-ha and Ncrrow Iadicta* Obm. Ib times like these, w mr* f*n    to  tf^^ht and  and la wlak for a foot        *. Dt W" Nerrin* ia a  Mdatt* i ariM bat         .   w not nsa TH. TgOm * 70a Rant   Vit fll Jg. '7 ,J2~- ta M^id  wi- Efforregcent Table* wen, both 'equally  ta  wJ "~~r-        .  -  TRT TtZ Set**  t    *r 4   *     *   !~ ?       Read  rS2</t>
  </si>
  <si>
    <t>                                           All an fa JSBfcWbrl d       .   ^i. *^y %  wo  The Nation's Only Colored Daily Newspepcr yy NEWS" VOLUME 16, NUMBER 33 ATLANTA, GEORGIA, WEDNESDAY, AUGUST 4, 1943 PRICE FIVE CENTS</t>
  </si>
  <si>
    <t>                                           Barnes Shoe Shop 287-A AUBURN AVENUE hey can last longer. V\~ uill      ; your shoes so ^Ora?  X_X/.V Color 1 Your GRAY HAIR Smile at Your Mirror Tomorrow/ DO II NOW... DON'T DELAY... IT S EASY AMD SIMPLE THIS WAY *i If you w;im 10 bring a new, I rich t:u!'jr    your hair start  Godefroy's JUrieuse Hair Coloring now. It acts quickly      directions {a the red box dike it simple io 3pp!y. 2Yo'j'U bs ?^     ! Jt how evenly and  it goes 02. Won't r jL' cS or      out. q Insist 0*2 L35!fu5e, known' d* and used for 45 years. Your dealer  refund money if you re eol 100S satisfied.   doesn't have Ljrieuse (LIRRVl'SF) send $1.22  to Godcjroy MJg. Co., JHO Olite Street, St. Louis,   . CAUTION:    Only 01 Olnitod       s^y \ "^^^HAIR COLORING l)7  Madam Lydia PALMIST AND ADVISOR Luck Love- Success Happiness It ia      ,  a *bora m^. One !t !s all th*t U                to      row ^nt \    Ufr, pant cr^~f nt ^AV*      . GWra Tntn A^-^Fl I BH tier nn .  I I     and  AffftlrtiJ  II tell* joo      ba* '*l l/ i    *t  'or you fcW^^ *** A Whut  of   orM  A b*~ mure       *ful 'orM^    M       Advliet how to I^ ond hold **xxl                 11U0       If tho nno /OOSItfr HI lor*. \m into or</t>
  </si>
  <si>
    <t>                                           MRS THERESA GATES is recuperating at her home, 175, Chestnut St., Apt. 88.</t>
  </si>
  <si>
    <t>                                           On Sunday, August 8, there will be a game between an unofficial All Star" Depot team, and Ralph Long's Washington team. The game will be played at 4 p. m. at Washington Park. Visitors will be welcomed.</t>
  </si>
  <si>
    <t>                                           AIMED GAINS ON ITALIAN FRONT                 FRENCH -COMMANDO UNITS, after a surprise landing on Corsica (1), seized the capital Ajaccio and are reported to be driving the Nazis into the center of the island. Possession of Corsica would place the Allies within fighter range of a good part of northern Italy. U. S. and British forces fought their way along the Sorrento Peninsula to gain heights Uiat dominate the Naples area (2). American Fifth Army units consolidated positions near Salerno (3) by taking Amain and Agropoll. while the British 8th Army captured Gioia Del Colle (4). 28 miles                 northwest pi the naval base of Taranto. (International)</t>
  </si>
  <si>
    <t>                                           Big Business in R E V ERSE Southern B.e/l Net Returns are Decreasing as Volume Business Increases .V.Mhi'iti Boll ii . biy  in Georgia today; by l.;r ilic largest volume in the Company's history. Bui the earnings on investment in Georgia this year have been only -1.25% whereas for the year 1939 they were 5."~S% And at that time there were thousands fewer telephones in Georgia and the volume of long distance calls was less than half that of today. In 1939 when earnings were. 1.13% more than now. Southern Bell was advertising heavily lor wore business. Today more than twice as much advertising is being used to urge people to get along with fewer telephones and fewer long distance calls. This all means simply thai Southern Bell's net return on investment has been getting less as the volume of business handled grows larger. This unsound economic condition is the result of fast, increasing operating costs costs of materials, labor and increased taxes in the face of reductions in rates charged for services since 1939. Telephone rate reductions in Georgia in the past three and one-half years amounted to S 1 .500,000.00 while the salary and wage bill has practically doubled. 'At the same time taxes have risen 195% and costs of raw materials have gone up 65 r,'c Employee training, another big item of expense, has risen 1600%  trainin;; alone. Only if Southern Bell is allowed to operate on margins of profit sufficient to insure the financial stability of the business, can it continue to provide adequate, dependable service for Georgia today; and, tomorrow. 52OT11  MID  ComPAIHI IHSORPOftATCD</t>
  </si>
  <si>
    <t>                                           Thomas and Vernell Bennett, 404 dine St., daughter, Jacquelyn.</t>
  </si>
  <si>
    <t>                                           DES MOINES, Iowa--(SNS)-- Miss Alma Priestly, who has been the NCCS Director of KeoWay USO Club for the past nine months is resigning this position to accept the position of Medical Social Worker with the American Red Cross in Fort Huachuca, Ariz.</t>
  </si>
  <si>
    <t>                                           To Hop Plane For Lincoln                 .JEFFERSON CITY, Mo. (SNS) Tl.c           prominent Merccdirr Caiaandra de Freila., 661 Ea.t Mi..Ml,: Koad.  U'~. CleTcut and Bernyece dc Frcilaj. will     -c her     *(;o home on September 19th by       to Lincoln UnlTerNity. Mrrcedier    *   honor  here  nd .her        is Captain *l a BrilUh  hospital in London, -while her m. practiced in      Chicago, Ind.      An Freilat will enter Harvard University      .*1 School after her Kradualion. She      the        Club'.             "Deli" and    currently employed a* clerk nl Pro* Hospital.</t>
  </si>
  <si>
    <t>                                           Deff Dies At Battle Creek                 BATTLE CniSEK. MlchlsnnDr. HJbijrt Nathaniel Dctl. Sil yean old. or RoehrMcr, N Y.. Nesr. .  mul  ls .  n heart  Dr. Dctt. Kliwt .'Mimfipsircnt1 were- ."lavis. was also known n.s Hh discoverer" of this  DoroIhy M:. lie ; here t*n a slx-   tho.USO to   . and hud  zed a       W AC chorus al For Cutter. He also was working 01 a yj ini)hony  Ccl'imbtrx BfonlasthiK Co. had commissioned lit.-" tc write Fur years lit1.. was. icl^nti  wilh ;i   Sroa-J i'.iki, from     ,~u.n I11.stif.1l1 Hnjnn'on, Vir^ini.i. A  collector -Jntl :tr   of   ;     folk times, i' Dctt also   an  c^mpo^i Jons. Ki.s 'The tin-ing of Mosts." .in or..    first  by Cijicinna' Synipliony Orcheslro. He  wro: (ConOnuciI on I.-Bc C column                 Dett Dies (Continuen from page 1) the "Magnolia Suite"1 and In the Bottoms Suite" tor the piano. Dr. Detf, grandparents ..bought their freedom and went to DrummbndsvlUo, Onl- where he     leared. He attended Oberlln ColUgt, and received doctorate In .</t>
  </si>
  <si>
    <t>                                           Barnes Shoe Shop 287-A AUBURN        We will        your       I they         .</t>
  </si>
  <si>
    <t>                                           SHEDDING LIGHT ^fi^^\''TTr- 1 CITYAtlantaJ^HmWorld edition CROWINr RAPE          IJt^^S^JLJ 7 WA A '5     WW/LE \M\VTTAnvjr iu\-^ The Nation's Only Colored Daily Newspaper jj IS NEWS" VOLUME 1~. NUMBER 6  ATLANTA. . MONDAY. SEPTEMfiEU 6. 1943 I KICE FIVE CENTS</t>
  </si>
  <si>
    <t>                                           Kappa Omega, the Atlan'a Chapter: Alphi Pi. Clark College: and Ganada Ganada, Morris Brown College, chapters of the Alpha Kappa Alpha Sorority, will gather tomorrow night at eight o'clock in the auditorium of the Servicemen's Center, 1000 Hunter Street...</t>
  </si>
  <si>
    <t>                                           -tf ACNE PIMPLES RUIN GOOD TffiftS i picking at them can Cftusc you endless '."W)ici) you follow such annoying, irritating actions,' you feel as though being with people is the last thing  to do in this world. Black and White Ointmcnr, with its antiseptic action, promptly cases the soreness and itching of those externally caused, bothersome acne pimples. Easily applied as a dressing, its aid to Nature's active healing comes from its antiseptic ingredient. Black and Whitt Ointment goes right to work, and the itching is rc , scratching is discouraged. It also relieves' itching, burning soreness of eczema externally caused. Use only as directed.1 Black and White Ointment, 10  large economical sizes 231!, 5OjS. At all dealers. For daily skin cleansing use mild, fragrant Black and White Skin Soap, 10j5 and 25j5 everywhere;</t>
  </si>
  <si>
    <t>                                           Getting In School Groove'                 Comely      Goldwyn Foster, student assistant in chemistry  t Bennett C.**, Greensboro, N. C, suggest* the "Back-to-School" trek in the next few weeks of thousand* of co-eds ak well tkn increasing interest of  women in th*~ sciences.      Foster is the  of Mr. And Mm. Albert Foster Charlotte, N. C. She is a junior., a member of the choir And aspired to become a laboratory technician</t>
  </si>
  <si>
    <t>                                           It seems there are various ways I of getting into a chair, getting out of it, posing while you are in it. These actions are revealing. They tell what sort of a girl you are you needn't t curl up your nose and sneer. The next time you attend a meeting of women, glance around...</t>
  </si>
  <si>
    <t>                                           Buy Bonds Today</t>
  </si>
  <si>
    <t>                                           Miss Mahaia Smith Lyric Sojirano In Recital TONIGHT, AUGUST !l 8:30 P. M. Allen Temple AME Church MADAM ROSE PALMIST      WHO S  Oaamnlrri In roar entire life nail,  ad future. She Mtkft .   ^ imi  bot will HK lell Too sll Jon waat HB t Know. H^H name*. 4lat#-a nnd ^^^^M forts of *. V^k^aa^aaH   .   Imllh, , ^~^^^H  Irlla whom ^^^^H ;~u will marry ^^^^B ,  hiI Oim ^^^V       n all  oi .         VH 7 iii  (]      fM)lll1lIl(*.  toll; and Similar- K A.M. to 10 Xfxllma tKr. Vna will (lad      ia all albert. Ititro In iiu  mt wid U      '~ to   1           on^* In II. Vou        BOSK     ail  af Uto. * at Juiiflton at rl adj" At*., ud Ilowfll  Boad, 1MB II, .HI Ulll lid.     *nr* Ui take UuMoli Mill     4 fas. whirl* alow at door. It Pollmaa Trattor.  mf Watt* f*ra ( .Jflr^^^^fl Jar^^fl^^!!^! KISfTAND TELL! Word   5  pretty fut when m  hu halitosis* (bod ),  ni the     ler bor friend* as fast u *he n*t* them. R*~ that anyone,      you,          ba)       without r*?*      It. to don't Ukt *. Brfore mwy date.       the  with Lt-~       Antbeptic, the  inUs^ and deodorant *   many popular * T*ly ~*n to  bad breath.        -i  is doe to   condition*,   -t mml ra-n.  sy some  -     , are caused hy fermentation of tin? food particles on tooth, mouth and gam . L^*    and   th*~ odors fermentation causes. Lambert /*sl Co., St. La*i*, M*. 3* fore Any Date Utm  ANTISEPTIC Vffetfe** .B-*Bth Subtler</t>
  </si>
  <si>
    <t>                                           HAMPTON INSTITUTE, Va.-- (SNS)--Declaring that war jobs for women will not last forever, Dr. Chariotte Hawkins Brown of Palmer Memorial Institute urged Negro women to prepare themselves primarily for careers in homemaking an address at the...</t>
  </si>
  <si>
    <t>                                           CONTEST WINNER                 MRS. ELEANOR ELLIS -top  member of Choir No. 2 of ML Blortah Baptist church. Her. C. B. Holland, pastor, Wai test staged or  of Choir No. 2 last Sunday afternoon, climaxing   all-  She raised $43. while her .    . Hunnicut.  J19. The Rev. Tasehereaa Arnold,  mod  . announced the finding of the finance committee, Mre. Hammond, one of -the front-line members of the church and able president of Choir No. 3. boded the contestants for raising the sum or S8 2S. Deacon Moon, efficient'  of the choir, also paW hi(h tribute to the fine work wrought by Mesdames ZBb and Uunnicat. Miss McKinsey, organist, presided with grace and dignity at the piano  the  . Choir No.  s easily rated as one of the best' choirs in the city. Mrs. Snipes, ? member of the choir, played a leading rule during the musical. Another program wll be staged by the choir on the- 3rd Sunday in October.</t>
  </si>
  <si>
    <t>                                           Other information and pictures uf Methodist meeting on page two.</t>
  </si>
  <si>
    <t>                                           Urban League Blasts Tribune ForSmear,CensorshipCharge                 Chicago Anti-Roosevelt Newspaper Accused of Misquoting Granger                 CHICAGO ) Irked bjr the manner in -which the Chicago Tribune carried articles on the Mrd annual National Urban league, conference In Chicago lut week, the league Inued ah official   Friday categorically denying' that Leater Qrancnr. executive .                 in purported interview blamed the CommunUU lor the Detroit riot or thai "two  agent*, both Democrats, have been  all  before  to the preta                 and violently antl-Ooramuntal and antl-Roomvclt, In a newi article     Mr. Oianscr laid a Tribune reporter In an Interview thai an Urban League involution ot the Detroit riot had  OommunUt agitation among both Negroea and whiten     cawed the racial trouble. BALDWIN  In the Friday article, the Tribune                 named William B. Baldwin, while, national president of the Urban , and Brneat JoIkiioii.  Wiuhlnglon  (or the AiwocinUon Negro Prow who             in  as public relation* director for the ,    -Use two pro* went*, both Democrats," who "censored all *." The article  that -Baldwin     Darted  tram two-third* ot the conference mooting*" and  " few  u Baldwin hai ollowed to be made public first have' been rewritten by Johnson and the preu bu been handed- hi* version." The official Urban League statement repudiating,  charge* (Caathwed en  B, eol.                 Urban League (Continued from '.nsc 1) .said: "Publication by the Chicago Tribune of deliberate  and tnis quotations in reporting our .'f led to their national dis- i  over tin: wires or :i news . \     .~fon- feel /~~ :ii  me mast, important or -sf  and  I1:(-!U cati-r.nl i .</t>
  </si>
  <si>
    <t>                                           CHICAGO -- (ANP) -- Irked by the manner in which the Chicago Tribune carried articles on the 33rd annual National Urban League conference in Chicago last week, the league issued an official statement Friday categorically denying that Lester Granger, executive secretary...</t>
  </si>
  <si>
    <t>                                           Observance of Religious Education Week by Big Bethel AME Sunday School has been continued with the meeting of various classes during the week. The Youth Forum, scheduled for 'Friday night, however, has been postponed.</t>
  </si>
  <si>
    <t>                                           Taiiadega Prexy To Teach In Wesf                 . Ala.- CAN!'*- Dr. Butll.G. CaUnflwr. for 7**t 10  president of Tallaclf?-:i co!les?. will        professor of           ethics at the Pacific School of Relljlon at Berkeley. Calif, on Jatiaar;.- 1. 1944.  to an *      ; lay the                 board of trustees oT the Atebama ,\ The  was widely In-raided  5 the  b?y president"  -n h mts 3        ' he      !i^"-:~J herd ol TETIadera ui 3P33.    was then  V9  . bTT    : ^ ~^HifT .~     revealed he was a "boy in  srs Cip.ly. Thr?~ ~-~iTr after   c^i:n- to Tall^"df ;a hp f.- hLi Fh D in   CM;:. University and  Uietls "American C.     ind the NefT" Cdi; t;'- T.:~- "h^aic. nmr ou' of                 print. Immediately became a reference work for students of both education and  ta America. "It is sot ozS-v a  Ion to (ConUnned on Tf CM-                 Talladega Prexy (CmUmed tnm Tat* 1)  S?5A2y, Or. OnUajher  we. said Fred u BmmiK,     *~y of  board. ~*ut Awrtctw. ta solar to Cttlfcnrtt . he wm not   racial  and .  war   ^r  Oriental, r^eST c^0  toe  of Or AActantial  fund, erected  . a  bone,         aU or its bonding,  u, .  a  . stayed, cat of debt; and bw.wnp         1 as a first class  of     type. For Ut  mrk In the  of . fir. Gattather list Jane -was awarded the  decree of doctor of divinity by  .</t>
  </si>
  <si>
    <t>                                           TALLADEGA, Ala.--(ANP)--Dr. Bush G. Gallagher, for the past 10 years president of Talladega college, will become professor of christian ethics at the Pacific School of Religion at Berkeley, Calif., on January 1, 1944, according to an announcement by the...</t>
  </si>
  <si>
    <t>                                           CAPITOL      Sonja Henie JACK OAKIE CAROLE LANDIS "WINTER" TIME" A DAZZLING MUSICAL plus 'Women At War" Lots in Hunter Hills $S MONTH Near Washington Park E. It. Craighead, President 604 Candler Bldf. WA. 5862</t>
  </si>
  <si>
    <t>                                           Special S1.00 Reading for     roar Lucky Day* Month* j 1 Qlrtm      HMadamEva SHE GIVES FACTS AND TOU GET  ITorld'a  palm lat. After jou consult au others come  ' problems to Madam Rro. -a    on* that knows  U- If Ton h.r. rouble with  or wife or           tare ono came at     . office  4 A. M. to 10 P. M. Dally  nd SnnHu 1013 W. Marietta St.. X. W.. Atlanta '~e tarr to      the Inman Yard 8tren Car.        aik the       to let     off Z . on the other  of the Kinx now Co., Atlanta, CM.</t>
  </si>
  <si>
    <t>                                           Favorites for Weeks and Weeks I nnd Week* EVERYWHERE 1 mm^~ii I  TIMY BRADSHAW--" B IIS ORCHESTRA 1 Wednesday Nite, November 3 1 3:30 I'. M. TO 12:30 A. M. CITY AUDITORIUM I Plus fl _^cM^;cv *~   B     ^^"S:--;  B .GREEIi- I '^^^iS^^^^^ffl Advunt-c 85c; tit Itox SI. B 'ill r D r r Kl I'lcktls Available Now at U I L U IV C C IT Proiuincnl Nel^ Sturrs A i-OUTHiiASTERN  .VIT-KALllUf? I</t>
  </si>
  <si>
    <t>                                           ^B 1   UK SI'.T TO MUSIC Q "i''i:iV:i-;''-iiii ym iii  ii"i,:  " m-iay. Phuiumrnph Records Made j .T .Mt.'SIC STUDIOS Ilriil. KS. ll iv II-! CcMirj- l^. .N. V. CAPITOL BrouRht Back by Requeit "So Proudly We Hail" With  COLBERT V'.-UM. GODDAl'.D   LAKE      1-ni-liYi; CAK L ON ROXY Alwi.   A SlJSC SIlOW   .-\.N l-'ITt'll  AN ALL STAR RADIO ROUNDUPl IN I  Lee Sims mill Llomay Bailey                  and I'Mtlern*" l** CltnRC and Sanborn Kiidio Stars. -KT TWINS Al. i'i:(.USON KDI IH  And Alwayi 20 Beautiful Dancing Models ON SCREEN  Aldrlck. Swings" Fox Ni"~ Georsic Tccli Notre Dame</t>
  </si>
  <si>
    <t>                                           SAY, BUDDY, how would you like to have a salary cut? Do you want to pay 10 per cent more for that pound of pork chops or new suit? That's what will happen if congress passes the proposed 10 per cent sales tax And if the action by the house banking committee in voting to kill all subsidies by January 1 is approved by the nation's law-makers, you may for all practical purposes be handed a wage slash of 25 or maybe 50 per cent of the amount you...</t>
  </si>
  <si>
    <t>                                           ROME, Ga.--Mrs. Eleanor Edmondson has returned after spending two ... Delray Beach, Fla., West ... Beach, Fla., visiting her ... Cpl. Horace K. Edmondson and Fort Lauderdale, Fla., with Mr. and Mrs. Georgia payton...</t>
  </si>
  <si>
    <t>                                           S FAMILY IN HAVEN                 WIFE OF CROWN PRINCE UMBERTO of Italy. Crown Primes M,nu Jos,, ii UiCLUi-cd as she prepared to Ro lor a row on L;,ko       . SwltzcrJamj" "I1.1. '5 ~:'.^     0I?d son- Thc "h0'~     taken just alter the, csc-D^i                 uu.   . Untcrnatvnal Kadiopdoto)</t>
  </si>
  <si>
    <t>                                           Madam Rose  trM* Km! PALMIST Hot*    kMt faith la h*     Xmm *mn*m Walilrfaiw Camua         your  aw*   " bat 1     mi  n to*    v mat    know. tWw  Ut miho.           S^l fact.  r       . X. ^b^bV . f.mPT ^^.a^^H : t*   ^~^^^^H tmi win many aad ^^^^B mtr*.' : Kw ^^^W  nil       Jgm  Modu  ad aad       af aB     .  Bo  aad II- lay. S XJt U      Tio wK flad      all . Tan* I* a* Imtt         f www* as  nal]r  X   ImM at JaarMaa af  An.     Hawaii Mm Rd.     Bawril Mill Xd.         f      tha     ua"       MID M.   v BMsa at daar- Xa**n  TnOtn      f  IMU Tu iWw C*.</t>
  </si>
  <si>
    <t>                                           NEW ORLEANS, La.--(SNS)-- After playing u listless first half during which both teams seemed reluctant to launch a definite ... the Xavier University Cold , Rush of Louisiana (New Orleans) and the undefeated Alabama State Teachers' College Hornets of...</t>
  </si>
  <si>
    <t>                                           FUNERAL NOTICES                 MITCHELL, Mrs. Lydia- of 67 Griffin Street. The friends ond relatives of Mr. and Mrs. Willie Cooper and family, Mr. and Mrs. Anderson Forehand, Mr. Henry Mitchell and son. Mr. and Mrs. Blucas Mitchell. Mr. and Mrs. Albert Mitchell. Mr. and Mm Henry Thomas and family all of Atlunta; Mr. and Mrs. Charlie Thomas of Mobile. Ala., are invited to attend the funeral of Mrs. Lydla Mitchell today (Sunday) at 2 o clock at the Alt National Spiritualist Church. Muplc and Hunter Streets, Rev. A. J. Walker and                 I Rev. J. D. Hiiies officiating. Interment South View Cemetery. Sellers Bros. PORTER. Deacon Charles- of 341 Lee Street. SW. The friends and relatives of Deacon and Mrs. Chnrlrs Porter. Mr. and Mrs. JuUiih Porter. Misses Pinkie und Christine Porter all of Atlanta; Staff Hgt. aud Mrs. Walter Jackson of Louisville, Ky.; Sgt. Ernest   . Porter of Ft. Francis Warren, Wyo.; Mrs. Prank Porter, Mr. and Mrs. Otis Porter of Atlanta: Mr. and Mrs. Sam Porter and family or Fnyetteville, Ga.. are invited to intend the funeral of Deacon Cluirlcs Porter today 'Sunday) at one o clock at Zlon Bill Baptist Church, Rev. L. M. Terrell officiating. Interment Lincoln Ccmctnry. Sellers Bros. IN MEMORIAM In sud but loving memory of our dear Mother and Grandmother, Mother Mattic Shy. who left us one year , October 2. 1942. "Sometimes in tin.' twilight g oom .part, The  iri cs   to limn., givers full And from our lips the eager  u-u hour Ilicu, ITiinkhij; we  thi c mil." R. A,. Lucius. M\Ta. Cullic and the grandchildren.</t>
  </si>
  <si>
    <t>                                           Cats Jam Chicago Hotel As Jazz Greats Send Enthusiastic Hearers With Concert                 Steller Riffers In There On Trumpets                 Bv MARGARET TAYLOR GOSS                 CHICAGO- (ANP)- It soothes, it convulses, it s really a solid sender. That's what hot jazz does. It's boogie and it s bluesey and it s in the groove. The fact was borne out quite clearly ut the 11th jam session held Sunday afternoon at the Hamilton hotel in downtown Chicago, where a large mixed audience sat and listened in a Svengali trance for three hours to some mighty fine music mixing by some of the country s top notch swing experts.                 It was hard to keep still when young Forrest C. Sykes. new sensation from Kansas City, led off by beating out some superior hot boogie on the 88 keys. Forrest Is current at the Garrick Stage bar and had a powerful tantalizing" style all his own. Music Is democratic and this was shown by the aggregation of Negro and white artists, all experts in their own right, who were able to get together in a series of collective improvisations and create some genuine Jazz. Stellar risers were Muggsy Spanler with his cornet: Stuff Smith, current at the Three Deuces club, and his singing swinging violin: on the piano were Jack Gardner of Harry James' orchestra. Barrlngton Perry of blues and boogie fame and Jimmy Knowles. who war later relieved by Mike Mannarosa who played for Gene Krupa. On the trombone was Bud Wilson, billed as the "millionaire trombonist." and Tommy Peterson of Woody Herman's band. Eddie Johnson laid 'em low with his tenor sax and Don Stovall from out of Kansas City drew spontaneous applause with his alto. Henry Fort plucked the bass and Cliff Leeman of Woody Herman's band beat the hides. The audience, which had a united nations countenance, stayed right on and participated by snapping fingers, bobbing heads, hunching shoulders and patting feet. They were knocked out with such selections as "Honeysuckle Rose." "Rosetta," "One O'clock Jump," "I Got Rhythm" and a. few numbers which have not as yet been either named or written down. Stuff Smith got so hot In the rendition of "Bugte Call Rag" that the horse hair on his fiddle pov started smoking. Arthur Lee Simpkins, the "Georgia Boy" and Metro Goldwyn May ef -discovery, accompanied by Barrlngton Perry, made with the vocals by doing. "How Strange," "Temptation," "Begin the Begulne," and "All Or Nothing At AIL" He displayed further his superb - i try by doing an operative selection from Pagliaccl. These Jam sessions are presented bi-monthly, are open to the general public and are sponsored by                 Mutual Music enterprises. This was the 11th session and if you haven't been hit by the hot Jazz bug yet and are a little bit curious, the best thing that you can do is to i;pend a Sunday afternoon appreciating the only real American folk music."</t>
  </si>
  <si>
    <t>                                           CHICAGO--(ANP)--It soothes, it convulses, it's really a solid sender. That's what hot jazz does. It's boogie and it's bluesey and it's in the groove. The fact was borne Out quite clearly at the 11th jam session held Sunday afternoon at the Hamilton hotel iu downtown Chicago. where a large mixed audience sat and listened in a Svengali trance for three hours to some mighty fine music mixing by some of the country's top notch swing experts.</t>
  </si>
  <si>
    <t>                                           The scholarly Mrs; Joy H. Earl an outstanding Bahai speaker Sunday at their 1203 W. California St., Center, held her large audience spell-bound as she discussed "Unfoldment of World Civilization." She dealt particularly with three defects in our great present...</t>
  </si>
  <si>
    <t>                                           ,  . 4 IMS to^NM? 1   CTj3V  Managing EdRo) Dally:- 1 Year J9.25; C Moe. $4.76; 8 Hob. (2.50; 1 Me. fl.00  ONLY: 1 Year, J3.00; 6 Mos. $2.00; 8 Moa.  1.2I Canada:-! Yemr. $4.60; 6 Mob. $2.75; Foreign; 1 Year, $5.60 The ATLANTA DAILY WORLD U an independent newspaper-  op-~.and non-partisan, printing the news absolutely  and   those things it believe* to be to the interest f its readers and opposing those things against the Interest of tW readers. Address ALL COMMUNICATIONS to and make CHECKS pay tHe to ATLANTA DAILY WORLD, rather than to individuals. Tor WORLD expressly repudiates responsibility for  of  pictures, manuscripts, etc,  stamps are seat.</t>
  </si>
  <si>
    <t>                                           GIVE HEAD COLD THE AIR Open - * ?p:i?03. j You Ijn-' fiver -M instantly. U-vl I  . r.': Uso^only t\a di- meted. Always use JVuetro Koso Drops. YOUR KAIR DESERVES THE BEST CARE j MF.1M1.0 NO. 3 T I r Mcrjul.i Jura 'Sj      [~i difference -i t KQrajUaEarJE* attention nwk.-a In I ^r JW' mvp      ' Vour hair roof!  "*^ SiS^ nro in your  I BBm?i ^Tl?~ Vour   ilo* BPSfiff V .-*1'*1         on y n t 4THT*1 IS" 4iii\lp . j i 1TIKE TRI AT. OB j (JlS i..;-. . N tw ,    Sjjfi^i "1 I  CME    ! ' *V*i f A C B POtVDKB ^J* 'i.** JJ.I. ok  B"Xfi. J-*. l"i*l OK1I8. If Tour bal' BBf". j_..    ji  proper i rare. JlS, BJ 1- wMi LJSCWdtrKttonfi:       . I  ro 6caln FomiTltfi. I Alednlo Castile . .Mcdatu      . ine Oil Compound (Umontli treatment i .Bl?n). Only Ono         plus ;o (ov "nil dollar and m pay        ). EVoo I trial of Sloilulo Frrlumo anil MimI.iI.i I Taco Potrdor,  with  -treat. I ment Write Now! Gold Mcdul Hair Prodnrts. Di'pt. 3S-G, 100 Avenue* Brookljn.' (1) Jf. Y. KVKKVTIIINti I IS  Olt. MONEY BACK WR WA*T TOP TO RE I'lEISED I Luuk 1       tine! I AI.,M1.M j Madam Rose HiiTr you In fit  In your  I. Utr Siirrmf,             ^ to rcn^ jour ^ Uio. pt*qt    ..~pnt   tv.turr. Anka no            but tells you nil     ^~JKl*,  nn( to , giving SB VSi names, (lAt-m anil QBk1 fact i of        ' , health,  Vf         Affairs tells whom HBk^HHHf rou  ' nod ^   one- ^ mien, rivals; lovers  , vv\\ habits   blocks nnd i^^Miii bud lurk of nil kin tin i* KeodliiKH S5c  and Pun day, 8 A.M 10 P.~r. Von wilt find tier  than nil other*. There ta no heart bo sad or home no dreary that I cannot  Monnhlne In It. v l^wa*^ at Junction of Bmdv    . and Howell M1U ltd.  ) Mill Rd. Bo  to fake the ene car- Uowoll At lit Rd. cat. Stop* at door Howfell Mill Trollen front of White Protiifon Co.</t>
  </si>
  <si>
    <t>                                           YOU CAN HAV? "TOW HAIR ^^mZ 'A PERFECTLY MATCHED roB -flM^ L$ "m\\ I ^5",^ SEND NO MONEY y^m 7H)\ it ISO , WW     111- "i ^^^^Bl^\ wiv your   Ikv J^BB^HjiV JESSIE KIRE BttOTT PRODUCTS COMPANY</t>
  </si>
  <si>
    <t>                                           Police Tuesday evening arrested Joe Henry Jones, age 38, of 585 W. Fair Street, and W. M. Smith, age 40, of 214 Auburn Avenue, in connection with a call they said they had received to 180 Auburn Avenue regarding some stolen meats being delivered there.</t>
  </si>
  <si>
    <t>                                           L00 ReuUnt tot U* x*~e XbcVj-      aaa *~      BMadamEv^t 6HK. 6           TOV GET I Rl!sOT.Tb I     4'a cnr*teM m}^^ I    - Aft?'          all I tOs**+  xn7  rev . to   4am Kra.     ikb     t*~;  aU. 1r rvm                        f  or  mam  jm3         t gn^i. " * I 4. K    P. JK. OmJIj- ul 0OBdw. 1 S W. JTuVCf* Ht- TT- AtlMti,. Be man t*       Tart Stnet imr.         k the        car  to k* Tom tt z Mop* aa               f     Ktor Plow AUaat*. Oa.</t>
  </si>
  <si>
    <t>                                           It was near forty years or more ago the white dailies flashed the name of Bartow Blackmon, a Colored man, on their pages. Bartow Blackmon came in the limelight when a policeman was killed in the Peters Street section by a colored man, nick-named "Black Sport."</t>
  </si>
  <si>
    <t>                                           Easy-To-Make T T T i? kJ\   1 I j; Ml 9549 This slim frock with high-placed bodice slashes Is n perfect "-make." Pattern 0549 consists mainly of three simple pices. The attractive pockets are Just squares with the corners turned down. Ricrac edging. Pattern 9549 may be ordered onlv In mUsei' and women s sees 12, H. 16, 12. 20. SO, SS, ?A. 3?.. 3E ami 40. Size 1C require; 3": yard? 35- fabric. Send SIXTEEN CENTS in LOins for this pattern. Write plainly SIZE, NAME, ADDRESS, STYLE NUMBER. TEN CENTS more brings you the New Fall and Winter Pattern 13ook with Free pattern for apron ;md applique printed In book. Send your order to Atlanta Daily WOULD, Pattern Department. 232 West  Street. New York. H. N. Y.</t>
  </si>
  <si>
    <t>                                           I                 Russians Within 100 Miles Of Polish Border                 Berlin koks with grave concern upon the sweeping successes of the Allied armies as they gain against every German defense. Improved Allied positions for. new landin??, flanking Nazi defenses in Italy either from the west or oast coasts, or an invasion of the Balkans from the Adri_ ;:tic. reports indicate, add greatly to the discomforts of the German sta/ro of                  of Allied bombers and " swept by the hundreds 'hro-jsh ihe sky over the channel In : Nazi objectives ill northern Franco. i Tii- R.-ri Army,  on af- "~r :!i'.-  capture of. S:i:nlf!:M:. fought on a line barely j   uv ih.-ii     moles !rom the' Poi!.--:i b::-r n.-day. ThB Com-  r/ir.i it F:.rtv nr?an declared to- ';;v. nates to the west are ~.;)'.-n." j Til- Ruv.Lin.s were malting sen- j sa:.:cn::l ;:    westward along i :.'i? i:::v of the Dnieper river from I .t;. Smolensk sector to its big I  bend at Zaporzhe. Thtie was no indications that the Russians had crossed the river in force. The B.-rlin radio in j broad-^st of the official German communique .v.iid that. Soviet troops I  lad  the Dnieper p.t some :om'.s but "were repulsed to                 counterattacks." American tanks and Infantry have smashed their way 30 miles (!  ;p Into German defenses  of Salerno, front, line dispatches disclosed tonight as the Allies registered important gains all the way across Italy from the Tyrrhenian to the Adriatic. The French  command threw the dread-id Moroccan Coums; who terrorized German and.. Italian, troops in Tunisia., into the battle of Corsica which mounted In intensity with the French announcing the capture of-Oletta. a town less than seven miles southwest of Bastia, and of BasUa Itself. The 30 mile gain by American troops was made in six days against concentrated. ..German machine gun. mortar and artillery defenses In the  kind- of mountain country extending east and north of the Salerno beachhead.</t>
  </si>
  <si>
    <t>                                           Berlin looks with grave concern upon the sweeping successes of the Allied armies as they gain against every German defense. Improved Allied positions for new landings, flanking Nazi defenses in Italy either from the west of east coasts, or an invasion of the Balkans from the Adriatic, reports indicate, add greatly to the discomforts of the German state of mind.</t>
  </si>
  <si>
    <t>                                           You are yet reading about Joe Louis, most widely known fighter of any generation, color or country. Louis is still a "Sergeant" in your Uncle Sam's army.</t>
  </si>
  <si>
    <t>                                           ROS* r.\?ST ~.itj*    *v^.           ?nn *    *~ Wf^. tf^B^. mitt to Icrnvw, ^ ^^Hl^B twr^w Health.  ^^_^^^^V :    *        ^~^^^^H 9 mi  fll curry  Ml *=~; ?=^k ?n ir  s= . Tit--  l =b !~irr ~= 5=1 =~ r^-      ""1 V-^-t BsmS SH3!    . HvirrO JtB? Bi.   *~ Bowrl! 7DD     CW.       t dear. In PeSSsao TislW;    ^    WttDo</t>
  </si>
  <si>
    <t>                                           Jr. I a' -/ frA" %v -w 51 t 4 lulls' :!r f  riAN) s^t ^k a 7^Jt i .^j^, i more       our   ^w^ *^^i^^           4. Yfosy Purcfcnjc r/on. if *^  *a^S Irceed Overcoats* IOO% Wool T^o favorite styles for all ages      bov cool  a  with jumbo pockets bo li so'1 herringbone . Rayon lined, / Iff.ffO interlined Ton. heather, blue. 12 to 20. 38 fo 44.- f^^4a^^^ WHITEHALL St.</t>
  </si>
  <si>
    <t>                                           Sporting his campaign ribbon and four stars, representing four major battles. Officers' Steward Mate 3rd Class Alvesta Hart, the son of Mrs. Henrietta Hart-Reid, 1219 Calhoun St., arived in Columbia Tuesday morning for twelve days at home, the first since...</t>
  </si>
  <si>
    <t>                                           NEW YORK--(IPS)--The winsome brown with kewpie face and those big brown eyes, who entertained royalty in many European countries as the sparkling chanteuse: that dynamic star Enid Raphael who has appeared in numerous Broadway plays, last seen in...</t>
  </si>
  <si>
    <t>                                           WAGS Arrive At Fort Bcnninjj                 FORT . Ga. UlNP)- A cadre or three off leers and J2  personnel of the first com- pany of colored TVACs to be as- j  in Georgia has  at j Fort Benntn;;  the fourth - of the Women's Army corps at the Post. i Under tft* command of 2nd T-t Lucflle T. Maro. the nnH trin re- I        enlisted personnel on duty at the reception center and othr  at Tort Bermins A special  wm be  in the company, which is designated WAC detachment, station complement. Section l. to assist to an educational program at the</t>
  </si>
  <si>
    <t>                                           MARINES STRUGGLE AGAINST BOUGAINVILLE TIDE                 MORE 7HAN THIRTY D S Alarines struggle to push a landing barge into the water alter it had been beached on Bougainville and the tide had cone out Transports were waiting offshore to pile men into the  t* TPir,rr,~~. .hnr had already landed. Note the heavy surf pounding the barge us background.                 Juncle .       * at right before moving into battle. Marine. Cores Dhoto.  Soimdphoto).</t>
  </si>
  <si>
    <t>                                           HIT. THAT RHEUMATIC Ml RIGHT WHERE IT HURT! And look at      Silver LMn\ in        Ciouih of rain The big idea Ii that you  tri I"' UtUer. Whrn pnin , your mine; ta*n. Vnu gtt  that means deliver;  Sn use  that  at th'~: pnin. C-2223 brings you pain-relieving help. Now you will feel at good a:. others who enjoy its belp.. 60c,  $1. Caution: Use only as directed. Firs^  purchase price refunded if : are not satisfied. Today, get C-M1J'</t>
  </si>
  <si>
    <t>                                           Brig. Gen. Fulton Given Framed Composite Picture                 A FRAMED COMPOSITE PICTURE of the vari-rJ activities of Service Club Xo. 5 in the Harmony Church area is  to Hr-jr. Gen. Writer S. Fuhon. retiring  of the post. Occasion for the presentation     ~*ttm*H dinner "~or the  r.-ith  officer? of .ents in the Harmony Church area paying . Rexfiaf from left to ric;ht arc: :== Bcrnice Smith, director of the club: General Folton,     Ueut Robert C Long, Mltltf t special service officer at  Miss Louise Harris, .cai  hostess, and Mr*. Hazel Reed. librarian, who DttttnttA                 the rlr.ure 'V.    _v   cr3S.;ho:?J</t>
  </si>
  <si>
    <t>                                           To New Post In Hawaii;                 S.'B. Danle.v,  will lead th'; U. S. Employment Office somewhere in the Hawailn Island left liom"  m unannounced port on the West Ccast Uiir week to 'take up his duties. Mr. Danley nnc!  were honored last     in Chicago at the Alpha Hor-c  V. S Treasurer . WillinTu I'lckcns directed the  '- Pictured  arc Mr. Danlvy ana family. Margaret in. Jtfl Mrs. Danttj-. Theresa, and V-r Danley  The  will                 I leave for Hawaii as   i w, il-c Ccvcinmtfilt can an':ui;u- '.r':i;.. which n is r.n.u will be  a few . Acting as .~ representative for U. S. Government Ernpjoyces Sereicfc in ".Vashington for  ^   , six months. Mr. Danler is well prepared for his position., He is- :i graduate of the Univcniity of Seothcrn Cnlifcrr.i:i und has c onc ;o:Kiuat4; wurk at Ibt University of Cbicnso. Fisk  NortJiwostci n. His  r- at fi1.~d Ji/^rj; AvomtM nt. .                 (Press Photo service.*</t>
  </si>
  <si>
    <t>                                           YOOR FAVORITE RENDEZVOUS REGULAR MEALS e*~ FRIED CHICKEN (frV trA SANDWICHES ^2j^~J Special Sunday Dinner ~(y^j PIT-COOKED BAR-B-Q BEER DRIVES LARGE ROOMY BOOTHS BUTLER S  906 HUNTER STREET, N. W. MRS. J. B. BUTLER. Pro?.</t>
  </si>
  <si>
    <t>                                           Visits Relatives                 Pie. Thomas James Stephens who Is stationed at Major's Army Airfield, Greenville, Texas, Is visiting his mother. Mrs. Hen'ietta Smith, sister, Mrs. Thelma Shelton ana grandparents, Mr. and Mrs. Thomas J. Evans, 386 Friton Dr., N. E. Pfc. Stephens will leave Wednesday evening to' Texas.</t>
  </si>
  <si>
    <t>                                           Reveals How USO Aids Servicemen                 NEW YORK CITV- (S N S'- Vastlv  rln~.'( - work in j .!  operations. :irc j  and ''.ni is   :      I for tho Negro  mar., uar i workers ;md oll'.cr  .i( Ui-O I Centers.                 This is I hi?  ii' drawn by J. '3;Himlers Rcddinc. Ni'sro mutiny of tho I es-t seller. "No Day Triumph.' who recently  il from :i Dii'f'C weeks' tour ni USO clubhouse  lie lock 'd i.Mther '. for u .           . for a lo;^  jui^'H',* en tlu*  of lh'6         ! i.s ;-!ing th*i Kcpro. NOTES IMPROVEMENT At his c er.k at USD l-..'.s Mr. Reclcllng- eh'.'-.'d on this conclusion. "There is a ;tr*:ig  on the prrt ^f tha Ne;ro to be-  in .ty      !icns. bin T  ctl -.i   in                 Uiis respect In (host; '.n:lies rated. Brcnuse i hi!) directors  call upon  r .il.'U- loc:il oi";;mi- I zillions to fill iln: Iarse  of providing cr. anri -a:~- ror .service mt ti ami their I'ninilior?. llu se oi*"/:.v. if  wish lo  c in the -.\nr . ;uv wir- :J to j;ivo up Jliis :'.rro:ly pr^- :Ci*Vii;.ion of 111", ii      l'.uli /i(li:aV.'v i ;:nd  i-;-li\cly fm* a con1.- j iii mi ';. "Hirm-   )  !il:!!ily. mi.Ii :m im- j pci U'.n!. l"; i; of USC I Mr.-nui^. j is .-ud largely through thy '.-has. which nre i1! i niH-i"t j with rc.V(!'.'iit f;'^. so ijmr n-- I  f. Uo r.U'.sl work in j . No one fc tli cr  nv.n.i- j lien can '-'V''.v supply 1 1 Oav ne eds to nil I'.H' inr-ll. nisi ::d Die resource" of ti J cnv civic  ir ;*- j Mil crs,Tii!7: ran suffice. Thi' j -org.:       .n;:l and Inlorrliurcii coop."rnl!'-,n is a vnr.v im- I. '9i] In N'uC1 'J lif'-: j WORK  "Tlic welfare   -rk bv 111.- :- (Continiicil on page I, cnl. 51 j                 Reveals How (Continued from page 1) tors is equally necessary This type cf work applies move to trit; center* for war 6 than for  men. To these come thousands of  girls and young men who are thrown Into, a new. community ind a new life.  not only pro\ .healthful  Icr item but ?s to It  (her are respectably housed and hy6 . Negro .  are not yet organized thoroughly (~ to do this work alone." Mr. Bedding believes thai    by USO in the cultural nnd educational field are perhaps ihe moit vital contribution of all. He declared himself particularly impressed by the courses in music appreciation and was ania/ed to sec      with which the men listened to long symphonic  and those or operas and concert recitals. HOSTESS TAUGHT "Thorp  still another  of ihe educational wore which  lie," stated the author. "and l-hat was the courses Riven the young  who volunteer to  with and cr. the men. Because there is a ; small leisure rln.ss     :ns Nenroes. many or these '.-fscs  from hemes which have n" cultural background. The club -Jircccors make a point of  these  practical lesions in social behaviour how tn approach the men In an easy, friendly but not forw.vrd manner, how to  themselves in n courteous and (gracious way. how to dance  dress -n a  fashion. There girls arp truly :  and experience which stand them in good stead all - lives Mr. Refldins also writes for  magazines as Ifarpcr'j. the Atluni.n;  and Mercury. }Ie received his Phi Beta Koppn key r.t Biowr. University, Providence. R. I., and is a member of the Eug'.ish faculty at Hampton, Institute, Hampton. Va.</t>
  </si>
  <si>
    <t>                                           NEW YORK CITY--(SNS)--Vastly important spade work in community operations, welfare work and education is being done for the Negro service man, war workers and other civilians at USO Centers.</t>
  </si>
  <si>
    <t>                                           Proposal To Congress Would Extend FEPC Powers To Period Following War                 A. P. Randolph Suggests Court For Hearings                 Would Apply To Employers And Unions Alike                 By ERNEST E. JOHNSON                 WASHINGTON- (A N P)- That legislation will be introduced shortly looking lo  establishment or what, has been described us a Court of Pair practices, to carry on the work In peace-time that is being done through the Fair Employment Practice committee                 rently, has been disclosed to the Associated Negro Presn. Active sponsor ol the .bill, understood to be rapidly approaching 5nai form, is said to be A. Philip Randolph, national director. March an Washington movement and ^resident of the International Brotherhood of Sleeping Car Porters. As -yet. no names has been n.'-rl as one who will Introduce rhV 1^n:^^--Rc?"' are" running through the minds of a few people. BASED ON WAR CONTRACTS Need for this type or legislation. It Is explained, develops out of the fact that at the end of the war, Lhe present PEPC will have little of discrimination which It may standing inasmuch as the cases handle are based largely upon violations by companies holding government war contracts. Outline of the measure as it now stands places responsibilities upon both employers and labor unions alike. One is prohibited from .refusing employment to, or discharging from employment, or discriminating in conditions of employment, a person ori the basis of race, color. creed, or origin. Unions would be called to book If they deny membership, expel from membership or discriminate In apy way against nn individual for similar reasons. The act would apply to any employer hiring five or more . and engaged in intensive or foreign commerce, or tinder contract with the United States or any of its agencies. Sub-contractors are included in this responsibility. Unions with five or more In membership at any single employer are included/ WOULD SETUP COURT Determinations with regard to complaints foT violations of the act would be made by a Court of Pair Employment practices consisting of a presiding Judge and six associates, all receiving a salary of $10,000. They would be appointed by the President with the consent and advice of the senate, and would servo for .1 Irrm of seven years.</t>
  </si>
  <si>
    <t>                                           WASHINGTON--(ANP)--That legislation will be introduced shortly looking to the establishment of what has been described as a Court of Fair practices, to carry on the work in peace-time that is being done through the Fair Employment Practice committee...</t>
  </si>
  <si>
    <t>                                           Aii a /^^^^R^ CITY Atlanta Jimp, World edition The Nation's Only Colored Daily Newspaper "NEWS WHILE /7  ic MFUfS" VOLUME 1C, NUMBER 112 ATLANTA, GEORGIA, THURSDAY, OCTOBER- 2 ClJti PRICE FIVE CENTS</t>
  </si>
  <si>
    <t>                                           SA^T TALL STYLES NOW HOLD THE SPOTLIGHT*                 left. Iwo- black and ice blue  cocktail frock; , black  dress with ruffled white trim" ming, right, ono- gold Mexican typo victory crepe with brilliant red and gold gaucho braid. 10^"!11^"/ I'"" "0W 1Cf'     SUn'mOr Sl0nf" ; is concentrated on autumn styles. Above arc' ie 7,LZ fbl j l2  ,T,f" rl,-rAt thc Ica a two-  and icc   11 dre StovS? Has a filled jacket fastened with  jet buttons, small turn-back l.hcfc Tntl T "0C1IC' ne/,aIU tIle sl(lrt is cul on llie -hias. with a slight flare. Center is a smart ho Lm r? 1  m '            f '~IaCk       Wilh   trimming neck and sleeves.  '0SC ;'1    0d,!l1 l"c  of lllc  - ^m the fall collection of Samuel Kas.s   '?, f f T "7 "'f0'       W"h "ant rCd and Kold Eaucho braid and the famous   in two front  panels. The buttons are m.. nf n-oin hr.M ,,j ~.j c.                 and. at the wrist. A^i^^^-^^ZlZ^^^r^^T</t>
  </si>
  <si>
    <t>                                           BbBBB- __ffi_ St?^t Jo _n^_B*!!  _fl   _^__BP^^ X_ 7U fir ff_J T -B W5IEN Functional Nervous Disturbances such as Sleeplessness, Crankiness, Excitability, Restlessness or Nervous Headache interfere with your work or spoil your good times, take Dr. Miles Nervine .(Liquid or Effervescent Tablets) Nervous Tension can make yon Wakeful, Jittery, Irritable. Nervous Tension can cause Nervous Headache and Nervous Indigestion. In times like these, wo aro  likely than usual to become overwrought and nervous and to wish for a good sedative. Dr. Miles Nervine is a good  mild bat effective. If you do not use Dr. Miles Nervine you can t know what it will do for you. It comes in Liquid and Effervescent Tablet form, both equally soothing to tense and over-wrought nerves. WHY DONT YOU TRY IT Get it at your drug store, Effervescent tablets 35* and 7  , Liquid 25  and SI. 00. Read directions and uso only as  M. 4</t>
  </si>
  <si>
    <t>                                           It used to be TABOO for girls to discuss this kind of help Many a girl has suffered from help relieve purely functional -utp pain and other distresses odle pain. Usod as a tonic. It often .up only to periodic functional  up appetite, increases the  simply because that was u, flow of gastric juices, thus  object people didn-t tali about. digestion and thereby  to Nowadays, thousands of women build up strength and resistance % on the 2-way help or  ror the time ifs most needed,  3 days before the time and CARDUI may       you. A 62iKen as directed. CARDUI should year record says it s worth a trial.</t>
  </si>
  <si>
    <t>                                           Watch That Hat, Marva                 GREAT LAKES, III. (PPS) Mn. Joe Louit, wife of the World's heavyweight boxing champion, pretend honor man certificate to Bluejacket Ellit Newton, of 2-J33 Klora Avenue,      ' City, Mittoury at recent recruit graduation  at the U. SNaval Training Station, Great Lakej, III. Mrs, Louit wat introduced to -nearly one  men, v/hp mte on the field by Lt. D. V^n Nest (center), commanding officer of Camp Robert Smallt, one of the training  at Great Laket.</t>
  </si>
  <si>
    <t>                                           More than 135 Negro employes of Model Laundry-Cleaners, 1023 Linden avenue, "went on a vacation" (Walkout) Tuesday morning of this week when company officials refused to recognize their union, and renew contracts in keeping with the union schedule. The strike went...</t>
  </si>
  <si>
    <t>                                           U.KA-SELTZER 0 /~^k MY DAY OCOkSXBUSJX. I -wrfM 19 M -~~i*~f -wife a "  '"S B r- r""-*  un off       ttm .    I doot  aat to nit -flat lot*. I drink ^*n at         ^SELTZta. In Imt a Eta.      I  a   SasrtnnM ft*  An* w sod sabs    mni .      tfs ALKA-SEU3E31 to tfaa IC9CDK a tablet  r two and a Btd* . And wbm     *        too Vr^l," ATilTAry**1^*^**1*^ Itikvl* tb. Add        ^~.i fiat    mttm *. ^U3^a ^^e CBCSl^^S ^PCfttCZ ^^ ^^w ^^B/KB^j    g^"a"-         *LEA-SEL22aa  t  draft    7? m</t>
  </si>
  <si>
    <t>                                           HAND CROCHETED ACCESSORIES ARE PRACTICAL.                 left, crocheted whire * with colored     ; top right, winter whit*  { below, cotton  cop. l^,  "i ^SSh fL*. -me oU,er i. a  white . with narrow ribbon woven                  nd""     ." Th.Woune. Irft. lit lucy patterned cotton crochet. ()</t>
  </si>
  <si>
    <t>                                           BAILEY THEATRES 81- HIE THREE  In "Blorkrd Trail" Royal "BOSTON BLACKIE GOES HOLLYWOOD" And "MEXICAN RPITFmE'S ELEPHANT" Ashbv "WINGS OVER THE PACIFIC And "MOONLIGHT IN HAVANA"</t>
  </si>
  <si>
    <t>                                           CHECKING AND SAVINGS ACCOUNT SERVICE! First National Bank A.* CAPITAL, SURPLUS t. Pf-OFUS ~!0,   .000 Maabw Ftitasl O*      ! Ces^ BUY DEFENSE SAVINGS BONOS</t>
  </si>
  <si>
    <t>                                           ^^b ^7 uiu^n  tutor* i ?T' ^^L *^^^^B^5^^^^^B^^^^B</t>
  </si>
  <si>
    <t>                                           F.Aok Who's Here! 1-AI.M1RT Madam Rose I Have you  faith la your  V X.nck Love Pncceaa IlHPplaeaa Ouaranteea to read      Mll'o life. past  and future. Aftkn no * _^k. but tella jvn all yoa want lo know,       ., ~~^k Mmu,  Mil ~^^H  of  ^^^B love, .  ^^^^^^H affairs i tella whom ^R^^^^H you will marry unrf ^~^^^1 whent  ene* ^^^^^B mle*. rival*;        ^^^^V*  , evil * i^^H    nd bml luck of all             23o dally and Bundajr. 8 A-AI. to lu.l'.M. Von win  lier  than all . Them In Do  ao sad or  eu  that 1    In It. LorAtrd at Junction of  Ave. *nfl Howell Mill Rrl. inCO Uomll BI1U H4. Bo sD e to lake the one ear  Mill ltd. car. Btopa at .- Howell Mill Tmlteri  nf n  PrnvlMnn Do. ^P^^Tthis cheese  that s digestible as milk if self I SPREADS'  TOASTS! MELTS PERFECTLY!</t>
  </si>
  <si>
    <t>                                           CHOICEOF MILLIONS because when tho pounding and throbbing of a common headache brings on that "all gone" feeling, genuine, puto St. Joseph Aspirin brings prompt relief in easing tho schey throb. And million* tako Sc. Joseph Aspiria to  tho painful distress of other inorganic pain, including neuralgia. In tho  field of aspirin, iio other Ofpiiia offers more reliable action than St. Joseph Aspirin, tho world s largest idler at 10c. Savo most in larger  . 38 tablets, 20c; 100 tablets, only 35c. Why pay more, and why ever  a ? For high quality* plus economy, bo sure you got St.Joseph ASPIRIN WORID S LARGEST SELkER AT"</t>
  </si>
  <si>
    <t>                                           SKIN-RASH TORTURE RELIEF IS HAILED BY MILLIONS For H#~  nf miner   b**at ,       diaper      "anny whole * nr** now turning to   * pan*, formerly Mexican Heat Powder. It*~ the kind nf rtM^   for tb*~e . Yet this * *  powder -corta . imd '~ ct*     in the Iftrr**^ wzr^ Lite millions of tiny ** it ntw.rS*   m , n frequent ran*** of . Kf*   it alwavs . Sw!d everywhere. Ask i today for a.  A supply of M'^TtTTti</t>
  </si>
  <si>
    <t>                                           M(buy a xi i. /@^^% :tTT T T .:CITY... fa Atlanta      world EDmoN i  The Nation's Only Colored Daily Newspaper _^pjW"'j^Ba /j Xs NEWS*1 s VOLUME 16, NUMBER 94 ATLANTA, GA., THURSDAY,  30, 18   PRICE FIVE CENTS</t>
  </si>
  <si>
    <t>                                           Survey Shows Strides Have Been Made Toward Equali zation Of Pay                 Fight Has Now Reached Eleven Of 13 Traditionally Southern States                 CHARLOTTE. N. C. (ANP) -The campaign for teacher pay equalization has now reached 11 of the 13 traditionally southern states and in mast of the local school boards "have followed the mandates of the law as a result of court action." according to Walter                 White, executive secretory of the NAACP. The. supreme court, three  ago. decreed that the south must pay Negro school  of the some experience the same  white teachers receive for the same  of work. A recent survey of  education officials shows  considerable strides  been made. The most has been done In the richer states                 In the border states where the Necro  Is proportionately small; nnd  In the deep south where the populations  the heaviest. RATINGS ATTACKED Snld the NAACP official, In some slates the school  have " to give in, and  taken different types of steps In an attempt to circumvent the true meaning of the 14th amendment." This, he adds, hns been done by "rating systems" and other methods. "The next step in the . White said, "Is an attack on  rating systems whereby Negro  , for the most part, are rated 1 lower  white teachers of equivalent standing."                 The supreme court was first aroused  IIic subject when Melvin C. Alston, n Noarn school ii  In Norfolk, bronchi IpriU  in 193!) to compel the city to pay him on the  scalp ns tlio white teachers. The suit was lost, in district court and Alston ! lo the Supreme court. Judge John J. Pnrker, of thp U. S. Circuit awn of . reversed Hie Inner        decision,  the :  ATION SHOWN "This (unequal  Ls ns clear a                 on the ground of race as could veil be  nnd falls  within the Inhibition of both Ihe duo process nnd the equal protection  of the 14th amendment." On Oct. 28. 1940, the supreme court refused to review the case. (Continued on Pane 5, Col. I)                 Survey Shows j (Continued from Page 1) This step was one In the right direction for the NAACP. Since that time suits have been filed in si.v states, and preliminary s.teps for the filing of suits have been take;' in four others. 'n comment of the campaign, the NAACP says. - the NAACP started     campaign of employing the courts as an opening wedge .n Us light  educational '!iics and discrimination!:, many dire prediction* were made as to !hj effect of si ch action upon race .clarions. To ci.itC', little or no -i.i has rc:. but  sains have been made. DIFFERENCE REDl-PED It is explained by the U. S. Office of Education statistic.1; that in the decade preceding tin: Alston suit, the annual average salary of the I Negro public school teacher increased from $432 to S601 a year in the 17 so-called segregation states. In 1939-40 the average white teacher s  was Sl.O-lfi in these states. There were then fi4.47n Negro school teachers and 2i;0.983 white teachers. Average salaries of the white teachers for the year 1931-32 were 103 per cent greater than those for . By 1939-40 the difference had been reduced to 7-t per cenl. The increase in Negro  r.*' salaries ranged from four uer cent in Tennessee to -10 per cent in No Carolina. The c. r decrease in . III!      cenl. was jn Oklahoma. E( is no longer n problem In the border states of Maryland nnd Oklahoma. In the mid le states of Virginia. North Carolina nnd Kentucky, equalization has not been completely arrived at, but                 gress has been made in that direction. GOAL IN SIGHT In North Carolina, whore the state wholly supports the school system. S2.700.000 was set aside 3 years ago to eliminate the pay differential, which had been growing smaller for years. According to present day plans the goal will be reached in the fall of 1945. A recent surrey by Dr. Dabney S. j Lancaster, slate superintendent of public instruction in ViriKina.  that. '20 of the state s 100 counties have equalized -s oi will have done so by 1943-44 and plans for equalization have been adopted in 19 other counties. i A. W. Carroll, assistant commissioner of education, reports that 88 counties in Tennessee made no  Unction between white and Negro teachers' salaries as far as equalization funds of the state are . The fact that seven of her rich counties have not  along Is a matter of local concern. SCHEDULES REVISED Iii Louisiana, where a federal court recently upheld the claim of a Negro teacher, the state board of education revised teachers schedules and made merit and responsibility additional factors to be considered I by parish superintendents in fixing salaries. j Likewise, the South Carolina leg- I  this year gave local schoo! trustees the right to se: salaries in teacher contrasts on the basis of the type of work done and its value The same legislature authorized ;i i 15 per cent raise for all teachers, i The state board of education last j year increased the top salary for j Negro teachers from SCO to S75 a month. Top salary for whites then was S100. Florida and Louisiana have simi- j lar plans. Gordon Worley of the style  le-  cif education, says that in i I Texas, the  of San Antonio al- ready pays white and Nruru teachers the same scale: and Austin. Dallas, Houston. Wichita Falls. Pale.i- tine, other school  n.ive plans to reach equalization in Iron: j three    five years. ATLANTA SI-2T . 1 Georgia has not .M- upon        ?"d salaries but a Ip14.nl suit i is pi :  the Atlanta city 1- c-.l I'dui'juon. Nur has Ala- j  madi1 j ( program. Nil- ^rn KMchers. . are gradually 1 b:' paid more. } In Arkansas .six counties l-:i\v LfUUti cfi!i:i!i'.*at  p'.'(u:raini;. aci-or* j : to Ralph H. .limes,      '- di iit ol . A li-i::il suit    pt  a  Mie I.* I^oHc Si         d. I In Mississippi, the  lias been slowly ;. according to .1. 8. Vandlver.  of education. White teachers In that j-. are paid an  of S90 a month for eight or nine mos.                 and       teachers around S55 a month for six to eight months. A recent estimation was that it would take $25,000,000 annually to achieve equalization.</t>
  </si>
  <si>
    <t>                                           CHARLOTTE, N. C.--(ANP)-- The campaign for teacher pay equalization has now reached 11 of the 13 traditionally southern states and in most of the local school boards "have followed the man-dates of the law as a result of court action," according to Walter...</t>
  </si>
  <si>
    <t>                                           MO* MORE GRAY. DULL v OR FADED HAIR OSE Jessie Kare's IMPROVED HAIR DYE LOOK YO0          AND BEAUTIFUL  wv IT WONT WASH OOT OR RUB OUT. VERT SIMPLE TO USE C4: USE OMIT MS DittCTIO ON   NO . PAT POST MA.M tl .00 pin      9*        . %*md  .   .                1    JESSIE KARE BEAUTY PRODUCTS COf*7   At*, K*w T*rk City</t>
  </si>
  <si>
    <t>                                           The joint annual conferences of the African Methodist and the Colored Methodist Episcopal Churches, now in session in Atlanta, is indicative of closer union between religious denominations and finer spirit of Christian fellowship and unity.</t>
  </si>
  <si>
    <t>                                           Suggest figure-molding exercises to the boss of the domestic works and she will toss you at supercilious sneer, perhaps several of them. What, she will ask, is rassling with a carpet sweeper but exercise? What about the endless pilgrimages to the back door, the front door...</t>
  </si>
  <si>
    <t>                                           YOU CANT i BUY ASPIRIN that can do  than genuine. 1 pure St. Joseph Aspirin. First choice of millions ~.,r  . World's         seller at 1(*. Never accept 1 . Demand St. Jowpb Aayitin. t</t>
  </si>
  <si>
    <t>                                           TIC Club in TreePrcgram                 The TIC (Sub will hold its annual "Tree Proeram"  nt four p. m.. at Prov:o?    J3?.i?tist Church, corner Matron and Larkln Sl-ccts. Dr. C. D. Hubert, .tor. Dr. H. Reid . Sujwriiitondi.-nt- of Atlanta I1I5I1 ;: will hi' , speaker. Other ; features on the program will be: Invocation by the Rev. Pr. George E. Harper, music by the Providence chol". history of the cl ib; selection, "Trees" by Mrs. Betilnh Johnson: remarks,  by J. C. Long: music by Prof. James' chorus. Mr. Charles Gideons will be Muster of ceremonies. The club will also honor nelsons who have been doing uplifting work without compensation. Mrs. Ruby Blackburn, president of the TIC Club, will inI  honored guests.</t>
  </si>
  <si>
    <t>                                           MARIAN 1V                 I The dainty simplicity of this smart afternoon frock Marian Martin Pattern 93CO, Is dur to clever detailing. And so easy to cut out and stitch together1 A clear Sewing chart is included for your help. This dress is charming in rayon crepe, sheer rayon, or cotton. Pattern 9009 rosy be orc"      only in misses' :ind women"s sizes 12. 14. 16, 18. 20; 30, 3*. 36. 38 and 40. Size IB take?. 3 3-4  35inch. Send SIXTEEN CENTS In coins for this Marian Martin pattern. Write plainly SIZE. NAME. ADDRESS, STLYE NUMBER. TEN CENTS more and the Marian Martin Summer Pattern Book is yours! Smart, hand bag pattern printed right In book. Send your order to Atlanta Daily World FaY.         "l 232 West 18th Street, New York. 11.     Ycrk.                 9309 h I I</t>
  </si>
  <si>
    <t>                                           All Y Campers, Boarding and Pop-Campers, who desire to participate on the "Campers Honor Day Program" are invited to meet at the "Y" this afternoon at 4:30 p. m. The Campers Honor Day will be held Friday, October 8th at which all Campers will be...</t>
  </si>
  <si>
    <t>                                           BIBLE SOCIETY MAKES BIG CAINS IN SOUTH                 Splendid support was given the Atlanta division of the American Bible Society in the southern states during 'the past year, it was announced Wednesday.                 Dr. D. H. Stunum. supervisor of all of the Americun Bible Society'* colored agents in the United States and secretory of the Atlanta division, made the following statement: "The Atlnnta division or Uic American Bible Society wishes to thank the people of 'Atlanta and those throughout the- division  South Carolina. Georgia. Finridn. Alabama. Mississippi and Trnnusscf for thn Tine support  en our work during the nine months or liM-i wht h   fs(rtl.iy. *TllP M/\ cm  just  have "been the- best in number of. Scriptures distributed m Jibe- -j toi-y covered and warm-hearted  received of nny seven month.-; for the past twelve years. The churches, the schools, the young people s organisations, the soci-.l clubs and Individuals have all helped to make Hi" seven months 'successful. "Th's  has contributed    . re  iu share of more than :i million Testaments and Bibles to the men In the armed forces of the nation, thereby helping to stimulate the morale needed at the battle front. The sifts of these Scriptures have been made possible by the   or the  people or  division. An American Biblr .Society Circle           of Uic ; people of the Boofcrr T. Wushlntfn Hiph School, of Miami.         .  the distribution or the Book of Proverbs and thr Gospel of St. John which has resulted in tile  of more than 50.000 copies in the (Continued on Page n, Col.                 Bible Society (Continued from Pace 1) bands of civilians and soldiers. The work has been equally successful In the other districts. Wnllo in Dallas. Texas. last week a check-up on the office there disclosed almost double what was done last year during these seven . similar success Is being experienced in the Charlotte division both In terms of distribution and cooperation. "The American Bible Society Is the servant of all the denominations and Is committed to a program of friend-making as It goes about Its task of distributing Scriptures. The Atlanta division has found many friends during these months and earnestly asks for more as it noes about the best task ever committed to anyone- that of helping to carry His word to the' ends or the earth."</t>
  </si>
  <si>
    <t>                                           Splendid support was given the Atlanta division of the American Bible Society in the southern states during the past year, it was announced Wednesday.</t>
  </si>
  <si>
    <t>                                           Buliei Wounds Fatal To Woman i                 Mrs.      - hrr Strotid. 33. of 3T3 Thompson Place. N. E-      at 8:30 o clock at Grady Hospital, Sunday  from bullet wounds inflected earlier in the day In the lower abdomen. Officers W. D. Nash and H. A. Beatty reported to the PoHce Department that tbey n F ""ent to the Grsdy 1% Clinic to  the ^J^/ 5. bat Officer Eaves Informed them  the victim was to the operatin? room io a serious . The officers said that             ; to the  dW not disclose the  for the mime. The  s.      . that later       Prank Strood. M. of the same address,  who  : j to the report, admitted ? T%i  1                 Unify Effort In Jersey Is Hailed Service Men's Mothers In Rally         . N. J.- (A N Pi- Negro and white mothers of soldiers and  joined hands in km effort to end prejudice at a 'Nesrowhlte unity rally here Sunday afternoon. The group- receive*- fhr salutes of the state national guard which passed In review.. An audience of 6.000 was entertained by. such leading. performers as Ralph Bellamy, motion picture actor who has appeared' an number of Negro-white  programs with JeanMotr. abo of the pictures, and Kenneth" Spencer, onc of the stars of the ; "Batumi." The  Mayor Vincent Murphy of.Sewark who declared that race prejudice has **no part in the Amerlcan'. of government.'*' Other  appearing on the program included -Join Paradise, co-chainnan of the Negro -w Labor Victory committee;. Mayor Junn Kirkem of Elizabeth: Moran Weslon. field secretary  f the- Nep-ri Tjtbor Victory committee: Brnest Thompson. Negro'   of the United Eleetrlcul  workers: Marie WoJkorsW. mrr*     of the Anjtrtcarj-Slarir . League To Meet Tuesday Evening The Atlanta cMc-Pnlitteal hn(rap mil hold lis               "It tho Bntler Street BranYftTMCA         at ~:30 o clock,  to WKH8B0P096BK Dy FCBSlOCDt J. W. TJcbbj. The Ix?~e h*       - * nil  wfn  women* 1*  oM and older, to come to th* ir.; and           abon* -~Ui:m"       Sereral other  i-~-  irS bi teke np by the leaf-1*</t>
  </si>
  <si>
    <t>                                           *DR.BENDER S SPECIAL* ~^\ATI FIVE DOLLARS ^ctH^^^^HeK. Smartness aud style  WmH^^^ with tiie  Dr. Bender com^WJHMEbbsA ton and fit ure yours in  \m^    5 SV special nurse s . ^^^^Bk X-Ray Fitting 25^"- je^    BENDER S toft leath- ^gUy er. Walk- 124 Bsechfres Arcade jrf tor heel. Jt</t>
  </si>
  <si>
    <t>                                           *A SECOND EMANCIPATION PROCLAMATION!!"</t>
  </si>
  <si>
    <t>                                           TIM TYLER By LYMAN YOUNG                 HAIRBREADTH HARRY                 FELIX, THE CAT By SULLIVAN                 DOROTHY DARNIT L                 By CHARLES McMANUS                 By CY HUNGERFORD                 It's A Great Life If You Don't Weaken Jy.fe.1ji!                 ByJACKRABBWT</t>
  </si>
  <si>
    <t>                                           FORT BENNING, Ga.--(S N S)--The Service Battalion. Third Student Training Regiment, has certainly come into the lime-light, in all Post activities, especially in sports, the Service "Bn" has gained well-deserved recognition.</t>
  </si>
  <si>
    <t>                                           Pinup Girl At Elks Club                 f m A morale  of fir?i runic     *:. .T.io is Ool^ct;* ,Sm*   , v bo now in ; imo^*!^.. 1tL**-r- n*. N^u- Yf.~k*n K-  (!~;z. T^'!, -e Reich Ccsc'r dce% ihr i-'.</t>
  </si>
  <si>
    <t>                                           HOLLYWOOD--(ANP)--Before leaving Hollywood for an eastern tour. Count Basic and his orchestra completed "Choo Choo Swing," a Universal picture. Coincidentally, the featurette has the Basie band choo-chooing out of Hollywood with the "One O'Clock Jump." The...</t>
  </si>
  <si>
    <t>                                           PHILADELPHIA--(ANP)--Death came at 5:15 a. m. Thursday morning to one of the city's former leading soprts figures. Otto Briggs, who whad been ill for a period of a year or so, died at his West Philladelphia home. He had returned there last Easter from a veteran's...</t>
  </si>
  <si>
    <t>                                           IF RHEUMATIC PAIN HAS YOU DOSING AHD HOPING Thar, prate' la yourself who!  tive  you can' gel note  this 'medians Open yourown way toward deliverance others have enjoyed. Make up your mind you re going to use  that eels to worS 6a  p jin. You   Uel. Boget C-s? n, ii you stiffer  or  . Don't be:put off- with  bets. Caution:     .only zs . First bottle 'purchase price t efos dt'4 if aos sa^sf iei foe snd Ji^jp, get C-3   .</t>
  </si>
  <si>
    <t>                                           The hitherto unbeaten Clark College Panthers dropped a, 14-9 thriller to a superior Florida A and M. College eleven, Thursday night, under the ... at Ponce de Leon Park, before a large and enthusiastic crowd. The "Men in Orange" unleased the greatest...</t>
  </si>
  <si>
    <t>                                           Warns Result Of Riots Unless Jim Crow Ends                 Recommendations Are Made To Ease Tension                 YORK (AMP) Race  are bound to result    In ended, declared Janus Waterman Wlae.           ol the OaancO AtaJnst Intolerance In Amerlw WedneMlay at an Interracial conference hero  by MO                 MM. Fin discussion  chairmen made * far the release of tendon and the elimination of  prejudice and . Anna Arnold Hedgman, ] director of race relations, OOD. headed the armed ( group that  thst President Roosevelt  an executive order abolishing1 tn***   *~*lr  and segregation within the armed force, and their  forces. The group further Toted to petition the President, his cabinet and executives of the Red Crow to immediately abolish the segregation of blood In blood banks. A housing group, beaded by City Councilman  Ttawffff, dedared that the ghetto 1* an ancient practice to be outlawed In a democratic society, and thai  relations can be achieved only wher segregation In broken down and these living In a community learn to understand each other through, direct  A. Clayton Powell, chairman of the People's committee, recommended that the committee work, toward the "marriage* ot the white and Negro press by having mixed staffs and that (here be no labeling of Negroes.</t>
  </si>
  <si>
    <t>                                           NEW YORK -- (ANP) -- Race riots are bound to result unless racial discrimination is ended, declared James Waterman Wise, research director of the Council Against Intolerance in America. Wednesday at an interracial conference here attended by 500...</t>
  </si>
  <si>
    <t>                                           Spends Ftirliotigh With FaftiHy                 pfc.        easons, wlio Is stationed at Camp TlokeR, Virginia, Is shown here as he spent it lii-lef furlough with hU wife and                 fonr-months'-old con, William Teiton Eason. Mrs. Eason and con are residing- with her maternal . Mr. and Airs. T. O'Neal \pf 95 Love Street, Atlanta.</t>
  </si>
  <si>
    <t>                                           ANNOUNCING THE Iflylllddnyii        NEW AND MODERN PAINT STORE DISTRIBUTORS OK PITTSBURGH PAINTS CLASS MIRRORS i GENERAL REPAIR WORK 1 STOREFRONTS PITTSBURGH PAINTS Look Better, Go Further, Last Longer Let Us Supply Your Next Paint Job McKISSACK BROS. 241 AUBURN AVE. ATLANTA, GA.</t>
  </si>
  <si>
    <t>                                           I (\^g^^ Enid  ) ^WJUnVl wMt Trocar /Vw"' '~^f JP j/   y* ^~^-^}i*^^L Ci\t a  of material      I  I A^-^S'lhMlt jL COMMUNITY SHOE STORE j 343 AUBURN AVENUE MACK DK REEF, Prt.p. I JAckson 6942 EDWARD HARVEY, MBr. I (\^g^^ Enid  ) ^WJUnVl wMt Trocar /Vw"' '~^f JP j/   y* ^~^-^}i*^^L Ci\t a  of material      I  I A^-^S'lhMlt jL COMMUNITY SHOE STORE j 343 AUBURN AVENUE MACK DK REEF, Prt.p. I JAckson 6942 EDWARD HARVEY, MBr.</t>
  </si>
  <si>
    <t>                                           Beware Coughs from common colds That Hang On Creomulslon relieves promptly because it soe:  to the scat ol the. trouble 10 help loosen and expel germ laden phlegm, and aid. nature to soothe and heal raw, tender, in- flamed bronchial mucous membranes. Tell your  to sen you a  of Creomulsion with the understanding you must like the way It quickly p. the  or you are to have :-our  back.  for Couch;, Chest CoWs. BroncMH? i?^*'**^'; '^wS5i ''rBi^l THAT WIN5 MEN MaTce him thrill to the touch of your beautiful  hair.  PluJco Hair Dressing, a Black and White  helps you to comb out your hair softer and smoother. helps it stay "set" longer in many heart-winning way*. Pluko's perfume brings added charm for hours. LOOK YOUR BEST At work and play,  feel that you look your best  Pluko 15 keeping your hair in place. Especially popular '.vita those , ^lj-. bad- hair. MEN LOVE IT 1 Men love that soft, smooth. shining lustre Pluko Hair Dressing brings to your hair. Yet Pluko costs only a few cents. Sold by dealers ^ I where in large money- sues. Amber, 2   White, SOf. j Try Pluko, you ll love it. Always be sure you ask for</t>
  </si>
  <si>
    <t>                                           MM mm COLGATE ^M PERFUMED SOAP 1 12 FLORAL ODORS J Yates Milton PHARMACY SU- HAlK UK1SSS1NG So^ood IUlr Umulnjc. have been mas. ) aud hM  la the  i ho nerd It lor the put 841 . Therr We WHat M       once la Mil SO ^         at A'. ^^ U known moRt     ^~^^^L done (or ron. fur It tp2^^^A  IT T1)UAT O^HI 8EB OUR PRICKS MS^H^H li no chance In tbe ^^^^^^^^HL. ( of the So- Bs^a^HaBMRkB Good . The ^H^^^^X   the HuFlfl^HSeB name. Tneie  V^-JBm^^BamHi will do now  av-^ni^^^HemS GOOD  direct     tin people who iwe It. Write me at ones for   nd .  Hair Dmaloi We ^O-COOB PrtMlac OU tur        Soap Uc Wt par all . Beml money ardem r   ampi (or row . 8O- CHEMICAL Ca t*Ji CkmritM Atlaata.</t>
  </si>
  <si>
    <t>                                           "Stormy Weathes?" -With Lena Home Bill Robinson Cab Galloway And ALL-CO LORE! D CAST I'lus MARCH 01'  NOVELTY CARTOON CAPITOL "v'^k ICrjpihir Admission *t</t>
  </si>
  <si>
    <t>                                           McDANIEL, Mrs. Ida -- The friends and relatives of Miss Jossie McDaniel of 871 Hobson St., S. W., Mr. and Mrs. Kimsey McDaniel of Atlanta; Mrs. Ola Saine and Mr. Joseph McDaniel of Detroit, Mich., are invited to attend the ...</t>
  </si>
  <si>
    <t>                                           Peonage Charged To Mississippian                 JACKSON. Miss. (AN Charges of peonage, have been brought against Donald Castle a  white Lauderdale County sawmill operator who is said to have unlawfully, wilfully, knowingly and feloniously carried away Rossy Wyse with the intent that he be held as a slave with the purpose of  him by threats, intimidation, whipping and beating: to work and labor involuntarily and against his will, according to TJ. S. Atty. Toxey Hall. The indictment also charges that Castle confined and Imprisoned Wyse by shackling him to a bed with a log-chain about his neck. He will be tried in a Meridian federal court this week under Judge Sidney C. Mize.</t>
  </si>
  <si>
    <t>                                           CARVER BIBLE INSTITUTE Train for Christian Service Three- Year Course Afternoon and Evening Classes Car. TV. Hunter Chestnut Sts. Phone JAckson 8)33</t>
  </si>
  <si>
    <t>                                           Russia's victorious army has taken Kiev, Premier Marshal Joseph Stalin announced in his special order of Saturday.</t>
  </si>
  <si>
    <t>                                           NOTICE We  tbe PfopJe'R Hww Bsaprolent Sodety-  lor *9  of old people who  $et insurance. Any cs* from 18 to 70     Join. For further  can te. Cox Bros, 3ST Kutram Arcnue.</t>
  </si>
  <si>
    <t>                                           i Silver Streak Adds New And Palatial Dining Room I1  IS SHOWN   KROiW THH MiW AND . HI  DIMNn KdO.M NOW (H   y SILVER  Public Inspection Is Invif?  ^FEEE SOUVENIRS Dignified, Orderly Service Will Be Maintained At All Times Best Home Cooked Foods Sea Foods, Steaks, Chops, and Chicken, Minimum Charge $1.00 fe;,  STiSIAK 'GRILL.  ROOM 1 345 Auburn Ave.  C-ASTON, Proprietor MRS. CARRIE CRAWFORD FOSTER, Manager Telephone J A. 6942</t>
  </si>
  <si>
    <t>                                           FfoJXTHECAT                 BySUlLWAN1                 ByLYMANYQUNG                 HAIRBREADTH HARRY                 By GY HUNGERFORD                 It's A Great Life If You Don't Weaken                 ByJACKRABBITT                 DOROTHY                  'BfCHARLES McMANUS^</t>
  </si>
  <si>
    <t>                                           i ii i /t^^^tir i j CITY.-...; Atlanta   world edition The     ?s Only CoioreVballyfcspapw '          17..;= tttt-i IT IS NEWS" J^VampfriwdiaSlt) V0LUME 1C NUMBER 131 ATLANTA, , TUESDAY, NOVKMItliR 9, 1!M3 PRICE FIVE CENTS</t>
  </si>
  <si>
    <t>                                           I WE CONGRATULATE i1 j The Afro-American Insurance Co. i Upon the opening of their new ..offices. We com- I mend its genial manager, Mr. J. A. Bait?.. also for the most prompt way in which they settle all" Claims. COX BROS. I Funeral Directors j 380 AUBURN AVE. JA. 2172</t>
  </si>
  <si>
    <t>                                           Afro-American Life Insurance Co. g ATLANTA DISTRICT NEW OFFICES:, 186 AUBURN AVENUE vir ~*^^3Hw6iH^^^BBMhhfcLi_^* *f^8y-^'        ^^F^*^^3HSj^w^^K^^^HR bB^P ^^BiS*~^^"^^^^^B^^^a^a^a^^a^a^al The interior view of the new Atlanta Offices of the A.fro- American Life Insurance Company "is shu.vn here. We Sei?ve- We Pay* We Employ Announcing The Formal Opening OF THE NEW ATLANTA OFFICES OF THE Afro-Ameneasi Life  Co. FRIDAY AND SATURDAY NOVEMBER 26TH-27TH The Thousands of Policyholders and Friends Are Invited to the PUBLIC INSPECTION from 1 P. M. to 8 P. M. Listed here is the personnel and fie d stuff of  Office. The  cooperation of this force and the loyalty of our thousands of policyholders i# responsible for this  ;  " over a period of  five years. ,1. A. BATTS. Diitriet Mmnsiger MRS. S. M. 5LEA, Saluwom*n ROBINSON,    ;.lant Manager MRS. K. L. WOODS. SitWonut W. A. . A..:~t.nt Manager MRS. A. J. Tt'RK. Sal- M. E. JOHNSON.         MRS. TURNER. 5          GRIFFIN. Secret. r,- MRS. E. ABRAMS    !~      J. H. . Sale.m.r,    . I. R. HI!    --. 5          W. DAY. Salesman VS. P. E. F' EV!!Vr, Sal-*    A. R. BEASLEY, S.lr.man    . L. SMITH.   i-.   -nn "H. HOOD.. Saloman MRS. A. M.     l^ES ~~~..       S. J. GRIMMETTE, Snle.m.n Mrm- P- T ?T"'-' rv   ^~~om.n D. I- LYNCH. Salesman     . .1. E ~~,-"t.l.~N c,,!.,,,,,.^,, J. S. D , Salesman w w ~~^  .   -~Mu S-I-~man S. WOODS. Salnimu JACtOE BATTS. Offic Bw The local management invites all policyholders and their many friends to be a parl .~fj-kkk*g t^l^ay.  stopping by at the given hours to inspect th?s.^ modern and neatly appointed office and to meet the president of the company and other home office officials.</t>
  </si>
  <si>
    <t>                                           Some people believe that this is a providential war promoting unity and goodwill between the races. This assertion is logical but it not sound enough to verity the doubting within my mind pertaining to the basic principles upon which this conflict is establshed. We know...</t>
  </si>
  <si>
    <t>                                           Barnes Shoe Shop 287-A AUBURN AVENUE We will repair y.our  to they can     longer.</t>
  </si>
  <si>
    <t>                                           Year-End Clearance Starts Tomorrow! 475 Prs. Fall and Winter SHOES 4   gr-*TaaaK Values $4.95 to $6.95 Save Up to V2 and Over! Suedes 40 Styles Calfs All Sizes Patents All Heels A Roal Chance to Get MORE VALUE for Your Ration Stamps and Christmas Money! HIGH S SHOE DEPARTMENT MAIN FLOOR</t>
  </si>
  <si>
    <t>                                           Regional FEPC Opens Here; To Probe Discriminations.;,"                 Staff lo Conduct Investigations In Seven Slcvlcs of ScM'thccist                 .Uv-..I.UM . Jr.                 Kcudquarturii lor ilu- .~'l:'  ;i re- i tonal  of tin; Proiiltiit's Com- i nit tec on l air Employment            Tur-sOay :it. 52o-'.'~i 'I'cn For- . Street UuUdlug.                 j Aimounceiiioiil. w;i' "l:*  ' rnw i -c\)'.'- ln-ri*     V Ijmet- . \     \ m-v.l." -d Ki:- I IuikiI Director.          Wauhinii- on by Malcolm    ;. Ohiilnnun ul he CommttlO". \           !i iI out that SxccutKe OrdiT IKM'i  was 1s:ui.-(i by thu Prt'sltl'.'Mi. on Muv CI7. '943. !; the Comniltlcu, pro Ut b that "Fhe :hici;b:'"-I"1  ol tlie 'war  the         employment of nil available .  of , creed, olor or   ;bi." Thu AUuiila office will  aiid correct grievances                  or  employment .s buv*l .~n nice,   or national origin, nud Us JurlulkUon -.vi!I  of war .1. labor unions ami  (^ and agencies ill tUc .slates ol Cevrgiu, South Cnrolrlnn, Flnnda. Alukimn.              and I Tliu Initial staff of the Atlanta i ri'.  will consist of two Fluid Examiners,  appointment, will  place In   -. mill UcKl'jiitil Director HuntMr. Hiinl, said TtiusUny  lib uFt li v would : operations by  tl'.u ;   130 active cases  have been handled In the national office, of. the Committee In Washington. Auwnt; complaints which                     -Vlli Investigate     ch-~-h of TufMi'Rt to hire, refusal to dam'  w , refusal to rtv.Ltcr -fi:r cr -r-to a war Job, ^ In ^ or  , . to union ) or'  to  n work " all . on color  -ruid  action. (Contl(      On Putt S Column G)                 RegionalFEPC j (Continued from pare 1) j Complaints will be investigated to determine their validity and merit. Complaints must be substantiated j by evidence, or they will not be in- . Director Hunt pointed j out. It complaints  no merit they will be dropped from tbe con- i , of the office. Director Hunt indicated he in- tenets to carry out teh letter and spirit ihe Presidents Executive Order which created FEPC in his organizational setup. It is under- i stood that colored applicants have j been interviewed concerning work with the regional office. The new director is a native of i Virginia, where he has lived nearly all of his life. After obtaining a law decree at the University of Virginia, he practiced law in Roanokc. Va_ j until September. 1937. when he was j appointed to the Review Staff of the National Labor Relations Board in Washington. D. C. In March 1939 he was appointed a Trial Examiner of the X. L. R. B_ and later became a Principal Trial Examiner. As such Mr. Hunt presided over numerous hearings in tbe South. In May. 1943. he became Assistant Director of Disputes for the Tenth Regional War Labor Board and had charge of that Board's Disputes Division in Los Angeles until his appointment as Regional Director by the Committee. At bis Tuesday press conference, he presented the picture of  fair-minded and impartial in answering the queries by representatives. On the walls of his reception office hang two large copies of Executive Order 8802 and a poster of a white and a negro worker combining their technical skills above the caption "United We Win." Executive Ordtr 9346. under which the FEPC operates, reads in part as follows: -NOW. THEREFORE, by virtue of the authority vested in me i by the Constittuion and statutes. and as President of the United States and Commander in Chief of tbe Army and Navy. I do hereby reaffirm the policy of the United States that there shall be no dls- I crimination in the employment ef any person in war industries or in Government by reason of race, creed color, or national origin, and I do hereby declare that it is the duty of all employers, including the several Federal departments and - i cies. and all labor organizations, in furtherance of this policy and of this Order, to eliminate discrimina- tion in regard to hire, tenure, terms, i or conditions of employment, of un- ion membership because of race. creed, color, or national origin." i The Atlanta FEPC regional office j is one of several established recent- j ly aad  for the better  of the anti-bias body.</t>
  </si>
  <si>
    <t>                                           Headquarters for the Atlanta regional office of the president's Committee on Fair Employment practice opened Tuesday at 525-28 Ten Fortyth Street Building.</t>
  </si>
  <si>
    <t>                                           First Bomber Pilots Enri'Skegee Course                 ARMY AIR FIELD, Ala.- fS N Si- The first Negro pilots In the history of  U. S. Army Air Forces to receive the .coveted silver  ol twin  pilots were commissioned     t the graduation exercises livid in the     ;i Ch.ipel                 ;it. the        :~f Anny Air Fii/Id,        * morn in-.;. November 'I, I!M3. j to ti;.mv ON  ro.\ST I I Included  i.hc  group of Ne^ru bomber ;. who - . '.'i{;''l ~'utr^. nrr UntJ Lt. Henri F. Tlrt' 'in. .S;m Aulunii). Te\as; ::i"l 1,1. I'iM-ry Mndii.'M. Jr..           !:~;. N. :'nrl U. Harvey N. Ptiiknrv,  T'.1. Mil.:  Lt. Ji'i-: D. Simrliii. Chic;ii:o. t!!.: i and I.I Wiilian: I),   il-.sn::. Fall; Hiv-r. M:i::.-;.: L'nil [.I. I --ill.- A. Wil- I I Ihinis. S;m M.ii v. Calil.: '.'nc! I.t Hrrinan I?. C':         '1I Ni'V.- Viirfc I City: :i:ul i:iul I t. H:il.!.m- Kin: "I I ..:.. Ni-.v Yi.rl:. 'I hi.i ':   :    "I llv 1 1 1 p- In ;M:iIIii-i- I'l-'kl. C:.. uln-n.- llu-y i j wil!  i!iin.-il ;u:i:il b  ^ in 13-2"), Miichcll . T. M        -!1. Field Agciu. U. I i                 S. Department of Agriculture, and father of 1st Lt. William Campbell,  of the all-Negro fighter squadron to bomb the Axis, delivered the main address to one of the largest audiences  to witness a graduation at this base. In his speech. Mr. Cumpbcll. who has two suns in the  forces ami    daughter I"      WAC, point* ~'tl o lt to tiie new flying . thai. "The courage, skill and precision, which you have exhibited ; your period of training hero will nut only be of great inspiration to those )!; in your  bill will  the respect und .- of both races of people in this immediate . this state, this region, this nation and other parts of the world  yon  chance to go." -rr  Tin- three tup-ranking cadets of tin? class *cro awarded prizes emI  of their all-around .' a? potential officers in the Air Forces. First 'honors Were a-. to 2nd Lt. Leslie A. Williams, former student at the University of California. Second  went to 2nd Lt. Edward M. Thomas. lonner Chicago postal clerk, while (Continued on page (J, coL 1)                 Present For A Talented                      Sgt. Anna P.. Fort Iluuchuca's talented artist of WAC Section. HCU 1922. is shown here receiving a Rift from . Gen. \V. II. Colbrm on behalf or the ?2ml Ulvlslon Rrld .Artillery. The jiff, an attractive Tnivannr*      watch.  prt'.     :~l to Spt. Kusscll in                 appreciation for her painting ft group, of organization insignia for display, in the", artillery . s mess.* Set. Unwll. a.  of, ^  ^-li Hwrtau^-' art work for thV Tost and is staff  for the "Apache Sentinel."                 Warrant Officer                 M-Sgl. Milam Arnold, lit AuKUslii, Grorgiii, assigned lo the Administrative Inspeclor'K Oftlcc, Tuskrjce Army Air Field, was recently appointed tu lUe rank of Warrant  cr.                 PifstBomber (Continued From      I) 2nd U- Harvey N. Plnkney. who attended Morgan College, won  prize. Cadets completing their training and commissioned as single engine lighter pilots comprised a  of the class and included -cs of eight states and the District of .Columbia. Listed amon? the single engine graduates are the- following second Lieutenants: Gwynn W. Pearson. Oakland, Calif.: James B. Brown and William Thomas. Los Angeles. Calif.: Roger B. Brown. Gleriioe. Ill.:;'Oscar D. Hutton. Emory L. Rohirison; and Edward M. Tliomns of Chicago. 111.; Alfred Q. Carrol). WaslUncjton. D. C: Clurcncc W. Dart. Elmira. N. Y.: Churles W. Olckcrvun.  md Theodore H. MUU of New . N. Y.; Hugh at. Clair Warner, New                 York City: Edward Laird. UriahIon. Ala.: Jvcy L. Lcftwicli. Fairfield. Ala.: Turner W. Payne. Wlcliftu Fall.--. Earl S. Sherard, CuIujiiIhis. Oliio.: Eugene D. Smith. Cincinnati. Ohio: Nathaniel C. i Stewart. Philadelphia. Pa.: and Paul C. Simmons Jr.. Detroit, Mich.</t>
  </si>
  <si>
    <t>                                           TUSKEGEE ARMY AIR FIELD, Ala.--(S N S)--The first Negro pilots in the history of the U. S. Army Air Forces to receive the coveted silver wings of twin engine pilots were commissioned second lieutenants at the graduation exercises held in the Post Chapel...</t>
  </si>
  <si>
    <t>                                           FORT HUACHUCA, Arizona -- (SNS)--At Fort Huachuca (Arizona) last week, a field was dedicated to the memory of a recently deceased soldier; Technical Sergeant Fred Brock, Jr., Headquarters Battery, 598th Field Artillery Battalion. The dedicatory ceremonies, under the...</t>
  </si>
  <si>
    <t>                                           Versatile Poplin Jacket H 'or lt$ ifl E 1 C-5 appearance. Ribbed ^H  SR He'll  et many hours of  HK trim. V-neck. S-M-L..SZS5 op ^M K Hst wear and pleasure oat of this  yj jM Hi  smart jacket! Tao only. $3.45 ap XV j^^wt^-^^. flH ffi ^  * Ira Smartly Striped Rayon Jmm H ^Et Plain or Patterned Hose rr\ VS 9 rl Lnttroaj fine quality rayon 5B EB  B; In the finest quality rayons jf  for bis dressier mo* BBS 19 bB' and wools. Also mixtures.  4 ments. Expertly tailored. $2 on    H ^B Rlfh popular . Pr. 45c ap yy ^   ^B ^B{ n 5   Ties, Colorful as Xmas ^H 18 H. Sturdy Leather Belts  5 Give hi. tto wardrobe a boost B M Be probably needs a. new one! mm frith several of  ! ^B Kg 9 Colorfnl  too for    Rayons, wools, many colon. 1M M ~{ added pleasure. Sets tZ ap MM From 55e to      JH K</t>
  </si>
  <si>
    <t>                                           ROXY Always A Great Show So grand a  brought back by popular demand for all Atlantnnt to enjoy I Bc'.ty  Robert YOUNG Adolphe MEN.IOU in "Sweet Rosie O'Grady" In Technicolor 'Added Fun MADCAP MODELS CARTOON I FOX LATEST WAR NEWS "ITALIAN FLYERS JOIN ALLIES"</t>
  </si>
  <si>
    <t>                                           I SULPHUR DRENCH TREATMENT FOR PERSPIRING SCALP CONDITION           In  . or -rr  Mlar or       m*r  nr               """I" to . Certain  calp  rmx bo Inunl to  161.          moch      ~)w W  .h Iioik ,a ibr       7    XtTft* KM1M, VffnlR,   4  a      . Ilrlilnc ami    (~Uaic   d            which            and hair . Him ilw *o*lp prr*-~ t#   moch It   hn- . Tkr     f lin),\   . SI    IL\-M.      Mcbl^ . I'w  a . Zkla Kalpkur  Sbampoa   Ni1 Makaral ! . It I*       br  and mlp  .        l ~~-r bottle               . CuiHi'   . Srwl No      ! 1M mall nor aw and . Far 1=1 mi *       plaa Z3a  . MF. HC^niCK DRRNCn .  awi      vT Mrdnla Haranna l^tii TV* IVwdrr and ITalr IVrTanw  In plain  box.          C.OIJ) . HA IK 1-KOnrCTB CO.. Drpt. DSP. 10  Arrnuo Brooklyn. 4. Nww... P. (I. Do me  w          thU '         D^w:h TraliwB. Allow cm]p to  lry    calp  ^~r  *</t>
  </si>
  <si>
    <t>                                           Taking your girl to the movies? WATCH OUT! TCitch out Umt your breath docs not offend you yourself probably doni knew Tdicthcr it s offensive or otherwise II you -rant to make a. hit with, your Clrl Mend, there s a -cay to - breath more agreeable. And It's . i   the  ^7tt2^ XJStexioe'] Antiseptic before  halts food fermentation, in the mouth, the usual  of breath odors accord- 1 log to some authorities.. tbc.^  odors . T^*rfr Phannacal     St, Louis, 2fo. Before Any DattVsm  ANTISEPTIC To Malta Your Broath Snmtar</t>
  </si>
  <si>
    <t>                                           I   t).   Heading foi Zfr     Loefcj tWa an) Uoatka aim Tt- VfipSk MadamEva  she gives facts Hl)lfi  GET B^\h. ITorld'i rr*~      ^k' \^^B  700  all ~^L V ^ra nnt with  w -rt ~~^e bait  knows all. Ir yoa  trouble   n-ifr or l.Ock H* ture anil come at     .  boar* J A. 51. tu 10 I'. 51. Uollr  od 8am!~j { IUI5 W. Marietta St.. N. Atlanta I He  to tuke the Xuman Tttrik Htrerl ^nr. 1'  the itr^ car  let 70a urf tt  on tbn    f the Ulng l loi, Co.. Atlanta, Oa</t>
  </si>
  <si>
    <t>                                           I FOR WmiT'ii S'WtM Mm ^rvM i</t>
  </si>
  <si>
    <t>                                           Apron With Swank This siim-waisted aprons is as r- well-; as a dress, .ou mny make 01 Pattern 9568 an exciting combination in two color", jr you may stitch it up In just one f^nt or plain . An  Chrisimas gilt. I';itti!rn 9568 conies in sires small (32 34,  i3G-38). large '40. 42.) Small size, nil one fabric. 1 7.8 yards 35-inch: ot.her version. 1 1.2 yards ancl 5 8 y;\rd centrist. Send SIXTEEN CENTS in coins for this pattern. Write plainly SIZE, NAME, ADDRESS, STYLE NUMBER. TEN CEN I'S  brings you Ihe New Rill and Winter Piiuern Book wi'-h Free pattern for apron nnd applique printed In book. Send your order to Atlanta Daily World,  Departincni. W2 West 18th St., Now York. 11 N. Y.</t>
  </si>
  <si>
    <t>                                           Sammie Osborne, in his final meeting with J. M. Hinton, Thursday, asked that his personal word of thanks be given all of those who worked and gave in his behalf in his ill-fated two year fight to live.The next morning at 7:30 he died in the electric chair ater...</t>
  </si>
  <si>
    <t>                                           Provides Music Turkey Day                 LOUIS . -king of ail trumpet ]~. plats Thursday. November 1, .it City Auditoriu  S:30 ji. -n. to 12:50 a. m. Advance. SS cents; at box, $1.00. Tickets available now at prominent nci?"~"~r'""1 l A Soutbeastcri) Atlracti.m.</t>
  </si>
  <si>
    <t>                                           ?f, -I Wfl[//?//   % Miir ...c s.-.,.  .         nd  in ii.ii- .1. .1  . Ij I..- ..I .,1,1,, j i.;,1F, wi0,ls           "~ill. h K.. Al all Drug Stores.</t>
  </si>
  <si>
    <t>                                           Mrs. Bessie Haywood McCloud, attractive popular young matron, a former Atlantan, who has made her home Dayton, Ohio for the past few years, is here visiting the family and friends. She brought her lovely little five-year- old daughter, Sonja, 'Bess,' as she is fondly called, has been on the go each day since her arrival. She has been the recipient of many social courtesies and many more have been planned for her before her departure next week. A pretty...</t>
  </si>
  <si>
    <t>                                           Shopping Dividends Everyday! W^tF^W**** 4+ StiLi 4% wr Pf  TI/^r      shopping at your Big Star or Little Star pays -fc *riB?B* ^fc^  Jar   \3 dividens in many ways. Greater savings, finer foods, /SET1    Ba#Tfcl-^^ll'~9\3 SALAD Jar ~"V wider variety and weH-kno-.vn brands all join in making           ^ W*M** ,-a ~.iA,   b nr fit* your visit both pleasant and profitable. You can always       it PICKLES "s^t ssSd s2- 9c jj^i* .su, PSlouS if MATCHES '.- 3 1 lc A 1  S sr ^8C M es*    J CORN FLAKES STANDARD APPLE ^' 1 f JP^T     H          /""^V 2 J KcHogg's  J 8c Vinegar ot. %4q ^~    1 [vM^lf '1 k  Hk cJL n M j SUNSHINE KRISPY AMERICAN BEAUTY ^^^Hffi^^BfR^W^ftm-iW tt^Ly Cr^) 1^? S 4C J Crackers is pi:c 17c Noodles 7c ^'^ffl^ ^H^^^ if. SYLVIA STUFFED MACARONI OR SPAGHETTI ^W^TTjW'/IB I J F 1 1 I *fl J^f^   ?'~^^ 4( jj. Olives  2 eo' 12c Holsunt  z- ^c 4C ^^a^ w Sra ^jj.  PAPER RED MARASCHINO O^S^ JBThL 4C S ,^'tL T 15c SSS, 12C  SIAfi SlOREs BBBrti^Bfi i i^Pillsbury .~.o2.pks. 9c Borax ~-or pkg. ioc 4rT^^^ya^^ one steaming cup oi GRADE 'A' BEEF J^F^ jD^Sb  r^ SIRLOINS IB "3 QC NORTHERN TISSUE NORTHERN TOWELS j^ J J W 9 I CAin S1       5  Roll gc 3 Rolls 25c makes COFFEE 5 CTF-AIC porterhouse A7c DRINKERS say: 5^ SnV -fcn? knit OR T-BONE "W1 M 's not at oli tirr":s possible for us to have in stock all a} the ^r s ^C jt. brands of soap listed :n this section or our oc!v--rt-sement. If   JVlSt C3Ht Jf 5- ^^1 OAfiCT beef rib OOc        ?LpXs'wm^^         ^ beat this flavor, -to, $* W%.\*tt+9 I 7-IN. CUT      et your Big Stor or Little Stor Stor*. Jjo jjj^^gj. -fc *~~c GROUND .. 27C Woodbury = 3 23C v^m1 ay/" I) Palmoitvew 3-20           $ I  55C octagon ric MSf I J G pork roast BosTONBUTx 34c Octagon 2K 2 9C ^w i J PORK STEAK bos^utt 39C s I 5 c pork picnics i   H u, 296 Octagon gmss?- Sf 23C GOLD LABEL i J I PORK CHOPS  30e D.M Drf uv o^c 2-^^49- 0 PAN SAUSAGE  u*. 35c  Powders . ^4 '^^bel I I I.Q SKINNED HAM M 31- Qamay Soap 3 Ba, 2QC 2 41</t>
  </si>
  <si>
    <t>                                           NASH, Mrs. Catherine -- The friends and relatives of Mr. and Mrs. Asberry Nash and, family of 714 McDaniel St., S, W., Mrs. Mattie Copeland of Chicago, Ill.; Mr. and Mrs. Willie Turnipseed and Mr. and Mrs. Booker T. Turnipseed of...</t>
  </si>
  <si>
    <t>                                           fl*^  *   iaf *3 f 9^k 13ft ^^JTr                 Fintey Wilson Sends Cigarettes Overseas                 WASHINGTON, D. C. (SNS) At least ? Vv-ill see to it this  that NegTo men and^romen serving in the armed forces of the- United States .overseas i; remembered at Christinas.                 T"h') Improve! Benevolent P?o..v     ; of Flto of the World iin: ,tu:.t unn'~:nrf;d through Miss l;;".1~'J V Corrojhcrs, who . its 'Publtr Relations Departini'p.i. t)~'- purchase bjf J. Finley \  ]-..-.n. Oratiil Exalted Ruler, o'f -^to be sent to every    :trc of operations In which Nearoea are serving. V Thdse-  were made" ? Uirouslv -u.- special  of the Civilian Defense Unit "of the Depaittncnvof Tublic Relations. The ccs! ii  by funds              by       -Elks- from. ihe. United States, its Territorii-.s, Canada, Cuba and parts of the UritisU West Indies. Tlie Public -Relations Department, ii ml-jr Mtjs. Corrothers. Is  to -a '  .m   sll   participation of its ni=mbe"rs in the volunteer W services. The department ic also interested In .E Its program of botter  of other groups whose problems are inter- related  to  unions its national  f ni  500,000, -discussion on post .                 Elks Remember Our Boy s, Girls Serving Overseas                 Jr. the picture is jeer. J. Finley Wilioa,   ruler of the I. B. P. .E. of W, presenting- to Mr. Colucco of P. Lorilhrd j C;o., a check for  be  at Chri.tmni to Nejrc men and woman  ervins oversea, in oc armc,J force, of the Uniteil I                 3(r!-j. Olfccri in the-  are -Mr'. JAycn of Liggett IWyerr'Te. bscco Co., frorn whos- eig*~-aIso , MTV^ V. Corrotfcers, who '*   . Ella         =t of PoHie !           and who directed     'OTrrsaes" * project  nd Wilfred "C. Levin, exalted ruler of New YorJc'Iook on.</t>
  </si>
  <si>
    <t>                                           99TH PLEDGES TO REMAIN IN ARMY AFTER WAR                 99th Flyers Make Post-War Pledge In Italy's Mud                 Absence Of Race Friction Between Squadrons There                 ARMY FIGHTER EASE, ITAI/S CANP)- With 1.156  to their credit members of ine 99th pursuit squadron made a group  recently to remain witli the army air force after the war if their. services were wanted, a report from j tbe IUUiun trout revealed                 Despite tad flying weather in Italy. 20 members or the fighting 09th, who were in readiness to make an immediate mix off on tin  muni of destruction, are reported to I have pledged their post-war services to the  in the sticky mud of the Italian mainland. ABSENCE OF FRICTION    . absolute absence of race  exists between members of the j 09th and other squadrons, reported i Ciipt. Charles B. Hall, or Brazil. Ind. America's first colored flyer to down u Nazi plane. "They Invite us to come over and fly with them." he .said, "and we invite them to fly with us." Capt. Hall revealed that white and colored flyers get together just for bull sessions." That the 09th is an experimental air arm of the army air force was brought out by Capt. Rodney Curtis. 25. ground operations officer of Hartford, Conn., and a graduate of Harvard University. i PART OF EXPERIMENT "This has been a great opportune ity for us." d^dai We knew it when they opened up the air [forces to us back in July. 1041. be- lore Pearl Harbor. Wc knew I i that we were an experiment, that J the future of colored men who  they should be permitted to fly for their country depended upon ns. "Wc think we ve proved ourselves. "We've fought in Africa, in Sicily and now in Italy. We've curried out j every assignment  to us. Puisi:d within eight minutes by plr frum the Nazi lines, the !~Mh has     ;       in ; and j strafing: has served as bomber escort and patrol and has supported   on 1.15G missions of battle.</t>
  </si>
  <si>
    <t>                                           ARMY FIGHTER EASE, ITALY -- (ANP)--With 1,156 inisions to their credit members of the 99th pursuit squadron made a group resolution recently to remain with the army air force after tile war if their. services wanted, a report front the Italian trout revealed...</t>
  </si>
  <si>
    <t>                                           Music Is Great Leveler                 Dapper dowagers and jamming jitterbugs found a common denominator in the music dispensed at Chicago's Civic Opera House Sun*'                 night by Diikc EUinetori, above anu his band. Walls of the  old scene of many classical music triumphs. literally, shimmered with Duke's tantalizing rhythms".</t>
  </si>
  <si>
    <t>                                           As Bob Hope Greeted Boys In Great Britain                 TROOPS IN GREAT BRITAIN- On the first day of his recent torn of United States Army  in Great Britain, Boo Hope entertained a onit of engines aviation troops at tne      of as air base they are . He took      after the snow to  a frw  joke* with  ft to TJgtt, Corporal Calvin Walker Philadelphia. Pennsylvania; Private Fred Rot:?r^ Sonl-mf. W.,*hington: Staff Sergeaut Connie Sotton. St. Paul. Minnryota; StiT Srrr.ir.t C'.yde N' L^~ar. Panniylnnie; and Corporal Geo-   E. Gam.-oa Atlinii, Geor^ii</t>
  </si>
  <si>
    <t>                                           Fightihgest Fjghtpr                 Fvl. Lionel Julmsun, nf Brooklyn (back to camera),  Uie  , flicks his left lo Vrt. Jolin Watson's car In one of nine action packed  as Camp                 Gordon Johnston, Florida's boxing sen son opened before ;i SKO house of over 2.090 enthusiastic Gls.                 U. S. Army Signal Corps Flioto</t>
  </si>
  <si>
    <t>                                           THE WEATHER FAIR; cold In forenoon with slowly rising temperatures.</t>
  </si>
  <si>
    <t>                                           Answer these Questions and make a good laxative choice                 ~;;ues. Clan any laxative bs of help you feel listless, logy, or have ited tongue? Ans. Ves, if those i.^. nre the result of consti:.i:.n. Ques. Why has Blacklight been such an ; laxative with four geni  ns? Ans. Because It is purely ~~.t: ^nd usually prompt, thor..-:::;y, and satisfactory, when                 are followed. Ques. What's another reason for Block-Draught's great popularity? Ans. It costs only 25c for 25 to 40 . Don't wait! Get Black-Dranght in the familiar yellow box today. Many prefer the new granulated form. Caution, use only as directed.</t>
  </si>
  <si>
    <t>                                           AN ACNE PIMPLE PEST .especially      ^jj^ I soreness and itching iBk, arc present. Relieve yW^2 these troublesome A ^K symptoms of externally l/'Vp^JW caused pimples with I ^^R antiseptic Black and V ,-^m WhiteOinlmeut.Thoay- tando of satisfied users  found that famous Black and White Oiuti ment through its  antiseptic action- eases itching helps  in healing. It also relieves itching and burning soreness of eczema externally caused, and simple ringworm. Try ill In large economical , 50f!, 25fS and lOji. Use only m directed. tr Highly recommended for daily cleansing away surface dirt is mild aud  Black and While Skin Soap, 10)S and 25i,  old</t>
  </si>
  <si>
    <t>                                           RflYY Nov QUA I  Dorothy L AMOUR Dick POWELL Victor MOORE Cass DALEY in "RIDING HIGH" Plus I'opcyc Ciirfooii Latesl \\'~r News</t>
  </si>
  <si>
    <t>                                           %o Money! ^J^ CO DAYS' TRIAL tna tear own StgAejnU]   Plata* RcpalredinnRZMU MONEY-BACK CUARANTEEIBMSmB PnCC  . , *. r  United Stata*         ' Co. 1555 Milwaukee Avc, Dept. BAW Chicago (GLAMOROUS ffA/R\ During those thrilling hours when you are with him, your hair must look its loveliest. You can enchant him completely with softer, smoother hair that lends magic to those  moments.That'swhy  women everywhere are counting so much on Pluk-j. A HAS BEAUTffSS For  beautiful looking hair use Pluto, a genuine B!2ck and White erection. For Pluko actually does beautify your hair a; it helps you to comb it out flatteringly smooth and loft. Hair cared for with Pluko Hair Dressing becomes easier to arrange, really behaves beautifully, and stays "set" longer. You'll find it can be such fun to "do" your hair in many heart-winning ways, while this famous dressing keeps it well-groomed, shining and smooth for many hours. MEN LOVE IT Pluko has a fragrance men love. Its  invites romance, because the perfume-like scent of it .a irresistibly about you all through those precious night hours. And although Pluko brings such added lustre to your h:iir, although it has such exquisite qualities, Pluko costs very little to usc. It is sold by dealers everywhere in generous economical sizes. In Amber, 25c, in White, SUc. Try Pluko once, and you ll never be without it. Demand</t>
  </si>
  <si>
    <t>                                           No Pie In The Sky For Troops In Hawaii                 Pie* by  dozen ore- Ho trouble for T-l j James William*, of Washington, D. C. H* \ncA I  r. coot; lor Triniiv ColieEc .ind     Depnrtmer.t                 of Commerce cafeteria     Washing ion before J ? ihc Army* He now   hit troop bud.                 ."He* in     **~ui. (Official U. S. Army Sign*! Corpa Photo . OW1).</t>
  </si>
  <si>
    <t>                                           Cute Threesome  MARTIN' II gnr:s tm easily and mays P'tl Uilh jaunty Jumpr-r   iv;irm jacket to lop II. Vim nm mike Hiil I cm !Mlil  Ml":  lamb  it:, tail I to many !)mcv. And wl!! that-  /ours look cute wearing it! Pattern SM61 may be ordered only j n children s sizes 4. t;. 8 and 10. i Size 6. Juinprr.        -s 1-i; yards iS-inch imp . .^c. f; yard IS-inch -. i Send SIXTEEN CENTS in coins J :or Uils pattern. Wrllc  . NAME. AUUUESb, STYLE p . i. TKM CENTS n-.irr l.rin;-.s  j I WinliT I 1 1 illi Umik  Frrt ).'i\ri II lol :~~       :               - ?     '   in lin.ll:. l.Mlirr sill     :is.  l  ' I'HlT In All:ill(:l IJ;   -. j .VOItLD. !'i!li"    i"i..'f..iii. ::.{: Kesl 18th El., New York II. N. Y</t>
  </si>
  <si>
    <t>                                           MO MOtt  IAY. . II OR FAOfD HAW j BSE Jessie  s IMPROVED     DYE I LOOK TOUN*C4   r AND * I" f I IT  WASHOUT I I  J I I  wa emx m I I I }~IIfCTIB t4*~tj I I HMD  P . WWW I I  f I JESSIE KARll I   co^ i I 'J! ^*J</t>
  </si>
  <si>
    <t>                                           Tighten SRIn  3</t>
  </si>
  <si>
    <t>                                           Answer these Questions and make a good laxative choice                 Qucs. Can any laxative be c[ help v.::c-n you fuel , logy, or have c coated, tongue? Ar.j. Yes, it 'hc-sc conditions art. the i-:i'.]lt of - pation. Quts. Why has Black- Draught beer. si:ch on outstanding- j ly popular laxative with four sen- ? Ans. Because it U pure- ly herbal, and usually prompt, thor-                 . and satisfactory, when directions are followed. Ques. What's another reason for Black-Draught;  popularity? Ans. It cost3 only 2ac for 25 to 40 doses. Don't wait! Get Black-Draught in the familiar yellow box today. Many prefer the new granulated form. Caution, use only as directed.</t>
  </si>
  <si>
    <t>                                           Police are holding Elijah Reeves 43, of 101 McDonough Blvd. S. E. on a suspicion of shooting another charge, in what he told them was an accidental shooting with a rifle in his home. Victim of the shooting with rifle shoot in her chest is Mrs. Mary Reeves, 43, of the...</t>
  </si>
  <si>
    <t>                                           Madam, here s one TABOO you Can forget when you want relief                 You v.iu :*:::ir.U \ lucky ~~;;rs Hint \       .;Vii i,~~ h m: :-~~Ui:;*    :~i :i It. ill I  M -i Mi- Mil:; ' I  l')lis (.'-vi^'j ~"ii * sit'^i-r l:nuv. {.'~ the 'J-w:~y  ih;ii CAliUUI in;.'y brin;; v.hnu i ~'t vMi'-ti*.1':-, hr-i .'r:in-l rr.Miui   !;r p.nn 'In*' "lily lii * Ir-ti'.-l imi.tl 1:111 M;my v.uim.ii  th;-:, :,l;~it'.-(t                 "~. bi iori' the linn: and ;ak- I en a.s .-U'd. CAIinUI :iii!s in      '\       '      -'i1  ilis- L-i..nif"ii:. "~-~'I :i:- ;l ''~"~~1       !.  K;ik'-~ '.i I1 i-i-^i-y ;    :li;'.'5.  ilir.'-'.i in  ?-.!!!:: tin  ft trl'.1 I'.iir-.T. ;~nrl .1- " to li iiM up    "-ist :i("v a;;.1"",! tho  it':, .d inor-l     I'!</t>
  </si>
  <si>
    <t>                                           MRS.  COC1IRAN                 COMMERCE, Ga.- The funeral oJ Mrs. Mary Cocliran was held at Mt. Calvary Church Friday with Rev. J. R. Bartnett officiating. MRS. IRENE HENRY THOMAS VILLA RICA, Ga.-Funreal service for Mrs. Irene Thomas 'who passed in Birmingham U'as held Sunday at Mt. Prospect Baptist church, Hm-. P. H. Head .</t>
  </si>
  <si>
    <t>                                           Lots in Hunter Hills SS MONTH Near Washington Park E. K. CraJche.id. Pn^ SW Candter BWjr. WA. 5862</t>
  </si>
  <si>
    <t>                                           S SEASON S 1 I GREETINGS 3 $ THIS CHRISTMAS 1 AM PLEASED TO EXTEND STO ALL MY FRIIiNDS* AND CUSTOM KRS ~-J. B. JOHNSON S, Undertaker ij V GOS Shawmut Avc. y , IMnss. -5</t>
  </si>
  <si>
    <t>                                           They Enhance Charm Of Bennett Services                 Tlie    nd  of weekly ve.peri in Annie Merner Pfelff.r Chape! al Ben. j                 neti College    enhanced by the  of theie young  wlio  erve             .</t>
  </si>
  <si>
    <t>                                           Overseas Vet Takes Bride                 First I.t. William IticharuSun (sr. from Icftl, former rum-   r  r a (Jiiartcrmaslrr j Trucking C'uniiiaii.v with Hie Kth j Air Force In Knsland, was recent j )y married to MNs Krmii Mcrrl- weather,  r  f .Mr. and Sirs. Clii'stcr MirrlutMther   r - , Iml., in  Tost (" lit          ?      Air I Irlil. lln.1 LI. WHIard  Indl;, ('eft) nas b?s( man miH his , ( from ..) the former Miss Marianuo X.. Orrld                 of Indianapolis wa.i bridesmaid. 1.1. Kaiisom is the I'ost Chemical WurI'ure OHieer. 'I'hr groom Is shown placing the wedding bund on the bride s linger. U. Itlchurdsun. whu  returned to the United Slatrs lo (like     pilot ; in  Arm.v Air V'unc- TnilnliiK ',    " ^~*     * ('.s 'or our  car. .Mr     ^oll i-f Mri.           Mn\?\ ol .V!~0 W. Ilith St.,                 n-    .  .~, Inil. (Press Pliolo I Service). J</t>
  </si>
  <si>
    <t>                                           The season's greatest prep tilt will transpire at Harper's Field today, when the Blue and White Bulldogs of Booker T. Washington tie-up with the Purple and White Thundering Herd of Parker High School Birmingham, Alabama.</t>
  </si>
  <si>
    <t>                                           Negro Seabees Play Big Part In War On Jobs                 Two Battalions Now Ready To Move Oversea*                 WASHINGTON, D. C. (SNB) Two thousand NeBro Seabcw, part of the 7,100 now In the Navy, tire building a wide variety ol shore installations at overseas bases They comprise the predominant personnel of two Construction Bntlollons, one In the South Pacific and                 one In the South Atlantic. Two more Negro battalions arc ready to move to undisclosed  overseas. At present these two  are receiving their final training nt the Advance Base Depot, , Ml5S.  SllirS A Soabec Special BAttnlion composed of Negro personnel Is on the West Coast, nt the Advance Base Depot, Port Mueneme, Calif., from  where shortly it will embark to  In work for which It. along with other similar battalions, Is trained. Three other  of Negro Seabec Specials are training at the Nnvnl Construction Training Center. Camp Peary.             , Va.. while at the same camp n fifth regular Construction Battalion is learning to fight preparatory to Joining the other four Construction Battalions In constructing the naval shore stations whlcH support the offensive. These nine battalions,  regular Construction Battalions and four Bpi'duls, are the units to which the 7,100 Negro Seobocr. belong. TAUGHT TO FIGHT The Ncbto Construction Battallons, like all other battalions of Seabecs, construct the varied and difficult projects which make up shore bases overseas. Like other bat- , they arc trained to use the I rifle, the grenade,' or the - craft gun. Thus the first Construction Battalion made up of Negro personnel was sent to the Solomon Islands. There, as a whole or split up Into detachments, It worked r 1 Florida, I Guadalcanal, Tulagl, and other Islands. I The Navy Base Commander  the first Negro battalion In a .letter to Commander J. P. Mac(Contiaued en page 6, ceL B)                 Negro Seabees (Continued From Page I) Beau, Jr., Civil Engineer Corps, U. S. N. R., of Ugonlcr, Pa., officer in charge of the battalion. "You pursued your duties with perseverance and attention to the objective of dome a fast, workmanlike job. Your devotion to duty under adverse wca- ther conditions and enemy air net- ion has the deepest admiration of the Commoner. Base tills sup- prior officer wrote. i</t>
  </si>
  <si>
    <t>                                           WASHINGTON, D. C. -- (SNS) -- Two thousand Negro Seabees, part of the 7,100 now in the Navy, are building a wide variety of shore installations at overseas bases They comprise the predominant personnel of two Construction Battalions, one in the South Pacific and...</t>
  </si>
  <si>
    <t>                                           BAILEY THEATRES 81- William Boyd in THE LOST CANYON" and "DON .OW OF THE COAS-i GUARi)" Royal "AFTER MIDNIGHT WITH BOSTON BLACK1E" and "THE ADVENTURES OF SMILIN1 JACK" Ashby "SHANTY TOWN" wild Mary Lee John Archi*r "DAREDEVILS OF THE THE WEST" ROXY -= JWnckinlay Knnlor's "HAPPY LAND" DON  FRANCES DEF. HARRY CARE V ANN  Plus .MARCH OF TIME "Naval Lor Of Victory" LASTEST FOX NEWS</t>
  </si>
  <si>
    <t>                                           It's A Boy For Mr. Asd Mrs. J. I. RobinsQn . Ohio (SNS) Mrs. Julius Jerome Robinson, wife of Lne personnel director of the Farm Security Administration offices here, gave birth to a  son at a local hospital, on August 30. Mrs. Robinson Is the former Miss Helen Bell, daughter of President and Mrs. W. A. Bell of Atlanta. Ga. The Infant has been named for his father. Julius Jerome Robinson. Jr. Mrs.  William A. Bell, wife of the president of Miles Memorial College. left Atlanta Wednesday night for Cincinnati. Ohio, for a month s visit with her daughter and son-inlaw. Mr. and Mrs. Julius Robinson. The Robinsoas live at 1526 Lincoln Avenue.</t>
  </si>
  <si>
    <t>                                           Biddle Urged To Take Action Against Race Baiters                 Both Races To Use Same Parks In St. Louis, Official Rules ST. LOUIS (ANP; "Our liw makes no distinction between Negroes and whites as tc the ate of public parks or playgrounds," said Director pi Public Welfare Henry S. Cauii'tcld mx hr directed Park Commissioner Palmer B. Ewmet to grant the Washington Technical tush  football team permission to practice in Murphy's park, a  -nd  to the Nejiiio high school. Tl.ii act ol d lowing vi.iie and Negro school children to share ilia same public  is believed lo be first in tlie city s history. Caulfield said that Any distinction as to the use of these public  or p)Hygrouuds by either race. **i% unlawful." Urge Biddle To Hit Place-Baiters                 WASHINGTON CANP) A delegation composed of representatives from the National Negro congress the National Federation of Constitutional liberties and other organizations, Wednesday urged Atty. Gen. Blddle to use full powers of the Justice department to bring to justice all persons responsible for outbreaks against racial minorities. A statement from the                 delegation said, the "Recent wave of anti-Semlttsm In Boston and New York, the continuing racial tension in Detroit and other war production centers, highlight a grave danger which is confronting the American people and the war effort. .Their destructive effect upon the production effort in centers such as Boston, Beaumont, Mobile and Detroit is equally clear."                 500 Marauders in Big Belgian Raid                 By S. N. 8. More than 500 M'tChell Mnrauden participated in the raid over the hue* Nail air base at Chievers Wednesday, meeting lttle enemy opposition. It was announced by the United States Eishth Air force. Throughout the day In more than a dozen attacks on enemy targets the ai'.ge bombers shuttled back and forth across the Channel Only one AUieU fighter was lost in operations. Meanwhile the 15th United States Air Force, using Liberators and' Flying Hortresses set about the                 task of systematically el mlr-* what little remains of Italy's northern industrial section. Not t bomber was lost in the operations it was announced. In desperate attempts to stall the on pressing Allied armies, German forces Wednesday  a series of savage counter attacks  American infantry and missed artillery in the  Venafro area. the Allied command disclosed. The reinforced Nazis hurled nine furious but  charges against the frail-bitter Americans within 31 hours. Each time they were  back with heavy casualties by Lieutenant  Mark \V. darks' fi?(f Doughboy? and by terrific   that        up tlic . rides.                 Laundries Unable To Open, Workers Fail To Appear Striking production workers of the. Atlanta Laundries are awaiting the return this morning of their chief counsel before taking the next step In the month old layoff,  received a setback Tuesday when superior' Judge James C. Davis, of the Stone Mountain Circuit, signed an injunction prohibiting the picketing of the plants and enjoining ulon members or*  from  or molesting company officials, workers or persons seeking employment. ,A union official. of the Laundry  Workers International local said Wednesday that although the laundries Intended to open during the dby, they wore unable to close because of no workers' being present. "out of 1,400 striking production ,  drivers and ., only 14 have broken the strike obligation and gone to work at the Dccatur plant of the strike .bound laundry corporation. The Workers 1      -seeking. a raise of their .sub-, standard wands and,  of time and half.after 40 hours. of work par week., 'Dte for a .hearing on the temporal restraining order wns set by Judge Davis as November 26.</t>
  </si>
  <si>
    <t>                                           To what extent are Negroes realizing the need for solidarity with the crisis upon them, I have often wondered. More than ever today one hears them talk of their sacrifices aid determination to carve a deeper niche for themselves in the things we call "American"...</t>
  </si>
  <si>
    <t>                                           Merry Christmas and Happy jj New Year i From MILDRED I BEAUTY f SALON    XV. FAIR ST. I JA. 6940 2</t>
  </si>
  <si>
    <t>                                           CHICAGO--(SNS)--Stemming from the historic meeting of the Negro Newspaper Publishers Assn., with Judge Kenesaw Mountain Landis and the joint session of the major leagues here at the Hotel Roosevelt has come what may be a "break."</t>
  </si>
  <si>
    <t>                                           (Men's Drape S -J I WOMEN S DRAPE SLACKS I     Kllarad.          ... 14 M H    17 lA. bot- u V R^ V lama. 3    a E? X J I BOYS' DRAPE PANTS I A IX t. 1* Uch .. Blu., m , .    E W % Mat* er f Stw    __ HmiUU m I"- Addraw Clfy Met* K J WRIT!    FUI  3 4ND FREI GIFT  K</t>
  </si>
  <si>
    <t>                                           Before You Get One More GRAY HAIR! DO THIS! Color Your Hair Start Looking. Years Younger I If you wane to bring a new, I rich color your  using GoJefroy's Larieuse Hair. Coloring now. It acts quickly and directions in the red box make ic simple apply. 2 You'll be amazed at bow evenly and easily it goes on. Won't rub off or wash out. 3 Insist on Larieuse, known and used for 45 years. Your dealer will refund- money if you re not 100% satisfied. 7/ your dealer doesn't have Larieuse (.LARRY-USE) sen J $1.2} direct to Gode/roy M/g. Co., 3flO Olive Street, St. Louis, Mo. CAUTIONt Uu Only      m UM iJT*1- HAIR COLORING 'T- '~,.ViP,ri</t>
  </si>
  <si>
    <t>                                           GIVES A SOFT GLOSSY SHEEN to DRY HAIR Georgia Peach Brllllantlne Is a good oil that will help soften the ends of  that are dry. crocking, and brittle because of faulty hot combing or permanent waving. It will help preserve your marcel and water waves longer while it makes your hair more glossy and - It keeps unruly hair In place. It gives a fine, soft, glossy sheen to dry hair that makes it gleam. A large bottle is one dollar. SEND NO MONEY. Just Write and give your name end address. Pay when you get your Georgia Peach Brllllantlne Hair Oil only $1 plus few cents postage. Money back if you are not delighted with the results. Write to GOLD MEDAL HAIR CO., Dept. S. K., 106 Avenue Brooklyn 4. m. v.</t>
  </si>
  <si>
    <t>                                           MISS ESTELLA of 310 Old Wheat, Et., N. E. entertained Thursday evening with Mr. and Mrs. A. W Weed, Mrs Luciie ... and Mr. Lewis Blair as guests.</t>
  </si>
  <si>
    <t>                                           I WELCOME i The Friendly Barber and Beauty Shops Welcome Their Many Friends To The TWO BEST COLORED SHOPS IN TOWN. i Wv give the -=t quality of work for u minimum price Once Surved Ahvuys Satisfied "Meet Your Friends at the Friendly" I 299 Irwin Street. N. E., Cor. Fort W. J. Jones, Prop. Tel. JA. 9376</t>
  </si>
  <si>
    <t>                                           JOINS AMERICAN RED CROSS                 JOSEPHINE .VONE3 ST. .LOUIS1 IjOSS- SHI S GAIN Charging Josephine Jntics, who gave  work in the SI. Louis, school-  to assume a post here  t li c American Iteil Cross Miss Jones is on the staff of                 South Dfiriflt's Milltnry; Naval :    Welfare. Service, -  Ai (1208 South JUrrxel Boulevard. She is the  of Mr. anil Mrs. Irviii Jones of West Maple St.. Champaign unil is the Msler             Jones of  Ian". now in the service of the USA.</t>
  </si>
  <si>
    <t>                                           BAILEY THEATRES 81KINO OF THE COWBOYS" am!  HARD WAV" Roynl \w. i;k; Will. Donald O'tonnur all'.! "THE HAT MAS" Ashby "AM. THIS AMI  TOO" with i Cctlc ll:</t>
  </si>
  <si>
    <t>                                           GIVE A WAR BOND FOR CHRISTMAS</t>
  </si>
  <si>
    <t>                                           r,    j.~ A { i1 J?It isn't thc Tinsel nor the      ; S Needles Unit .make            .W  s t)Jo  rity of our wishes gl-o you for a      ' Merry Christ- jg . ThuL's all we can  of,^ ii Sto  you and your            y  the entire official family at % M -2 iCentral Methodistl I Church 8 51 5 (Till:  1I) v I 3 . k. w. McMillan S 5J Minister 3 a V</t>
  </si>
  <si>
    <t>                                           Churches, Clubs, Organizations Atlantans All! Help Us To Help The Needy Through The v ATLANTA  WORLD XMAS CHEER FUN% All of our friend* are invited and urged to donate t$; the cause.  it to the WorM front desk where fob t bring your newd. i -i</t>
  </si>
  <si>
    <t>                                           FREE COURSE IN HAIR CULTURE ^^^BBhl Marcelling ^^D  ^HNBHpfs Shampoo ^^^ Tormula I^^^^HNBi Imclullml  B^   BY NI*IL CUBAN COSMETIC CO. J Dept.  115-Y Chicno. III.</t>
  </si>
  <si>
    <t>                                           Recently I was on a trolley car during the afternoon rush. There were people on their way home from work and children from school. This car was about full and at one stop the motorman asked the crowd standing around him to move back so that others could come in...</t>
  </si>
  <si>
    <t>                                           BERKELEY, Calif.--Though far from "reaching his stride." CPI AlSleppy Waters, former Morgan State College (Md) star scored 36 points as his team mates of the I shifting MI 779th MP Boxwomen who more basketball games last week bring their wins up to...</t>
  </si>
  <si>
    <t>                                           I  ti/ 2j y f p- IfYouHadMYJOB KEEPING HOUSE, helping take care of the family- you -would realize that business girls are not the only ones who sometimes      Headache and Tired Aching Muscles. We home girls often work jast as hard and have just as many Headaches, just as many Stomach .Upsets and get jast as Tired. About a year ago, I first used ALKA-SELTZER I find that It cases my Aching j Head, takes the kinks out of Tired, Aching Muscles and brings relief when I hare Add Indigestion. I     family says I am a lot easier to live with since I. have known about Alka-Seltzer. Have you tried ALKA-SELTZER7 If not, why don't you get I a package today T Large  60~, Small package SO*, also by tha class at Soda Fountains. a T</t>
  </si>
  <si>
    <t>                                           Had Highest Score                 The highest score recorded in the Aviation Cadet Mental Quallfyln Examination (AC-12) in months went recently to Wilson Is. Cobbs, 17, or Washington, D. C. Cobbs' score was 304 out of a possible 390, with 180 as the passing grade. Presently -employed at the National Archives, Cobbs will be called by the Army when he reaches his 18th birthday, at which time he will be sent to Keesler Field, Mississippi, for basic training, and later to the Tuskcgee Army Air.. . He. is a' native of Gordonsrille, Virginia, and a ..graduate .of ..the                 UnioiHTille (Va.) High School ..(U. S. Army photo.)</t>
  </si>
  <si>
    <t>                                           Neither Democrat Nor Re publican Party Has The Interest Of Negro At Heart, Congresswoman Charges                 Reactionaries Against Giving Equal Justice                 Cong. Clara Luce Calls Nehru Only Great, Good Man                 By J. ROBERT 'SMITH*                 LOS ANGEfcE^"(A N W- In the usual (rank, deliberate and dynamic manner .of expressing "her \1ews. Congresswoman Clare Boothe Luce, Republican, of Connecticut, in an exclusive Interview in her Biltmore Hotri suite .hero  told this, correspondent                 that ~' the. Democratic  flic Republican party has the 1 of the Negro at . but of the two. the Republican- party will do more to help his /Cause." v, Tlie- !..'wds In answer to the' posed "question; ""The Negro  lias always  his political allegiance to. the Republican party due to Abraham Llrvcoln. In recent" years, he has salted to the Democratc party because or the New Deal program. 'He Is now between the devil and the deep blue sea in  to the coming presidential elections, being somewhat dissatisfied with the Roosevelt administration. What reasons can you give why the. Negro should  trie Republican ticket?" VOTE FOR PRINCIPLES In direct answer to the question, I lie  stated that  were no reasons why tint I'ulcs, Czechs." JewsTTlaltahsT or Negroes should -vote lor a certain party because of their racial origin. They should vote for a party, she . because of its principles. When pinned down to the point that the Negro has been kicked about by both groups and is , thinking in terms of sticking to tbo party which, offers him better opportunities. Mrs. .Luce stated that! neither lias the Interest of the Nesro ot heart, but of the UrOi the Republicans will do  to help  cause. In no  terms she declared that the FEPC is " Injjlcss' due to the fact that It hus no subpeona and punitive power and cannot compel recalcitrant employers to tarry out ^.,; FDIt  SOUTH Asked why she believes the President does not exercise his executive power and Influence to  the necessary power be granted the FEPC. the  , "he has got to  Texas  Callfornlii." She' further  this by stating that the reactionary Democrats from such s^alM arc unwilling to see the Negro get his just deserts, and tho President has to depend upon  for reelection. Mrs. Luce, who Is a member 'of I he house military - committee, criticized. President Rbunvvelt for not coming out and taking h  on the Tndian  . Culling Nehru,' "the only (Continued on Page 7, CoL 1)                 [Reactionaries f (Continued from ;c (inc.) Croat and good mini 1 know" Ihc  went, on tu say. 1 1  met Mr. Roosevelt, Mr. ClmrclilH and all or them, and 1 i think Ni-hru the greatest or  all. "When I  rrom India   :~ ago," .slur slated. I w:   deeply moved to know thai Mr. Uoosevcll  done nothing to   Indians obtain their . With Walter White. we Agreed to write ihc President. Tor a conference on the matter, feeling mat It would give .se  the Negroes a  to know that lie was In favor of ihc Indian cause." After :i Mliglit pause. Mrs. Lucexjierled, "Me showed his IndifIiTenee by not  the Inierview. As a matter or f., lie did noi. even answer the letter." NO SlMfl.i: .DAb Askcti  is the solution to the racial problem, the . "No problem is simple. It is a long and heart-breaking one and education Is the answer." She favors passage of the poll tax bill and had voted to bring it out of committee as well as on the floor. Tlie elimination of the poll tax. she believes, will help con Jlt^ to make the Negro a first class citizen. She  I lu: President for nol coming forth with u  statement when it wus before  ',  she Iliiiilus would have aided its passage) accusing Mm of  his reactionary  supporters. In order to clean congress of Ite present, reactionary elements. Mru. Luce said that there is but one way and that is to kick them                 out of . Education means nothing lo them, she asserted. URGES  HARMONY Touching on the recent race riots, she feels that they can lw averted if representatives from the various racial groups get together and map plans  ahead of  disturbances.  She  the fact  she Is Interested  now In   the Republican parly to return tu the principles under which Hie party was organized, namely that "all men are created equal," and with thai in mind she is making her national  under the auspices of the National federation of Republican Women's clubs. The time Is not yet ripe for hello select her 1944 candidate. She Is still seeking the man with the "principles."</t>
  </si>
  <si>
    <t>                                           LOS ANGELES--(ANP)--In the usual frank, deliberate and dynamic manner of expressing her views. Congresswoman Clare Boothe Luce, Republican of Connecticut, in an exclusive interview in her Biltmore Hotel suite ... Saturday told this correspondent...</t>
  </si>
  <si>
    <t>                                           Roland Hayes, celebrated tenor, will appear at Ellis Auditorium Friday, November 19th, at 3:30 under auspices of the Memche Urban League, Benjamin F. Bell, Executive Secretary, announced this weekend.</t>
  </si>
  <si>
    <t>                                           Atlanta^^S^^Wbrld edition The Nation's Only Colored Daily Newspaper 'NEWS WHILE ~-~+, c i^ IT IS NEWS"   2^2222jZ2^J . Hi, NUMiMOIt 227 ATLANTA. .'IA. SUNDAY,  27,  1'KIL E  CENTS</t>
  </si>
  <si>
    <t>                                           Marriage Told                 MSB. BfBVE PARSONS Mrs. Ellzal^lh Taylor. KJ2              Avenue . the  of her daughter, -Miss Rnbye McChee of ClarU College    Mr. Warren G. Par*~n.s In     Vork .func IT. The   will, return to AUanu  he Mill  Us  at Mnrcliouse Collffe.</t>
  </si>
  <si>
    <t>                                           NOW, more than ever, you -^ant to stay on the job ami dc your full share of the work -h must1 be done. Headache. Modular: Pains, Simplr ~":i.i. Fiinc-!i  Monthly Vains  you.) do^~n, interfere with your wark, f poil your fun. Have you ever tried i DK. MILES i Anfi-Pain Pills wben any of these common paina i have made you miserable? Dr. Miles Anti-rain Pills an pleasant    take, and prompt in ection. They do not  the stomach or make you constipated. A single tablet usually brings relief. Dr. Miles Anti-Pain Pills re compounded under the super* Sision of competent chemists. Get Dr. Miles Anti-Pain Pills' at  drug store. Regal*? pack* ago 25*, Economy package $1.00.  ~^n       coly ss . 0</t>
  </si>
  <si>
    <t>                                           Woman Alderman Not Running Again                 NEW HAVEN. Cuun.      - The nomination as alderman of the  ward here tor the nest term, was refused by the present )nn. Mrs. Laura Belle Reid McCoy, because /the Is "too  with civic  to continue such strenuous duties." Born in Hudson. N. Y., Mrs. Me- j Coy was left nn orphan nt birth. She was reared In New Haven, Conn., and studied for the nursed j profession at Grnce hospital here, Yale university and Columbia unl- i verity. I Mrs. McCoy's civic activities in- elude the following:   lor of the Dixwell community house -1937; supervisor of the household arts . NYA. 1037-19-11: [i technician In the office of Dr. Carter Lee Marshall for 17 : I treasurer of Fidelity circle 14, AOF, I  years: licensed Insuuctor of I Red Cross eld iind Purple cross IB POE; .~hlp with Social Wor-  club, tile Nurses association and editor of the Woraeiu Federation                 Juurnul of New England. In 1941 Mrs. McCoy     elected the first Negro woman to hold u city  when she carried the  election with 11 plurality tit' 202 votes. She Is the mother of two sons. Sgt. John McCoy ot thn U. S. army  Pfc. Armond McCoy ot the  guard'.                 JOSHUA  By I1. REYNOLDS Brother Bell   yi a fellow with hi* hat In hand never     on Ma hut to make  Und. j</t>
  </si>
  <si>
    <t>                                           She Scores Hit With 92hd                 The fighting men of Hnacnuca proudly present one of the roost pleasant personalities to have visited the Fort for scores of moons. She is the wife of Cpl. Fayard Nicholas (of the famous dancing Nicholas Brothers) who is one of the top-noting  in the 92nd Infantry Special Service Division. The former Geraldine ("Gerry"))                 I'ate spent several weeks here with her papular husband ana U now, spending the holidays witb her, parents in the east. She Is expected' to return to her Los Angeles home where she will head a national magazine in that area until, 'her                 "real thin;" comes home. PRESS PHOTO SERVICE.</t>
  </si>
  <si>
    <t>                                           Funeral Notices                 MILLER, Mr. Louis of 2-I-H Jones Alley died at the residence Jan. 1. Funeral announced later. Sellers Bros., Ik-Daniel St. JONES, Mrs. Nova Bell the wife of Mr. Louis Jones of 1"~ Raymond St., N. W., ami the mother of Mrs. Clara Henderson, died Jan. 1, at the residence. Funeral announced later. Sellers Bros. IiVGRAM, Mr. Hanucl the husband of- Mrs. Georgia In^ram of ll JT Mobile St., K W., died at local hospital Jan. 1. f u  announced later. Sellers Bios. PHILLIPS. Sirs. Mautcio of 442 Glenn St.. S. \V. Tiie friends and relatives of Mr. and Mrs. Frank M. Berry and family and Phillips family are invited to attend the funeral of Mrs. Mapgie Phillips today (Sur.day) at One O'Clock at Zion Hill Baptist Church, Kev. I,. M. Terrell officiating. Inter- 1 ment South View Cemetery. Sellers Bros., McDaniel St. WATSON Mrs. Rosa, mother of Mr. Henry Watson, of Atlanta, passed December 111 in Detroit. Michigan.         announced later. Jackson Funeral Home. In Memoriam In memory of ray daughter, Miss Gennie Robinson, who departed this life Jan. 1, 1913 "God only knows how I miss you Your memory lingers still. Tim vacant place in my home, iNe\/r can be filled." Mrs. Tommie Robinson, mother Card of Thanks Mrs. Edna King of 273 Fairfax Street N. E wishes to thank her many friends for the use of their cars, telegrams, florals, cards of sympathy and other kind expressions of sympathy during the recent illness and passing her father. Mr. Marshall Dorsey Powers, Sr.</t>
  </si>
  <si>
    <t>                                           I AdtS. NELLIE HILL                 MACON, Qa.- Funeral services for Mrs. Nellie Hill of Dry. Branch whose death followed a lengthy 111\pess, 'were held Monday, Nov. 1 Irom White Springs Baptist Church with 'the Rev. J.' G. Thomas officiating. Interment in church cemetery.</t>
  </si>
  <si>
    <t>                                           The Brown Bombardiers will employ a secret offensive weapon, Sunday afternoon, when they clash with the strong South Atlanta Black Panthers, at Harper's Field. The kick-off is slated for 2:30 o'clock, at which time Bombardiers will be seeking their second victory of the current semi-pro season.</t>
  </si>
  <si>
    <t>                                           THERE S NO CEILING ON GOOD WISHES S 5^ That's why we re happy to wish all of our friends the biggest and best .5? !and merriest Christmas of all time. S  T 82 WHITEHALL STREET ffi,</t>
  </si>
  <si>
    <t>                                           Citizens Deplore Attack On FEPC                 -'PeUuwuig  - on the action of City -Council Inadopting a resolution at Its Monday's session railing upon' Georgia's representatives at Washington to Insist upon the removal of the Atlanta office of the President's Committee on Fair Employment Practices                 cause of the prospect of the "mixing of the races'* In one or more office buildings here, the Atlanta Dally World sought for publication, opinions and reactions of some leadIng -colored Atiantans. The statements follow: Rev: J. C. Wright Castor,' First Concrecational Chnrch The story carried In this morning s WORLD of a possible action on the part of City Council to bar a* Regional office of FEPC from the city of Atlanta is a note almost as ^         to lovers of democracy, {airplay and justice as were the explosion of Japanese bombs at Pearl Harbor. Needless to say that any such effort should and probably till be' opposed to the very last ditch. But at a time when America is assuming the leadership in the planning of a world that shall be composed of a family of democracies, such as a revelation of her own practice of democracy must be a problem to her friends and a source of infinite comfort to her enemies." Rev. Amos Ryce, Jr. Vocational Secretary. Atlanta. Urban League -The times indeed seem out of Joint when a citizens' group, the calibre of that of the City Council, protests a measure as democratic in procedure as that .of the FEPC. Arc there" those" who fear that Justice will be done, .even in just a few places, for laborers, white arid black, who have been bled, fleeced, and exploited by those who have no human interest? Is this the way Atlanta intends to lead the South NOW and in the POST-WAR world?- Can Atlanta, exposed as it                 ture, do thj*?  lt.is said that the races will be.. thrown together: That has always been true. In every large building i in Atlanta, the races work togeth- i er. The Negro janitor, the Neero j maid,' the Negro elevator operator move with freedom among white j people of every level and every sex ., day. Are there those who would keep every Negro uut of       but Janitors, -maids, and elevator operators? Does a Negro become contemptible when he is not one of these? What difference- does it make? "Somebody is about to admit what this thing is all about. Could it be that Negroes in Atlanta must not be permitted to feel happy on jobs above the traditional categories? Some things are not expected of people who go to church." Warren R. Cochrane Executive Secretary. Butler Street Y. M. C. A. "The resolution passed by the City Council of Atlanta, requesting the Federal government to withdraw the local office of the FEPA. (Continued on page 2. coL 3) 1                 Citizens Deplore (Continued from pare 1) comes as a distinct shock to the thousands of Negroes in the Atlanta area, and also to a great many literal, progressive whiie southerners. -Perhaps the best single advantage that has accrued to the Negro in recent years has been the setting up of the Pair Employment Practice Committee which  to get rid of discriminatory practices in those labor set-ups .which enjoy Federal contracts Or are amenable to Federal control. It is a well known fact that thousands of Negroes in the south- j . area are suffering because of the differential in salaries. The  of an office of the FEPC in this nrea manned by a southern- j er, was simply an attempt to extend to all areas those controls which are j already operating in other sections. Tc would seem that at a time like I this when we are all struggling to  a most  war and when tre hear   % much  the "four freedoms." that we should be willing to begin to make these freedoms j work on the home from. Certainly a mature thinker on this matter  recognize that this whole business of .salary differentia!,  has been perhaps the most insidious stumbling block in the relations of me racial groups, can readily understand -that until some definite and specific attempt Li j made to improve the whole rare -m. Fundamentally, what all NTesroes I are seeking is a f.iir opportuniry to i                 earn a fair  no more nor less than the job alls lor. If v.f could improve this one area, it would automatically improve all other areas because it would in time lead to an economically secure racial j group more fully able to discharge i all of Its responsibilities under the democratic set-up. "I am sure that all liberal and progressive southerners will deplore i this action of the City Council.'" J. B. Blayton i President. Atlanta Srgra Chamber j ot Commerce J. B. Blayton. president or the Atlanta Negro Chamber oi Commerce, termed Council's action as a "collossal contradiction" of principles as sei. up under President Roosevelt's Fair Employment Prac- j tice Conuniitee: and said such was out of lino with  world democracy a:-.d Uberausiii.</t>
  </si>
  <si>
    <t>                                           Following publication of our story on the action of City Council in adopting a resolution at its Monday's session calling upon Georgia's representatives at Washington to insist upon the removal of the Atlanta office of the President's Committee on Fair Employment Practices...</t>
  </si>
  <si>
    <t>                                           BOWELS SLUGGISH? Freiinc liRo"*  !wf*your best friend- I headachy- dull-all because of sluggish bow- i eli?     put up with constipation misery? j Chow modem FEEN-A-MINT, the  chewing-gum laxative. Cht-w -MINT tonight at        , taking only in accordance with  directions. Nt-t morning -thorough, gentle relief, helping you feel swell . Millions rely on FEEN-A- j MINT. Chew  your favorite gum. Tastes good. Try FEEN-A-MINT- a whole family i supply costs only .</t>
  </si>
  <si>
    <t>                                           After Ceremony Was Over                 SOT. AND MRS. RALEIGH .LD re   f trr they been me nihn  nd     * in ;    military ci-rir my at tin: Army Air Force* School of Applied I * in Or Im ndo, Kla. The dridi:, tlie  Miu B^ L^~- Toirnoctr j in from Albany AIh.,  SerRcant Wealfirld    from Auburn, Ala. A corridor of 24 ?        formed        - tin-  nf   ?r I lie .</t>
  </si>
  <si>
    <t>                                           Funeral Notice                 BRITTAIN, Miss Emma Katie- the daughter of Mr. and Mrs. J.    Brittain, died at ths         , Nov. a The friends and relatives of Mr. and Mrs. J. A. Brittain at 145 Ashby Street, N. W., Miss Johnnie Christine Brittain and Mrs. Mary 'Ellen Johnson of Washington, D C, are invited to attend the funeral of Miss Emma Katie Brittain today (Friday) at 10 o clock A. M. at the residence. Hev. B. L. Davis and Eev. J. W. Thomas officiating. Interment at LaGrange, Ga. Sellers Bros.</t>
  </si>
  <si>
    <t>                                           Heroic Seabees Carry On Under Fire                 While, enemy fin* burst*  vcr their heads,  members of a fighting Seabefi battalion use teamwork to push back into  a Kiant water tank partly tippet .\~  \                 rains which undermined its  at :t South Pacific base. They are part of the 2,00(1 now serving' overseas. Two wore battalions, I twit, receiving their  training                 at the Advance Base Depot, Gulfport. Miss., will soon mo\c across, Navy Secretary Knox has announced.</t>
  </si>
  <si>
    <t>                                           AN ACrwe e s p r c i :i 1 1 y  I I    #  -?s a D.I il.  i I arc        . li.-li.-vo ff^Kj I symptoms of cm-  '  ?$ff i cau?ed pimples with I  anti- Black rnd V ^/ j White Ointment. TIiob. ?andj o{ Eati?     u^rrs        )  famous 8    k and Vi  tintI Ulcut  it.s ^ ;in!i".[ili.: action-   li.-lps natn:y i in . It al-o n- : and Liiriiing ^s of nz'-nia ~%~  !, an*l      !" riti2* worm. Try. it! In lar^-'  i      , nl)f, 23p an l 10c l'-^ only .v I . j f5?" Iliphly / Ml foi * ; away  are  Jtr! i-        and fragrant      k am) Wliitr Skin Soap, 10ji aod 23c,  .'. imi:     ^^</t>
  </si>
  <si>
    <t>                                           t' I ^Ai ^m Bar T\F HI V jig-^ n idi .l-\Mt;H KI.I.ISON CAPITOL sow PIjAYING</t>
  </si>
  <si>
    <t>                                           The officials of the Southern Intercollegiate Athletic Conference convened in another wartime session, Saturday, at Morehouse College. The majority of colleges comprising the loop either sent official representatives to this meeting, which was the 30th annual session, or sent the regular conference fee. Even more gratifying to sports fans is the announcement that four colleges that found it impossible to participate in football will definitely play basketball...</t>
  </si>
  <si>
    <t>                                           Marine ?, cleanses aod refreshes , reddened membranes caused by head colds, dti** ing, winds, .t, close work, late . l;    dropper with each bottle. At all      Stores. WHEN FancUoaal Nenaiu Disturbances such as Sleepleatoeu. Crankiness, /,               or Nervous            with your wort or apod your good , taka Dr. Miles Nervine j(Ijqui(l or EITerTeseent Tablet!)' NirvonJ Tension can * too Wakefol, Jittery, Irritable. NerToufl Tension can cause Nervoua Beadacbe and Nervous Indigestion. In times like these, we arc more likely than usual to  overwrought and nervous and to  rich for a good sedative. Dr. Milcc Nerrio* is a good  Z-mBd but . If 700 do not um Dr. Idea        . you  know what U .'#111 do tor you. It come* ia liquid and Effervescent Tablat ,  equally soothing te tans* and over- wrought . / .DONT TOU TET IT. I i G t it at your drag stora, IWcrrMeeBt tablets    aad 754, SaSTaod  aa  a* .</t>
  </si>
  <si>
    <t>                                           BAILEY THEATRES j 81 "EYES OF THE UNDERWORLD" I wilh Richard Dix Lon Chanry and Tlir East Side Kidi in CLANCY STREET BOYS" Royal "FLYING TIGERS" with John Wayne and "DAREDEVILS OF THE WEST* Ashby "AMERICAN EMPIRE" with Richard Dix Lep Carrillo and 'f SMITH OF MINNESOTA"</t>
  </si>
  <si>
    <t>                                           No Promotions For Lieutenants Brings Protest                 NAACP Carries Matter Directly To War Dep't COLUMBUS, a.- - Names cf 11 colored  officers arc  to     filed by the loc.il bran-h of the NAACP w.th  war depart m"i\t as a 'protest to the war department, attitude of .. tailing tl c  nt r"f  offers it w;is learned this v;?i;k. Colored officers above first,  second l'. ir. the fout h crops nrea ave not -erl tvr r- by the v/ar department, the NAACP charged. A protest will be filed with      department Semandir-i; an investigation cf 5uch n-~:t:ces- -  with.-^.pr? 'list. of Ne?ro first and ^d lieutenants or.  in this  y and around the Fnrt   -r-nin^ area, NAACP          . The names j'. include 'st . Bell, now sc-? in *he  of maj:jr, an;i still !'I5' l!eutc"mi'*s    " cv?r n , Lt. Hnll. Lt. Biges. Lt. Tolbe-t. for lr.orc than a vear at. lrt. Bennin" and still      * Lt. Pt-n more. n  for 16 months,   n;l still ' l .ant.: I.t. Murdoch. Lt. Si-nri-r.-on. I.t. Cobb, Lt. Gcxllet and Lt. Wright. "Hank" Smith Wins Acquittal In Beer Sales On Sunday Because the police committee  H. P. "Hank" Smith and felt that his patriotism was more than ;ust       lip ."Crvice. he was given m acquittal when arranged before thu  Thursday on charges or  beer on Sunday. After police ol  had made out the case apam.it the  of the Cedar Garden cafe, at 2(i9 I (Continued oil p:~;r 4. col. 1)                 "Hank" Smith (Continued From Page 1) Auburn Avenue NE, and asked (hat his license to sn'.l he: nd wine be taken away, Smith was asked if he                 had anything to say. He did: "All they say is true". Smith said. "Except that the beer was not sold. It was given to two soldiers. They j wanted to pay for it but I would not take the money they offered for I it. I am a veteran of" World War!                 No. 1, been a resident here for -17 years and has never been in any kind of trouble. I have two sons now in uie armed services, both on duty in Afiica. When the soldiers e:Tne into  place and asked for the beer I knew we could not sell It to them, but having been a  myself and having two sons who are now soldiers, i just could not refuse those boys," Smith added. 'The bier was a sift", Smith said, ant! the acquittal was 11 gift to Smith, who has been a good .</t>
  </si>
  <si>
    <t>                                           COMPLIMENTS 01" W. R. WILK.ES MINISTER Olr  TEMPLE A. M. IS.  COMPLIMENTS OK REV. W. W.  l'*~tur of Ml. Olivr      *t Church, Executive SecrclaryTreal* iif*    G**      MnnittnMry  is I Convention of        * COMPLIMENTS 01" REV. M. L. KING Faiitur n{  DnptiM CUutcli, Moderator. AtUnte    * tion *i*A             *y( Cin/rn* Committee on tq^ COMPLIMENTS 01" REV. WILLIAM HOLMES BORDERS Pn. (^renter U lu-.-il Sired Baptist Church COMPLIMENTARY Automatic Music Machines Coin Operated! Parks Novelty Machine Co. 783 STATE ST.. N. W. VF.. 6412 Compliment$ or NORTH  MUTUAL LIFE    . IV . OiM'I'JE   :   !'n A*1?,, E. WITH OUR COMPLIMENTS SERVICE STATIONS Recapping Battery Service Tire Repairs Gasoline Oil Clreasiiig1 JOHN H- HARDEN. Prop. 265 AUBURN AVE.. N. E. SIS HUNTER ST., S. W. 7VS  ST.. N. W. 192 . N. E.</t>
  </si>
  <si>
    <t>                                           I. I Ho* to find a LOVELIER YOU Iv LfSB "ro^g face powder 1 W^J^-y  ^L^-'Wr ricT PoTrdEr with its fluffy !:ESg:c I Sitt".~ ca=ss in 6 .different shade*,' one which will blend . Etteet yours- uis it. Yovi'U discover a livelier YOU as you fluff it on your face, neck and arms. Its velvety smoothness is thrilling, its           - while its  mokes it stay on for hours. Yet. Black and White Face Powder can bring out your otra lovely true ekin tones. Be  ask for /^v       'e Slack and X sf/I WkiJeFissFwdar.Eig {^  /} ^^ V^??//</t>
  </si>
  <si>
    <t>                                           NATURAL PAGE BOY ATTACHMENTS YOU CAN HAVE YOUK HAR jj^t PERFECTLY MATCHED FOfi J^L^ m*.     . rAT  sta WT^^^^k ^n^^    ^^t^5 ^^^^^BS^^^hj^E JESSjE KARE  PBfiDOCTS  9W   '^Btxo^  I^B^P  OTv Tn'ii n</t>
  </si>
  <si>
    <t>                                           AN ACNE PIMPLE PftT ...especially when  and itching ^B, I  re present. Relieve y^B%~   A ^K symptoms of externally WiJ^B caused pimples witb 1 /~t   Black and V^^flE White Ointment.     .  and( of  users bare found I (bat famous Black and White Oint- inent through its : aati8       j action eases itching  nature I in healing. It also relieves itching and burning soreness of eczema externally caused, und simple ring. wo(tn. Try it! In large economical sizes, .SOfS.^nf! and lOf1. Use only ,v directed. EF" Highly recommended for   away  dirt is mild and fragrant UlacK and Wtiitr Skin ."oap, 10)5 and 23e", sold .</t>
  </si>
  <si>
    <t>                                           Problems of the Negro small businessman will receive special attention of Emmer Martin Lancaster, of the U. S. Department of Commerce, who is one of the speakers on the panel discussion of the Achievement Week Program of the Omega Psi Phi Fraternity...</t>
  </si>
  <si>
    <t>                                           Madame Rose Look Wfao's Here! PALMIST      yon       In  homer Look. tMV*, Surer**. HnpitlBmN! Gonraittrej t*~ 'rail your *      Ufe, pant,  fa tare. AiW no  but   j l^n **t'" 7 o all 7"o want to know HlUlj'J ,^* n*T*-*  1  t*i and       ^LirJ "7           tell* whom 70a will marry  ni)              **         )fi, , * *1~.  t11 ,  Mo*** an*l had Inck of mil  iDdM. ~{~~ 3    and Howlay H A. M. t.. M) 1*. M. Vnu will flml h*r *    ^r than nil .       1* p*~ h*M/i m rhU or         a dr*wry      I '           In It.    4t^~1 xt Junction of Brady    . and -11 Mill RniKl- lMM Unwell Mill ~-t IM     ^    * tti#~        -          Mill Ril. ear. Htap nt dour.        Mill Tratlfn front of        ProTtalon Co.</t>
  </si>
  <si>
    <t>                                           Tuskegee in facing Clark in the third chapter of the Vulcan Bowl Classic will encourage a double-jinx. The Atlanta Panthers since 1928 have spoiled three otherwise spotless Tuskegee records against purley college competition. That is jinx number one. Secondly.</t>
  </si>
  <si>
    <t>                                           Ge! the Power to Win The One Yon Love! BfiS^ Stop  '  Mr JBl^H }uu nMi to win           Bf J^^C W Wouldn't you Bf ^BB M ll"  1         what It    Im^     *-^^^H'*^ thi Vewir  eu r* mint"!' ^^^^^^L. Yuu li**~ tht   ^H^^HH^^ In you r    DISCOVER HOW to ui* It 7.1      don't SS.!Uill Ujrm  nd I'll iMl tr.1.   * PRIVATE  la 1*ut  I* i Mr po lagi II you Mild gnl. II You ha  In ONE WEEK .    4 SSW. wmi  Orf*~ U wit.f*~~rl Priit and  1~. YOUR LOVE ADVISER Box 200, GPO. SOD, New York City</t>
  </si>
  <si>
    <t>                                           The Nation's Only Colored Daily Newspaper "NEWS. WHILE: ISZtvcmptrMatt ^e-c-.^L^V^-Sa IT IS NEWS": VOLUME Hi,  171 ATLANTA DAILY WOULD, ATLANTA, GEORGIA PRICE FIVE CENTS</t>
  </si>
  <si>
    <t>                                           HAIR SCALP TREATMENT     "\ SPECIAL V'5^.*\ OFFER  MX **^F^ $CAir  (Oc KRI1UAN.  50  51 50 HO MORE     -~. . Send No Money! :fi"'o;lT J"~0 P/vs Potfage on BeDvtry Smnd Tour Ordar Today. UllSTlcnOH         (   Jessie Kare Beaaty Products Co. I SO S4 ~~^    .~~JS) M.~~ Tort</t>
  </si>
  <si>
    <t>                                           MR, AND, MRS. WILLIAM FRYE, SR., celebrated their twenty-second wedding anniversary at an elaborate reception Sunday afternoon at fice o'clock at their home, well-appointed, residence on Little Street. Their son, William Fiye, Jr., was in the receiving line. He came down from Camp La Juene. North Carolina especially to attend the reception.</t>
  </si>
  <si>
    <t>                                           . m, SULLIVAN                 TIM TYLER By Lym Yoiing                 HARRY</t>
  </si>
  <si>
    <t>                                           4 Iwrjr Morning, Exeept Monday, at II* AOtri By ATLANTA DAILY WORLD PUBLISHING CO. Telephone: Wslnnt 1459-1480 ICembet of SCOTT NEWSPAPER SYNDICATE Established Aug. 6, 1928; Became Daily March 18, 1912  V. Scott, IT, Founder and Publisher, Aug. 6, 1928 to Feb. 7, 19t4 Entered in the Post Office of Atlanta, Ga., as second-class mail under the Act. of Congress, March IS, 1879 C. A. SCOTT General Manager CUFF  Managing Editor DaUy- 1 Year 19.26; 6 Hos.  4.75; S Mos. $2.50; 1 Mo. $1.00 SATURDAY ONLY:- 1 Year, $3.00; 6 Mob. $2.00; S Mos., $1.26 Canada:- 1 Year, $4.60; 6 Mos., $2.75; Foreign; 1 Year, $5.50 .~..THE ATLANTA DAILY WORLD is an independent newspaper,  and non-partisan, printing the news absolutely  and supporting those thing8 it  to be to the Interest of its readers and opposing those things against the Interest of "li readers. Address ALL COMMUNICATIONS to and make CHECKS  to ATLANTA DAILY WORLD, rather than to individuals.. The  expressly repudiates responsibility for return of   pictures, manuscripts, etc., unless stamps arc sent.</t>
  </si>
  <si>
    <t>                                           Lots in Hunter Hills S3 MONTH Near Washington Park E. R. Craighead, President 604 Candler Bldg. WA. 5862 ^m '.q an j S From tha beginning    S hav* put forth  A  to plaat*  patron. Wa i*rv* th*m Jt at wv would want them g - *J,  and under- M^j landing. if MEET EVERf FtMAHCtAL J) RCQUIItlHCNr i t W9i LAfiKIH ST.SWJ^saH</t>
  </si>
  <si>
    <t>                                           $$~ YOUR GASOLINE RATION COUPONS NOW! This Is For Your Protection. Endorsement Is Providing An Effective Means of Combatting the Gasoline Black Market ?!   ?^   \ 1L Mileage If you hold A, B, C, Wrife your license number D or T coupons- and State of Registration on face of coupon T*V ?s If you hold E or R ration coupons ^nfe      na,me and address on each coupon</t>
  </si>
  <si>
    <t>                                           Do You Prefer f A Tanned DARK SK.'fJ or Nainral       ? DR. FRED PftLr."E!V'S SHIN \;~"B HELPS L1CUTEX TAliNKO C.'Ui;i      !Io!-   1i ft \v;~     lighten Imnu-vl *t.:-k Mm -~U  i1iv r:ii!ivil Suiia.'r Uk'tlliHl.o. asi.l 'Ui:Jl i'.'iir :-~:ti:i. Dr. H!'..b MUNkV'haCK. 1;^ .it. j.icr in :Bhl'urUi.t.l ti im;.- -t-  CO., INC.. JJox S94, ATLANTA. UliORCIA. i</t>
  </si>
  <si>
    <t>                                           HAIR j SCALP TREATMENT Puss rmi I I Sf-ECIAL j I^jk OffEft j *i-~.      I  so.   tMt iO. I  sac I XO MORE ""XSSff- Send No Money! i At/Mmtf S.iJ     . /Jdi,. lessie Kare Beautj Products Co. 507 5* A^fR-.9O5) n rack, I I SEND NgTmONEY! -             tor no. ~~-S - Elf EEcSTALOa *na SCI EN WHlYCA STATkS .ALASSf^ CCMpAitV 1SK Jlilu-    -    .     . S-~i*</t>
  </si>
  <si>
    <t>                                           LADY LiBERTY GREEf S REPATRIATES                 lA SIGHT THEY VE DREAMED OF for months and years, that of again see- I Ing the Statue of Liberty, greets repatriated Americans aboard the Swed-~ Ilih exchange ship Gripsholm as It calls Into New York Harbor. Many!                 )7 told of privations they underwent. (International),]</t>
  </si>
  <si>
    <t>                                           For All-America                 Cnarlcs Weaver, Chapel HU1. N. C, ace left  back the A. and T. College Builders. Orccnssuro. I. C-. who Is being   for  on the coveted All-Amcrcr.u teams oi the CIAA. I                 and the Associated Negro Press, Weaver, triple theater, has inched . touchdowns, and  up a punting ^yerage of 43  this season.</t>
  </si>
  <si>
    <t>                                           Guilty Fleeth Is True Axiom, Man, 30, Finds Out                 Because his  bothered him. Jnn-.cs Ban!:.- 30 an Atlantan. must serve three months of i 12 months ,  him Tues.  in Criminal Cc.tr; hy Judgr      M. Wood. Banks, who was In the  of his home, was doing just, all right until it police car no;*scd his home. He glimpsed th.' Jaw and hen something U'. lv.pi Micd. He raced to t h e hwk . crabbed an ax? from      and ar.d took his ri.     job of  wood for thr family. Police s;tw him ar.d became suspicion?. T/icy put their =.ir In ve. ^e^se and backed un t.- the Bnnks home  the ;er Banks had taken owr his father s chore.!. On searching- Banks they found him loaded down with lottery . In court Tuesday, on   of t h e  charge. Banks was sentenced to 12 months, but the court ordered that he serve only three . Just a case of a m a n fleeing when no man pursueth. Bunks wns represented by Atty. poole. who requested  for his . This was counted.</t>
  </si>
  <si>
    <t>                                           Creator of "ConfessirT The Blues" Here Thursday                 JAY McSHANN ORCHESTRA                 who appears at the ''Lower Batin St, Empori- i urn" Sumct Catino, Thur., Janu ry 20 8:30 P. M. lo I2'-3O A. M. Admncc, 75c; l\ Box, 85c.                 Tirkeli irr           nov at prominent . tod       . A Southeastern Attraction.</t>
  </si>
  <si>
    <t>                                           Cited For War Bond Service                 Graham W. Jscluon One of the     known War Bond workers in the Soutli U Graham W. Jackson, Naval Chief  attached to the Rc4-        Office in Atlanta. An entertainer before the war, Chief J.-.r.     1   hoen twice  by tre Trcajury for d5.tin5ui.h-tl  rendered in  of the War Saving* Program." Among his cherished     nn  photograph of President *nd    . Rooievelt.   after jonc of hii early appearance.  l  Home. He    shown here  his piano, "reads to fo to town," for the Fourth War Loan.</t>
  </si>
  <si>
    <t>                                           I DRAPE PANTS JL\ t^^l SL^rir1: r7#75l  Of 1 CKT^Ia^J Others $8.75  mI $~.7S. *p* %</t>
  </si>
  <si>
    <t>                                           DAILY CROSSWORD                 across 1. Resembling lace 5. Young dogs 9.TneScriptures 10. Close to (poet.) ,12. Circuit 13. Join 1 14. Quantity of paper .1 15. Quadrat,. } (Print.) 161 Minor river 20. Variety of lettuce" .23. Pertaining i to pottery 27. Around 29. Leaf of grass SO. Distribute 32. Tiny 33Newly v married i woman 35. River (Ft.) j S8. Part of a pedestal j 42.Mohanunedan deity  i. Frenzy 45. Courtyard 46. Keen 47. Was carried 48. Jewels vows 1. Citrus fruit "2Jathep (priest s i ^-Fr.) J S. Ascend 4. Still -x.                 5. Knave of clubs 6. Not equal 7. So. Am. republic 8. Medieval story 9. Obstacle XL Color 17. Performer 18. You (old form) 19. Formed into a globe 20. Bounder Sl.Sash (Jap.)                 22. Distress signal 24. A stomach 25. Fish 26.LetterC 28. Reprove 31. River (China) 34. Draw forth 35. Weaken 36. Like a wing 37. Singing voice 39. Genus of .t 40. Specks                 Vcaterdmy's Answer 41. Coin (Swed.) 43. Garden tool 44. Cigarette                 m. rp m r rr p 11 I11 g Br^ ii ji j^ $    8-;.! tF a^ W;T y; 222       "~lElIi 4s _____i" 1"H I  pl I I k 12-1                 - A cryptogram quotation V A T B P Y P U DC UA     PSO  " 2 TA.          "i Crj-        : A STATESMAN S HEAf.T SHOULD ALWAYS BE IN HIS HEAD- NAPOLEON. Bbtitonti by Xias TMma; SyadictU. la-.-/-'</t>
  </si>
  <si>
    <t>                                           MADAM MINGY A Genuine Palmist and True Adriser 50c Complete Headings 50o ^~^~H Without asking a ^^H clc question, she  ^~ tell your secret desires I ^RlJ^I and greatest ambitions BBjTyyj and how to gain them.. nBM Tell names .of .friends H^g^Vfl and enemies. kItch true ^     rf "C^cr failing advice ^SSW .,n all affairs of life. such h.h 1"vc. Influences, money m*t- tcrs. business in fact, no matter what roar problem may be. Stop j  a loser.' chance  lack. Gain the things you want most to life. Sec her today as this Kpecial tow price may not be extended. For J ly years experience- ten years to Atlanta- is MADAM     -  to yoa that no better readin; or faster results can be obtained at any price, anywhere Readings Daily and Sunday It A. M. til 10 F. RL- 652 McDonongb Rd_ Across from Federal Prison. Take Pryor Federal Prison Car to end of line. Look for Neon Slsn.</t>
  </si>
  <si>
    <t>                                           Hon. Corneal A. Davis a former Mississippi, now a member of the House of Representations of the Legislature of the State of Illinois, representing the First District of the City of Chicago, which inclades...</t>
  </si>
  <si>
    <t>                                           NOW fl(J A Y HELD OVER Humphrey BOGART Bette DAVIS Olivia deHAVILLAND Errol FLYNN "Thank Your Lucky Stars" plus POPEYE CARTOON Fox War News "ON THE ROAD TO TOKYO"</t>
  </si>
  <si>
    <t>                                           aou-AN*T. "~"~^,t;:;;;(~ji:;:;*l: 1W, Atlanta Life Insurance Company -f Alhinl,..  si,...- ..r r. i;,!,s .r,!,",'.,'"^;,!" '"mrii"r ut l-          Offlcr- 11.1 A.il'.in, N. I:,. A.li.lili.. ,;,.ori-~,, r. C:     :   Sink .l,i.,.,n, I ,,f I ,  .Hi,, Mui-lc. SI..IH. II. Assets Tolnl n-.~rl- ...i.i.,iiiv (A...U.I  . ) j H.     .1  111. Li.il)lli(lrs l-nsl. .~upK.I vnM l.(~   10.W      ,lMH tut-r nil l.ti..lrs 3t mi r i.i.ii.      s it.~i:io'.nbo'.Ki Tulul l.i.il.HIMrx K..1I1.1C IV.  O.  l,:.sl Six Monllis nf III.: Veil r IMS TmIiiI til.1'.'...- C,f.M,,,TI1,llt V. Oi. During (lie Last Six Months nf Ihc Year J0I.1 Tu.nl l.lhl..nci,.!. 2, 030.78 GrfDlrM A....,,.'.' l.iM.rr.l In n.ty otin rUtt 7.S41O.0O Tnli.l A.nom... of lii-..ee ou.Ntnn. Ilu.ilg.SM.fKi A rnp.v  r tl.o Art nT Incorporation,  , H lit   of Ibr. ll.~ CVmnnlwJonrr.  tati: or : COfSTV OP 1TX.T0N: IV r^..r / - inr- ..^. y. u. lir.ii.t.itt, ul.it   . . .anil na;* .t lip h Ilic l*   .1rnt nf  Atlatittk 14fe           .               Mntrtncnt In correct      . (SlKanl) N. n. ,    Htnl   mo  I^lh di*y vf ). 1041. ObM. IT. Grwnr. HoUkrr Public.</t>
  </si>
  <si>
    <t>                                           Three Youths Held                 Three youthful Atlantans, one 16 and the other two 17. will be chars- ed with the   deaths of Morris Sctsssach. 70. of 428 Pryor SU S. W.. and WUllaro Garner. 41. of 733 Pulllum St. police stated Wednesday. The lads were arrested several days ago by                 dcy detective*. 'I They ore: Willie B. DUhjrt, tt. former Inmate of the caMS^ school; WUUiun Barber, -K, Md.^f Raymond Brown, IT,  Of HI* w Tnser St. .V;.. -r^ Tlie three      war* -J (Contlnned ea      2,     ?~)                 Three Youths {Cf. from page D !Tucsdov ant! Y.Vdnesday nnd police  .t. in :' statements Brown and E:) accused Duhart. of the staying*. Gamer was fatally injured on Nov. 12th when beaten over the head wilh an iron pipe. He whs later found in an unconscious condition near Capitol Ave.. and died several hours later at ihe Crady Hospital without makins a statement. Schumoch. police records reveal, was slugged. Nov. l"in, when near Prior :uid Manmal Drive. He was  of his watch, an old  timepiece and about $20 in cash. The watch was late recovered from a Negro who claimed he hod bought it Irom Mill another Krsro. bf.th  ;~t that time. The Felice said they had traced the .vatch back to Duhart. who allegedly had sold it for $-5.50. In his statement according to police. Pro?.'n said Erirber was used as a lookout" in nne of the . Both Brown ami Burbcr a( S'iiw4 v. Duliart   . a   ' St.. . where they were attempting pawn the watch                 when a police detective walked in. I The three, it was stated, snatched the watch from the pawnbroker s hand, and ran from the store, mak- j ing a dean Ket-a-way. Duhart de- tiled knowing anything about the slayings. police said. Duhart and Esrber are held at police headquar- ters on blanket charges of suspicion of murder, while Brown is held on Mispicion of robbery. Ttir case was j Mated to lie presented- to ilie Fill- r ton Cruinty ^rand     * JatiT thLs week.</t>
  </si>
  <si>
    <t>                                           Three youthful Atlantans one 16 and the other two 17, will be Charged with the southside slugging deaths of Morris Schumach, 70, of 428 Pryor St., S. W., and William Garner, 41, of 733 Pullium St., police stated Wednesday. The lads were arrested several days ago by...</t>
  </si>
  <si>
    <t>                                           JOBlliuA JONES                 By t. P. JUjnoldn                 Urulher Bell again AortSZ ilium "t feel Ilka join* ...Homi'M when In church and fa ~!*~fj**~**ji bnl home  jet   t ~~''4 9</t>
  </si>
  <si>
    <t>                                           MADAM MINGY A Genuine Palmist and True Adviser 50c Complete Keamnr* srr Without asking a single _m^b question, she will tell ^Fj^^^l your secret desires anO ^LV^H  ambitions and ^Vi9^D how to sain them. Tell ^KlI^I names of friends and  (, Rives true and A^Ktfifl never falling advice on  J^vfl all affairs of life, such ^Bflfifl^P .is love, influences, money matters, business, in fact, no matter what your problem may be. Stop  a loser, change jour luck. Gain Ihe Ihlnc* you warn     ( In life. See her  as tins  Inw  may mil be extended. 1' years experience Icn years in Atlanta- Is MADAM  S guarantee to you that no better reading or  results ran he  at anj price, anywhere. Readings   : and Sunday 10 i V. M. til 10 l\ M.-  52 McDaliullgh ltd., across from Federal Prison Take Pryor Federal PrLion Car to end of line. Look for Neon Sljtn.</t>
  </si>
  <si>
    <t>                                           Weeding eyebrows is a favorite form of Indoor gradening. They're tweezed teased and tormented, and sometimes there is no health in them. This business of eyebrow tinkering was established along about 1918, if you remember that far back which of course you don't...</t>
  </si>
  <si>
    <t>                                           I TIM TYLER- By. Lym Young                 FELIX. THE CAT Bu SULLIVAN                 HARRY                 DOROTHY DARNIT Jy] By CHARLES McMANUS                 By CY HUNGERFORD                 IT S A GREAT LIFE By JACK RABBITT</t>
  </si>
  <si>
    <t>                                           First Birthday                 Baby SANDRA 1'. UTH.K adorable -baby  if Mrs. Fannie Almond, 315 Tanner Street. Atlanta; who celebrated her first birthday  on December 23ril. Baby Sandra was showered with many lovely gifts from her many friends on her birthday occasion.</t>
  </si>
  <si>
    <t>                                           31 11.00 Reading for    *r T*    :v Days mMd Moat*~ HMadamEva SHE GIVES FACTS AND YOU GET    14*~           1st.       7os  all      .       roar  to HxUm Kt*. 4fld *m  ae Uiftt  mlL If 70a lwf#    wif* or In!    m ana com* tt     .  koon 1. K. to It r. M. Dml\j mat  1018 W. ViHMI. St.. X. W.. AtUaU.     m ta      the loman Tard 8(   Car. FtfOM uk tba rtn-rt car conductor  to Irt 7 a off I top* oa th" other      of the Klas Flsw Co^ Atlaata,</t>
  </si>
  <si>
    <t>                                           Find Zoot Suit Riots Result Of Poor Conditions                 WASHINGTON (ANP)         angles improves its .i-], nc.ii.ii     i\, ' suit"  will tase a new hold, predicted a house naval affairs subcommittee Thursday. The  uas .iie result ot u  s                 ...ooe in congested war areas 01 10 .ja..ing communities in the Los ..H6Cles:Lony Beach area w.nere *~e members learned that most of ihe southern Xejjro migrants are *emg crowded into a small Negro .section und into an area known as  Tokyo" former Japanese i.ist.ict. The committee suggested a (Continued on page 6, col. 4)                 Find Zoot (Continued From Pane V "strict control of in-migration of Negro workers," and offered the Idea of Increasing rents us n possible means of alleviating the condition. It declared thut the greatest need for recreational  in the city is that for Negroes. "This lack," stated the committee, has been largely responsible for race riots- such ns the zoot suit affair." The Los Angeles area which the group Investigated is inhabited by more than 3,300.000 persons; ?nd according to the report Its Increased population has been accompanied by an Increase in crimes, juvenile delinquency and sex offens- es. Disorganization of the home Is sold to be responsible for the  that the number of delinquents has doubled since 1040. The work of experienced  counselor.* must aid present-day youths in developing a sense of security and :, recommended the group. Adequate recreation facilities for Negroes were strongly emphasized.</t>
  </si>
  <si>
    <t>                                           WASHINGTON -- (ANP) --Unless Los Angeles improves its ... and recreation ... among Negroes, "zoot suit" riots will take a new hold, predicted a house naval affairs subcommittee Thursday. The forecast was one result of a subcommittee's...</t>
  </si>
  <si>
    <t>                                           THE NEGRO PRESS has arrived Its gathering strength is manifest in a hundred ways. It has maneuvered itself into place of paramount importance in the affairs of this country. The rays of light and hope that penetrate at times the dark clouds that hover...</t>
  </si>
  <si>
    <t>                                           With startling unanimity, our "leaders" are emphasizing the necescsity of changing our mores if we are to hold our own with other races. One of them ably remarked the other day: "We fell down 75 years ago when we had the chance because of our ways. Of course, we...</t>
  </si>
  <si>
    <t>                                           JcfellVA -3ONE8                 Dy I. 'P. REYNOLDS                 Brother Sell      '        nho  et on Oicli"'  (h         don't.- nty horte .</t>
  </si>
  <si>
    <t>                                           WASHINGTON--(SNS)-- Negro consumers were represented at the first meeting of the National Consumer Advisory Committee in Washington, D C., on November 30 and December 1, the Office of Price Administration announced this week.</t>
  </si>
  <si>
    <t>                                           The Harlem Globe Trotters are coming to Atlanta. They will be the first mayor attraction of the basketball season here Thursday night at Sunset Casino. December 9th, when they face a team of All-Stars selected and coached by Ralph C. Roblnson, basketball coach of Clark</t>
  </si>
  <si>
    <t>                                           Fryers Hem Fresh Fish Daily Eggs Oysters WE CLEAN AND DltESS CHICKENS AND FISH FREE WE DELIVER HARRY S Fish Poultry Market AMhcrst 2177 865 W. HUNTER ST. LABORERS WANTED  TO HELP BRICK MASONS IN ATLANTA  PLANT Good Wages 48 Hrs. Per Week Time and Half Time for Over 40 Hours CALL AT U. S. Employment Office Of War Manpower Commission 191 Marietta St. And Ask for Steel Plant Representative Wednesday. Thursday and Friday. This Week.</t>
  </si>
  <si>
    <t>                                           The parents of a Memphis youth, a soldier in the U. S. Army, who was last reported wounded in action in Italy, are anxiously awaiting further word of his condition and whereabouts this week.</t>
  </si>
  <si>
    <t>                                           Today finds the writer in Savannah, Ga., at the old Georgia Conference, being held at St. Phillip Church, Rev. Murph, the Pastor.</t>
  </si>
  <si>
    <t>                                           II FOR            #/~f     .BURMSs;~  "</t>
  </si>
  <si>
    <t>                                           Today's Patiern Only one yard of fabric makes Uii.s np:on f-vrn lo i:!i: l,i" 1:1 bi CK! i'.n i tern 0-140 is sr.-.;-it m  ami i e  you the ic;vera\;ci ycu       just, where you need n. a : of  cotto.i s- serve ym. i tail its pretty t^oui l: :c make in rayon for a h'.Mi'ss oc if'- ' I'nt.ti.Tii 0+49 may I;i' ! 'ii :-\7CS Sm;~ll i32-4.'i. Mrluni '?'i-:W'. 1 ni-rfe (4C-42L Small size u::cr 1 \-ri. o5-in.; U 7-U yds. l)iil.lin:l. Send S1XTEN CENTS :n c.-.im for this :-i.      . ~;:...:nl.SIZE. NAME. '.SH. 3TYLK NUMBER. Scnu TF.N  rein lov ni'~ Marian Mari.n PaltiM!i tj.Hik Com(.lt tt1 stylo s"  '-;ion frr all      FT'v pat.'crn   i'l IjiviV:. Send  tn At'anr.i D:"U P.m ii-rn Di;~i:          23L' Wrst !!til- Si Nt'n- Yoik. 11. N. Y. PEST ...especially when ^~  ^ soreness and      . are present. Relieve 71^2   A jE   of externally 'i^^m caused -H willi I*-  : Black cad y ^ WliileOiiitmenl.'- 9     4 of 8[*il  li;i\)*    Rlark ami -  inl. I'MMil  iid HOnlliin^ anti4       * action tla*i rt  Ik-      in . ll   ^ and  KorcnrHs of m-zonia cv tern.illy .'eil, nml .' ringworm. Try it! In large  al , .  (V,'2.r(iS and int'. V.w mily    diri i tcd. rF" Highly  for daily             Biirfncc din is mild and Irnprant RlarK and Wliite Skin Soap, 10(5 and 25(i, Bold           .</t>
  </si>
  <si>
    <t>                                           OHE-A-DAY Vitamin A and D Tablets EACH tablet Contains 2M more Uuiii   requirements of these two essential .  Vilunuu A may  night .  le^wn  to infection of the nose, llu out, eyes, *~ai'^ and sinuses. ViUiiiiin D is necessary to enable the body to - ii:*.- of the  and phosphorus in uur food. Insure your minimum requirement! of  two  Vitamiiu. by UkinK u ONE-A-DAy Vitamin A oud D Tablet   very d^y. Economical- 50.' or leas per month. Convenient- you take only     tablet a day. - children actually Ilk* the taste and so will you. IMPORTANT- when buying Vitamins, compare potencies and prli M.     them at your drug store.</t>
  </si>
  <si>
    <t>                                           "Cfjasni Of Racial Isolation" Must Be Crossed If Allies Are To Win The Peace, Church Leaders Warn                 Federal Church Council Asks End To "Racial Isolation"                 Leaders Warn of Danger That Allies Will Win The War, Then Lose Peace                 NEW YORK 1ANP1 Chill- Icr. the evils of   and of  discrimination, the Federal council of the Churches of Christ in America in its annual race relations message released here I called upon all Christian people to be "unprejudiced and wise enough                 I to bridge and cross the chasms of t racial isolation und segregation." j j It is also urged church people to I "vigorously oppose" all policies and practices of racial discrimination in the armed services and in employment in Industry: ACT WITH CONVICTION j One of the most pointed official j statements on race discrimination ever issued by the federal council, j the message declared that "the  i Ing resentment by dark-skinned peoples  white domination nnd their feeling that they are deprived of the position properly belonging to free men in a democratic society make it mandatory for Christians to speak with prophetic voice and act with apostolic conviction." Anti-Semitism, iU- of Negroes and Japanese Americans, and race riots in widely separated places were cited as evidences of the necessity for Immediate and effective action. Declaring that the cause for which we arc f  is Unit of millions of men nnd women of many nations andd races who are                 i ing tyranny, the message pointed j out that or these people, 400 million are yellow, 400 millions are brown and black and 400 millions are I white. "We must remember without j regard to racial distinctions that China, Tndlu and other eastern  I j western nations are our allies. We j I cannot achieve a cooperative world i order without them nor should we!'' CHANGE NKED Warning Unit we may v.'in the war but forfeit the peace unless we j "weave interracial respect and co- operation  the fabric of our! thought and life," the message tie- j clared that "we must not, like our                 enemies, commit the sin of racial contempt and domination based upon theories of a master race." "There must be a change on cur pun not  uf policy bill of manner: not only of behavior but of heart." the statement continued. "For in this conflict in which every race is involved and in which freedom is a shining goal, we as a nation shall prove our sincerity by achieving within our own boundaries vital community, irrespective of color, or cultural heritage. We must demonstrate in life the peace and goodwill among all classes and races which vre so ardently profess. The race relations message is designed for use by churches and church  as part of an - j   culminating in race relations Sunday, Fro. 13, a;id during the month of February,' designated up Brotherhood month by the } Federal Council ol Churches.</t>
  </si>
  <si>
    <t>                                           NEW YORK -- (ANP)--Challenging the evils of racial segregation and of racial discrimination, the Federal council of the Churches of Christ in America in its annual race relations message released here called upon all Christian people to he "unprejudiced and wise enough...</t>
  </si>
  <si>
    <t>                                           TIM TYLER By Lym Young                 FELIX, ttn SlIUJVAN'                 HARRY j                 DOROTHY                  By CHARLES McMANUS                 Ky CY                  IT S A GREAT LIFE By J ACK RABB1TT</t>
  </si>
  <si>
    <t>                                           A superior Alabama State Teachers College quintet trned back the Morehouse College Maroon Tiger cagers, 54-39, in a heated contest played before an overflow crowd in the Morehouse Gymnasium last night.</t>
  </si>
  <si>
    <t>                                           The Mt. Calvary Baptist church with the Rev. B. J. Johnson, the pastor, came to the close of the year as debt free church and with their leader having a vision for treater things in the next year.</t>
  </si>
  <si>
    <t>                                           Champ Shows Lethal Left To Soldiers                 Released by U. S. War Depinmenl. Bureau 3f Public TMatfoni SERGEANT JOE LOUIS BARROW shows hi? lethal left to admiring fans at Maxwell Field, Alabama whore he fought an exhibition January 4 against his long-time sparring partner, Sergeant Ccon;e Nicholson. The Louis tour in the continental United States closed January 20, following the        '?    - at Camp Butnor. North Carolina. More than 030,000 soldiers have witnessed the  ..* ::: :n mow than 9C Army posts, camps and stations. Present plans anticipate that the                 will go overseas. (Photo by Army Air Fortes.)</t>
  </si>
  <si>
    <t>                                           In South Pacific                 Pfc. James R. Cleveland, stationed somewhere in the South Pacific and Willir.m H. Cle.vela.nd. Seaman 2-c uf the Hospital Co:1!} Training School. Great Laker;. . arc sons of Mr. and Mrs. John P Cleveland   l Io4 Chapel St. S. \V Both arc B. T. Washington High School graduates and were   of Flippfr Temple AME Church.</t>
  </si>
  <si>
    <t>                                           INFANTILE  i PARALYSIS JANUARY 14-31 NO WORE GRAY. DULL c OR FADEp      USE lessie Store's IMPROVED HAIR DYE r LOOK YOUNG t^flQ AND BEAUTIFUL* gW" i IT WONT WASH OUT OR RUB OUT. VERY SIMPLE TO USE I CAUTION: Ml ONLY AS I OIBf  ON LAttL  NO MONCY. PAY POST i MAN MOO          on I         . ?~nd order today. ?af?         /~~      JESSIE KARE  PRODUCTS CO. '^Hk     Cl'r</t>
  </si>
  <si>
    <t>                                           Cracks Dope Ring; Gets Merit Awijfii                 CAMI' TYSON. TniiM.-.'SNS'-StJirr Sergeant John M. Lewis. Jr.. ct Camdcn. Now Jsrccy. un Fobruar/ JO, 1941 was presented   Legion of Merit     : conduct in  he perform  of          the v.ar Orpartment .                 While member ol tne  Antiaircraft Barrage Galloon Hut-.         ciT.cant Uciyfs^'R-as insh  in bringing to Jus-' lice- .1 I'"? of marihuana peddlers and users. Tin- sward was presented l'i Mim a I.    se   Mid K-vi nv by Colonrl William H Dunham. Jr..   nf tlv; T3,inat;c Balloon Tnunin^ Cotitnr.  J'lv! ..HiCiil.es Hie .ion came to StaT: Sergeant Lcwis in  iH. of ills v.ork as a volunteer  In-   t Cnmp Tyson between April 1 1943, ann June 15. 1SHJ. and 15, 1043. "in which  he 1 FOiieht o it Identified,' secured evidence tf. aiid brought' to justice a  of  P'iddlcrs and  s Whose activities were having n baneful nnd highly ?l effect upon morale,  inp and  In flic Tmits ui'.;  Ht. Cnnip Ts'son. "In the  of this                 i. he )M9l 1 uti f' marked  ability, untiring i . n high -degree nt initiative,' -IohsIsIiI. .u n. d f  wlty.np  '":of. Oie"  dangers ''involved nor. possible consequences to \lh  . :"AS "a" result *6f;"h ls ,-}s'. it  of.  Inlty;!; ^n^ drug- id(       wns  cd ~.Hurt broken, up jind, n ^  In I he  .  v The .'^of'       :lng was .-ln Memphis. Turn.. ..vhile tho., of Mm (Iruc  Jroiii Arkansas, (Cviit) an l'a(o 6, Cnl. 8)                 Cracks Dope (Cnnllnuril hum l as~-    j ir. proved f. :inl I i;wl-i. ft- will-, ihf Imul '~f.cis. found out Die local  cf tlie ring, Hie names rf thn runners" of the .1 nml Uito his Inronnation and WcnlWiciiiion        Bui'Ciiu of Nincotlrs In  r  ~~!(v! In Memphis   Arkansas  I mer who grow Hie    *d 1</t>
  </si>
  <si>
    <t>                                           CAMP TYSON, Tenn.-(SNS)-Staff Sergeant John M. Lewis, Jr., of Camden, New Jersey, on February 10, 1944 was presented with the Legion of Merit for exceptionally meritorious conduct in the performance of outstanding service the war Department announced.</t>
  </si>
  <si>
    <t>                                           As Central Publishers Held Regional In Cleveland                 Delegtites HtLeuding the central regional ine- of the Negro Newspaper Publishers Asnociiittou m Cleveland ur^ shown an they      guests at i. luncheon In tin- Del Pradc. Pictured I In r tented, Willlkm Walker, host. Cleveland Cull-Po.t; N. A. Sweeu, Si. L. Anvciicon; J. f.. Mitchell, St. l_r.    AfifiU; Louis p.. Martin, Michigan Chroui.l,-: Willinm T, McKu^ln.  Ji.., PF.PC, speaker; Flunk I.. Slnnlev. Luuis'ille D^f.-n lir- llr.wur.l Murphy. A('rn.         , New.j,      : l. It. White, Ohio Slate     .                 . Alcx.-- BariK... W.nt.im:U.ii Tribur.*. I Standing 1 id f C'li rli'~ ft.t..K, Chicago Do/.'/-; F. Co,l,i-ll, Norfr.ll. l....,,,.,l a,,,l Guido; f(-lix      Wfclkrr, Cl.nc- I Uii," Call-Pobt; Cl.nrl^. II. Lori,, Clevelnnd Call. Post; I',  i Youns. Jr., Jo.tni.il mi.l Guide. C. A. Taylor.. Chicago Dcf.-n-. Eail V. llf.r.l. Pltiibuifl. Courier; UowdM H. Divij. Kai.i.t Ciiy Cull -lid       Al^xan.lur. CtevrUnd Culi-Pcji. p"       .i Jr.lm Sen^kiKi-ki-, ..f            .-    . l)*fi- -.nil Soutr.crr. Vi^i-    .-M*ni                 C. A. ScV.li th,. AlUnlo l)~      rr .</t>
  </si>
  <si>
    <t>                                           Macon, Augusta, Americus AME Ministers Meet                 Pledge $30,000 For Morris Brown By March 30th                 By DAVID NORRIS                 DUBLIN, fla.  \V. A. Fountain, presiding IJishop of the A. M. E. Church in Goonr'm. hold a special session of Mneon, AnctisUi, mill AmcriiMis .Conferences here in St. I'aul A. M. K. Church, President W. A. Foun1nin, of Mniris Brown- Cnllete.                 ministers present Ihni the church must never lake her li.'iml* off  training of  youth. *'\Vo musl face the issues  f the fill      with .1 well I rained .leadership. anil there must never come :i time when the church can compromise with sin. in* leave out n true conversion.*' I,.. said. 'Die lo presiding:  of the  conferences pledged 10 report the 11M1 budget for Morris Lrown College on Mnreh .'!0lh, totalling more S;!fl.0iii) from tl o churches of the three groups. Several pastors already ii:ul ; the session  a hundred dollars. They were inspired with the program oul lined hy  i \V. A. Fount:iiii. TiTo special team of Stato Workers who I formed a facility were Revs. \V. R. Wilkes, R. II. Porter. A. A. Hightower. W. Boyd Lawrence. Atlantn; .1. Roy Moore. Fort Valley. :iud t!. I.. I!ohi-ris. \iner- . Dean Chas. I.. Hill. in. a spec-! ial address on the New Testa- J (Continued on page 6, cot. 8) i                 Maeon, Augusta , warr.esi ot .the danger of present-day preachers drifting away from the teachings of Jeans. "There Is more religion  about Jpsiis  there Is Jeaua," lie . The director of. the meeting. Dr. E. C. Mitchell, had charge of session outlining the -uin "1"   of the A. M. R. Church in the StiiU-. Spcciiil sermons wire -hed by Uov. W. C. Origcers, Amcriuus, nnd Dr. A. U. Coop, or. Auinistn. More than 200 ministers and layman attended the session. The local pastor, Dr. J. II. Hull, had charge of  entertainment of the meeting. Bishop Fountain will hold n similar meeting next week in Moultrie, C,a., for the South Georpia and Southwest Conferences.</t>
  </si>
  <si>
    <t>                                           DUBLIN, Ga. -- Bishop W. A. Fountain, presiding Bishop of the A. M. E. Church in Georgia, held a special session of Macon, Augusta, and Americus Conferences here in St. Paul A. M. E. Church, President W. A. Fountain, of Morris Brown College...</t>
  </si>
  <si>
    <t>                                           1 iu I f^ u s is ik s c" tut c  i tf I n i yi n t$ .m 9 e,     el ro is jjj HPV ^1 Gieriousiy New and Sparkling! I A*Jk WH MISSES' and  C D 0 P 1/ 0 I Jfc9 Wh womens   gf   ^^     ^JnW^MBfaM For tlie holiday parade you ll want one of these delightfully I ^H^BInB' 1'  Hh   y frocks! They give a lift to your spirits as well as to yo ui ^i^~~KS)^B^(^5^i^    !^    5^)Ba5 pleated skirts "V" and ^SBpSEStBHsi 1 K  *l round necklines! You'll love ^HH^ESHEGilMKa^HNi I B^mA 1 tbe cunn ne belted novelty -^^^J^mW^^^ tf S f^!% 1 fashion* i1? hiqh s          Y (~)m I BOYS' SMART SUITS ~;^Wk She's Bound to Love I    *r Warm I 'j^-^^S^^^^^ .1 RAYON CREPE SLIP S 1 1 j-~~ ~^PS^ ^^M I Lovely lary I rim! A fine filling slip f ^^F^l^Pm I "1!~l "ol li(le      "r "  1 Tailored t* His Taste!' Mtl   4L mt\) I  slim frocks. A dainty gift lhat g -l1. T M ~,~fH{ ffi W,j iffi^ g will please her. Tea rose only. Sizes $ /'i wii *^      'IiMS     'S;PANTS ~~!fT g UNDEKWIeAH MICH S BASEMENT S f^j .'^^f I g OH I Warm Comfort for Her   u ^^eg I r ci t r v r d r t t r q ^ I L L I LVLKlIIlO S The extra pair he needs! Lengths 'ij^^^KgH. I /f?V No 1*4^ 2 made to . Worsteds, Serges, ^^^ f  llT\^fev Coupon ft Tweeds, Crashes. Wool content label- TOmHaBHiB Bir^T rH^l^^\ give her these led. Gray, Brown, Blue, Tan, Green.  M' W$~ ^^5^^ moH'~            i I,    '~.      {/^.-  ,.w        AtIMINT</t>
  </si>
  <si>
    <t>                                           Let Us Repair Your Shoes m We will take special care of your shoes. We know how to repair them so they will last longer We also rebuild cripples' shoes with doctor s orders Mail orders filled. Barnes Shoe Shop 287-A Aubum Are. Leon M. Barnes, Prop.</t>
  </si>
  <si>
    <t>                                           COLORED CITIZENS WAKE UP! Now is (he time to give in your TAXES Both City .and County The Hooks close March !5lh. Now Is the Time To REGISTER Your Name at the Court Mouse TO VOTE v If You Have Not Already Done So. If you want to vote in November when we elect a PRESIDENT and other officials, then you must have your NAME REGISTERED on the Voters' List at the County Court House before May 2, 19-l-J. DON'T PUT IT OFF DO IT NOW! Atlanta Civic-Political League i JOHN WESLEY DOBBS. President JOSEPH CRAWFORD, Secretary</t>
  </si>
  <si>
    <t>                                           FELIX, THE CAT Ru SU.                 TIM TYLER Bv -Lvm \A                 HARRY</t>
  </si>
  <si>
    <t>                                           To Have Formal Opening Sunday Feb. 6th                 MEMPHIS, Trim.                 (SNS)                 The , , ;n;d Uistclully   ul,-l it,U'cJ Ncjiro brunch of tlic Memphis YMCA, which will be formally  to I ho public, Sunday afternoon, February G, 19*14, with ;ui :;ious                  ~!Kl ;iti upc:n lio;i;.e. Tlin Ni'gro 'Y'p unit moved  ils rented   ii.u lcr:i to tbc   Tool i mansion on December 1, I!M:i. Tin: new ; was -.ii.cd :mtl outfitted :it. :i cost of over $:t!),oui)                 in  by .  ami          . 'ih'- ; was .Mi in \\w Ni'urit  by Mr. A. Scharff, - Memphis  ami . i</t>
  </si>
  <si>
    <t>                                           Zeta's Speaker                 DR. NANCY B. WOOLniUGE who earned her I'll. D. from Chiraffo University anil is. chair- man of the Division of Humanities and English at Louisville Municipal College, will deliver the main address this afternoon at 4 o clock at the Service Men's Center. The program is sponsored by the Zola Phi Beta sorority, and Is scheduled to draw a large gathering as it climaxes the observance of Finer Womanhood Week.</t>
  </si>
  <si>
    <t>                                           Everyday J^^ Is Low -^fl HiCMl -fil T^^ Price Day ym^^^jft^^f At the ^ HOLSUM "      $~~ 4C MARMALADE 31C CUT BEANS  T llc WHEATIES "SKBSiF llc BALLARD S -SSS? 1OC GRADE "A" BEEF c ROAST      ?rE L"- 25   ,-,nS?cut Lb- 32C 0 STEW BEEF asa 1SC Bonelcsi Brisket m Selected G'ound  W 32c11ObEEF   27c Fresh Tublc Ore*.~tcd i reult Table Uretsed FRYERS HENS 55C 49C  PICNIC  29C PORK ROAST TESH3UBrorSTON ,'31e 0 FRESH PICNIC ROAST 27C  SAUSAGE 2 u. 33c SLICED BACON PLAcVS      u, 39   HAM shank end u, 31' i    PORK LOIN ROAST S? b 29 RAISIN BRAN iOc @%gB5^ APPLE VINEGAR 14c ^^^^P^~^M HI-HO CRACKERS -23c' PURITY OATS 3oo..  . 9c l/ B" HV BLUE RIBBON MALT = 53c Wll/VLlJA pancake flour 7c for :1    ;$w* NAVY BLUE AMMONIA 13c 4oz 33C if  .ic  ir:rj,,,r- Triplv I'Ves/t Bread %~~$~$~ '0UR PR!DE PULLMAN LUX 2 Lj 15C 2 ?~-01 19c FLAKES U"ta    L0 V" lV 9l/2c 23e L!BBY MUSTARD 9' APPLE JUICE   rrs X- 21* SWAN COFFEE ~~$~ 2 Be9b, 41' FLOATING SOAP 9 Rn.a.r Bo* s:c 0. K. TABLE SALT 24  - 3~= 6C 3B-29C POST TOASTIES 8  SWEETHEART SUNBRITE CLEANSER 56 SOAP ARG0 C0RN starch c 8e SfPi! fROM  ~-H o- sg(~! 1    ULTRA-!! FASTER AfitiMfliL  BWBwiaa  .  swn-.</t>
  </si>
  <si>
    <t>                                           Bring V Sweaters I ^SsL j bhU AND lJ!?^m^J mBK^ j wh SSlii.:k thrill lii^-h :is tin- ChrHni.-is trci-. Santa, anil I'll be      -viT h:     . This OlirNtnias, particularly, u sweater is u  th(   .-:il . Pretty i- to wear anywhere. Iiki per i'i-Mi wool. Six captivating . Pink, him-, yellow, rt il. lu i^e. lti Cii. Sizes .'i-l.lfi. $2-98 fi^^^BH^^^^H Youthful ami flattering B^     ^^^^^^L i "kirt* to compliment your ^SR^SH^^^^^B su-. Three  both J9^H^^9~^^~^^^H i front anil hack. They ars I^^^^^^^^^^^^HH Hiiro to ~)lea.    her. Sizes- ^W J $2*98 C*' 82 WHITEHALL ST.</t>
  </si>
  <si>
    <t>                                           Russians Overrun Germans In Major Drive To Baltics Russians Overrun Germans In Major Drive To Baltics                 In a winter .drive which has torn nearly 1.000 square miles from German troops guarding the approaches to the old Polish and Latin frontiers Russia's first Baltic Army captured 70 more village and hamlets yesterday. In a winter .drive which has torn nearly 1.000 square miles from German troops guarding the approaches to the old Polish and Latin frontiers Russia's first Baltic Army captured 70 more village and hamlets yesterday.                 A communique broadcast by Moscow and recorded by, the Soviet monitor did not give the  mileage gained in the sixth straight day of the offensive, but it was believed that Soviet forces were within 55 miles of both Poland and Latvia in their twin pushes toward the rail strongholds of Polotsk and Vitbslc. A Berlin broadcast also quoted a German military spokesman as  the Russians were attacking cast of Vltsby, upper white Russian citadel whose Nazi garrison holds a salient Just below the Nevel sector. At last reports the Russians were 35 miles from Vltbsk on the east, northeast and southeast, and about the samc distance on the north in the Nevel area. North of Venafro on Italy's mountainous backbone, Lleutanant General Mark W. Clark's Fifth Army troops continued to fight their way forward and to force the Nazis Into what a military commentator described as a "hurried departure". They found many enemy dead that had been mown down by American artillery fire. Other Fifth Army assault troops A communique broadcast by Moscow and recorded by, the Soviet monitor did not give the  mileage gained in the sixth straight day of the offensive, but it was believed that Soviet forces were within 55 miles of both Poland and Latvia in their twin pushes toward the rail strongholds of Polotsk and Vitbslc. A Berlin broadcast also quoted a German military spokesman as  the Russians were attacking cast of Vltsby, upper white Russian citadel whose Nazi garrison holds a salient Just below the Nevel sector. At last reports the Russians were 35 miles from Vltbsk on the east, northeast and southeast, and about the samc distance on the north in the Nevel area. North of Venafro on Italy's mountainous backbone, Lleutanant General Mark W. Clark's Fifth Army troops continued to fight their way forward and to force the Nazis Into what a military commentator described as a "hurried departure". They found many enemy dead that had been mown down by American artillery fire. Other Fifth Army assault troops                 who on         -        the Germans out or the villages of San Picrto, just north west of Mlgnano after three days of hard fighting hammered on up a small defense fortified plain toward San Vitore, next enemy stronghold defending Casslno. As General Sir Bernard Montgomery's Army knocked out five more German Mark IV tanks, Eighth Army lnl. seized the village of Consalvl, between Orsogna and the Adriatic coast, and overran another enemy position. Inflicting severe losses. The Eighth Army had knocked out 43 Nazi tanks since the start of the Sanpro River battle. In the third week of major fighting along Germany's Balkan flank, the Yugoslav partisan army cut heavily into the German forces last night and a Berlin communique for the first time frankly characterized the action as "Brim battles". In  5,668 fresh Yugoslav casualties were claimed In eastern Bosnia alone. The German High Command, which  had sought to present the weighty resistance of Marshal Josip Bronz's forces as more rabble-sniping, took a wholly changed tone of gravity in asserting that more than 3,000 partisans had been killed and 2.6G8 taken prisoner In (Continued On Page 6 Column 2) who on         -        the Germans out or the villages of San Picrto, just north west of Mlgnano after three days of hard fighting hammered on up a small defense fortified plain toward San Vitore, next enemy stronghold defending Casslno. As General Sir Bernard Montgomery's Army knocked out five more German Mark IV tanks, Eighth Army lnl. seized the village of Consalvl, between Orsogna and the Adriatic coast, and overran another enemy position. Inflicting severe losses. The Eighth Army had knocked out 43 Nazi tanks since the start of the Sanpro River battle. In the third week of major fighting along Germany's Balkan flank, the Yugoslav partisan army cut heavily into the German forces last night and a Berlin communique for the first time frankly characterized the action as "Brim battles". In  5,668 fresh Yugoslav casualties were claimed In eastern Bosnia alone. The German High Command, which  had sought to present the weighty resistance of Marshal Josip Bronz's forces as more rabble-sniping, took a wholly changed tone of gravity in asserting that more than 3,000 partisans had been killed and 2.6G8 taken prisoner In (Continued On Page 6 Column 2)                 Russians Overrun (Continued From Pare 1) late .fighting. The Nazi official view followed the defeat last' week or the sixth and heaviest of Hi' series of German offensives burled at the well                 cd partisans Berlin had reported S339 Yugoslavs losses for the first half of December 2, 198 killed and 3,341 captured,</t>
  </si>
  <si>
    <t>                                           In a winter drive which has torn nearly 1,000 square miles from German troops guarding the approaches to the old Polish and Latin frontiers Russia's first Baltic Army captured 70 more village and hamlets yesterday.</t>
  </si>
  <si>
    <t>                                           Harlem Bank To Match War Bond Purchases By Sales Group                 WASHINGTON'- CSNSi- All Win Fsond salt s ol the Hiirlcni Fourth Wur Lou:i sales :. to rhc  of S1.00 will be  by puri  by the Bowpry Snvlngs Bnnk of New York City, in  of its Hnrlem (lo]), the Treasury                 announced this week. Total bank rui chases will be credited to I he sales record that the Harlcn: organization will attempt tc establish before February 16. v.vm the Fourth War Loan drive clores. The offer,  by Henry 8ruer.~ Iwnk president In  of the Institution, was characterized ap a -Mgr to "Negro " in s  by Hobcri P. BrHddMts deputy  ol the New York War  Committee In lino with the Rereement. Mv. Brupre purchased   0,00g worth ot                 War Ennda lual week from Mattle W. Stewart; a  in  hank s dining room, for the    ;t fourteen yours. MIsi. Stewart it it War Bond  with tlie Me. Morris Park unit of 'the         Fourth Wnr 1/Mui*~a1ca  and' the  of this k.Id v li be credited to' her- unit quoin. Mr. Btaddloks: reported that tt  large mutual insurance  two' of which ore owned and controlled by Kegtoesore  lvin^   the,F\3 rth.          Drive 'In Sorloin Tlicv itu the United Mutual' Benefit AhhocIo. . tho Victory Mutunl Iwtirtncn Cotupnnyf IjoUi colored) /      Unity Llfo.~.Ai;  Association. Thi! ale* personnel cf  '   lime to the   1  of B, f and Q          .</t>
  </si>
  <si>
    <t>                                           WASHINGTON--(SNS)--All War Bond sales of the Harlem Fourth War Loan sales organization, to the extent of $1,000,000 will be matched by purchases by the Bowery Savings Bank of New York City, in appreciation of its Harlem depositors, the Treasury...</t>
  </si>
  <si>
    <t>                                           Greet War Bond Caravan                 1LLE, Ca. (SNS) Wearing a service cm ^vi his har and n  on iiis (ncc, I!lltc James Edward Spm^           : ~".-  :li^-~--Si{ti-'^Ttl:;*B" "-              '"^'-'ArAiy'f "v/i./ldV-" Wiirinr llic  of the     V/ar Bond         in Cnrlrrjvillt- in tie Fourth Wnr Lonn. Jnmn linn an uncle   :                 til/: . ISii;nul Corns from .)</t>
  </si>
  <si>
    <t>                                           Receives Call                 KEV.  iir 111- Ozone Street Atlanta was recently culled to Little Friendship Baptist Church, comer of Mrrrits Avenue and Bedford l . Itc-v. Ilulchinsnn lias liad a varied background, having atli-~di'~l Tuskc^ce Institute  was j at  time the  boy fur the late Booker T. Washington. The I late Dr. George W. Carver was his Irarlicr and the late I)r.\C. I). Hubert and others were his colleagues, lie is a graduate of Morchousc College. In his new work. Itov.   the recommendations of .some of the leading ministers of this city, and delivered a stirring  Sunday.</t>
  </si>
  <si>
    <t>                                           You're Not Too Old To Feel Young i TlilJ In a  for nun who hire known     but    longer rind It   of Ihr Inrk of certain Tllfiinlim nnd . Herman, a.        \rry combining  ami   multiply Iht \im ami  ctt   too one     . Voor whole approach, your   .1 lift, may Improrr when you       to uu Herman. Now It         for - men to   tlio ami. . Tltalitr and          routh k I him tn . Added            not  from ?onr   ym dm Hennas, tho new medical formula        nnd hormone*. -Follow directions on label. Send SiMlft for  bottle            100 tablet!, to Dept.   .                 Co., 890 Euclid An.. Cleveland M. OhCo.</t>
  </si>
  <si>
    <t>                                           For the first time in the present war, a Negro mother of a Pacific urea battle hero will be singularly honored by a city.</t>
  </si>
  <si>
    <t>                                           Madam Mayme .lust . I in the City All American Palmist. She helps you when all others fail. If ^B you art1 in trouble. fB*.~-f fl unhappy 1J110 to love.          . business. )     . or any  tor.   a trial. She can help. She is located just below the Grove Theater. Look for  in front of offi-o. Hours 9:00 a. m. to 10 p. ni. Adrlress^ Madam -Mayme 1S24 GROVE PARK BANKHEAD HIGHWAY</t>
  </si>
  <si>
    <t>                                           NEW YORK--Ban Burley, nationally known sports writer and columnist, scored the sports hit of the year in the current Sam Langford setup. It was Burley who suggested a feature on the all-time great of the prize ring to Al Laney, feature writer on the powerful...</t>
  </si>
  <si>
    <t>                                           Murinesoorlu**,  and refreshes irritated, reddened membranes caused  colds, dir.in.c, winds, movies, close work, late hours. Vra dropper with each bottle. Ac all      S:orti.                 M-9 ?^^P must have '71 VITAMINS    I Of course everybody       A PC*3 SOME Vitamins. 5  T"J Surveys show Uiat milM ^4 ; of people do nnt 11 get ENOUGH. s ul A pleasant, convenient 4    economical way to bo viv1T  ^"t*     an^      t (0 i family do not Lick "*i Ji.il B Complex Vitiniln KSxY -A-DAYbraivl '^W/ Vitamin B Complex tablets. V iff An insufficient supply of C 'W'l Complex Vitamins causes     ^\Y digestion. Constipation.       j0 , Sleeplessness, CrankJnesB, Lack of Appetite. There are other causes for these conditions, but why sot guard  this one cause by taking a ONE-A-DAY brand Vitamin B Complex Tablet everyday? Important Get your money s worth, always compare potencies tad price. ONEWDAy</t>
  </si>
  <si>
    <t>                                           BE GOOD NATURED Arc you the man your wife married? Or have you grown old before your lime? Do you still have Ihe KHiin- old desire for the tilings shi- like.', to tin.. or nre you another one that s .Hist, loo tired? It this Is (rue.  may       you by RlviiiK you Vitamin li in concentrated form, the vitamin that builds pep and energy. Send today for your bottle and start to  towards better living through better health and pep. SO Tablet?; SI 100 Tablets SI .75 Plus C. n. Charges If you send cash, we will pay post n Be. MONEY-BACK GUARANTEE AGENTS WANTED Mail Your Order To  sales corporation 201 South CralR Street Dept. 34 l   m. Pa. See Mrs. Rogers Psychic Reader and Adviser. Permanently located in her own homa. 3328 Stewart Ave. Take HapeTille East Point i^^,. or Stewart Ave.. bus.         Advice and help JE *^^~B on all affairs nf  La^H life. Rtiijoni       ]^~B  influences. tmi' f:J%  lost -H^H s- Nationally ^~"t^B known for her work, i.J^m  power and uncanny . She guarantees her readings and will amaze anyone sincerely  Information on all personal anH confidential manor*. When all others fall, see ME. Houri 9 A. M. to 10 P. M. Satisfaction guaranteed. I</t>
  </si>
  <si>
    <t>                                           WANTED Construction Laborers For Pine Forest Apartment .Project,.. Marietta, Gra. Transportation furnished from Atlanta, to and from the project Scale: 50c to 571/ic PER HOUR-l Seven-Nine Hour-Days Time and one-half over 40 hours. Apply- at: United States Employment Service of the War Manpower Commission-, i. 191 MARffiTTAiST. ATLANTA;^</t>
  </si>
  <si>
    <t>                                           Atlanta ^World PabUibed Every Morning, Except Monday, at Zio Aubmra By ATLANTA  WORLD PUBLISHING CO. Telephone: Walnut 1460 1460 Member of SCOTT NEWSPAPER SYNDICATE Established Aug. 6, 1928; Became Daily March IS, 1982 W. A. Scott, H, Founder and Publisher, Aug. 6, 1S28 to Feb. 7, 1914 Entered in the Post Office of Atlanta, Ga., as second-class mail under the Act of Congress, March 13, 1870 C. A. SCOTT j^. General Manager CLIFF MACKAY Managing Editor Daily' 1 Tear $9.25; 6 Moo. $4.75; S Mos. $2.50; 1 Mo. $1.00 SATURDAY ONLY:- 1 Tear, $3.00; 6 Moa. $2.00; Mob., $1.26 Canada: 1 Year, $4.50; 6 Mob., $2.75; Foreign; 1 Tear, $5.50 ..U.THE ATLANTA DAILY WORLD la an independent newspaper,. Bon-* and non-partisan, printing; the news absolutely  and supporting those thing, it believe* to be to the Interest of Its readers and opposing those things against the interest of Km readers, Addresa ALL COMMUNICATIONS to and make CHECKS pay*ble to ATLANTA DAILY WORLD, rather than to Individuals.. The   repudiates responsibility for return of unsolicited pictures, manuscripts, etc, unless stamps are sent.</t>
  </si>
  <si>
    <t>                                           chiffon                  .S ^Hi Terrs. Cctts.. fk ^KM9^H Hivana T-Ji, if^H Rustic* na. ^BH^^IHI Wilts ^^^U,1^     size  mo ^HnS^^MBH 1 1 color """"^^HBHnl K4.    :v -uu:ic ^^^vo^^HKfl</t>
  </si>
  <si>
    <t>                                           First Negro Paratroopers Win Coveted Silver Wings                 COLUMBUS.                 .(SNS)_                 America's First Nr^ro paratroopers, after -completing rf^id ~?, last work -           Hit* cov  silver    Klaitiour buys" of the Army. In first phol  t..          of tfty; boy* are ^*K'mvn'  lil^li over I'urt BrniilnfT in a C- 17 Truiispurt .                 preparatory to making, tun* of tlw live              jump**, i Sratod I In r an- Stall' Serf- Culvlii It. Ufa I, Oxford. Ohio; Ssl. Neil I). Bess, Indiana pulls: Stfl. William W. Uoliiu-on. (  MeKinley          ..     ,. TeN:~s' In^  Urn- ..f I Ik-        1     \     ha vi*    :      *il Is .sli*~nn                 as III' came ill tor :i Hiding  ills Jump ira!:     . At. rii;ln Captain William V. , is ~.erli pri St : a crl-    * i iist      -aal *.V. ,\(~ti-ris ~*f U'aynesboru. ~;~    . indicating  In"' ll!     l):.Uflrll l".)' H'fffvr (lir uin{;s        .v .                 Fifteen      * Xeffro paratroopers, representing the advanced cadres of tin* !~15lli Infantry I*ara troop Hal la lion, also received their  and wings. In the background right or Sgt. Morris Is se*-n U'erhtdclao, tij:Ui_~fade. E.. Wesbv.                 Photos l.y fl. S. Army Air       ?s.)</t>
  </si>
  <si>
    <t>                                           Make With Easel \ll Jyjff over mi feminine look to Pattern The little waist-Mugging inserts j and front- belt  :i trim, 9005. If you  it up in cotton. I accent the pretty "at home" look 1 with ric-rac. A  style fur street or  in  or rayon! PalUrn 900   may be ordered  in misses" and women s sizes 14, 10. 18. 20, 32. 34. 26. 38. 40 and 42. Size 10 requires 3l. yards 33- i fabric and I'., yards ric-rac. I Send SIXTEEN CENTS in coins for this pal tern. Write  SIZE. NAME. ADDRESS. STYl.k I NUMBE1S. TEN CENTS mole !~!;s yon the j Winter Pattern Urxik  l-'ne pattern for apron and applique printed in bonk Other Kift ideas. j Send your oder to Atlanta Dailv . Patiern Ijepartmenl. West 13th St.. Nrv York. N. Y.</t>
  </si>
  <si>
    <t>                                           i RUGS I Npt only look better, i but lost a lor longer I when cleaned by the exclusive Gold Shield I process. Ask your  plant to pick up yours.</t>
  </si>
  <si>
    <t>                                           Waller's Music Called Cultural By German Radio                 WASHINGTON ) TITS -music -pi -the-     . !Ti*   " ^"Waller, boogie woogie kl id, was cited last week by the Berlin radio as American culture. Music or the sort- that .WaUer played and sanf was the culture which the United States Intended to enforce In Germany,\  to DNB. Uie Oehnou  -^, Ui. a -  D. S  DEMANDS , Mlch^Peb.  AHP) -State Sen. Charlo. C. Dlggs. Detroit Democrat nnd-the- ti only Negro legislator. Tuesday demanded examination on grund.Jury charges of criminal conspiracy.</t>
  </si>
  <si>
    <t>                                           NOW ROXY playing Held Over the ; truth about  japs! "Behind The Rising Sun"      " ROMANCE" Tfclint'color Musical rox mows -with JAMES ELLISON CAPITOL sow -i'-'-l HAVING</t>
  </si>
  <si>
    <t>                                           GIVE YOUR HEAD COLD THE AIR If yon rto catch a     . ; to relieve its na*ai miseries :it. f:r*t . You can  freer  in-  t.    easy, pleasant nv. Pin:2        Pcnc'ro Nose Dropsin ench nostril  deeply  feel Ikw they help you to feel better with every breath you take. VVith real prescription-type    your head cold sniffles and sneezes. A balanced formula with genuine , they soothe, cool, clear  that cold blockade in vour      to help you pve that licad cold the air. Caution:    onlv :m directed.         rise 25c 2\4 ' as much      6   : ''" gci *=:     !</t>
  </si>
  <si>
    <t>                                           Perplexed -- I am convinced that you are only one who can help me. I love my husband and I know that I do, but why is it I lose my head when other men make love to me? I know that I am doing wrong by letting them make love to me, as my husband...</t>
  </si>
  <si>
    <t>                                           In Memoriam                 In loving memories of our srsr.QRiother sr.a Jr.  fcs passed Priracry S, 194 Gone but not - Albert Johnson, son ana</t>
  </si>
  <si>
    <t>                                           These melodracatic and georgeous pictures tell the story of early activities among Memphis Negroes, who, in the first seven day of the 4th War Loan drive sold over $600,000 in War Bonds. Too left (one) C. J. Greene, co-chairman of the War Finance Committees of...</t>
  </si>
  <si>
    <t>                                           Camp Pet Gets Attention                 Iturvaa of Public       .  . U. 8. War Prrartiiwpt DOGS .MUST HAVE MEDICAL CARE. TOO.- Key assistants to the Post Veterinarian at Fort Huachuca, Arizona, are, left to right: Staff Sergeant Frank F. Barber, Sergeant Emmett Jackson, and Sergeant Esekiel Jones. They are pictured above working on a dog which is suffering from an infection caused by a thorn lodging (or soma                 Urn. In her leg. (Photo by U. S. Army Signal Corps).</t>
  </si>
  <si>
    <t>                                           On the very day you decided to clean the shelves of your canned good cabinet and scour out the inner sides of the gas range, the telephone clangs and a gay voice tells you that friends from out of town have buzzed in and want to drag you places. You get into a...</t>
  </si>
  <si>
    <t>                                           Jump er Up! J I If'' *-Jl No little girl of  can i:ave too many jumper-frocks. Jump up her wardrobe, jump up her spirits with Pattern 9584. It's a darling for detail, a trig litle outfit. And can be made warm as you wish in wool or a wool and rayon mixture. Pattern 9584 may be orderd only in children s sizes 4. 6. S and 10. i Size 6j jumper requires 3-4 yard 54- j inch fabric: . 7-8 yard 34inch fabric. Send SIXTEEN CENTS in coins for this pattern. Write plainly i SIZE. NAME. ADDRESS. STYLE NUMBER. TEN CENT more brings you the i Winter Pattern Book with Free patI tern for apron and applique printed I in book. Other gift ideas. j Send your order to Atlanta Daily I World Pattern Department. 232 I West 18th St. New York 11. N. Y.</t>
  </si>
  <si>
    <t>                                           Riots Denounced In Rabbi's Plea                 ST LOUS- X Pi K;uo riots were drummed! ;in unAmerican and it religions, (     too  f Amrrira, in ;i   m .  l;ist '\\rrU by the ('          )ti on Justice anil Vvixvv. of the Central ***   t* Annriicm KiihljiN. l'\\v report,  -    Uabbi I'rrdiiKitwl  I. lsM- of Tv tn pit* I*r;ii l.  of (lir t Mmniissiuti. r\    ^\ctl ttir                 Inipc thai  people-*, regardless of race, will be         .-d in attaining higher standards of (mug when (reave is . It  the Negro's ~~:~.ni in tin*  forces. ;um! stated that the  tlt:it him? rare vr   is ih* it* rule llu- earth an. I   is "an  to ( s 1 nulling of raci.il ."</t>
  </si>
  <si>
    <t>                                           m l*      2i^2i"3\ MILUeHS'AOtU-Miradc Whip does work  \V.^^*S?'.t\ with salads! A unique combination of o!d-~! W--~j55S'jSw\ *~0^*^ dressing and fine , Miracle Whip    ^       *^) ^y Aznerica's favorite  dressing.' 0</t>
  </si>
  <si>
    <t>                                           Lighten Skin TAKES 3 MINUTES A-Plr    - NIX l.i,~~f Bkivh. I^s1!''^ Xfeutc* whin ": hl-adi .InST-^l'"' Works         'alh. Wejtmi.i at ore-. Use . No crwi^ SLUGGISH?. Ffpling Tike ymi \n\t         friend        ..'--*lul1-~~ll         ol  ? Why put up with con^       ? Chew  FEEN-A-MINT. the  jit fine - 1       . Chew -MINT  at bedtime, taking only in accordance with pock no directions. Next morning -. gentle relief. Iwipine     feel swell n^ntn. Million! relv cm FEEN-. Chew like your  gum.        Kood. Try FEEN.A-MINT-~ whole         only JOtf. _^^   *. LABORERS WANTED  TO HELP BRICK MASONS IN ATLANTA STEL L PLANT  Wages 48 Mrs. Per Week Time and Half Time for Over  10 Hours CALL AT U. S. Employment Office Of War Manpower Commission 191 Marietta St. And Ask for Steel Plant Representative Wednesday, Thursday and Friday. This Week.</t>
  </si>
  <si>
    <t>                                           the Jackson Public Schools has been able to provide competent teachers for every teaching situation although faced with a general teacher shortage. For the ensuing school year 1944-45 there will be the need to fill 21 vacancies in the colored schools.</t>
  </si>
  <si>
    <t>                                           Anti-poll Tax Bill Still Hangs Fire In The Senate                 Action Awaits Return To City Of Sen.McCarran                 Passing Of Van Nuys DelayedConsideration'                 t*- .Washington. a; c- (4   -. Although UVb - .i\vnf Jto h*"e been ' the -  'way in the' ScnnTbTtlfcliiiM taxes, subsidies'       . the  Is still ;,^, The tnx bill Is ,' b'.-rmc Hip I'rcsirlcnt for action, having' passed both houses or CongressI lie   has been  on by- the S^nrtc  sent to Ihc Hnvse: nnd the sold-cr '  Is hi   H'c I I wo houses wV.ere nn .nl. is I.' ninde to hi 111", together Uio "li WS of the s  of :i i- ballot arid the advocates "1 ;i  sl.-il S        . i   ':AltKA\ AliSKNT I Th'1 pri s Mil. (h l:iv- In Ih" ~'"l! I :ix hill hi liw Jiltribiilcil ki I In- untimely death vi .Sen Vtiii Niiy.s mid Hie   tli I'!'" cif Ihc new I'li.- .if tl-.p .lic  v (, Sim JvlcCirrnn (IT of Nfjvach'. }lc hits l)'Tn out i1! Hie illy .- hi'' i.''i iii: I" lh:it lost. He is rxr.i'':tcd to  ii ilw: first of the v/i ii: Just  In his Invi,*" i ii1 c-tv. j !5'.'n. MuCnrrnn is iT  l.i l.nvo r; ;ncc to Simi Mriir! I mi of New York lh:i"..   .o  I c.-ill up :hf . on lvs ;"lii!ii Irnin W'vuila.  ivi-"d tin- t'.iii c I inces of "nun!" R'i!iM"U"n vie out of the wny.</t>
  </si>
  <si>
    <t>                                           V. McKINlEY BANKS Will B* PrcMiild Tonight at 8 o clock 1 MT.            .*TIST  In A   OF   Featuring Her Own Compo.i. Tlie Public Is Invited. A Silver Offcrinj; Will Hv T:ikm Mri. Leiln Filter, Pre,.   . C. L.      . Pianist Prof. L. B. Byrof. AoUtin;    . Wm. C. BJvin..   .tor REPORTS OF COLDS' BRONCHIAL IRRITATION RECEIVED HERE 4AILYjcorenezx increasing So aa   i?   ry  wi t UrougbaofC*  .  na^nl -              relaxation und   .-st, r''   .*.T  If         . buff t-ini; with  *. don't ro around trying to throw      off without rvu? aid. Cutint on tho      y ai i yon srt. ?ri t h I*cn';t.   . t.ht; kUvo with modern medication in a base containing otd- mutton . JPeoetro worka two way^: (l) Outride*. Pesetro's -irritant ~;ITtfrt ~*  .~   5 UP local blood circulation,   of cold-tortured client        .^L    Inadc.      \-apon*^             Ztaftnl ^      brin? ^ comfort.        . \Vkily. . Alwayp      :trit    ui*~. OnlyU-V. J)       ixe 33c For real   t!~cdc colds' nii-   Tcnctru.</t>
  </si>
  <si>
    <t>                                           Pattern Case Raises Question Of Race Soldiers' Treatment                 Many Negro Engineers Are Serving in His Seventh Army                 WASHINGTON (ANP) Question has arisen In the minds of many Negroes here as to the kind of treatment that has been accorded Negroes serving with the seventh army as a result of the disclosure that Lt. Gen. George S. Patton had slapped a shell-shocked Drivate In                 the face In a base hospital somewhere in Sicily. The reprimand that has since Been given to Gen. Patton, popularly known as "Old Blood and Cuts.1* by his superior. Gen. Ike Eisenhower. was backed up by Secretary of War Stimson at his press conference, one of the largest in recent months. But in spite of the apology that Patton is quoted as having made before the soldier and persons who witnessed the incident, as well as before other men of the division, few people are willing to dismiss the matter Just that fast. Serving under Gen. Patton are many Negro engineers and member of the quartermaster corps. It is not recalled that Gen. Patton has ever commended them' for performance. The questions turn upon the point that if his disposition was such that he would lose control of  sufficiently to permit the striking of                 a white private, what provocation would he have needed to strike a Negro Further, if his  leans to the brutality' side," some ask, "what lengths does her permits his subordinate officers to go in maintaining discipline?" SCHOOL  BURNS BR1. Ark. Nov.- (ANP)- An estimated :oss of $15,000 was determined Tuesday when the, boys dormitory at the Farjo Agricultural school for Negroes, near here, burned. President Floyd Brown believed that the origin of the fire was due to defective wiring All  were at breakfast in the dining hall. PASTOR QUITS  RICHMOND. Va.- (ANP)- Her. J. Oscar Lee who has been teaching at Virginia Union university has resigned his post In the department of religious education. The Rev. Lee will on January 1 become associate secretary for th*                 council of Churches  headquarters at Hartford.</t>
  </si>
  <si>
    <t>                                           WASHINGTON -- (ANP) -- Question has arisen in the minds of many Negroes here as to the kind of treatment that has been accorded Negroes serving with the seventh army as a result of the disclosure that Lt. Gen. George S. Patton had slapped a shell-shocked private in...</t>
  </si>
  <si>
    <t>                                           6 DIFFERENT WAYS TO CHANGE THE VERY LOOK CAPC OF YOUR  Black and While Magic Mist Fare Powder actually offers you 6 different ways to change the very look of your face. In tone, te.trute, clinginess, harmonizing color, power to soften harsh lights and shadows. A touch of Black and White Magic Mist Face Powder renews the  freshness to your skin it offers you flattering loveliness. You'll thrill to the way you r choice of six harmonizing colors blends with your own complexion. Be sure to ask today for Black and White's new Magic Mist ^v Face Powder. Get the /^^'*~z*   \ economical large size,   'Sr-u./^,/\ 25c, at all toiler, goods J^. '"I??/ S counters everywhere.</t>
  </si>
  <si>
    <t>                                           MADAM MINGY A Genuine Palmist and Trse Adviser 50c Complete Readings SOe ^PjSlifljH Withrat **~i^~~y m bIb* H^^HJ Sle question, she wiD UkB tell your secret desires  greatest.  M.I^HI and how to gain them. KwShTv Tell names, .of -friend* B'^^bI *nd enemies., gives true ~^~~JNB d Tiff'f **wet ' on "all affairs of life,  ocb as Sore. ,            , business in fact, no matter That  problem may be." Stop wins a loser, change toot task. Sain the things yon want most 4n ife. See her today as this' special ovr price may not be extended. /For y years experience ten years in Atlanta- is MADAM  gin. antee to yon that no better  or faster results can be !d at any price, anywhere. Readings Daily and Sunday U V. M. tn 10 P. Mv- S52 McDonougfc fUL, Across from Federal Prison. Cake Pryor Federal Prison Car to  cd of line. Look for N'eon Sign. During those  hours when you are with him. your hair must look its loveliest. You can enchant .smoother hair that lends magic to those intimate moments.       why^ \   so  on Pluko. A.Kftffi BEAUTfflER For r=ore   hair use Pluio, a genuine Black, and White creation. For Plulco' actually does beautify..to comb it out flatteringly smooth and soft. .Hair cared for with PIulco Hair Dressing becomes easier to arrange. really behaves beautifully, and stays "set" longer. You'll find it can be such fun to "do" your hair in many -winning ways, while' this  dressing -, shining and smooth for many hour*. MEM LOVE IT Pluko has a fragrance men.lowe.      invites ,  the perfume-      scent Of it .4 irresistibly about yoo all  those precious night Bouts. And although Pluto brings, such added lustre ta your  it hns such exquisite,           .Ptaltq costs very little ,to,   . .It Is  6M by dealer* -where in generous cp-  sizes. -.In. Aniber,^SCijIa.::~ White. SOc Try  Rufeo.oo^~d.K you ll never be without it. .DflMMg.</t>
  </si>
  <si>
    <t>                                           In a round of messages here Sunday afternoon, Mrs ... Blackburn, President of the T. I. C. Club and outstanding civic unreligious worker addressed record breaking audicious for four ... Atlanta organizations. Begining at the St. Paul's Episcopal...</t>
  </si>
  <si>
    <t>                                           f GlAMOAOl/S //A/R\ DurmR those thrilling hours when you ore with , your hair must look its . You can enchant him completely , smoother hair that lends magic to those intimate moments. Tjial's why  women everywhere ore countIng so much on Pluko. A HAIR BEAUTIFIER For more beautiful looking  vsn Pluko, a genuine Black and White creation. For Pluko actually dors beautify your hair ns it helps you to comb it out flatteringly smooth uni* soft. Hair cared for with Pluko Hnir Dressing becomes easier to arrange, really  beautifully, and slay* "set" longer. You'll find it enn be guch fun to "do" your hair in runny heart-winning wnys, while this famous dressing keeps it well-groomed, hining and smooth for many hours. MEN LOVE IT Pluko has a fragrance men love. Its  invites romance, became the perfume-like scent of it  irresistibly about you all through those precious night hours. And although Pluko brings such added lustre to , although Jt has such exquisite quali :ics, Pluko costs very little t j ust. It is sold by dealers everywhere in  economical sires. In Amber, 25c, in White, 50c. Try Pluko oner, nnd you'" never be without it. Demand</t>
  </si>
  <si>
    <t>                                           BIRTHS Johnnie and Ruby Lee Slionts. 157 Diamond St.. SW. son. Clavln. j Willie and Lenora Turner, 153 Mangum St.. SW, dtr. DUina. Sam nnd Tiunnili: Lee JenKlns, 2112 Haynes St.. NW. son, Jesse. Sllone und Ruvellu Maddox, r3ll Richmond St.. SE. son. Harold Reuben. James nnd Kutlierine Cullowuy. l.r)(! Spinks Alley, son. James. Coin and Sarah Srhley, G23 I. SI.. SW. son. Charles. Uiys nnd Mamie Brooks. 3:~8 Fiu/.ier Si.. SR. son. Huberl. John and Mattle Siarks. 1(M1 Garihsldl St.. SW, dtr, Ida Pearl. Edward and Ciprtlm .Smith, 13G  Cir.. NW. son. Edward. Jr. James and L.ina Swan. 397 '.t Old Wlitat St.. son. James. Jr. Ed nnd Ruby Usher. 139 John Hope Dr., dtr.. Brenda Loralne. Henry and Eleanor Crouch. 258 Roach St., SW. dtr., Annie Lee. Clarence and Ruby Pears, College Park. Ga.. son. Glenn.</t>
  </si>
  <si>
    <t>                                           41 ~)A     I Everybody raV^V       you^^l A ^/salads, Peg: WhaKiiSSSffe \^w*[~~~^\ $ *  "-Mirade Whip docs work   'A\ with 5! A uni[)  : combination of old-? raS2^  ^\ ^i1"1 dressing and fine mayonnaise. Miracle Whip is -^  ^V by far America's favorite salad dressing. Van -*r- f t.~ t t t</t>
  </si>
  <si>
    <t>                                           CongressmanHits Back At Ranting By Sen.Rankin                 Says Fulminations Serve No Useful Purpose To U. S.                 WASHINGTON- (A N   - Declaring his support lor federal ballot and the elimination of registration and ..poll tax- payments as prerequisites to. voting by the men and women in the tinned forces and the merchant marine. Rep. Jnhn W. Flanacan. Jr.. (D) of                 Virginia took the occasion to lambast in round terms his disdain for il fellow-southerner. Rep. John W. Rankin (Di ot Mississippi on the Hoor ol the house Tuesday. He was answering, in port, the attack which Rankin hud made unon him durine his absence for  sittings -TeWi? .--^1*1"?-. -'(, "action 1n*6-'Mhe vote -;to' the armed forces. "The  from Missisippi, the verbose, self-appointed a-biter of the rights of the states, whose daily . usually devoted to vituperation and abuse, serve no useful purpose, unless Derchance, they edify the brilliant though quixotic mind- from which they spring, saw fit to make a dastardly attack upon me and the other signers of the statement," Plannagan  said. "Among other things, the gentleman from Mississippi charged that the statement was signed by 'a small bunch of left-wing congressmen." We all know the odious and un-American implication!; the gentleman from Mississippi intended to convey by the employment of the phrase 'left-wing congressman." Beirii; unable to assail our  by  and . or by a discussion of the constitutional question involved, he attempts to destroy by the use ot the only mental weapons seemingly with which he is familiar; namely, slimy .'. vituperation, and abuse, as (Continue!1 on  6, col. 5)                 Congressman Hfei... (Continued from Page 1) if truth and Justice could be crushed by such  tactics. "In answer permit .me to say that I am no left-wing . Iskk1 -                 ., by heritage and conviction 1 1 CiiiY ail American 'congressman, nnd I I brand those who would charge' otherwise us being worthy of the punishment suffered by one i I Ananias, who, having worried the i patience and exhausted the for-j,  ol the Lord, fell the vh-j tun of his own , -: 45 ton$  *'</t>
  </si>
  <si>
    <t>                                           WASHINGTON--(ANP)--Declaring his support for federal ballot and the elimination of registration and poll tax payments as prerequisites to voting by the men and women in the armed forces and the merchant marine. Rep. John W. Flanacan, Jr.. (D) of...</t>
  </si>
  <si>
    <t>                                           New -Liberty Ship Named 1 For James Weldon Johnson</t>
  </si>
  <si>
    <t>                                           Network RaceTalks Prove Interesting                 Aijiyrim'^ "Town-ji-.i.'.cl.Un;" of the 3r5 iiI"!,n]t'' the Blue Network and loc:il radio  WAG A, proved rather inspiring as four  Aiborican.s, two .stj:i!hui*n and iwn northern, .rtl l!~: in:~nir;.ini : "I "Lei's Fare K:icc j                 Quosliun/ j The program was ln:;inl  7:30 lo 8:.)0 Allai'.in lime c;cir':e V. Henry, .Jr.. presided over the Town- i and in  Lungslon Hii^hc:. the author ami poet: John Temple Graves. the i author and syndicated columnist i of the Birmingham Ai;e-Hei.i!d: Dr. James li. ShiwMrd. Prcsiriesit. lit the Nortu Carolina -i- fuv i Ne^roi1:;. and C:  'v Mr\Vi;ii;t::i'-:, SUin aii l li  in:i:.~:i,ncf of i Tlnini^r;Ui(in in f;'.]-!cv-ni i i ;iii;s ,maki:s analysis In :i   *;          -. I  ii] ::i-.ir^aiUm. !vnr:!iiir;. and While Sliyrcmarv, Mr. II::,'l:-s said: "Our men are dyi:::; nc.-t^s !\vo . ycl v.r an: :"!     them a  In  l)vi:-.ci war aims: v.e arc un . ln-a:.vii upon       in tlu-ir  In nlj v t !:i- ina:icl.i!i: oi the r-'Efv:. hm-h.-is 'jn nn:):tt d. white supri  is .d  i: as loosely in America a* '.y as                 lt.__i_s_lre_.. As, _. or ' (.Mil iWr. 'HiigrTET recommended an over-all federal program, which he said,  be evolved lii protect, the H.OOO.OUtl Nvi;ro citizens who are now at. I l-ii: mercy ol the While Huusu Supremacy advocates. John Temple Graves II. ^ a warning; almost  similar lo Ihp r.uw  ' of Mark Ethridyr? against the wisdom of "all the mechanized powers on can h- Allied or Axis" undertaking to chant'1-' southern customs and laws by force, deplored the ravages of hate in human relations,  for states Rights, because "this is not a v..iv lor Democracy, but a war lor the preservation of Stales '.hts. And all the federal  "ii fa nil laid end to end  ~:!i: this attitude ever   i AKii    ;i i;    .-i KIC.IITS Dr. .Irunr's E. Shrnpaid stoutly di -il Slates' rights and .red  laws cannot be enforced units;, they have th'' sanction and support, of  local communities. I'f ciu-d lor . ion the Nnlional Prohibit inn Act. and wurn"d tiia;  ral Iv.'.islation could not .slop racial discrimination. !ut Con 1  on  5. col. fi)                 Network Race Talks 'Continued   1) thai.   ( ill the local . like the Negroes and  of tin- slate of North Carolina. could brine about this . Curcy MrWilliains. (lie enn- I'ludrru; speaker. C'.~'1       Hip "(TorUs ol citizens all .v uf t.he '" lit ; Ihr      ;;ttop i of r:irc. They know what Imp- i pened al Detroit and Mlicy arc i  ol what ciin Imppcn In UiBlr communities. j Mr. McWilllnms sees a better Anicrlrii HiroiiRh the outlawry of the poll tax. lynching, minimizing j of race friction, stronger enforce- i  of the constitution and a more rigid application of the 14th Amendment. "Race riot." he concluded, "arc malignant disease."</t>
  </si>
  <si>
    <t>                                           America's "Town-meeting" of the air, presented last night over the Blue Network and local radio station WAGA, proved rather inspiring as four distinguished Americans, two southern and two nothern, discussed the important topic of "Let's Face the Race...</t>
  </si>
  <si>
    <t>                                           Dr. D. W. Wiggs, presiding elder of the Athen's District of the AME Church, preached a special sermon Tuesday at the weekly session, of the AME Ministers' Union in session at Big Bethel AME Church, urging ministers of today to be true lights and leaders...</t>
  </si>
  <si>
    <t>                                           War Correspondent Lauds Mechanics                 Th.imas W. Yountj, War CorreiDondcnt with      99th Fighter Squat'ron in the North African, Sicilian .ind Ilali.in ** of op^rnl or.s, tells I her mechanics of tin* Tusketjec Army Air Field how     Snustiron's mechanics Achieved one of the beit nt..ee records in t!ie entire Twelfth Air                 Force. "Behind It nil," h* added "it a story of sacrifice and enthusiastic work of the crew chiefs and mechanics working long after duty hour* to                 keep the fighter* aloft." (Photo by AAF Trainin i; Command).</t>
  </si>
  <si>
    <t>                                           1 'Atlanta  Fibllshed Erery Morning, Except Monday, at 110 Attain By ATLANTA DAILY WORLD PUBLISHING CO. v Telephone: Walnut 1460 1400 Member of SCOTT NEWSPAPER SYNDICATE Established Aug. 6. 1928; Became Daily March IS. 1812 W. A. Scott, II, Founder and Publisher, Aug. 6, 1028 to Feb. 7. 19S4 Entered in the Poat Office of Atlanta, Ga., us second-clans mail under the Act of Congress, March IS, 1879 0. A. SCOTT General Manager CLIFF  Managing Editor Daily:- 1 Year 79.26; 6 Mog. $4.76; 3 Mos. $2.50; 1 Mo. $1.00 SATURDAY ONLY:- 1 Year, $3.00; 6 Wot. $2.00; 3 Mos., 11.26 Canada:- 1 Year, $4.60; 6 Moo., *2.75; Foreign; 1 Year, J5.60 THE ATLANTA DAILY WORLD ia an independent newspaper,  on- and non-partisan, printing the news absolutely  and supporting those 3 it believes to be to the interest of Its readers and opposing those thing* against the Interact of Hs readers. Addres8 ALL COMMUNICATIONS to and make CHECKS payable to ATLANTA DAILY WORLD, rather than to individuals.. The  expressly repudiates responsibility for return of  pictures, manuscripts, etc., unless stamps are sent.</t>
  </si>
  <si>
    <t>                                           CHECKING AND SAVINGS ACCOUNT SERVICE I First National Ban k V-- ATLANTA CAPITAL, SURPLUS PROFITS 80c Kaabar        Oapottt  Cotf, BUY DEFENSE SAVINGS BONDS</t>
  </si>
  <si>
    <t>                                           NORTON EVANS, outstanding tenor of Atlanta, has just returned from a four weeks' tour with the Fisk Jubilee Singers, which marked his initial appearance with them. Evans' connections with the internatonally famous singers began the first of November, when he received a wire to give them an audition. He was immediately accepted as their soloist. The tour was made through the states of Missouri, Oklahoma and Texas.</t>
  </si>
  <si>
    <t>                                           THE FAMOUS NATIONAL Independent Quartette will sing at 2nd Mt Vernon Baptist Church Sunday, December 5, at 2 o'clock.</t>
  </si>
  <si>
    <t>                                           Opens New Shop j                 MISS WILLIE M. BOSTIC I formerly of the Modello Beauty SaI Ion wishes to announce to her  and friends the  her beauly shop located at 304 Forrest Avenue, N. E. Mis* Annie B Dunn will assist her at the new location. There will be an open lioi sc Sunday, February 13 from 4 untl S o clock p. m. For appointment! i call JAcksou 8771.</t>
  </si>
  <si>
    <t>                                           First Birthday                 Littlr MABr.L   daughter of Mr. and Mrs. Calvin Weaver, who will celebrate her I first birthday anniversary - j row, Febrnary M. Baby Weaver Is (he grand daughter of Mr. and Mrs. Yanccy J. Rooks, Brand ' of Mr. and Mrs. Frank i "Veaver, great grand daughter of 'Irs. Mary E. Bowman, great  of Mfss Juanita Bowman and real-treat niece of Mr. and Mrs. TV Hanley. Mrs. Weaver is the former Miss Mary Alice Rooks.</t>
  </si>
  <si>
    <t>                                           Writes Husband Overseas                 Mus. ?rii!-:i.::v i;. ,.r Ait-.:..,. v, i,... c..,'.w--ii. ..f iil:;, V. vii::i::.i.:i in.-. I. --i....:.!....!.. si..,v,,, i,,r r.- In Al!-~/il.i. wi-itin-; li.-t- I:.!:.!...!!*', n.iui c li.    :, \.iio i.s  v.;i!. i!. U,.il,J S::,i.-. A,,,.v ,.v,-.-.....,:.. 1~-I!I..U I.;.,, wh.,1 line si,,. l,:wi.</t>
  </si>
  <si>
    <t>                                           Former Coach Ralph A. Long, Jr., of the Henry County Training school, and now athletic and physical director of the Savannah St. high at Newnan, Ga., is proud of the boys he once coached, mainly those who are seeing service in the armed services.</t>
  </si>
  <si>
    <t>                                           NazisAll-Qut InAttemptTo Shield Rome                 Hitler Pushed For Victory To Boost Morale                 Germans Gamble Everything On Italian Front                 BY  S. N. S.                 Tlie full weight ot German might was being thrown into the fighting below Rome. Italy. Thursday night as the Nazis, pushed for victory by Adolf Hitler, sought to give the Allies .it in their effort' to attain the Eternal City.                 Dispatches from the front indicated that German troops ^ northern Italy. southern Fr-ince and even Germany Itself were being rushed Into the fighting and That the Nazis were gambling all to knock out the Allied threat to Itomc. Top-notch pilot* and armored- strength  In this theater ha. c bc^n rushed below I Rome and superior German forces shushed with rising power the Allied beachhead near Rome, probing Fur a weak point, against which they might throw men and armor In an all- on the American and British troops. The,        .^3.^^. ,WBh Increasing. Allied forces were being supplied only at great risk.  GAMBLES j EVIillVTIIING I It appeared that Hitler was gambling everything, including his top aces and material, to give the German people another  British used timed cannonading to give relief to their forces. House-to-house fighting continued in Casslno. In Washington. Acting Secretary of War Robert P. Patterson said the Italian campaign has been slow, bitter and bloody but that the Anzio beachhead near i Rome is firmly established. The Germans smashed at the Beachhead at six points Thursday. All attacks were fought off without serious loss of ground, but the Allies were on I he defensive. Allied pilots reported that Nazi troops in the area were showing an unusual disposition to stand and light against attacking planes, showering them with intense small-arms fire instead of scattering to safety. American Spitfires attacked shipping in the harbor at Nice in southern Prance, thus disclosing that tlie Allies now have fishier plane bases within range of  invasion beaches on that French coast- n prerequisite to landing operations. NAZI TKV THICKS The Germans were said to  broken into the British-American radio frequencies and tried to Bet the Allied artillery to cease firing. Some Germans who spoke perfect English gave out orders in what was supposed to be the Allied code, telling them to cease five. They didn't succeed. German troops were said to be showing more battle  be(Continucd on page 6. col. 6)                 Hitler Pushed (Continued from page 1) cause they had been told they would be granted leave as soon as they conquered the Anzio beachhead. A massive ( Flying Fortresses fought and shot their way through swarms of German lighters In another of .the great battles of the skies Thursday .-id struck another deadly blow at Brunswick 'in the effortto wipe cut the_ German, ah" force . of Allied Invasion. Moscow reported that seven forces of. Russian artillery punched with remorseless stell lists at the remnants of 10 doomed German divisions encircled near Semla. There were Indications that envelopment of the Iron city of Krlvol Rog. some 150 miles to the southeast, now approaching completion, might be delayed until the Bmcla pocket was rubbed out.</t>
  </si>
  <si>
    <t>                                           The full weight of German might was being thrown into the fighting below Rome, Italy, Thursday night as the Nazis, pushed for victory by Adolf Hitler, sought to give the Allies defeat in their effort to attain the Eternal City.</t>
  </si>
  <si>
    <t>                                           SEAL SALE DRIVE GOES OVER TOP                 JACKSON,                 -(SNS)-                 Reporting a total of $2,631.61 from the 1943 Christmas Seal Sale, Miss Sylvia C. Davis (left) Auxiliary secretary for the Ricbland AntlTaberculosis Association and Crewwell W. Madden, general Seal Sale Chairman, look the books over. The foal was $2,0?0. And there are yet other reports to come In. Divisions, sales and chairmen follow: Mall, $923.60, Mrs. Andrew W. Simklns; School (pupils), $1,066.63. .Elbert E. Rogers; Bond; 3350.00,                 Rev. L. C. Jenkins; Enrol Schools, $68.26. Mrs. D. K. Jenkins; Booths and Sen ice boxes. S6I.21, Mrs. Scptima Clark; Fort Jackson, $82.99. and Mrs. Ethel M. Bolden. Mils Dorothy Jackson; Miscellaneous. $41. 89 and Special activities, John H. Whtteman. $40.00. Other chairmen included Allen-Benedict Court, Mrs. Charlie Jeter, and University Terrace, Rev. Henry Mljns who reported $52.50, largest individual stun reported.</t>
  </si>
  <si>
    <t>                                           CAPITOL SEE THE "Katusha" Russia's Amazing SECRET WEAPON 'The City That Stopped Hitler' plus -ALWAYS A BRIDESMAID" with The ANDREWS SISTfiRS</t>
  </si>
  <si>
    <t>                                           B. B. O.--My daughter is a government worker. It is through line that she got the job and is holding it. She has 4 children. I look after them while she works, helping her to retain her job, as her husband doesn't help her at will. But since she has been...</t>
  </si>
  <si>
    <t>                                           Man         fo Machine Explosion                 Suffering from second  bu-ns due to an  of a ^       ?-y' "jt1"- '~Tf-  "    ? U  .~3p6*sZB!J$tVii:;yb. .according tc re.~Bd0'.ln.     "lPi*' The *-m*- v/fca  '    to brand runes an. milk cotes at the Piedmont- Avenue address, it was learned -and- *tiw  cau ed a Dre TrMdC^ld ^ie      be- *  trt.lhe .        !  ci1ftd"~fid King u-as treated at Orady. Off leers Siimmerlln and Vftucett (atPd. *J Wife-Be^ps V Recorder's Court' b^-Bn We' Nrwton         ^-   4t.- S. W.. t  her .WuCuvT.-'Jmrnes Newton. .48. thc^ s4:-ac-'  to  *. The-~        ;J('-"     wire   1~" said to Itave    ;the. ".'tae.   lh!~ Veek;;.:'nie*'8       to tin  of. .AtlanUc Ice and Coal' -~         ^" -~      *nrt Branch, it MnrphyrAvraue,       WhltehalLana '   .v*fr     /   that he  her, Jtrucfc her In  head with hli-itst,  her  i.nd pulled btr hMr.-shc        .~       )~         -hU blo*~i and went to bcr ' horns. 5Sbe . ,       "a is.       to : ^7y' The mani'~      ..had Men       '. .days, accord'.ni to this *({~~. ' to- t). Offlcm -Taylor arid Walluee-" In- .                 ii^ JOSHUA JOKE* BtMwt': Mr        yt WUflf it mat*        m   tNM)Wto bt - tm. o(ttw:     ^~~  *.- v .-3</t>
  </si>
  <si>
    <t>                                           To Enter Army                 : AiM'iii'K ti;cki:i: Itusbaiul nl' Sirs, l. Tucker, who is (u leave suon fur Tort UmntnfT,  ia.. wlim* he will be assigned to ilo his : tr.. Sirs. Miillir .Icftriis.  ;. will  him  a  parly ;tl her . 171* Auburn Avcnil'*. 'S;      ];i_v. l"i-       ry IT. I'riv;   ' I'll".!!'-' "js (.. vlv :i MicniIj.jr ,vt Ihr ~:.~mni?t!r!n:. .'SoCll'l Club.</t>
  </si>
  <si>
    <t>                                           'Mayor* Bilbo Wants Slum Dwellers Sent To Farms                 WASHINGTON- ia N Pi- Sen. Theodore iThe Mani Bilbo of Mississippi. :\s chairman of the j .senate district committee, is demanding that Negroes living in alley dwellings be ejected from the  thing available for them to cr.lt home, and be put to work on                 farms in Virginia ;inrt Maryland, j i "Tlicsi* shims are hotbeds of j vice, crime and disease as well as the source of crowded  doci kets and loaded down hospitals." j                 lie charged on Tuesday. "Real  men are reaping n  of ihe slums. They have hud a 10-year legal notice to  up. The occupants also have had notice but they probably don't know it. If congress doesn't repeal this law. there is nothing for the  to do but to enforce it." He was referring to the lnw which  that the 20,000 alley dwellers would have to find other quarters by July 1. This law was I passed in 1934. The Alley DwellliiK I authority was constituted to  the change. Along came the war just when: It was ; a reasonable: job of rehousing i.nd the program became, one of providing housing for in-migrant wur workers. The name was chunked to the National Capital HuusIdk . Sen. Burton, chairman of n sub-committee of the dls. which has been probing the housing situation for weeks, maintain* 'i that there Is no place for  dwellers to move and thut the  will have to be repealed. Referring to Washington as ft 5 'Negro heaven," Bilbo retorted 'oh yes: there g plenty of places for tlie slum dwellers to go.1 He - ed. "The farmers arc! begging fur labor. There's not an occupant In an alley who can t find u place In which to live or work to do. I think the law should take Its course and free a lot of         from the. bright lights of WaNhliiK(Continued on Pace i. Col. I)                 Mayor Bilbo v (Continued from Page I) ton so they can find homes . .v Tm not sentimental about it."! he, continued. "Instead of going to j Fuerta Rico and Jamaica for Ne- . as Eleanor Roosevelt. We can get 20,000 right here in Wash- ington to turn over for - ." ;~v.Sen.     !    - -.ni Maryland1                 this matter with a degree of care." i but expressed the belief the prob- lem would have to be dealt with "one way or the other". I</t>
  </si>
  <si>
    <t>                                           WASHINGTON--(ANP)-- Sen Theodore (The Man) Bilbo of Mississippi, as chairman of the Senate district committee, is demanding that Negroes living in alley dwellings be ejected from the only thing available for them to call home, and be put to work on...</t>
  </si>
  <si>
    <t>                                           YOUR HAIR DESERVES THE BEST CARE. 1 .VT  i .: Mnlnloicr.. K.i.1,,  yiT.  rii-  lm,,,~MM1.             .liii, I" I (I- Tronlmrnl     . ""'J  11'* I'olliir pint *- lor wild  itml          [NtMtiic**). Fr^~*  i            ^ ami Mrtlnln      Toutlrr   ilh ~..ur (. Hrllr Xnu'i  'Jlmlal  .   *  1. STI,, Km) **         -n, V. v. (i:vi?i(      ; is :i'.\:    oic     'k ivi; \ia\t vor      ri.K.vsi:n. DOES YOUR HAIR NEED SOMETH1NC SPECIAL? Mnlnln No. I. ,. Mrtlalit No. I.   Nn Mimrr I  Try Mnlnlo No. 4 Trfalmmt. If  I   y ,        . * and  off. If your ~?      K itchy, , thru try MnlalA No. A, with      -     : I MKDAl.O-TrttO Scalp .. Mcdnlo Crwm Sim in poo, Mnlalo Hnlr  Oil. 1   l*         Oil '! (fl-month treatment ). K\^, only $tJ)A plat few  . Mnll no mon- ey. Onl.r wnd name anil      ^M. Pay on rt^IlTcrr-Af all your * ami fr*~ i I Mm pie of perfume find     . I 1 Writ* now. Say '4Tr**      No. I." GOI4  StKPAr IIA R  fTS. Dept PBU 1M ATenaiv Brooklyn, V. V.</t>
  </si>
  <si>
    <t>                                           TfTeL OLDfQET REaTpEpFJ t luk MMHon to T\am and DoTtilntlf I UM         PEP.O-TABS! t ^S\ BE A REAL HAH! 1    ^ NIL* NATURE! NEW PEP! I /E? **M NEWFEELINQINtWMAN. I        uy ! StlantlAo PruB I ^        Pr*        by  I L "''0       g*r M . Abw 9 I ^    ~_y IcMy Htralm. Tbaitadi a 5 ^^"1^ cf      u4     . I linn our' tut 2J  an                 I K)~n low   n  bont PtP-O. Tits. Sut In Dltln . U oty  3.oo- eo Inf  SS.M. li-oo. I Uaaw with Ort".       IrM. DHtAVV Itltat Orsi. MM Mttkrt St. PMI1.. St. PI. t STRAIN Johnson's Red Cross Plaster helps relieve backaches and other  aches and pains, for these reasons- Retains and adds to body warmth. Provldts pressure and support. Applies mild   odor or danger of soiled . 6     constant * Red Cross Plaster</t>
  </si>
  <si>
    <t>                                           Heard in the principal address on Friday under the sponsorship of the Atlanta Public Evening schools, in the Booker Washington High School was Miss Ida Jarrell, superintendent of the Atlanta Public schools. The program was held in connection with health...</t>
  </si>
  <si>
    <t>                                           I*"*" ANNOUNCING C D SERVICE STATION NOW OPEN FOR BUSINESS Featuring All Pure Oil Products Wqco-Pep Gas Tiolene Oils Washing Polishing: Greasing Tire and Mechanical Service COATES DANIELS 400  AVE., Cor Jackson</t>
  </si>
  <si>
    <t>                                           I ~'i -it j'-ifV;-'*'ff* Atlanta ^^^^^^Woy\ rl  The Nrita^s Only Colored D^ilyN^ "NEWS WH#*  IT -IS NEWS        /~;,n, ,,M,.. Nuftu{~.;u 20i) ATLANTA, OEORf.'IA, TUESDAY, FEBRUARY 8, 1941 PRICE FIVE CENTS</t>
  </si>
  <si>
    <t>                                           May Report MM In R.ed Gross ^ar Fund G^^^;.r                 Ir.nr eleventh ^/^,- here Thursday, the      .          of the current-,. Red  Crois-'CwnpalBr J ran pn8t :thc                    -fti report $2,800 with vin...      :bot .of  nn  J1300 fa ~.    Vat- -to ,*4,000. J \-i..,, Rev. L..J. Bsptbtc, Chftlimnn of the local Nctrro division.,. .,-,-     :i enthu9!          .        of the  effort* of.    -'~ sro division -In'    '.' ^-  of ,tho '.'.'nw .*. !         '~      . together With the Indtvldiiftl Rivers,  to  a Tdcordr. .erim moni    * than 'tort'-yew, whan-  Ne-^nen contributed a total ot  2,soo.</t>
  </si>
  <si>
    <t>                                           JOHN II.                  . Gii.-. II. Aji:. ii'.'w.  the oldest r''.sidc?ui of tills community passed   week .''t Ills home.</t>
  </si>
  <si>
    <t>                                           OHE-A-DAY Vitamin A and D Tablets EACH tablet contain* 2S5i more than minimum dally         menu of these two essential VItunlns. Insufficient Vitamin A mar cause night , may   to infection of the note, throat, eyes, ears and sinuses. Vitamin D Is  to enabl* the body to make use of the  and phosphorus in our food. Insure your minimum requirements' bf these two Important Vltamlna. by taking a ONE-A-DAY VUanun A and D Tablet every day. Economical- W or less per month. Convenient- you take only on* tablet a day. Pleasant- children actually Uk* -the tast*- and so wiU you. IMPORTANT- when buying Vitamins, compare potencies and . Get them at your drug store.</t>
  </si>
  <si>
    <t>                                           Auxiliary Unions Northern Judge                 Rule Says All Entitled To Union Rights                 PROVIDENCE, B. I.- (A NPi "I rule that those  urc entitled .to all rights and privileges of members of Local 30."  Superior Court Judge Alcxnnder L. Churchill who held last week that the herding of Negro employes of tile Walso-Kalscr                 shipyard here Into an auxiliary of the Boilermakers union. Local 303, AFL, mid segregation of their ballots were illegal. anA; *r. T 1ft* *X f i i iw ~-      AFL. which,  holds on to the policy of casting Negroes Into "auxiliary" unions. In spile of the "fact that there is ever much protest against the action. Is now under u" legal assault of Jim . f Negro leaders recently filed   that their votes in nn election, of union officers last Dec. 12 Tferc sidetracked in envelopes marked "C." "I rule that those  are entitled -to nil right* Hnd privileges of -rs or Local 300," Judte Cuiiipbell said. A probe Into union activities showed the Judge that there was no real  'of the union nnd  the   In Kunsas' City had" nothing but a "paper existence." He  ald that (Continue^ on      6, cat. 7)                 Auxiliary Unions (Continued" On      Vate) the uct of sending dues of all Negro members to that city was ''ll' legal,  and * ." Judge Campbell further- ruled that 'the Negro employes had thought that they were Joining the local union proper and not an auxiliary, and did not know of their voting limitations until the duy of the election. Holding  the purpose of the auxiliary was to segregate Negroes and people of no other color, he-  It "Illegal ii nd void." When -the union officials, through thi Ir attorney. Harold C. Arsaro,  "we haven't discriminated in any way," the Judge naked: "Whut was the object of pulling in the ballot each  a Negro presented himself to vote?" Judge Campbell advised Unit the specific form of the temporary Injunction that he plans, to grant, will be determined Thursday when attorneys will gather in court" to" settle wording of the order. The case will rest In status quo. with discrimination barred, until U is heard in superior court here. Aside from Local 308 of the Boilermakers union, outstanding among other locals of the union acused of Jim , urc the Mt. Hood lodge In Portland, Ore., which has been under heat from the FEPC because of alleged dli-' crimination against Negroes.</t>
  </si>
  <si>
    <t>                                           PROVIDENCE, R. L--(A N P)-- I rule that those complainants are entitled to all rights and privileges "of members of Local 30." said Superior Court Judge Alexander L. Churchill, who held last, week that. the herding. of Negro employes of the Walso-kaiser</t>
  </si>
  <si>
    <t>                                           Madame F?.ose Look WIm'a n*r*! f AMtfTST Hat*, yon \n*t  in jf.nr Imme? Lnei*. '   , HiMTr*.i. t{~         * Gimnintees    ft*il  entire life, p ~.t,         iin.I in, .      0  liBt A^\^l           * V-Te. , ^J^2 itr **'' whom yon win   nd 'when 1 *    )o?t^, rivals, -m ^I*, ~%1  *1-.,  blocks And bad loch of a*) Mndn. KpAtlintrfi '25c dull?  nrt Sands), A. St to 10 P. M.' "Yob will find her i  t han all bj.^n. Ther#~ la no *    -       1 or Itoinn no  that 1  annot brine  In It. Located Kt  or       At*.  ort HowrU Mill Road- CMO  Mill Rrt. Be *are to  thp one r*r- IJowell Mill ad. ear. Stop at rt ior. Howrll MIH       ; front of WbH e Prortilon Co. Kki* PmUm*            All Blrtti .g-    4 HOW QUINTUPLETS ro ieve coughing of       COLDS Whenever the Quintuplets catch cold- their e!/oi  s, throats and backs are rubbed with Mftstorole. So Miuterola must be jt abort the bcst.cold- you can buy Must/Tole helps break up local -ia upper bronchial tract, makes , promptly  asd , sent,  cheat  due to colds, la 3 Strencths: Childrea'i Mild, Retular, and Extra Strong.</t>
  </si>
  <si>
    <t>                                           MEMBERS OF DELTA SIGMA THETA SORORITY WILL OBSERVE FOUNDERS DAY ON TEXT SUNDAY, THEY HAVE ARRANGED A FORMAL PROGRAM RESENTING MINERVA JOHNSON, THEIR REGIONAL DIRECTOR AS THE GUEST SPEAKER...</t>
  </si>
  <si>
    <t>                                           No complexion can be left to itself. It has to be looked after, kept in from. Whenever you see in old girl with a smooth ... skin you can know that she took Time by the ... gave him a good licking now and then, and sent him about his business. She...</t>
  </si>
  <si>
    <t>                                           Plan        for a          future complexion. In just a few days Black nnd White Bleaching Cream begins to help you have a , softer. smoother skin. It works 5 ways to g ivo vou a complexion others will envy --you will thrill to. IUnukbcids Innscn      (lint              outer  - 10  roll on. Caution: Uso onlv as          . At all toilet, counter*, economy and AJ"''fla During those  hours when you are with hiiii, your   look its loveliest. You con  him completely with s  fter. ^tr hair that lend* magic to those"  mom* nts.Tliat's whj'  women everywhere ore \f so much on Pluko, A HAIR BEAUTIFIER y For more /ul looking hair     Pluko. a genuine Black nnd White creation. For Pluko actually docs beautify your hair os it helps you to comb it out flatteringly smooth am* soft. Hnir cared for with Pluko Hair Dressing becomes easier to arrange. really behaves beautifully, ond stays "set" longer. You'll find it can be 1 such fun to "do" your  in ninny heart-winning ways, while this famous dressing keeps it well-groomed, tinning and smooth for many hour*. MEN LOVE n I Pluko has n  men love        [                 3Mnvitrarq{nuru.'e(  tc the          -      tcr nt of_H  . about you oil through those  night hour* i And although Pluko bring* such  lustre to your , although it hns such exquisite , Pluko costs very little to use. It Is sold by dealers ever. In  c cO1  si/trj. In Amber, 25c, ;ifl i Wliite, 50c. Try Pinko'     -, oml i you ll never  tout it. .Domand i m^* i U*</t>
  </si>
  <si>
    <t>                                           'Peclal (I no Keadiag for M*      LiekT      Maatk* ait- Tim HMadamEva  HB GIVES PACTS AND YOU GET WarU'a            r tok  ml          wit* nii *    Ntdwg     a m* iu:  sii. ir Tt,~       with   or         ran ud mum M out. Offlw boon 4. H. to 1  P. H. Dally ud  1015 W. Hulatt. St.. N. W.. MlMta a* mn to      tbe       Te-d       0 r. Hiut aik      Of conduct,,, Irt jaa off t *  ra     other  ld' I Uu KUx Plow Co, Atlute, Ok</t>
  </si>
  <si>
    <t>                                           ^^^^I^^B^B^ **^~E^               _^093?ifa7 fl^h     :'      ^9^r ^  !~ D^ ^^^^sMM^^3S^^f^^3l^mt^K ^^^v^S^^^StJS^w^^inf^t^m'^m^^^^^Kt^ j ^1</t>
  </si>
  <si>
    <t>http://search.proquest.com/docview/490732924/</t>
  </si>
  <si>
    <t>                                           SUNDAY I DROPPED in to see Dr. Carter told me he had Frinedship Baptist church a n d found him In his room surrounded by books and one before him, still eagerly searching for more knowledge.</t>
  </si>
  <si>
    <t>                                           Atlantafc^^^      Published Every Morning, Except Monday, at 210 Aobnn Telephones: Walnut 14B9- 1460 Member: S. N. S. N. N.P. A. A. N. P. Established Aug. 6, 1928; Became Daily March IS 1932 W. A.      , II, Founder-Publisher, Aug. 5, 1928 to Feb. 7, 19S4 Entered in the Post Office of Atlanta, Ga., as second class mail under the Act of Congress, March 13, 1879 C. A. SCOTT Editor and General Manager CLIFF MACKAY Managing Editor Daily: 1 Year, $9.25; G Months, S5.00; 3 Months, 53.00 Saturday Only: 1 Year, $3.50; 6 Months, $2.00 Canada: l./ir. $4.50; 6 Mos. 2.75; Foreign, 1 Yr. $5.50. THE ATLANTA DAILY WORLD is an independent newspaper non-sectarian and non-partisan, printing the news absolutely unbiasedly and supporting those things it believes to be to the interest of its readers and opposing those things against the Interest of ita readers Address ALL COMMUNICATION S to and make CHECKS pay. able to ATLANTA DAILY WORLD, rather than to individuals. The WORLD expressly repudiates responsibility for return of             pictures, manuscripts, etc., unless stamps are sent.</t>
  </si>
  <si>
    <t>                                           Spring weather works magic on ... followers of the great Scottish pastime, and the past weekend ... was no exception, when a record-breaking crowd of golfers toured the New Lincoln Golf and Country Club layout. The ideal weather injected new pep and energy in the...</t>
  </si>
  <si>
    <t>                                           .^5K^ If  Is . . 7//~s       .*..  \.l *7 BLACK STRAND will I y'^color *our   of Unir All jr\n a . even. , jft 1^    / -t Fhodo. All you   -H to Veep /your      nd f/ 7 lovely ft Otack Strand. Whether y I lt*~ oil yoor . or      -T.p f roor  . . temple* or            , you ll find B. ACM STRAND economical nnd  - Mk  oor  today for 606 BLACK  on Iho ruiu-*  must pt*~~o you or your money back CAUTION BUefe Strand       only  j directed on the label. BLACK STRAND     ttT BLACK HAItt CO'  Blank RtranH Co.. Chlrneo. 111. Lighten Skin TAKES 3 MINUTES Apply new NIX U*uii Bleath. LlrtteBinj film adds      to  In   attire  Inerfdlenf   . Ho -  e* at once Uk       . No       7- wi, 'H'Jmi  rr  rr - r"       SocsM!         . Isds f:  -</t>
  </si>
  <si>
    <t>                                           They Take Care Of Vital Supply Problem                 j Within .in  after the initial landing at I Saidor, a Jaj) b.~rr^'*-sta^in(j point on the  j const of New Cuiiir;, n colored ~-)       :nns tcr                 unit h,h or lie hr: tc.lt handling supply  for unil* of the 32n.) Division which *                       .irt;*. Stqna! Corps IMioto by Wireplioto.)</t>
  </si>
  <si>
    <t>                                           MR. AND MRS. A. RUPERT TRIMIER of 316 First St., Jackson, Ga., held Open House Sunday, the 9th of April, for their son, James, who is a member of the marine Corp at Camp Lejeune, North Carolina. The following guests enjoyed their hospitality...</t>
  </si>
  <si>
    <t>                                           School Aids Food Fight For Freedom Program. The A. A. Alexander Junior High School, Brook-haven, Miss., with 912 pupils serves hot lunch daily to an average of 270. Of these 243 pay 10 cents each daily, while lunches are served free to 27 not in a position to pay.</t>
  </si>
  <si>
    <t>                                           Budget To Go To Congress                 WASHINGTON- (AND- The l irst- budget over to be submitted to eo. by the FEPC is expected to ar rive in the offices of the house appropriations committee  late this week or early next, and hearings are anticipated to start late this month.                 Neither the committee nor the bureau of the budget would offer any comment on the figure* contained in it sir.ee this is n n-. that is not revealed until the President lias approved the                 . I However. Ihn knowledge t'.in-t 1 PEPC will submit a budget should sol nt case, for the moment, the fears that, rose when Sen. Russell of Georgia introduced his amendment to the Independent  bill requiring nil executive agencies in existence for it  or mor-: to come to congress- for further funds  than receive them through transfers from the President's special funds. j It Is freely admitted here that  there Is a large clement In congress who are sharpening their knives for PEPC to eliminate the agency completely, the statement of Sen. Russell served only to arouse: a defense for the committee tl-nt would have required oilier means. The real threat  in the restrictions which congress may impose upon the expenditure of the funds it finally  rather than whether any money will be forthcoming nt all. The National Council for n Permanent FEPC wns understood to be reviewing It.s strategy with nn eye more lo coping with the new Munition l.han with pressing /or immediate passage of legislation.</t>
  </si>
  <si>
    <t>                                           WASHINCTON--(ANP)--The first budget ever to be submitted to congress by the FEPC is expected to arrive in the offices of the house appropriations committee either late this week or early next, and hearings are anticipated to start late this month.</t>
  </si>
  <si>
    <t>                                           Atlanta ^ Wbrld IMNtafaee'  Honing, Except Mohdfjr, at II* Adm By ATLANTA DAILY WORLD PUBLISHING CO. Telephone: Walnut 1459 U60 Member of SCOTT NEWSPAPER SYNDICATE Established Aug. ft, 1028; Became Daily March 18, 10*2 r. A. Scott, H, Founder and Publisher, Aug. 6, 1928 to Feb. 7, 1  4 Entered in the Post Office of Atlanta, Ga., as second-das* mail under the Act of Congress, March IS, 1879 A. SCOTT General Manager ;UFF MACKAY Managing Editor         Year  9.26; 6 Mos. 14.75; a Mos. 12.60; 1 Mo. $IoO SATURDAY ONLY:- 1 Year, $8.00; 6 Mos. $2.00; S Mos.,  1.25 Canada: 1 Year, $4.60; 6 Mos., $2.76; Foreign; 1 Year, $6.50 .^.THE ATLANTA DAILY WORLD is an  newspaper, ODHMctarian and non-partisan, printing the news absolutely  and supporting those thing, it believes to be to the interest f lti readers and opposing those  against the * of readers. Address ALL COMMUNICATIONS to and make CHECK8 pay Me to ATLANTA DAILY WORLD, rather than to individuals.. The 7ORLD expressly repudiates responsibility for return of  , manuscripts, etc., unless stamps are sent.</t>
  </si>
  <si>
    <t>                                           IBy TtoMASyEFFggSON             ^    To Dr. William E. B. Dubois j CRUSADER of our early years- stil! bold .The rod and staff of leadership you hold. Down time you came when shifting- sands were hat And scorching trials and woe the leader lot.; But you proved true and where your latest nun Westward turns halo  "Well done" And where you ve sown- the rugged field we ll hold And bring in glittering sheaves A THOUSANDFOLD!</t>
  </si>
  <si>
    <t>                                           *-t *% '"'"l ^^.*^TJy AND MORi-: **""M^ M.-W.S' KVEN I'.S "PRICE OF RENDOVA" ROXY I THE N. A. A. C. T. AM) A. C. N. 0. Wll.l.  DUNN9NGER THE :M U:\TA 1. 1ST City Auditorium Thurs., Feb. 24 8:30 Ilivir Him Omt \V.\t;.\ E.' Wi:~          S.,S:,'5O V. M.</t>
  </si>
  <si>
    <t>                                           First Service Unit To Win Plaque                 Some of the members of ihc first service unit to win the coveted Fifth Army J'liujuu proud, ly exhibit the trophy near  on the An/.io-N'cltuno beachhead in Italy. General Murk W. Clark, Conimiinder of the Fifth Army, awarded the plaque for meritorious .service, efficiency                 arid '- during l.hc month of December. Left i.o i-ij.il i L above; are 1'vt. Harvey C. Smith, \V;is]_'tuM, 1). Corp. .lames Wilson. PittsIiui-kIi. I'".; S^t. Aaron Banning, Greenville, Ga.: I'vt. Naihiiiiiol Ho.jks. Siivnniiali. C.'a.; Corp.                 Iluuliic L. Coins. GruiHisljoro. X. C. UN S I'hoto).</t>
  </si>
  <si>
    <t>                                           MONEY $5.00 and Up ON YOUR SIGNATURE No Endorsers. No Security Walnut Finance Co. 146M Peaebtree St., N. E. 'J -.'"'g</t>
  </si>
  <si>
    <t>                                           Victim Of Fire                 SIRS. M. J. MoCROBEY -wife of President H. L.. Me-. Crorey of Johnson C. Sniith Uni.versity, Charlotte, N. C  charred body was found \~arly Thursday, Jan. IS in 'the' smoking ruins of their home on the campus. Mis* Evan L. Matthews, resident school. nurse, also lost her life in the  which completely destroyed the building. The' bodies wcrn found within ten feet of the front door, suggesting that they hail been trapped as they attempted to escape. Funeral services for Mrs. McCrorey were held on the campus Sunday, Jan. 10, while those for Miss Matthews were held Monday. Mrs. McCrorey was born In Athens, Ga., and graduated from Atlanta University. She was formerly principal of Haloes Institute, Augusta ana ,publio schools of Athens. Married to Dr. McCrorey in 1916, she was nationally known is a civic and club leader.</t>
  </si>
  <si>
    <t>                                           A prelude to the Easter season is a presentation of the arts in some form or the other. Lovely flowers that are being ushered in by the advent of spring turns our attention to the artistry of arrangement. As well as does the art of designing clothes.</t>
  </si>
  <si>
    <t>                                           Your Watch Rapaircd by an expert Will gW* you                services in town. SO yea**           at 0.. Kimball House 3S Pryor Si. WA. 8990 PRICES REASONABLE S. Farkai GIVE YOUR HEAD COLD *v... THE AIR If you do catch a cold, bo prepared to  its nasal miseries at first warning. You can breathe freer almost instantly this easy, pleasant way. Simplvput2                           breathe deeply. .then feel how they help you to feel better with every breath you take. With real prescription-type medication they Btrikestraightatthecenterof your head cold sniffle* and sneezes. A balanced formula with genuine , they soothe, cool, clear through that cold blockade in your nose to help you give that bead cold the air. Caution: Um only as directed. Generous sue 26o, 2H times aa much for 60c Today get DEMETDn nose  KU crops</t>
  </si>
  <si>
    <t>                                           SOUTHERN REACTIONARIES ware in the news again last week as the slightly over half million-dollar budget for the President's Fair Employment Practice Committee came up for consideration Lefore the House of Representatives. First the "brethren" from...</t>
  </si>
  <si>
    <t>                                           ARE YOU SHORT of RATION POINTS! jfr^ ^S*5W Here's, the answer A majority or the Hems I vww OPFVivr  I I ^nr XV Hsted below arc RATION FREE- NO 1'OINTS f-?w OPENING  1 Bm n^^^m^m These arc just a few of the scores of No-Point ^n^M*1 1 I 91 y M \M Items offered you in all     SUPERS space 3:o0 A- J Bf B M /V B^^T \B docs not permit the listing of countless others. No Cluuire In Closlnr j Wjf I ^feA B^^ II You will find these No-Point items available week Hours A  I ^^^a I   al    ' B m.    V ^F Fresh. Fritits and Vegetafcles I ^~iV ^.Potatoes M=N Ir 55C Ml super markets]! Spin ach  8C j GIVE TO THE 1944 i CALIF0 TENDER GREEN RED CROSS WAR FUND! LeiHOnS   - 15  BeailS 2 Lbs. 19C' I FLORIDA YELLOW ^FooDs OrangesDox. 25C Squash  b. ioc J k CALIFORNIA TEXAS ^Y ~\v Lettuce 2 h*. I5e Carrots 2 Bch,.    1~^" CANADIAN FLORIDA fl R^*~ Rutabagas 2   . Sc Celery 2 st.   .15  I 7/ \VJ\/ THE FOLLOWING FOODS ARE UNRATIONED- NO POINTS REQUIRED In Our Bakery DepL BfldtGdfOlti ANN PAGE 1Lb       Bag 1 0  MARVEL ENRICHED  BREAD"  u.r lie R*l      M SUNNYFIELD 5-Lb. ^^C 10-Lb. ~^%C marvel boston BROWN IT AUUf Enriched-Self-Rising Bag ^At Bag OA BREAD i-Lb. i.    ...17c -oT... .l,c FlOUl? ^CHEN-T^STED ^K-Rising 1OfiaLgb- 6*J* MARVEL ENRICHED DINNER T ROLLS     . rkt. .IOC jane -FL.MN M* Wk*%4 9+ B8^~~      RELIABLE No. 2  g ^C DONUTS.. 16c V^   "?llll3-CUT Can J, 3  !^lff OlivesT fAGE-PLA,N 2'3ri25c BU3 L Salad Dressing se*k 33c GRADE "A" LARGE Eggs S j40c Pog Food 5KS 10c ss^ap^fst       Quality Meats PEANUT ?~TC1I  I (W^ JA1 JdAVMl Up. ljC Peanut Butter   -  . /~r ,25c Uf'VT WT 6  fob  cl^ I II Jbn 9 (0) ROE SHAD u. 37c Sunbritc 13.0.. c.~ .5c I breakfast I* Lb. 39 (1) SLICED BACON u 37c s^~f/CCreaf5 (1)  SHOULDER. *9c ^^       l-~'Pkr V* ^WS'SS'ifflfflr*"" BAG SAUSAGE ,k. 35c All-Bran io-oi: n.. .lie E*M9 WD C! t  sr,,,.(,,.c FRXERa jj--^ spare Ribs uk- lb-     (i) Lb. 29C (i) Lb- 23C NECTAR- j S^^TGd5ftQ9iFs! soap 2 Cakax jL 3 Ivoyy Sofiip toilet soap Me* cake 6C ^B OxydolOrSp"J2pS19c^23c: EnV"" n r2 i LAUNDRY SOAP HAND SOAP 1      SOAP LAVA SOAP WM 3 b,"' 14C 3 c^. ly ^l^f90 Spry Shortening  qa.'a;'^ jg^Agsg  MARKETS  g-</t>
  </si>
  <si>
    <t>                                           One of the social events that centered around the Founders Pay Celebration of Delta Sigma Theta Sorority, was au informal dinner party and cozy honoring their regional director, Minerva Johnson. Mrs. Johnson, who Is administrative assistant to Dr. Charles</t>
  </si>
  <si>
    <t>                                           Your Ki;~".v Itvserrv AllfiUinn consult DR. JOHN KAHN IK Vnii Willi       'i 4  il [i^i 1 lVi-pui l lr*'~l. KASY 'I'liltftlS BlE^BrS XV A. Stitl</t>
  </si>
  <si>
    <t>                                           Special SI 00 Reading Tor 25** j Your -"  nd month* 1 given     *. Madam Eva SHE GIVES FACTS AND YOI GET RESULTS       '~  . After you  all othen come with your problems to Madam Eva and see one that  alt. If you hare trouble with husband or wife or Luclt, be lure and come at onco Office r-ourt: 9 a. m. to 10 p iu. Dallv and Sunday. 1015 W. M=r:%,tta St., N. W., Atlanta. Be are to take the Inxnan Yard Strtci ^ar. Please ask the street car  to let. you off two  on he other side of tnc Kin; Plow Co, Atlanta. Georgia.</t>
  </si>
  <si>
    <t>                                           p-~ACNE PIMPLES  good times j    ^ picking at them can j " "use you endless em. u^S^Si'Y . When you i  e A follow such annoying, i gg/3l V 1 i"i'~ing actions, you KV feel as though being i iS^"""- PCOP C 's c lc 'ait i j *   tiling you want to  lo in I  his world,  ami White Ointment, with its antiseptic I action^  cases the   nd -.ng ol those externally caused, i bothersome acne pimples. Easily apf plied W a blessing, its aid to Nature's -active  comes Itom its ap(i- I septic ingredient. Blacl: and White Ointment goes  ro work, and i the itching ii relieved, scratching is . It also relieves itching, burning soreness of  externally caused Lfse only as directed. S Black and Whirr Ointment, 1  , i large economical sizes 25(f, 50~. At I  11 dealers. Por daily skin cleansing use mild, fragrant Black and White Skin Soap, IOjS and 25(i everywhere.</t>
  </si>
  <si>
    <t>                                           Atlanta JBftWorld Published Every Morning, Except Monday, at 210 Auburn By ATLANTA DAILY WORLD PUBLfSHINO CO. i Telephones: Walnut 1459 1460 Member SCOTT NEWSPAPER SYNDICATE Established Aug. 5, 1928: Become Daily March 13 19S2 W. A. Scott, II, Founder-Publisher, Aug. 5, 1928 to Feb. 7, 1934 Entered in the Post Office of Atlanta, Ga., u second class  under the Act of Congress, March 13, 1879 C. A. SCOTT General Manager CLIFF MACKAY Managing Editor Daily: l Year $3.25; 6 Months, $4.75; 3 Months, $2.50. Saturday Only: 1 Yr. J3.00; 6 Mos. *2.00; 3 Mos.  1.25. Canada: 1 Yr. $4.50; 6 Mos. 2.75; Foreign, 1 Yr. $5.50. THE ATLANTA DAILY WORLD is an independent newspaper, non-sectarian vand non-partisan, printing the news absolutely unbiasedly and supporting  things it believes to be to the interest of its readers and opposing thoM things against the interest of its readers Address ALL COMMUNICATION S to and make CHECKS pay. able to ATLANTA DAILY WOULD, rather than to individuals. The WORLD expressly repudiates responsibility for return of             pictures, manuscripts, etc., unless stamps arc sent.</t>
  </si>
  <si>
    <t>                                           Grandma Didn't Fool Around i: When Her Family Had A Coldj: Pioneer Home Principle Help* Chest Muscle Tiylitness Lessens Coughing, Loosens Phlegm, Aids Sleep When grandma s family lmd a ways: (1) Oulsido. it acts; like a cold she used mutton suet - plaster to stimulate a congestion- cd in her own simple ''home romc- easing flow of warming blood. (1) ely" way and rubbed it on to  Inside, its aromatic vapors soothe chest muscle tightness, rest dis-turb- and comfort nasal passage. Tone- ing night coughing, throat tickle, Iro quickly eases, chest muscular i nasal and bronchial irritation. To- tightness and pain, helps loosen dnv, there is a salve that conforms -m, lessens couching and aids to 'these pioneer principles it s easier breathing and restful sleep. I . Science has combined five Purchase price of first jar refunded j active ingredients in a stainless if not satisfied. Generous size 25c. white base containing mutton .suet, double  , economy  Just, rub on I'enetro. It works two r.Oi-.     :iy,      original i . It isn't TABOO any more for girls to know these truths ? pain due only to functional, GirK  ran bv ~~. Hint .....s. utt,crs lake n as a ionic to some -cls are   b,i,mii;,u, the  and aid  fr.  they used to be.  hy increasing  flow of Thr.fs one reason why  .yar. Julcvs.  lu- build i 01 women have come' know up  und energy for those  CAKDUl's 2-wny help. Some j             days to come, l.ike It. ns .  days be- A   '0r record Bnys  I fore -'their limp" tn hf)p  I m.ii- help Try il. wnn r. you?</t>
  </si>
  <si>
    <t>                                           - 1            JANUARY 14- 31 We Complete Reading? 5Uc I WHhant ashing a sln*'     2flh ^"     NatUPC SlCCD... greatest ambitions and ^^fl how to gain them. TeUBMTlW You should trr OSB Tablets. If names of friends               " ptp. . vitality nnd enemies, rives true  H iaa t  "~l'1T!%l fvr fua TOW^  bB?   Ind good      . ir you  from .11 .rr.ir.  c urn .,~h M Xl aches and .  tongue or  of lire, such b d be      to           .^ f      "S' TatT; SiCiton. HELP NATURE  vo^^ ^iv h^ S^o iT^hf O8B - s herbs in y ^~Hi,T. T^ u u %' CAUTION: Take only .  your luck.      the M  !, ji^non, on things you want most hi    . See Th SAFE  '-rbS'^end^'^rs6       XiX O8R may not Be  . Forty years * rive quirk.           rc ZwSZ $k Z,~~~?Z  ef.   .   1ll.              M JiLl L5"~^if?^3Sf HEALTH 18 POWEa-WHITE TOTi.^'r^SerJi^B SaVte Sg? g^^SSSi^?"</t>
  </si>
  <si>
    <t>                                           Georgia Deaths                 mi:, w. .1. :i:so\                 ROME. P.:1.- Dr. W. .1.  ci.m :i well known  in ihis ^. I'nss.c: n\v:iv Mpiuln Frhniiiry SI at ;i I"-         :il      survived i)v  iis r/ii'-w .nul s;cve?:il " ii. U'lt.l. (KMl UIIGliKS ..K. C:i. Wiil (Kid' Ko-,rrs  ,-il. I, Is ii   Pridny. Funcr:il  \v(MV'  rmm t lii" F.vi  i P'ntisi ClMir.'li  I In- nv. i. C: .i (if::     ;: Ini-' iii     livi-r: i---!.-m i'1'iiii.Mi'ry Sevci;il i-lu !tlr- n ;.    In-,  f.. miss. i:i.i.kn roi.m:r.r WRIGHTSVILLE. C:i Ihimlt;'! services! fcr Mrs. Elirn ColbirM. wore held from Ilir Anliui-.- IJ;'.   list Cluin:h Wrclnestia./. Hoi   . ("A.MJM 1'OKT DAV15.11ORC. G;K.-Fv.r. 1:1: lei s lor S.-tii ir.y F^H. ho dii-ci Emidiiy -is will Uv uf'.d Vrom ()!C l'l ne Kill B:  )lisi Chut-cii -Sanclay. February 27.</t>
  </si>
  <si>
    <t>                                           Madame Rose Look Who'  Herd FALSEST ft*rm Tea to*t  In yon-  Inett. t-   , Sqco*m.          ! Gnaraateei t* -    your entire life, pa*t,          nd furore. Aika ao Qiieitfoiia     m Till 5   aU J0D want tnn* BS U.Tb name*, date* sod * ^~  *S of , 1   . br-alth, fam g^ yj   whom yoo wil ?can?  nd wheni  -*, . lover* , evil     , ? blocks and bad luck of . * SSo  and 8      A. BC. to 10 P. M. Von will find b^i          11 othen. There    li^art     or home         7      I - bring  In It. Locntnl at Janet Ion of Bradp Are. find   Mill Rnail- 10 0  Mill  M j dp aart* fee take the one cw-  Mil Id. mr. BtoD at door. TIo***!! Mill TthH 'r: front of       IVoTlaJoo Co. j i HUMAN PAGE BOY I ATTACHMENTS I ORDER TODAY j^ROhj I C. D. Plat Wft H Beod no -, fl^yj^A olate color of . ^^^C^^BSr properly matched, ^H"^ rice lUfc other              RENA HART BEAUTY PRODUCTS CO. SIM, Ttb At*., New Totk. F. TGRAY HAIR STAYS DYED FOR EVER  DYED THE LADY LENNOX WAY Viid your sray, faded, streaked, old Poking hair Is dyed ,Y ,-Hstcning lovely jet black on  with Lady Lennox Hair Dye. Xo waiting! Can't rub off, come off on pillows, or wash off. Only new  that grow3 out has to bo touched up. Hair looks naturally , more beautiful. Inexperienced person can do perfect job. Lady Lennox DOES NOT hurt marcels or straightened hair. CAUTION: Uso only as directed oa label. Mrs. VS. C. writes, "I have been using             for 3 yearn. Itglved perfect results." AJJ7 writes, "Today is my 5Sth year and do I feel good  my JetblacJc Lady LennoxHair." DOUBLE BOTTLE treatment Ledy Lennox at druggists or sent postpaid for S1   (incl. tax) of           postage. Satisfaction guaranteed 07 =oney_ , Lady  .    Dept SGH. Memphis, Term.</t>
  </si>
  <si>
    <t>                                           Special  i-OO"Reaaing for 25' Your lucky days And  (riven Free. Madam Eva /\JrJPb SHE GIVES I S liHS FACTS AND YOl) i 3^2 f GET RESULTS k. ^7 World'* greatest i i ^-j palmist. After you      !t all other* I I come with your  [ems to Madam Eva and sec one i that knowl all. If you have trou* I ble with husband or wife LOclc, be sure And come at once Office hours: 9 a. m. to 10 pm. Uai)v and Sunday. 1015 W. Marietta 'St., N. W., Atlanta. Be sure to take tlic Inraan Yard Street Car. Please nsk (he street car  to let you aft two * on the other side of  King Plow     Atlanta, Grorpla.</t>
  </si>
  <si>
    <t>                                           ^^^^^^Sdo this for RffiEQSl GREATER ^^^ BEAUTY... If , dull skin seems to hold you buck trj' Maek nml WJulcJiloauliiMH-Gfcinii. It noon  to lighten,  the complexion. Skin Iwoomcs ~~)    , BiiKMthcr,  . Black and White' Blenching Croiim  smooth .  - akin. Cuution: Use only     . 25i and CO(S sizes at all toilet goods counters. Alwuysiuik' for Black aud Whilo Ulcacliinic Cream.</t>
  </si>
  <si>
    <t>                                           NATURAL PAGE BOY ATTACHMENTS YOU CAN HAVE YOUR HAIR ^fo 'A  MATCHED FOR .^ \f\ A A        Crtatfoni HnK4 ?jj Human Ho/r- Sg. ^Sk\   n SIND NO MONEY         \ (      l*r PAT POSTMAN Sl.M ^?l VF^ %.     MKW . in ^^^BB. ^'V AltO PUT S.  AND MAIM iff -yn ^  ^Blk  OUA10  C^f^9 ^^^U.  YOUI Ot9II TODAY Ml ^^BtlSM mtr, m Fall tin. .  J kfi^^T JESSIE- KARE BEAUTY PRODUCTS COMPANY IS? FL*TH         0M H1VV TOR!I CITY</t>
  </si>
  <si>
    <t>                                           Record Plan Aids Officials In OP A                 WASHINGTON, D. C. (SNS) ITow one Negro girl, a commodity clerk for a war price and Rationing Board In Sugtnnw, Mic.i., worked out a system for keeping track of applications for .i shoes,  the burden of the        board and saving time for                  families who apply. Is a well knew:) story i!i her community, the Oi fl.;e of Price Administration . The OPA national office In Washington released Uie sto/y tills week as an example of the  nf community service being  by many of Uio members of its local offices. Miss Ruby Turner, (.lie Suglnnw  clerk, among   duties, processed applications fur .suppli  shoes. Families wk.lt a number of small school  are  most     3Hcvu'   ; The Oenessc county Board No. J found ono of Its  problems Im bo (* oC the. n\eriis ol I tho needs for shoes. j The  Miss Turner  C  her to see :cl  ho'.v a family s shoe leather .should holi up. Previously, the clerk would hare to co Ilirougli :i number                 application forms. Miss Turner used ordinary filing cards and filled out one for each family applying for  '^5. On the back: of the card, she listed all members nf the family and oil the front she  notations as to when each member was issued a supplementary shoe .stamp. This saved hours of time and :- ed a search through hundreds cl application.';. j The new system was put into I operation several months ago by I Miss Turner and Is being watched by other boards, which may adopt. It. The members of her board were I Impressed with Miss Turners' In'.-  and efficiency and the lo- cal dally newspaper published a i picture and n feature story on her .                 Her System EasesOPA Work                 MISS RUBY TURNER I Commodity cleric in a Sagina'v, Mich., local rationing board worked out a system for keeping track i of applications for extra shoes which saves time for both t h e                 board and families filing  tlon. The system, which was reported to National OPA headquarters in Washington, D. C, may be adopted by other boards                 Harold Boucher Photo from OWI</t>
  </si>
  <si>
    <t>                                           WASHINGTON, D. C. -- (SNS) --How one Negro girl, a commodity clerk for a war price and Rationing Board in Saginaw, Mich, worked out a system for keeping track of applications for extra shoes, easing the burden of the ration board and saving time for the...</t>
  </si>
  <si>
    <t>                                           BAILEY THEATRES 81 "Dead .Men Walk" And- Kiglilin-r Valley''  VIRGINIA CITY" Willi Errol Flyun Miriam Hopkins Mud THE BAT MAN" Aahby ".Million Dollar baby" And- "Son of Davcy CroekuU" with willi BILL ELLIOTT'</t>
  </si>
  <si>
    <t>                                           Now Playing At Royal                 A J.ADY TAKxS A CHANCE, costarring Jean Arthur and John                 Wayne, a gay comedy romance, liow playing at Bailey's Royal Thcafe</t>
  </si>
  <si>
    <t>                                           I ~({'~~ 1   ful-vue at a reasonable price. B    ^..ui I (~     UA  Writ* far FREE catalog h-</t>
  </si>
  <si>
    <t>                                           NO MORE GRAY. DULL OR FADED HAIR USE Jessie fare s IMPROVED HAIR DYE LOOK YOUNG $"$00 AND BEAUTIFUL g IT WON T WASH OUT OR RUS OUT. VERY SIMPLE TO USE caution-, use oNtr  s I 0 ON t 3 f S. j  END MO MONET r*lr  MAN t'.CP     5 pc^     on rf-Myery. ^end        (oday.  or mon-y  JESSIE  ARE BEAUTY  CO. U7   A*~..     C"r   OSI</t>
  </si>
  <si>
    <t>                                           Consulting With Secretary                 FT. HUACHUCA, Ari7. Aniitant Field Director Frfncit 1. Long, Atlanta, Geor^ii*, consulting willi Iub -y, Mr*. Mftry DuConge, New        , Lh., in  office of iUk Mctl                       -                 Pliolo by "Hod" Lewit.</t>
  </si>
  <si>
    <t>                                           Bomber Croup To Fort Knox                 Officers unil men of the -I77t.il Hiimliiirriment Croup (Medium) wi-rc welcomed l.~~     . Knox. Kentucky, May H, 1!MI, by Colonel Lawrence (I. .      Kxocutive Officer. Tlic TTtlj Doni* li: ( was   d ml SelfridBO Field, MicliiKuii.         ;~l lie re are.  in . Colonel Forsyllie, Major .lumps Ramsey, Fliijlit Siinreon; Colonel Uolicrl. II. Sehvuy, ,I.r., Commanding Officer of the I77lh; Captain Ciioikc Knox, Senior l ilot Miss VarRiirct Collier. Senior . and Miss Sednlia Crowe. Junior                 Hostess ni the OmlrvKin  Serviei- f-lnb. (I!. S. Army Corps .</t>
  </si>
  <si>
    <t>                                           They Have A Mission Of Death In Pacific,                 Thi: '.i.' Division.  on its heroic tra- j  won in Wnrlil Wai- I. is dealing death to the Japanese on UoUKuinvillc, until  proving I the ability of black men as  soldiers. "You I don't have to worry about their ability to beat the .laps at (heir     bum." ~'in Army combat correspondent reported. In top ,     posed picture. 1'- William Ailam Leak. Uichnrdson. N. C. and Private Adam 1'. Uielmionil, Vn.. man  nuu-' cun on the Niima-Nunm trail on Hoticainville. Shortly after this phut" was                 taken, tlic IMtli Infantry, in :m     tanks  I'liiinc! throwers,  the enemy  of tin1- Mnviiviii Ilivur. In lower   il while cm. , this iiii inlier  f     Ii.'inl is   attention  a -al . Tin! litter ImariM-s make him ! fcr the trip up Hill      ) and on to llu" iiiii sl.-ilion in I     ri sir. This is proof that all                 is not easy  mi ;. (Signal Corps I'llnl.lS.l</t>
  </si>
  <si>
    <t>                                           MYSTIC LOVE DROPS   HBUS WIN I TUB ON K YOU i.OVi: j  otu*  of OiIk.  dc,        i  -o !%~      h IJKWITCIt-j r I.VG M KU. uvi-r III** tint*  lo*v.  j iin l n i.lrt Invlnic vim-  brill*- i IIAl'I'INKJiS- TII.K  TO  1*. LliOK nml . TH".' V, i. Invn .Ir....- will li.lp -; a hit in run i;A.Mii or i.iri l i \~"ll  -VL'MltKltS of  V*~~TO -lire " -J      J--: I .VAI. 1UK1.  lu UM- H'l  ^n     , I MONin-: '"'I p'""1 i w rii*~    -r. I'ny  on   *1.~-' j -h Iik-KkN'h all i-.. or Mirntl  n'~J I ltl-1- If I".. ..nl^rv.l.  HACh .  CO.. SI Wnt j DO YOU WANT, TO BEHER I ,Our CONDITION 6 wb  of  HWdeo. nnj r j Tolopod    "   w tWu  ou P"1" J   whole outlook   ln.     r tal, ph/.    .     1.  OCW..I    . . "mit.."-  w^~ eri 'i Forro   nd "Tho  8TOB1 j                        .  tory ,. flf.it to   u       Mnit name  j 1 O-            J j Hoi 5IW, .     - 1. DaHlroorj S. Md. j Here's The Simple Easy Way Thrtj COLORS HAIR JET BLACK 1  CAN. DO IT *t how r           ...-o''']~tl !            1(1     ?Dlll..        j HalrCo^~               t                             }     *lMo'.~Tw.    .     !,1 -.AnaooejjooiJaJ f;      !            7*a SSt^ or moB   C/^Btack StMBd U to BLACfcTfRAN'D!  T BtACK      COtOSIIIt BLACK STRAND CO. S Chleaea. IlllnoU .AW ACNE PIMPLE PiST ..especially    ^l'-.  and itching ^kw arc . Believe y^BHS these troublesome A .^B symptoms of externally  71^S^B caused pimples- with 1 S^~\ antiseptic Black and V^^^K", ^VTuteOinuncnt.Thou- ^^j sands of satisfied users have found that fam6us;BIack'and "White 'Ointment  its soothing antiseptic action- ,      - helps nature in healing. It  relieves itching and burning soreness of eczema externally caused, and simple ring.. Try it! In large  1 Bizes, SOf!; 25~~-and lOf!. Uae only ai directed. j KB- Highly .recommended for daily cleansing away surface dirt- is mUd and fragrant BUck and White Skin Soap, 10)1 and 25(i, sold  j f ai w X JT'l J'f fc ^^^*M.*^3if Til</t>
  </si>
  <si>
    <t>                                           Years Of Service For nearly half a century North Carolina Mutunl has  rt ;i - and pr.-f-nur.fni position In the field or 1 i I -R  Ni-.*. Uurln^ these years of building and  ^notl will ;m unswerving  In the loyalty and the integrity or t"~ur people Ittia Utt-u u t.-          source oi  tli ami Inspiration We are ?nnt or the va*t rer.i)OnslbHlty that l^  S. tU\cii tiny we   Taut la oru; -pl SERVICE to use the , uiu1 Hie  which we : nt Ul nod for the           of grt.-t*UT  bt.-nt.-flu lor our . Horfih Carolina Hufoa! .Ule Smyrance Company "c. C. 1NG, Pres. DURHAM, N. C. F -I I</t>
  </si>
  <si>
    <t>                                           The azure blue sky above, the verdant foliage all around, the abundance of delicate blossoms, the sweet fragrance that ... the air, the date on the calendar--all these are heralds of something, haven't you noticed?...IT'S SPRING! Of all the seasons, this...</t>
  </si>
  <si>
    <t>                                           Honeymoon Lodge At 81                 'HONEYMOON LODGE" u mirthful  mishap fe;i-~ hiring Tip, Tap  Toe: also i                 Bobby Brooks- now playing at Bailey's Royul Theatre.</t>
  </si>
  <si>
    <t>                                           Brutality Victims Are. Fined In Police Court                 Bv SI'lKi; WASHINGTON (IVurlil S(;ifT Writer)                 Tw  Ws of this city. Pink . '-'  01: i lie SolHUcrn Railway ComiMliy.  Owtw .JcllviirK. "! 01 I Mil' WIiHp Provision       :, tin-. .T ' il with OlMirdcrly -1.  Uii- lotter  I with  .'! I'ncl                  .   utt IIkh- rlv.ii-rs in HiMiinli.T'.-~ Court 'Ihliisdny nf- t'. Tlio tvt.' men who  thut i they were  brutally Hboul  Iieatl; untl IntM  a blackjack  by a R!ut cor' !lnc . G. r. Norton, - { my on . on t lie c.ir v.itli                 the up^. appeared tn court with  wounds showing, and uttered through counsel testimony Iii'piiUmJ to prove  they were  cl  battered by Norton on no provocation ul all. and  1 tins - In I lie net. AIUt hr. llic  parade ot . those whore testimony won to Jiuttlfy the operator In the i-llr^vti  bi ; of the two men. and  fur the Uefendltifi tr.o Ncilo?!-. t*" A. W. Cilllon-ay lined Jeffries K!T.6O Kntl Hammond fll on the  ua ^cd. ASKED RETl'nX OF FABB8 The  is  to   on      5, Col. 2)                 Brutality Victims (Culltillllril  p:'j: I OCClllml 1:isl I'nduv  ;l' Wnl- i ton and Mari'-'.iu His.,      Nor- i ton became mvo vsu In v dispute with Hammond ami JsHrics about the return ol their tar lares, alter the operator Is said to have slop-1 ped the car and said ''3!! n....rs, get off this car right now." 1 witnesses for Norton  to the court that the trouble began when Hammond and JeSries  to leave a seat they were sitting In front of some whiter, and fo'.IowlnE the continued pushing cf the        which indicated I thet a  was in ths act ol  .    car. Thc=e  i stated that after the buzzer would count! find the operator would slop the car, no one would get oIT. Thlb 1 wns laid to the Rcveral Negroes on the car and  In the'  of these men by Norton. :md an Army r-kr^ named W; Burclt't.t,     . joined In U10 Negro , :is.  showed. Those  who testified for Hammond and .' told the court that the two defendants were not molesting , that they were not. seated In front of any whitts, and that ths only   to move  was Hammond who immediately did to. as requested by Operator Norton. It was further stated by di- fens*  that after Norton ordered all "n rs" off the car" that he became  and proceeded to best Hammond and j Jeffries alter they had asked that their urea bs returned. It was "also stated that Hammond and Jeffries made threats upon Norton, the latter Tjy                 itit  his coat, pocket, and the former by milking nil attempt to reach    - his knife a.s lie advanced uii Norton. Defense  denied these .'i us OKI Hie defendants themselves MANY TESTiFV Those who testified lor Nsrton were Sgt. Burdett, who  a hand in the  bv using his billet; J N Go::   , J. 1. Baker, an op- j rater of the Inman Fark lines. I v:ho alio had a part !r. the d;s-  after his car came upon the scene; H. T Barber. J. L. Podgett. . claimed that he was I one ol the whites who the defen- dants sat in front off; RleMn Me- Ddvi:-, Offlcers W. D. !{?sh. and .1 II. Parham. both who stated i thai they  liquor on Jet- 1 fries after he reached Grady hos- (: Lois Pillions, and B. Prltchard. tli.uKl lor I hi;  u:- :. In  to  land Jcllrlcs were: Mr. Gnihiun, official of Mm Southern . and Captain Randall. It'iiK-IUut coml'.. bolli who  us j  wtl nesses for Mummond. stating that he was an upstanding citizen; Joe \V. Tlnsley, Oeorga Hcu-ard, Thomas Morsiand, EiUier .Strickland, HiUlo Grlffir., ai! Tvho were  to.     Incident. From ths stand Jeflriss denied that h6 -was .h fcr , j ind Haawaond said that ho compiled with th6 requests nude by I the operator as to moving badi, I and leaving the car The law nrm of Nealy, Marshall and Greene represented Hammond, and Attorney A. T. Walden represented Jeffries. It Is not known at this time what will be the future procedure In the disc, but It is believed thai there will bo further steps taken lo see that justice Is done.</t>
  </si>
  <si>
    <t>                                           Two residents of this city, Pink Hammond, long-time employee of the Southern Railway Company and George Jeffries, employee of the White Provision Company, the former charged with disorderly conduct, and the latter changed with disorderly conduct and being...</t>
  </si>
  <si>
    <t>                                           The statement on the race problem in South Carolina, signed and released by 20 outstanding white leaders this week, is a heartening repudiation of the position and sentiment expressed in the fiery resolution by members of that state's House of Representatives a fortnight ago on "white supremacy" and the "damned northern agitators." Representing a cross-section of the most enlightened and advanced thought in religion, law, business and the...</t>
  </si>
  <si>
    <t>                                           for 'HH^ Investors SAFETY  ENDURING qUALITV BECAUSE 1. If for any reason 70m with to Toturn   within 30 day* after purchase, the fall amount paid will be refunded. 2. Your diamond may fee traded in at any time and full purchase price plus 10% increase will be allowed. 3. Schncer's acnes to repurchase your- diamond within one year  to forms of written agreement. 1'ST ^,.0 .*%4r-^   i!-~ .^V ^gy..'  !t?^</t>
  </si>
  <si>
    <t>                                           Economic Authority Warns Against Foolish Spending                 Roger Babson's Article Reprinted In Full Here                 Editor'* note: With (he kind 'permission if The Atlanta 'Journal, The At'unta Dally "World reprints herewith Mr. Kocer W. Babson's article,  In the March IS Issue  f The Journal,  "'NetrroeH to   the dark  of the post-war  when unemployment and poverty will stalk the land.                 -Addressing a written message to the  1 million of colored pco ple' In this country, Mr. Bntwon. writing n.i he Kiys "as it friend to the colored people." end as "one j who tins  money and time to help them," urged these black Americans to work, and i                 save, . tlio dny when their opportunities for work will be lew     .their earnings will be gone. The article follows below- In full: By ROGEIt K. BABOON BAB6ON PARK, 71a., March 18. r nm writing to tlic  million of colored people In till* country. Moreover. I do an in friend- one who has contributed money nnd  to help them. The way you are foolishly spending -.'money today la a shame nnd disgrace. Not only are mont of you wasting money, but you are almost convincing your friends that you ore- unworthy to have Rood wages. You arc shoring nn sutters disregard'.?! any knowledge of finances or economics. Present high wages cannot continue.- -Many of you will .be out. of employment after the war. Millions* "of war workers 'will be discharged i and- although it will be . you. will be- discharged tint.'. Therefore you should save up .money NOW to help you In these')baid days ahead. Most white  workers 'are now doing this. Why So  i Some you  refuse to work If  ju have a little cash In (Cantlcned on pare t, eoi                 Roger Babson's (Continued from Pr.je 1) your pockets. This applies to great strong men and women as well as     our young people. Too many of you seem to have no regard for the needs of (he country In this crucial hour. You nre citizens as well as the white workers. You  you are not treated right. I do not agree to this; but If It is true, it is because so ninny of you nro lazy i and wasteful. I am writing this in the South where I have worked with colored people for 20 winters. I  fought for you and got you out of jail when the sheriff unjustly arrested you. I (know your good points and weak points; but 1 never before snw you in the lazy, wasteful and saucy moods that some of you put on today. Prom letters which I Bet. I fear you are  worse in the North I nan you are here in the South. Don't Drufml     .n Aunt I'leanor Many of you say, "Aunt Eleanor will take care of me after the war." Perhaps Aunt Eleanor will i not be ihe President's wife af  war! President Roosevelt may not be re-elected. Besides, even Mrs. Roosevelt is getting out of patience with you. She Is beginning to wonder if she mav not have made a mistake- in praising you n.s she did. I', is true that white workers, strike when they  not. but. they arc not lazy nor do they throw away money. Does it  occur to you what would happen to our country If all the people white and colored  as so many of your colored people act? We  lose the war and we all, including you. would be slaves of the Germans or Japanese. Your attitude simply does not make sense 'rj.Ti any point of view. Therefore, as a friend, r beg of you all to get all I the work you can get; work as faithfully as you can: and save; save. save. Let me prove that colored boys                 have just as good an opportunity to succeed as white boys. A few years ago Webber Colleue at Babson Park. Pla., employed colored boys in the kitchen. Among them wns one named James Paul Goss. The dean noticed that, whereas ull the others went to the movies or shot crops in the evening. Jas. practiced for hours to learn typing. When the summer vacation came, he begged me to take him North and get him a job in an office. This I dirt. It. was James1 first opportunity. James did an well that I brought him back to Florida In the fall. Th.it winter he typed all my newspaper columns. In March. 1042. he was drafted. One day an officer asked If anyone of the men could type. James held up Ills hand. Then he was given his second opportunity. He has not held a sun since that dny. He gradually worked into administrative duties. He Iwcamc a         , a sergeant, a second, nnd I hen a first lieutenant.. He now is a captain with savings nf $5,000 in bank I                 and life Insurance values. When one of his colored friends T?as asked Trey James got on so Teil he replied: "Well, you know, Jamea cms not  or smoke; he -cork* and saves and reads nil Bible ey-i ery day." Last week, James was given his third opportunity at Camp Springs Army Air Field, Washington.</t>
  </si>
  <si>
    <t>                                           Addressing a written message to the several million of colored people in this country, Mr. Babson, writing as he says "as a friend to the colored people," and as "one who has contributed money and time to help them," urged these black Americans to work, and...</t>
  </si>
  <si>
    <t>                                           Coast Guard Boasts First Negro Officers                 WASHINGTON. D. C-                 (    -                 The first branch of the Naval Service to commission Negroes, the U. S. Coast Guard now hns the  percentage of commissioned nnd non-commissioned Negro officers In the armed forces, U. S. Coast Guard Headquarters reported tills week.                 With approximately 4,000 Negroes on March 31. 1944, a total of 068 colored men were officers. Two of these officers had been commissioned as lieutenants and another as ensign. The others included warrant officers, chief petty officers, nnd tlr$K second and third class petty officers. The high percentage of Negro officers was revealed by Coast Ouard Headquarters In connection with the current drive for the volunteer enlistment of 1.700 Negro youths, 17 years of age. in the Steward's Mate branch of the service. Pointing out that promotions  will be rapid In this branch, and  Negroes work and fight side by side with ather Coast Guardsmen, the Coast Guard stressed the act that steward s mates may                 work themselves up through the ranks ns well     oil other Coast Guard recruits. Proof of such advancement was cited In the case of Lt. Clarence Samuels, the first Negro commissioned officer in the Naval Service. Lieutenant Samrols entered the Const Guard service originally as n steward s mate. In the years which followed, he advanced steadily through the ranks until he became warrant officer and boatswain at the Manhattan Beach training station. Appointed to the board of education there .he served as Instructor in practical seamanship and regulations; Following a recent tour of duty in tlw active war zones. Lieutenant Samuels Is now studying for  advancement at Fort McHcnry. Md. The other two commissioned Negro officers in the Coast Guard. Lt. Joseph J. Jenkins of Detroit, Mich., and Ensign Harvey C. Russel. Jr.. of Louisville. Ky.. are botb graduates of the United States Coast Guard Academy nt New London. Conn., where both entered 'Continued on Page 8, CoL i\ j                 Coast Guard (Continued from Page through competitive examinations, j Both arc now on active duty. Ncirro officers in the U. S. Coast Guard on March 3). 1944 the majority of whom entered the service as steward s mates Included: Commissioned Officers 3 Warrant Officers 2 Chief Petty Officers 45 First Class Petty Officers 200 1 Second Class Potty Officers ...2     I Third CUiss Petty Officers 133  "GH In  I7--u!rt Negro youths lo visit the Coast Guard recruiting offices in their local communities for possible enlistment, headquarter!! listed the following acl i'i : fast Advancement,, valuable training for a postwar Job and action aboard ship at  tic stations. I Bccnuro tlic size of tlio Coast I Guard Is limited by law. only 17year-old youths volunteering for the Steward's Mates branch can enter the Coast Guard at this time. It is impossible, at present, to Join the Coast Guard In any other way.  by draft or enlistment: In .the future the Coast Guard may open 17-yearold enlistments In other branches of tbi Service.</t>
  </si>
  <si>
    <t>                                           The first branch of the Naval Service to commission Negroes, the U. S. Coast Guard now has the highest percentage of commissioned and non-commissioned Negro officers in the armed forces. U. S. Coast Guard Headquarters reported this week.</t>
  </si>
  <si>
    <t>                                           30-\ ^kkp*)te cheese  (hot s  as milk itself! SPREADS' SLICES! TOASTSl MELTS PERFECTLY! mm Special  100 Reaalng for 25 Your lucky dayn  nd  given Free. Madam Eva SHE GIVES FACTS AND YOU GET RESULTS World'. greatest . After you  all  come with your prob* lenis lo Madam Eva and sec one that knows all. If you haro-trou* ble with husband or. wife or Luck, be sure and come at once. Office hours: 9 a. in. lo  0 p. m. BrUy and S=d2j-- 1015 TV. MerisKa St., li. W-, Atisab. Ha sen to tito the '~-~-.v-    street Car. Please ask the street car.  to. let yon off two stops on the other side of toe Klnj Plow Co, Atlanta, Georgia.</t>
  </si>
  <si>
    <t>                                           TORONTO--(ANP)--The Toronto Presbytery, United Church of Canada, extended to M. Anderson Negro contralto, "sincere apologies on behalf of this community" for her being ...last Week at a congratulatory dinner in her honor at the exclusive internationally...</t>
  </si>
  <si>
    <t>                                           Ladies, they used to say:"That's TABOO!" Now read these facts                 XuL  . .many :i   pi*efi;r Lit suffer in : i f rum periodic. functional pain   talk  this svib- . Nowadays,  ami    ' CAIlOljI's i-way 1r'1 i. 'I'akun as a tunic, it usually j pops up tin-  ami aids di- i  ''}' st.^ t-hu fl"~'                 of  juices; lluis it often helps  up resistance for the  days to conic. Or  as  li il 'lays before t.liu time. CARDUt may  relieve \:~'m dm- only     . fune- t  i causes. Try CAIvlll.il. Tor (i-j years Minusan-is of  Ikivl'  they  it b.        them.</t>
  </si>
  <si>
    <t>                                           Enrolls As Cadet Nurse                 Alif.s Annette Bullei.  of' Kir.  Mrs. Gi'm-gc L. Biiiler t?C l .vi.llp. N. C..  :i :\ic i of Sninh Hi;:   Srliuol it: KnyoHf vill'\ i.- oi'.c of the  enroll- i rl in l!ic Ci'rii't Ni:rso Cups of Hi" now Division of NMir.sc IMncmion :n r                 Hnirpion' Insliluio.  a  in .  is :n tivo in  In- Mudnu i . Ci)::Ui.ins TiliMIlT:, N.\/~CP. Xcjiu Hislni-y S(.v :ir.v! Suiurii! C'hrisiiiiii A.sv nei;it ion :tl I .                 Knnrliill Photo j</t>
  </si>
  <si>
    <t>                                           TUNE IN foundries day uu(~.mk:ast ,      .sm*(.'iJ     SI-ELMAN ALUMNAE  Tin'!., Apr. A 10:30-1 1 p. in. St.tlon WCST .for $$~ Investors s/ PLUS  QUALITY  L It for may reason ym wish to return your diamond within 30 days after purchase, the full amount paid will he refunded. 2. Ynnr diamond mar k* traded in at any time and full purchase price plus 10% Increase will he allowed. J. Schncer'a agrees to .se your diamond  one year  to terms of written agreement. l^8!              il-"*"~- W.* fir:! "r; ''V ...vV*".~'i*~(,K</t>
  </si>
  <si>
    <t>                                           "let Me Get You Some ANTI-MM WUS^Sj WITH YOUR                 , j am you afford to let a Head- ache, Hnscniar Palm, Functional Monthly Pains or Simple Neural. Sis slow yon down? Dr. Mflea Anti-Pain Fills      been bringing relief from these common dis- comforts for nearly sixty yean. Countless American housewives consider Anti-Psia Pills almost as much of a necessity in the medicine cabinet, as is flour in the kitchen cupboard. They have Dr. Miles Anti-Pain Pills in the boose, many of them cany these little pain relievers in parse or handbag1. They are prepared for these minor aches and pains that sometimes occur in almost every family -ARE YOU? Dr. Miles AntiPain Pills are pleasant to take and do not upset the stomach. Get Dr. Miles Anti-Pain Pflla at your drug Btore. Regular package 25 tablets 25*, Economy package 125 tablets $1.00. Read directions and use only as directed.  T /f^sl i Don't Let cRAY HAIR Gossip About You Look Years Younger1 Color Your Hair This Easy Way To;      Z'our hair new, rich, - color (black, bro*v:i, M ;::u3) start usir.g Godefroj's l.:        Hair Coloring NOW /~.ru quickly- goes on evenly, ui.'.'.y- won t rub off or wash out- unaffected by heat permit! permanents and stylish hairdos Known and  for I 15 years. Your dealer will give your money back if you re not 100% satisfied. ^^Wf^. //~;     *~~  ^ It a r i r u it e 9 ^wU^k o-tL-? st. st.  .(3)ifo. A^^  tft ^^'"'^HfllR COLORING UU1 USE OM.Y AS DIRECTED ON</t>
  </si>
  <si>
    <t>                                           Leads In Contest                 13A13Y JOHN WILLIE NEWSOME, Jimiut' \v\vi is It- in thu  AMK Church baby contest according to reports made lust Friday night at Me Duller Street YMCA. OUicr  ill tlic contest ore: Wilmcr Owens, 4 Churbcy Dussie. Donald L. Alford, Gwendolyn Jones. Robbie J. Hood, Leon Jones, James E. Miller. Jr.. Frances R. Jones. Theres;) J. Brown. Gloria A. Scott. Henry D. Stodghill, John N. Ladson. Jr.. nnd Charlaane F. Owens. The pastor. Rev. S. T. Thomnkins, ; that the contest closes Friday, March 24lh.</t>
  </si>
  <si>
    <t>                                           ... SMILING TIGERS CLUB ... meet with Mr. Charlie ... 248 Baker St. Charlie Pitts...</t>
  </si>
  <si>
    <t>                                           Today's Pattern Ensy to look at. to wear and tu make is this trim, side- basque frock. Putlcrn VVSl. More than that! It spreads out Hot for easy Ironing, too. Ideal In cotton or a sports rayon for llin warm days ahead. Snap It up witn gay, contrasting ric-rac. Pattern 9122 may be ordered in sizes 12. 14. 16. 18. 20; 30. 32, 3" 36, 38. 40. Size 16 takes 314 yards 35-inch. Send SIXTEEN CENTS In coins for this pattern to Atlanta Dally WORLD. Pattern Dcpt.. 232 Wist 18th St.. New York 11, N. V. Write plainly SIZE. NAME. ADDRESS. STYLE NUMBER. TEN CENTS more brings oi r 1944 Marian Martin Spring Pattern Book. New. easy-to-make st.. Free Pattern printed in</t>
  </si>
  <si>
    <t>                                           DX.lt Y CROSSWORD                 ACROSS "I. Whiff 5 Swindle J.0- I-ong-legged Krd 12. Creeling15. Stage in  It.Sd rub used for tanning,, IS. Frolic 17.HOM r,.* 20. Ovum 21. Make choice 2~. Semblance 26. Anxious/ 28. Storm,  32. Couch 33. Dancer'^-, cymbala,  3*. Regret $~                 37. God of Teutonic  '39.      bone 42. A Massenet' opera '46. Wide-awake 47. Leavening, agent 48. To make) ^-r-.happy 4~. Armed force ;*r DOWN TALVlm  r3. briar s UUe 4.-Band across -x                   'i'^K .^*'~f\ ?-?\W' k HH -JHij5'it!tA JV^-i^k'E,, C N^S 6.K-L i A. i- .v i C-:D T C S E.      *_             IN THE PACE SHAKKfiPKAiue                 5. Command 6. Stop 7. Old time* ) 8. Malt beverage 9. High. craggy hill 11. Conical tent 16.Ktngof r Bashan 17. Primary' IS. CSty (Neb.~j 19. Mallei 21. Pointed arch (arch.)                 22. Xul. 23. Tendency 1!5. Turn lo  27. Cuckco 31.. Handler, a. 32. Divinity 35. Personal pronoun 37. Affected manners 38. Mother of Zeus 09. Flap 40. Sick                 sii-~          *J I Evtalcw t 5 T s jj^l L  T 5 5 via YiMtcrdty'i Aniu'er I 4 1 Honey-gather- ing insect 43. River (Swiss) i (4. Doctrine (5.       r' I                 1 r r r ppr i* r i3 r i _1: III __I HI 17 111" I21 55" ii IT" 17 1 111 ii* i3* llll M 111 nil      "pj</t>
  </si>
  <si>
    <t>                                           FIRST BUILT ON SCHEDULE AS ONE UNIT'                 NATRIUM, \V. VA.- In this section- tided. for its wealth of natural' resource.", a new chlorine plant- the .31 ever built as a single; unit Ea:t of the Mississippi Kiver  as constructed on schedule  Oeteise Plant Corps ration funds and has been in operation for more  two months. The announcement was made recently by Columbia Ch*     ! Division of Pittsburgh Plate Glass Company. Other !~rge. .ts      ef thj Jlississippi  expanded ever a period of tins, rather than having been designed as a single unit. In addition to; manufacturing- liquid chlorine, ured for hundreds' of industrial appli-i-ations for war materiel, the plant also pred vs caustic soda as a. .~;o-product.</t>
  </si>
  <si>
    <t>                                           THE FLIPPER TEMPLE SOCIAL CLUB will meet with Mrs. Maggie Duncan, 570 Hunter St., S. W.</t>
  </si>
  <si>
    <t>                                           GlAAfOROUS //A/ft*\ During those thrilling hours when you are with him, your .hair must look its loveliest. You can  him completely with softer, smoother  that lends magic to those intimate moments. That's why  women everywhere arc counting so much on Pluko. A HAIR  For more beautiful looking  use Fluko, genuine Blnck and While creation. For Pluko actually does beautify your hair as it helps you to comb it out flatteringly smooth and soft. Hair cared for with Plu.ko Hair Dressing becomes easier to arrange, really behaves beautifully, and stays "set" longer. Yoti'R find it can be ouch fun to "do" your hair in many heart-winning ways, while this famous dressing keeps it well-groomed, shining and smooth for many hours. MEN LOVE IT Pluko has a fragrance men love. Its  romance, because the perfume-like scent of it lingers irresistibly about you all through those precious night hours. And although Pluko brings such  lustre to your hair, although it has such exquisite qualities, Plulro costs very little to use. It is sold by dealers everywhere in generous economical sizes. In Amber, 25c, in White, 50c. Try Pluko once, and you ll never be without it. Demand</t>
  </si>
  <si>
    <t>                                           NEW YORK -- Why did Duke Ellington get rid of Betty Roche, his featured vocalist and supplant her with Wini Johnson, former wife of Stepin Fetchit, and more recently, understudy to Jem LeGon in "Early to Bed," and who played opposite Canada Lee in the...</t>
  </si>
  <si>
    <t>                                           Death moved from the scene Saturday afternoon one of the state's most outstanding laymen. Many were shocked when the news went out that Deacon J. W. Johnson is dead. The deceased had been a Christian since 1889, and had served as the chairman of the board of...</t>
  </si>
  <si>
    <t>                                           Ladies, they used to say:"That's TABOO!" Now read these facts                 Not  ;ino. many a won win  pfi fcr to '~r in stU iu-c *rom (n-.. fti net tonal, p;iin  l!i:ui   t his suit- Itvl. Nii\\:itl;i\~.  ;  ip Mity pr;iis'.* CA I'Ol.M's 2-wny ;i'.'   . T; ua a tonic, it usually lu ps up the ;   ) ami aids      stimulating thu flow                 i it;" K'X'Uric jim-o^: thus it nt lcn !~:lps .l up - lor I lie "- t!:i\~ In ', C)''  i ilh-i-'li'-il 'Im.v.i     'ori-  j . r.MIplW m;iy lic-lp ri  ~-:iin  "illy I"  lii1, '- I ti'~n;!i . j Try CAKDIjl. For 02 years i  of women have  I llu'.v  il I'elpcJ them. I</t>
  </si>
  <si>
    <t>                                           ~^^  MORRIS 1% i i nancy KELLY ~%i Plui OUR GANG COMEDY CAPITOL now HKVl'TIITI/,      -~~       Ijiim-1 I'Iii A l.  in.ule nf  UUp cry-tnl Uwltf ft*     (nc    ('~t;ni;~)i ui-li. l.lfe. t-  pl.-tur. 1   *                  .v .i"    .liuT. ' or . u  1* rr***fl ini^ tl.      -rh           ..I In.  nri t~-      -  MT-~            I III-*  tii]~~)  - u r**      .^; I'll ri;n tn. 11'^  h''   *i)i*l  mmI    Uiwtini  lv*. U*r\\  ii1 f   r cl t- Onlt*r N*av TiMhty whll Ilir l..l     !y lu*-(-'. Sfnil               -~-hol  ir m   $I.M.*~  st-nit .~.'it ~(,nr It. l'~   * I'hi  l.v. United Specialty Co* m t itn.. ll.-iii.AT, Nt*~'     t.V.V.</t>
  </si>
  <si>
    <t>                                           Officials Deny College Report                 Ity  Mc.M.I IN i \V:( Uurcau, uf the AtUintu Dailv "grid and NXI A)                 , D.- C.                reports that the OHlct of Education's survey of the.  education of.. Negroes bod recommended that southern colleges accept Negroes as students were denied here' Wednesday by t spokesman for the department.                 The report' which is a Xorwnrd 1 looking document, recommends ."uf { n " in. the direction of Interraclnl cooperation In the achievement ut common . that (Continued on Page 5, Col. 2)                 Officials Deny (Continued from Dace "the Institutions of higher learning for white persons (A) work out ways and means of making their i facilities available to Negro scho- i lare and graduate students; and (B) assist in providing opportunities  and leadership for the development of research among Negroes, particularly on problems pe- to the south." It was pointed out that this Is being done already In North Carolina. The general trend In the south particularly In educational circles Is toward an acceleration of the process of equalizing the educational opportunities for Negroes. This Is demonstrated by the recent action .of the Kentucky house of representatives, the  of the education committee of the Missouri constitution convention and by the recommendations for equality of opportunity made to the general  by the Governor ot Virginia. Cooperation was the keynote of the recommendations of the survey. Dr. Ambrose Callver. associate director of the survey is the author of this recommendation, it was learned.</t>
  </si>
  <si>
    <t>                                           WASHINGTON, D. C. --(SNS)-- Published reports that the Office of Education's survey of the higher education of Negroes had recommended that southern colleges accept Negroes as students were denied here Wednesday by a spokesman for the department.</t>
  </si>
  <si>
    <t>                                           Vote Cloture Issue On Poll Tax Monday                 Say Understanding Exists Between Proponents, Others                 By IIARItV McAI.I IN (Washington Correspondent, of the Atlanta Daily World and "n NI Ai                 WASHINGTON In keeping with reported agreement with Senators from poll tax states Senator Barkley on Thursday requested a Senate vote on cloture to limit debate on the anti-noil tax bill. The cloture rule will be voted on during Monday's session.                 Current, in Congresslonnl sessions is the report that an understanding exists that ir the first, cloture vote fails, which all polLs show is likely, this bill will be shelved for the rest of the session. Since the bill was brought before the Senate for consideration on Tuesday of this week the floor  been held by Senators Tom Connolly of Texas, Bailey of North Carolina, George of Georgia, and Eastcrland of Mississippi. So far Senator Bilbo has had nothing to say, though he has indicated to the press that he is "letting the short-winded Senators fire first" since he is prepared to talk for 18 months if necessary.  OPPOSES POLL TAX HE TELLS WALTER WHITE WASHfTNGTON- tUNS)- Reply. ing to a telegram from. Walter White,  secretary, Governor Thomas E. Dewey, of New York, Thursday voiced his opposition to poll taxes. His reply said in part: i "I __ always. fought, against,! llie  tax     'every*"i3'."to' deprive free people of their votes." While quickly telegraphed in reply: "To say 'that one is against the poll tax, but refrain from advocating   to abolish (Continued pai;e li Cnlumn 3)                 VoteCIoture (Continued from Paje 1) it is not enough." The NAACP sceretary had asked the  to use h ls " position1 in Republican party affairs to help break a threatened senate filibuster against the  anti.poll tax bill. White  the Dewey reply left unanswered the two most important questions connected with the Ifsuc "Do you favor the federal bill now before the senate to abolish the poll tax?" "Do you favor ?" Dewey vis asked to " upon the 23 Republican senators who v  hold the fate of the bill In their hands  they vote next Monday for cloture.</t>
  </si>
  <si>
    <t>                                           WASHINGTON -- In keeping with reported agreement with Senators from poll tax states Senator Barkley on Thursday requested a Senate vote On cloture to limit debate on the anti-poll tax bill. The cloture rule will be voted on during Monday's session.</t>
  </si>
  <si>
    <t>                                           Discuss Ernbres's New Book                 Richard Wright, author of Native Son, and Etta Moten, currently star-, ling in "Porgy and Bess" in New York, photographed following  discussion of Edwin Embrec's 13 AGAINST THE ODDS over WQXR'si 'Other People's Business." Mr. Wright is one of the thirteen most emi-l  contemporary Negroes (others are Paul Robcson, J. Philip Ran-; , Marian Anderson, and Joe Louis) whose life stories the author of; ,     ,i Atmncim* sketches in his new book. Neil Scon of Intcmutc^ Uniud Newspaper* arranged the radio discussion.</t>
  </si>
  <si>
    <t>                                           Alka-Seltzer ABC METHOD A Alka-St-IUier, . Inking" It at  to  the Dull, 'Aching Head,  tUa Slitf,  Muscles. B-    careful, avoid  and sudden changes in temperature^ Rest preferably in bed. Keep warm, eat sensibly, drink plenty of water or fruit juices. Be sura to get enough Vitamins.' C- Comfort  Sorej'Easpr , if caused by the cold,  F gurgling  with Alia-Selt. ter. If fever , ur  ^ ^^^r^  cute call your  1LKA- ia a pain  H Hevme,  tablet, pleasant to taia aad  * U . Taka it for Headache; Uuscnl^ i^ and for Indigestion* Gas mat Wtamtch, when caused by  ~* acid. Itt yoor  Man lost gr.OM at soda **--*-~ii T</t>
  </si>
  <si>
    <t>                                           In Memoriam                 In memory, of my beloved wife and mother, Mrs. -Laura Bridges, who passed one year ago today, May 12, 1943. "A voice we loved is stilled A chair in pur, home is! vacant That never enn bo filled." Mr. Ledges Brid(fCB," husband Mrs. Thelma Knox Miss Helen Bridges Miss Juanita Bridges Mr. Clarence Bridges Pfc. Leroy Bridges, children</t>
  </si>
  <si>
    <t>                                           High School Graduates, Attention! If you are interested in dressmaking and wish to become a high class dress designer you can learn all the real art of this  profession in School of Clever Dressmaking, 3075 Peachtree Road -Room 2. Tuition is payable in terms and one scholarship is open no\r for some bright student. After you have finished the course there arc positions open many times roil can be sent to families, our shop and others. Day and night . now forming. Adv.- BE SMART, EARN, LEARN. SAVE.</t>
  </si>
  <si>
    <t>                                           if   7 -T s Cfc^    'f According to  %K authorities, the * mum daily A, D and B Sf ^p ^1 Complex Vitamin re^v  tt 7 m .11 age person are: i ,            :j Unamldc. Thl? required amounts fori other B                 have not* yet been . 1 'Many people do not get enough 'ot I these  Vitaminl DO TtoUll Why not play safe by taking Each ONE-A-DAY VittSto 1^ D Tablet contains 25% more of thil cod liver oU vitamins than the mini. I mum  recommended quantity 3 I Each ONE -A- DAY ViSmto BJ .Complex Tablet contains full mini-! Nicotinamide together .~with^i^S- . amount of other B Vltamios. I When you buy Vitamins,   r Get them .at your drug itora.</t>
  </si>
  <si>
    <t>                                           To Relieve Bronchitis Ci'eomuislon relieves promptly because it goes right to the seat of the trouble to help loosen and expel germ laden phlegm, and aid nature in soothe and heal raw, tender, Inflamed bronchial mucous . Tell your druggist to sell you c bottle of Creomulsion with the understanding you must like the way It quickly allays the cough or you are to have your money back.  for Coughs, Chest Colds, Bronchitis -BOWELS SLUGGISH?* Feeling like you lost your     - 1--dull-eU Ucium of  ? Why put up with  ? Chew modem FEEN-A-MINT,     .'tr.tins -gum . Chew  tonight ut b*. taking only In i. v,ith  directions. Next rr.- thorough, gentle nit*!*, helping you w-l -.ut-ll again. Millions      on     -AJ.. Chew tik* your favorite gum. Tfeitr* 1.05J. Try PEEN-A-hUNT-a whole fatally  jf;jjy  only 10~. __~-~   -^ UO MORI ORAY. DULL OK FADED HAIfe USE Jessie Hare's IMPROVED HAIR DYE LOOK YOUNG C4QQ AND BEAUTIFUL* I rr wont wash out OR RUB OUT. VERY  TO USE : Utl ONir At OllfCTIO ON '.14III HMD . PAY POIT i MAN $140  * 4anv*ry. Sm4   t.~ay.          *~  r  JESSIE KARE BEAUTY PRODUCTS CO. UT mil AW. H*w</t>
  </si>
  <si>
    <t>                                           .Arnold 'Funeral" Saturday Morning                 Mrs. LOU. Moore Arnold, 94U Ashby Orove. S. W.  mother of Miss  MOor*, student  U Benedict College, Colurhbia. 3            , died ut the place of -her  Monduy, January 10. Services will be conducted  , Janiisry 15 nt Jl:30 u. m. at the Ivcy BroUieH Funeral Home. A continuing  will bc-heM In Qulnesvl'.li!, Georgia, at the SL Paul Mcthodi6t Church at noon Sunday, Jonuixry J6. Tnc ^ed was a .- of Gainesville, Gecigla. She lias lived In Atlanta for lhe past 15 years.</t>
  </si>
  <si>
    <t>                                           NEW YORK -- The Negro National League which went on record at earlier meeting as favoring the Jim Crow Policy of the major leagues against qualified players because the big leagues let them use their parks when they are away from home...</t>
  </si>
  <si>
    <t>                                           GIVE YOUR HEAD GOU THE AIR  io catch ft cold, be prepared to relieve its nasal miseries at first Trarning. You can breathe freer almost instantly this easy, pleasant way. Simply put2 Drops in each nostril breathe deeply then feel how they help you to feel better with every breath you take. With real prescription-type medication they  your head cold sniffles and sneezes. A balanced formula with genuine , they soothe, cool. Sear through that cold blockade in your nose to help you give that head cold the nir. Caution: Use only us directed. Geucrous size 25c, 2H times as much for 50c. Today get</t>
  </si>
  <si>
    <t>                                           SANDERSVILLE, Ga.--Mr. and Mrs. M. T. Butler of Savannah have returned home after visiting relatives. Miss Elizabeth Ford has returned from Philadelphia where she was the house guest of Mrs. Violia Welcher, Mr. and Mrs. Quincy Bailey and Mr. and Mrs. Haines.</t>
  </si>
  <si>
    <t>                                           AFTER A FIERY prayer meeting everybody was now waiting to hear Brother Billie, that preacher of preachers, deliver his much-talked-about sermon he promised his devout followers he would deliver sometime ago. And every since that time the people have been looking forward to this day. The writer wanted to hear it, too. The audience is vast, and the atmosphere is...</t>
  </si>
  <si>
    <t>                                           Golds' Throat Soreness Makes Gargling Popular                 Irritated Painful Throat Feeling Quickly Relieved                 This wave of colds is bringing voice huskiness, hoarseness and that raspy, irritated feeling in many throats. Colds'  only aggravates the feeling, but 2 tablets of .SL Joseph Aspirin  in !i glass of    i:;,  rv. l.hal          .        .ly of' St, /"!! \- rj.'i h:!!!'.i  2!~^' 0                 ami muscles, to relieve colds' , causing you to rest . Never ask for' just aspirin, but De sure to "demand and get   pure SL Joseph Aspirin; world s argest seller at I0c. Many nre       larger eir.es, 36 tablets 2~\v !00 fin- 3C";. Always -look on ']it- sadi genuine r irs ".^i- (iSl^f -Jc f^r ^ rf*1:ilv "in;o^ n;roo ;'5t. Josjj.i\</t>
  </si>
  <si>
    <t>                                           CHARLIE TERRY                 MANCHESTER, Ga. Charlie Terry passed away here Sunday. He is survived by several  and grandchildren. MRS. ELI.EX 3ATTLE FORSYTH. Gii._ Funeral services for Mrs. Ellen Battle, \-ife of Hollis Battle, who passed away February 21. were held February 2-4 from Midway Church. She is survived by iwo children.</t>
  </si>
  <si>
    <t>                                           W^'^'^l *M. *ORli- Miracle Whip does \~ork  \Sj^sSS^- *4\ ^lA salads! A'unique combination of old-fashioned .ai5^^~3\ 1x?Ue!'  "18 an(l fiRe mayonnaise. Miracle Whip is ^^S^^/ by far America's favorite salad dressing.' e Hj^  ^**-~-*</t>
  </si>
  <si>
    <t>                                           NATURAL PAGE BOY ATTACHMENTS YOU CAN HAVE YOUR HAlft    :  MATCHED FpR .^'^ *if% ft A Lot ait Creation*  V lvv  AHach*d \!$^~jJ    Human Hair-'  V^Sfcrv n 4lf        J- j- ?R\\ 11 i  ND NO M0NaY^i ml] 1 i dot* talor. PAY POSTMAN WOO QAHh A15O     ,  AMD'UAIOt ^'r.  ^Bnk 1ON 1ID '-~~~4S'VWi ^WjWHtV. Oray Molr SI JO  ^''3 "Tfi^BltTOlVU _~INO      '.^^ _~_JLj4 ^^Sw9if w. co.tr "".  t     *r^^Hr All ^ Mlxid 0 y s IMA\ W^^ ^ FIFTH .      .HUow;My"^;-/~..;^ ":+*Mi *0** CITY.</t>
  </si>
  <si>
    <t>                                           Georgia Sends 53 More To The Navy                 GREAT LAKES. 111. Piltythree Georgia are receiving their initial naval indoctrination at the U. S. Naval Training Center, Great Lukes, 111.                 Their "boot" training consists instruction in seamanship, military drill and general naval procedure. During this period a series cf aptitude tests will be taken by the recruits to determine whether they will be assigned to a Naval Service School or to Immediate active duty at sea. Their recruit completed those men will spend a perold of leave at home. They are: Lamar W. Williams, 34; Jacob P. Underwood 33 of Irwinton, Ga.: General J. Orr, 18; Bennle Calhoun 29, Dry Branch, Ga.; James N. Turner, 26, Theodore H. Brewer, 18. David P. Garner 21, John E.Winfrey, 17 of Atlanta, Go.; Wille H. Ashley. 29, and Grant K. WUburn, 25, Jeffersonville, Ga.: Lucious Colwell, 23, Clarence Schley, 25 of Amcrlcus, Ga.; Geb. H. Worthy,' 22. Paul Avery 34. Bishop, Harris 22, Goal Chllds, 27. William J. Horton, 18, of Thomoston, On.: ohn A. Park, 25, Oscar, Ray 18,                 Jodie Taylor 27. Moses. Bell ?3. William Mack. 24, Earnest Chester 29. Titus Tlluraan 18 Lewson Mrc!c 18, Joe Graham 18 of Thomsavllle G.a; Hubert Collins 18 and Thailducs S. Hayes 21. of Brunswkk, Gn.; Lee Perguon 19, Wiyie Garvin 28, Summer Walloco, 20  Cobbs, 19 of Savnnnah, Oft.; Willie P. Simon. 17, Kelly. On.: Lcamon Jones 20 Sheron. Ga.: Milton Massey, 32.- Gordon, On.: WMle E.\ Hicks. 32 Franklin, On.: Willie H. Harris. .22; On. Ga.; Eugene Willlnghnm,' 18,' Tolbotton. .Ga.; Edward Carswell, '27, Mclntire, Gs.V Arthur J. Bryant, 24, AndersonvUle,   .;-Sam Landcni, Tipland,* Ga.; :~        I* ^.Whljrham 33, Lyons, "Gal; Raymond D. ^Turner, 18, Robinson, On.; J..O. Raglan, 36,. Griffin, Gn.; ^.Johnnie Morri*,' 17 -Fortv Valley, ,Oi; Haywood Woods; 27,-' ShitroiC On.; Edkon Whyah, 39 Barwlck, Qti.y Taft M. Hall, 34, Valdosto, On.; Joe Block, 18. Vidtlla, Oa.; Clifford Griffin, is. AiigiutA, a*.: Sanford Huguley, 18,      Point, Ga.: Johnlf Carolina, 24, Warranton, Ga.;       Dock 31 Ktntnrnn, Qa. -V</t>
  </si>
  <si>
    <t>                                           GREAT LAKES, Ill. -- Fifty- three Georgia are receiving their initial naval indoctrination at the U. S. Naval Training Center, Great Lakes, Ill.</t>
  </si>
  <si>
    <t>                                           tiO K5GRE . DULL OR FADED HAiR USE Jessie Kwe's IMPROVED HAIR DYE LOOK        9(jn AND BEAUTIFUL* IT WON T WASH OUT OR RUB OUT. VERY SIMPLE TO USE CAUTION: USe ONLY AS DIRECTED ON LAttL SEND NO MONEY. PAY POST MAN 51.00 plus         on         . Send  .     KARE BEAUTY PRODUCTS CO. (07 Flfti Av... H.~ Tsrk City</t>
  </si>
  <si>
    <t>                                           ^gl^ASPIRIN ^~     ^. 36 TABLETS 2   I0O TABLETS 35t</t>
  </si>
  <si>
    <t>                                           Two years of army life in eight different camps have failed to uproot in Technical Sergeant Samuel C. Carpenter, personnel consultant. Armed Forces Induction Station. Fort Benning. Ga., his intense desire to he of practical service to his fellow-man. His work as a...</t>
  </si>
  <si>
    <t>                                           Atlanta JgragB World EE!J!2^ The Nation's Only Colored Daily Newspaper wru/c SZtMasoaixrSmdiaai U lb I\     in T I VOLUME Hi, NUMI'tKIt 2l(i ATLANTA, (. SUN , MARCH lit, 1!M4  I'lVK  IS</t>
  </si>
  <si>
    <t>                                           MRS. KOSA LEE STEWART                 VALDOSTA. Ga. Mrs. Rnsu Lee Stewart passed away In Kansas City, Mo. Funeral services ware held from the Antloch Baptist Baptist church her.</t>
  </si>
  <si>
    <t>                                           MP^jBJ l\\ I I WjljTime Only! ^T"T'iTiTff"'"*""1T1*^"TT Limited WjaaniiMim.' Your Obsolete Glasses For a Untiled time only, wc offer a liberal r* **vH^Bfc TRADE-IN ALLOWANCE on your - (Prt^^^J^B 1-Me- ^Irsics.     them down payment, p-     w^W^B    BUHL S ^^2 Smartly Styled GLASSES^ Will    a source of Insttnff .' S'ving  eye comfort m well as th*^ Y-, maximum of visual efficiency. tasy choose from over so sm^rt Credit becoming styles rr BUHL S l)   .-   1 OPTICAll CJOl ,, 4          Si. ~'     "j</t>
  </si>
  <si>
    <t>                                           Crowned Miss Worfh County;                 MISS MVltTICi; ItOIH.NSON i of Oak Hill school was - Ml Miss Worth County after re- j porting the highest amount in the Coiiniy-Wicle Popularity Contest of Worth County Schools which e:ime to a close Monday, April 2 hi a School-Community Day at                 Sylvester. She reported $47.57, while Shnngler School rep  S20.10: Sumner School, $UIJiO. :md Charity Grove. SIO. Worth ''County Schools raised S123.75. loc-rcl firms :ni(l Individuals ! Slfi.Od. Mrs. Lucile Stone Wclcli is Jeiinos    ).soi' of Wortli Cnutily.</t>
  </si>
  <si>
    <t>                                           Awaits Induction                 WILLIAM,, T.  i 101 mer Atlanta businessman and churchman, who is in the city i awaiting /Tmy induction, having j had hi:, physical recently at Fort I McClcllan, Aln. During recent j months. Menelee has ben chef at i officers' clubs in Bainbridge. Gil., i  Annistoii. Ala. He was former- ly a deacon at Mt. Moriiili Baptist Church.</t>
  </si>
  <si>
    <t>                                           Blue will definitely not be rationed tonight when Mrs. Louis Jordan wife of the composer of the current sensation. "Ration Blues" appears with Jimmy Hinsley and his manics of rhythm at the Sunset Casino, Festivities ... underway at 8:30 o'clock.</t>
  </si>
  <si>
    <t>                                           MRS. MZA SPRINGER                 , Ga- Tile .11 of Mrs. i. Springer urns held Monday m. Plnp jfm Rnprlsr. . MR. . r,KR IfWKSTO.V S/7T.U;, O.I.- . Loo  died In Owcnsburg. Uip body being  here aiv.i  Friday at. Buy Spring Baptist church, Rev. S. C. Curry officiating.</t>
  </si>
  <si>
    <t>                                           Rep, Norton Promises "Real Story" At Hearing On FEPC                 Legislation To 1 Form Permanent Body In Congress                 Southern Solons Outvoted; May 29 Date For Hearings                 By HARRY S. McALPIN (Wahcington Bureau of the Atlanta Daily World and NNPA)                 WASHINGTON Chairman Mary T. Norton (D. N. J.), of the House Labor Committee asserted Tuesday that she would "brine; out the real story" of the FEPC at the hearing opening May 29 on' legislation to create a permanent FEPC. "It is time the people knew about FEPC," she declared. "There has been so much misinformation about it, it is pitiful. The Southerner!! think the FEPC deals- just'.. with,.; .their ...racial, ' but it does not. It concerns all minority groups' through nut the country." Three of her committee members, however, disagreed with Representative Norton. Repre-  Fisher of Texas stated, "The hearing will only promote disunity." Representative Abernathy of Mississippi, declared, "The FEPC is the rottenest, viles, most communistic agency of the Federal Government. I believe it to bo a waste of the committee s valuable time even to consider hearings on this subject. These three Congressmen were the only ones t, vote against holding the hearings which action was taken hy the committee on j :i vote of 14 to 3. I Negroes Nominated In West Virginia CHARLESTON, W. Va.-(ANP) Unofficial election returns from West Virginians primaries this week reveal that eight Negr.ics were victorious. The veteran Fleming A. Jon-s was nominated on the Democratic ticket In McDowell County and J. G. Travis on the Republican Tor house of delegates. Atty. J. M. Ellis of Payett county was the third. T. G. Nutter and H. W. Dandridge of Beckley appeared also to have been nominated in close election. At least five persons were elected to the national convention. Thse were W. W. Sanders and J. E. Brown, Republicans: L. T. Thornhlll, D. W.. Ambrose -~nd E. L. James, Demdcrats.</t>
  </si>
  <si>
    <t>                                           Landsdale Victims Rescued                 Lieut. 'Rohcrt MorRunthnu, USNR, hands in pockets, extreme lower left, son of the Secretary of ihc Treasury, Henry .1. Morganthnu, Jr., was     of the many Americans rescued     two Coast Guard destroyer escorts  the Navy destroyer USS Lansdalc, of which he was an executive officer, was bombed, and sank in a German attack off the coast of North Africa recently. Steward's Mate third class, Marion Anthony Porter, whose  crew downed a German torpedo plane as water washed over the doomed ship s deck, is pictured (: ready to descend the . Two members of the heroic colored (tun crew were swept in                 the ocean. (Official! U. S'. Const Guard Photo from OWI.)</t>
  </si>
  <si>
    <t>                                           Modern Art Beauty Salon I70-A LINDEN AVE.. N. E. Offers complete beauty service with Scalp Analysis Free. We style hair to bring out facial beauty. Call us next! VErnon 2053 Operator.: EDNA MAE BAUL MARY CARTER WYNONIA THOMAS GERTRUDE BENTON Lula     Hubbard, Learner  L. PORTER, Prop.</t>
  </si>
  <si>
    <t>                                           They Lay Plans For Nati Savings Glubs                 Tlie organizing committee of the Wnr Bond Sn\ing Clubs with Treasury officials In Washington j lost week to complete plans for the organization of Wnr Bond Savings Clubs among Negroes throughout the country. Among I those present, were I to r, front I row. P. L. Praltls. Pltlhbursh Cornier: Mrs. Miirllm B. Goldman. War Finance Division; Willord W. \Mi-m, -l.Jij v:;       ci.'itrr,.'    .                 Filuncc Dlvison: James L.             . director. N'at'l Organization Division: Doctor J. E. Wnlkcr j Memphis,  chairman. Back rows. 1 to. r Albon Holsey. Tuske- sec: G; L. Towncs. Richmond: C. A. Scoff,. Atlanta: Claude A. Bar- . Chicugo: T. M. Campbell, i Tuskcgcc: Jesse H. Mliclicll. WuS'hinston: Dr. F. V. Piittcrson. 'I'UEkcscc: Mrs. Nell Hmiler. Wash*- ti A JXi: Jo'!!-. 1 ".S:';s, A!'.-.'!-":i. Jti.       = H. .                 . Ed Miiyl. War Finance Committee: Leslor B. Grimier. New York CHy: Charles A. McLean. Winstoti-Snlem: Jesse Thomas. Washington: Cluite Cri'".. Washington ami Mrs. Rosa Brown Braey. Tuskpyne. Not shown on photo,  present wr-re J. Flnlry Wilson. Wnshinstoil. Bishop Jniurs j\. Brwv. ClUci'Oo. nii l Or. WIIIUmh</t>
  </si>
  <si>
    <t>                                           Ebenezer Speaker                 dr. Jessie, Jai   uf Spruce Slrcut Biii)     Cluircli,. NtuhvtUo. Tcuncwicu will preach at Ebohewr Bupt. church Sunday morning,  the O'Ut )- of tile church uuU Ihv 12th  of , Dr. Mnrthi Luther King. Dr. McNctl Is one of the front-Fine IlmuUth in the Btiptlstchurcb. and hU                    in Hwnllcd with ;reat    ).</t>
  </si>
  <si>
    <t>                                           Young lady, does an old TABOO prevent your knowing this help? tn less enlightened days, wom-i en didn't discuss these .           , stimulates the flow of Now, it s different. If woman ~-" J Ullls n'~l'i B suffer, from periodic - j  ^T'jW^T ^ pain, and other purely function- J-W^ u. ^Unee. Sta,Lu! distresses she tries to lean i [:lli,.r, ,,s ,,l. it should how to help herself.       much purely  of women praise lli"~ tional. : pain. l!-way help of Cardui. Taken as' Try CA11DUI. A 6'~ year record 2 Isisic,. i! usually p?P3 uj! hti- says if    hc!  '</t>
  </si>
  <si>
    <t>                                           CHECKING AND  ACCOUNT SERVICE First National Bank ATLANTA CAPITAL SURPLUS PROFITS $10,000,000 Member Federal Deposit InntuM Corp. BUY DEFENSE  U0NDS</t>
  </si>
  <si>
    <t>                                           SOCIAL S W IRL                 By Ozeil Fryer                 A Spring Summary                 THOSE IN THE SOCIAL  are busying themselves with this thoughts of bridal showers,., receptions, weddings and most of all the grand days of baccalaureates and commencements, that are drawing swiftly nearer each day. s                 Despite changes Unit  taken place, every day throughout "he school year, we are thankful that the colleges and high schools were able to carry out their usual seasonal and annual presentations; The recitals, plays presentations of artists and the dance, glee club concerts, founders day celebration.-, art exhibits, bund concerts, symposium and so ninny other things that were educational as well *s morale . They helped many to1 forget, for a while, many things that would have brought nightmares. Those  educational diversions were necessary to       one on an even keel. Those hours spent looking and listening, pushed the ugly scare of this /war into  remote parts of our' minds, ; much' to our "mental stability. Commencement will be here in n i few weeks with parents coming r.n Atlunto-to witness the first       of their children s life hopes and a development of their talents show I much' was found out about the r potentialities. They were much flattered when students rrom  University School of Social Work came over to see them. More Will be seen on Friday when the students nt David T. Hownrd Ilieh School will carry, on with their annual-field- day. The theme  b:\ 'A...Dfl.v at. Hie Circus,' with n promise of renl entertainment. The/ are. ? directed by Miss P. Cooler. Misses S. A. Dickorson and L. Jones and Mr. T. H. Graves. RKMFEIt 1) IN RECITAL 'Keinper Hurreid, long                  as une of the  must  d violinist, was presented In recital at Wheat Street Baptist Church on Monday evening. His presentation was part of the Centennial Celebration of the YMCA. The Phalanx Fraternity of the "V sponsored his appearance. The appreciative music lovers were loud in their applause of the renowned violinist. A reception followed immediately afterwards. Mrs. Julia Pate Borders was chairman of the committee. Those who assisted her as usherettes and hostesses were: Mrs. Lena Andrews. Mrs. Daisy Srnllh. Mrs. Pauline Cochran. Mrs. Eugene Edwards, Mrs. A. B. Standard. Mrs. E. Sellers Lyons. Mrs. Zcimnie J. Shelton, Mrs. Bertha Morris, Mrs. Bcnnlc West, Mis* Helen Lawrence, Miss Mary Ciy, Miss A.' Prudent, and Miss Lilltu Bulflngton. i KIGHIalOHTS J. RICHARD- SON JONES, well known cinema photographer and dramatist glees Atlantans very little of his time these days, "because ,ie Is much in demand. He has just returned I from Florida where he covered the j slate taking pictures of Netrro j members of nav.il units. Most in- I  was shots that he made of n  chaser unit In Miami. Enroute to Atlanta he gave a  of dramatical recitals a.1, high schools and at Albany Stare College. He is to return to that section In June MRS. W. A. SCOTT, SR. received a pleasant surprise on Mother's n.-.y, one that will live long in her memory. It Wiis a cablegram from her son-inlaw. Lt. Russell- Carter, who is  somewhere in Englan I. THE STORK VISITED Pvt. and Mrs. Leo McBride of- Haynes St. and-left :i bouncing buby boy, who has been named after the private. Mrs. McBride Is the former Odessa James a graduate of Spelman College and a school 'murin before her marriage. -Pvt. McBride Is stationed somewhere In Italy. He Is well known in the sports world and a former football star of MorehousCollege ALONZA, BAUiEY was in Atlanta over the weekend visiting his- parents. Rev.' and. Mrs. A. P. Bailey. Al Is a USO program rti-'                 rector and was  lo .         to take \ip his Untie.'.. He previously served at Tallahassee, Fla. THE  are busy -i. this time they are planning a  of the lounge and dhir \ng room of the Service Men's      on Ollle Street. Tile whole job will be theirs even to the painting.</t>
  </si>
  <si>
    <t>                                           THOSE IN THE SOCIAL WORLD are busying themselves with the thoughts of bridal showers,.. receptions, weddings and most of all the grand days of baccalaureates and commencements, that are drawing swiftly nearer each day.</t>
  </si>
  <si>
    <t>                                           Congressmen Aid Senate Colleagues In FEPC Fight                 Tarn Statistics j On Salaries Over To Unit Enemies                 Claim Twice As Many Negroes As Whites Employed                 WASHINGTON (SNS) Ceoigia Congressmen aje Lummy over Uielr NUiuslical  10 southern colleagues In ihe   '.1! an effort to defeat in Hie Scnoui Hie Hotisc-approv(~d $A00.000  for PEI-C.                 "We  the House r*Jiild  voted down tlic FEPC funds If l*ie members )~nd full opportunity to study the facts nnd figures we submitted," Rep. HiiL-h Petcr.s(in,iD-Cu.), sal,~ Tuesday. He said' l lie type of information supplied tlu? Saiator.s Includes: "A statement from the Civil Service commission advising that the average- salary of all government employes is $2,000 yearly, of civil service employes, 41,700, but the FEPC employes $3,015.40. "A complete  listing all FEl'C employes which shows only 37 wh:tes among the more than 100 workers. Evidence brought out by the Smith (D-Va.~, committee showing FEPC has forced operators of maritime vessels to accept colored  nnd thus foisted social  on v."hite sailors." Petei'son and other Georgians led attempts ln the House to de- Ieat^.    :      -,.^In. addition.   vcn Georgians voted against the entire omnibus war agencies  which  the ItBl'C Item. The only ones who did hot were Represenlo-  Tarvcr (D-Ga.), who Is n a member of the appropriations j committee felt bound to support the general measure desp-te his opposition to the FEPC section, and Representative Vinson ID-Gn.) nnd' Whelchcl (D-Ga.) who were  to be present.</t>
  </si>
  <si>
    <t>                                           WASHINGTON (SNS) --Georgia Congressmen are turning over their statistical ammunition to southern colleagues in the upper chamber on an effort to defeat in the Seneta the House-approved $500,000 allocution for FEIC.</t>
  </si>
  <si>
    <t>                                           Coming In May 5%o INKSPOTS nil-; rv oys; inkspots, Ella Fitzgerald nnd Cootie Williams combine appear in Atlanta ilic  part of May. A SoutliI'iistuni Attraction. i Practical -Nurses WANTED, Bid  WAGES $i O TO S40 (PER  AGES 17 TO 55 Lrnrii at home spare time. Will n"i interfere with your present job. Lou' unce small monthly  ntr.. it you can qualify and really w.mt lifetime Job write us. Givencr full in formation privilege- 6 mos. Mospitol practice and free  Service. AddreoS- Sou. Mpr. l os! Graduntc Hosp. School of NursiiiB, P. Box 2133. i^~.-. in mx .m-Jj-i-LJust Received Flashlight Batteries KIcctric Wire ATKiN'S     232 ^ Avcv N. E. 3-t5 Cnpilul Avc.</t>
  </si>
  <si>
    <t>                                           Women deeded For Essential War Production OPPORTUNITIES: Free transportation to the job. Free room and board for the first week. Pay while you learn. Wage increases after 30 days. Permanent work now and after the war. Cafeteria service in the plant. JOBS Selectors, Packers, Assemblers, General Labor You can aid the War Effort by getting food, chemicals, and medicine to our Boys on the fighting fronts SEE COMPANY REPRESENTATIVE AT THE United States Employment Service OF THE War Manpower Commission 191 Marietta Si., N. W. AllanU, Ga, Between 8:30 a. m. and 5:00 p. m. i April 15-22 Workers now employed in essential Industry will not be considered.</t>
  </si>
  <si>
    <t>                                           Across 14 Months                 CPU LEE S. () PLEADER,' son- of Mrs. Exie Pleader.' of 378 Welch Street, S. W., sends - to all his .friends .from the 21st Q. M. Rest, somewhere in Burma.</t>
  </si>
  <si>
    <t>                                           Decatur Street Furniture Co. We buy and sell Useil Furniture. Repair Stoves and sell all kinds of stove parts 272 Decatur Street, S. W. .TA. S276. Km home has all those little Utful  in furnishings F2   and equipment which KSm\ lend to add to the  lort of our patroni. It  is manifestly soothing in Vffa every detail, impressive  Wjj OltTIHCTIVC 5 UkA  cost</t>
  </si>
  <si>
    <t>                                           r ?3tiS$*   -P* MILLIONS ~% wuV  o-^2~\  s Joseph Aspirin. There's no V\^* ia-$fe2  aspirin -.. Clinically, its .^^      ~' judges aspirin, no      ^BM ,-v '^MBnMBBi P'rin     do more for you. Why pny  fiT^tLr\2'\   SSl ^~Sn moro? St. Joseph Aspirin is )ho    ^fc \  -!    '\ '^    world s largest soller at 10c. 100 \\ak fC- ==K%^.  lBH tablets only 35c. Got St. Joseph w^ft^.. 'I     _^i^B Aspirin, keep it handy and bo ready ^^J^^i ^f!3H w lon that warning pain strikes. t /^~'"i ff^l Sir. Jo  ^*^-^i-0^^ ASPIRIN</t>
  </si>
  <si>
    <t>                                           4 J 4/ ^y ';,y*~       ---u i*?"' I Akmit  on!)- time kt "ttsi-jtt  TV /"''^     *. A 4K* ' i. a    - -korl timin l*~ y^I^^-^': the .     '      rt*DUMn4~-V i1 jSp^^^^'^^^ifc. of other boji in the ompi ^R^^^Hffi^i-^f^* u*c '~0^ Dinancc, too. ^^^^^^^^^* Any time  ire not ; I ^^^^KKmg!~~^\mJm2m?\   for  t, ^^^^^~^MsEJk^.'^ call to.get through. J^^^^^MK^^^^,:{3gW^\ So           urgent, we hope     H^^I^^^H^^SwnfiJVl Irt       he mine      Km*" from ^^^^Hj^^^     ^^L 7 to 10 o clock at night. Save      ^.' W^^^^^^^^^^^^^^^^B^   ^~       for the iem ce     . ^V^^^^^^^^HkSs^K^^' ". tii TtttriiiiMjnjimtti     *</t>
  </si>
  <si>
    <t>                                           Atlanta  Published Every Morning. Except Monday,- at 210 Auburn j 13y ATLANTA DAILY WORLD PUBLISHING CO. Telephones: Walnut 1139 1100 Member SCOTT NEWSPAPER SYNDICATE Established Aug. 5. 192R; Became Duily March 13 1932 \V. A. Scott, II, Founder-Publisher, Aug. 5. 132S to Feb. 7, 19J-1 Entered in the Post Office of Atlanta, Ga.. as second class mail under the Act of Congress, March 13, 1879 j C. A. SCOTT General Manager CLIFF MACKAY Managing Editor I Daily: 1 Yr. S9.2S; 6 Mos. $4.75; 3 Mos. $2.50; 1 Mo. S1.00. Saturday Only: 1 Yr. S3.00; 0 Mos. 82.00; 3 Mos. SI. 25. j Canada: 1 Yr. S-1.50; G .Mos. 2. 75; Foreign, 1 Yr. $5.50. THE ATLANTA DAILY WORLD is an independent newspaper, i non-sectarian and non-partisan, printing the news absolutely un-  and supporting those things it believes to be to the inter- est of its readers and opposing those things against the interest of ita readers. i Address ALL COMMUNICATIONS to and make CHECKS pay j  to ATLANTA DAILY WORLD, rather than to individuals. The WORLD expressly repudiates responsibility for return of un- solicited pictures, manuscripts,, etc., unless stamps are sent.</t>
  </si>
  <si>
    <t>                                           --And He Can Still Smile                 DETROIT, Midi. Not everybody would feel like smiling ill sudi ;i  as  Ronald Cooper finds. himself in hero. The --oUl youngster, splinted lens ill the air,. j is in tlic  . Detroit, where he wus taken after he hud                 lured his Ions in a fall from the third floor of his home. (INl')</t>
  </si>
  <si>
    <t>                                           "It's strange" --Blair's voice was muted-- "strunge to think of never seeing you again. It takes all the fun out of things."</t>
  </si>
  <si>
    <t>                                           The Grady Cadet (Non ... met Tuesday night at the Colored Nurses' Home with Miss Georgia Rooker as mistress of ceremonies. The talent night show was enjoyed. Mrs. Alice Jackson, who was chosen as the first Cadet Mother, visited the club. Next week, this club...</t>
  </si>
  <si>
    <t>                                           Pattern Designed to keep you  band-box trim 12 hours of n tiny is   ng . pattern 90G7. It's equally flattering to  type oi figure the young and      more mature. Make It In a  all-day cotton print or rayon,  Included. Pattern MG7 comes in stas !2. 14, 16. 18. 20; 30. 32 34 36 38 40 '.2, 44. 40, 48- Size :iC requires 3 1-2 yards 35-inc!i. Send SIXTEEN CENTS In coif.', for this pattern to Atlanta Daily World I'nttern DbpL 232 W. 13h. S.. New York 11. N. Y. Write plainly SIZE, NAME. . STYf.E NUMBER. TEN CENTS more brings our 1944 Marian Martin Spring Pattern</t>
  </si>
  <si>
    <t>                                           VALDOSTA, Ga. -- Mrs. Willie Quarterman has returned to Savannah after spending a week with her mother, Mrs. Mamie Vickers. Lt. and Mrs. Wm. F. Murphy spent the week end with their mother, Mrs. Sarah Murphy. They were royally...</t>
  </si>
  <si>
    <t>                                           New, Pensive Nina Mae Me Kinney Makes Her Comeback                 HOLLYWOOD- (NPB- Hardly  lifter all these rears Vlie lias been absent from the Hollywood screen, and motion' picture^, is the above two sparkling likenesses of the "New Nina Mae McKinney, now making her  "comeback" in filmdom's capital. Photographed on the set where she is currently before the  in the film production, "Dark Waters," Miss McKinney's                 sparkle, charm anil bounty  all over these pages. Tho costume is that of n maid which role she dramatizes in the film piece of the Louisiana .</t>
  </si>
  <si>
    <t>                                           [A4^^~^^ARG^j!g^^^^^J</t>
  </si>
  <si>
    <t>                                           TUCKER HOTEL Little Rock's Fhiest Hotel 40 outside, rooms, with . Hot and cold water. Located in tlic heart of the business district. Hotel accommodations include Coffee Shop, Barber Shop, Drugstore and Valst service. Buses stop at door close to theatres,- night clubs and only a few blocks from  and bus station. Excellent parking space. I 9          STREETS 1 LITTLE ROCK, ARK. Phone 2-9747 I FOR RESERVATION, I Write or Wire</t>
  </si>
  <si>
    <t>                                           CAl T  OR *% 7-i.O,. JCC A. IWli^m B     ^ DIAMOND ^   Boxes J^, ^JBr ^--a^^HHB^BS^^s^^ TOMATOES 1S^ 3 29c^yMM^  29' ^QLfiiiffll1    ^ OT0MAT0,S0     ^L^ i1^' 8' ^ STAB STORfe r COLONIAL PEAS K^j -V 13' l^^^^t 3 T^j^^M' ~'^p!$%%r  5Eereet=~   .'?, Seat*. Gicd fcr5 Pert Poir.rs Thru Set.. Merc1' ^ll\, iR):,"\ :^"^^-2"" #n oft ACT CHUCK lb 2^c m Wrjt#%^sTB t-k Con 4IM %^~ ~%^    -^ I i fS.9lode or Arm LB' %. I "I-,. T cRO AST,~r0.       ' 29  -f PORK HAM M   FRE8H FRUITS and VEGETABLES 1 .M^tf^ 29  c 30^ I U. S. NO. 1 WHITE -4** 'J^~~  1~~\ I POTATOES I ^ el Sj^ 25G   I j I      i gey g m ^% BA"  n A 1^- r% ?r^X\ +%  f c M// I : ."^fpr^ric I BLAwli bAM;^ ^_41 jr m JTvB3H   NAP _.k -~"'~""~~'^~~J^ 4^flb09S9SB^^B9 1 BEANS 5 n i = 2   -" 23C ..La.j,,,. I -WlilBr-    *, i, .6-.-M*-* -SUDS I  ec ioc J% FRYERS SSe' srv?~c .i^I FRESH TELEPHONE IMPERIAL YORK T ^2/ /2 ~+~ I - APPLES I ^^     '49C PALMOLIVE 1 2 Lbs. 25  2 IK* 21* 1 ^^^L f" COMPLEXION SOAP I 9 ^^^^^ss^ Rcfl. S.ir Bath Si:~ J r/ CROOKNECK .^^ "I 3'0r20C 2     1 9  I Yellow Squash B w, 10c I Marmalade 2.u,j.,~29c MIE3H BUNCH M 1 y.^, Jp n/'TA/'nU I CrAAII Onions Bunch 1OC 1 Apple JUICe M.tr.  ta-.W*21e OCTAGON I Ureeti UniOnS Bunch AU I nJT  ll:rA Sunlhln. No2c,n 1Oc GRANULATED SOAP CHIPS 3 ALL 8I2FS FRESH FL0B10A i Vrallge  Sunih.n. No. 2 C.n ^Q *  5c I Oranges 5 23C j Vinegar wk,,.h.,~, ou,..~.~.. 14C 'lar9  pkg-   4</t>
  </si>
  <si>
    <t>                                           *tLh-b*tI'~ ills i o^ssV F gZ^      f Accordwa to Uic be* I ftu^"^ 1m 0!3, ^~e mini- Hi     daily A, D  B 2f  3 Complex Vitamin ra- (^n              Uieavcr^ 7 ~*~e penon are: V *^J? A 4-w9 usp Units, D XV 4U0 USP Units. HI 333 i ,^~*r\ dsp , bz tm* Mfcro^ranu, end     J           10,OCO SIlcroKrams Nleoanamide. The required amounts for ether B Complex Vitamins have not ytt been established. i Many  do not get  at I   Vitamins. DO YOU* j Why not play safe by  ONE-A-DAY brand Wltt-M-Uftl mAKIN TABLETS Egch ONK-A-DAY Vitamin A and D Tablet contains 25% more of tha i eod liver oil vitamins than the mini. Blum dally recommended quantity. Each ONE-A-DAY ViikminB Complex Tablet contains full mini. Bum daily requirements of Vitamin* I and B2 and 10.000 ICcrosrams  rf i Hicotinamide  with a  ub-  Canual amount of other B Vitamin*. When you buy Vitamins, * f*4T?'? Sd.     - NotohowON*. A DAY  TablMj conform to tha   TAquirtmaate. 8aa       m  m.          year draa</t>
  </si>
  <si>
    <t>                                           MRS. NANCY BROWN                 SANDERSVILLE. Ga. Mrs. Nancy Brown died In Chicago Monday at the home of her son, Robert Brown. Funeral sen-lets were held' In Chicago Wednesday.</t>
  </si>
  <si>
    <t>                                           Baseball of the big league variety moves into Atlanta today with the principals being the Georgia Indians one of the top teams of the south, and the Atlanta Braves champion club of the Georgia Semi-Pro league of 1943, now the Georgia-Tennessee league of...</t>
  </si>
  <si>
    <t>                                           Permanent FEPC Measure Is Introduced In The Senate                 Senator Chavez Places Bill In Senate Hopper                 WASHINGTON, D. C- (SNS) Introduction In the Senate Thursday of a bill to create a permanent FEPC brought immediate' announcement from the National Coifticil for a Permanent FEPC that Its efforts are being redoubled in the campaign for legislative action to                 outlaw discrimination In  on. the basis of race, creed, color, or national origin. The Senate bill, companion to the Scanlon-Dawson LaFollette measure In the lower house on which the House Labor Committee recently conducted ten days of hearings, was Introduced at request of the National Council by Senator Dennis Chavez (D. N. M.)                 Co-sponsors with Chavez ne Demo*  Senators Murray (Mont.); Wagner (N. Y.): Downey. (Calif.); Republicans Longer (N. Dak.) and Capper (Kan). National Council Co-chairmen A. Philip RandolptTand Allan Knight Chalmers, reeling new Impetus In their '8 activity, expressed confidence of favorable consideration for the legislation In                 both houses. "The passage in the Senate ot the appropriation for the present PEPC," they said, "indicates that we have succeeded in showing the majority of our legislators the vital importance to the entire nation and its future of guaranteeing the basic democratic rights to our minority groups. The testimony of some outstanding persons during the recent hearings before the House Labor Committee focussed the spotlight of public attention on the hard fact that neither abroad nor at home can we hope for a lasting peace unless the frustration and insecurity which haunt minority group members in their efforts to earn a living are dispersed."</t>
  </si>
  <si>
    <t>                                           WASHINGTON. D. C.--(SNS)-- Introduction in the Senate Thursday of a bill to create a permanent FEPC brought immediate announcement from the National Council for a Permanent FEPC that its efforts are being redoubled in the campaign for legislative action to...</t>
  </si>
  <si>
    <t>                                           VICTORY                 Negro Fighters, Guns Figure In Hard Advance                 Price Still To Be Paid For Total Victory                 FLETCHER MARTIN (War Correspondent of Atlanta Daily World and NNPA)                 BOUGAINVILLE The victory  Is taking shape here at an accelerated pace... Into that pattern. Negro Infantry and artillery hove figured largely.                 In a brushing assault by the Amerlcan division and elements of the 93rd. the beachhead has been extended southwest along the Pacific Ocean from Toroklna River to Mavavla, native village 5,000 yards from the old holdings. Into that area troops, including elements of the 24th Infantry, .have been swung. The 93rd swung back leaving the area to the 24th who striped It of enemy , captured two heavy guns, warded off a  Jap attempt to land barges on the beach: DEEPER INTO .ES The stubborn enemy has retr:?   ed deeper Into the black Jungles. A Jungle struggle is promised which will pit eager Negro  against Jap veterans. The last few days' activities prove the  still has        artillery as he has made futile attempts on the beach head. He lives on the earth, using  supplies sparingly, and moves Into the Jungle bowles/. where  foliage offers  tl6n?--?~  -~?  -r-  -~ Negro' soldiers conquered great risks and perils in digging theJapanese out of certain positions. Our casualties .are remarkably light considering the newness In Jungle lighting. Because of enemy harrassing it was necessary to route him completely. Fighting side by side with white troops, elements of the 93rd helped in tho initial move to take an area the enemy had  eighteen months. Troops  down the beach from the Toroklna River to Mavavia leaving Japanese dead piled in between. MKE BRl'NT FOREST When the 24th moved In the nren  like a brunt forest as  trees in the background had  blistered bl artillery fire and thB Japanese were killed. Pvt. Karman Security patrols were immediately dispatched, to  snipers whoso shots sun? through the area. Three Japanese weer killed. Pit. Herman Martin, of Meridian, Miss., picked oft two one attempting to hurl a grenade. Much ammunition was found. In another patrol action. Pfc. Bnonie Will Cotton, squirrel hunter from Sturgls. Miss., caught, an enemy taking aim, tumbling him from a tree sixty yards . The patrol proceeded on to cap? ture two heavy artillery pieces, including a 15- howitzer, almost comparable to the Ai  155-. Also  were a tractor and ammunition carrier. The enemy fled  out  resistance. ..j. Nightfall found two Japanese, barges ; our Bivouac area," slipping In under total darkness. The barges were estimated at 850 yards out when spotted. Out light artillery opened fire Immediately. Pvt. Hubert Bailey, of Oxford, Ala.. was (Continued on Paje 5, CW. .1)                 Negro Fighters (Continued from Page 1) Blven credit for three direct hits. The enemy limped buck toward the. horizon. Although Negro troops havo yet I to enter large-scale notion, during I patrol clashes they have fought excellently. On one occasion did they return second best when a Japan-! eso. superior force ambushed fi unit I of the 93rd killing ten. Including i a Negro officer. On all other encounters. Negro Infantry have I marched Into the  jungle, crossing perilous streams, craw itig along jungle trails, have contacted                 anil driven tho  -r Ir.lo the hinterland. MOKAI.K .I.ENT Morale is excellent, seriousness replacing boyish enthusiasm. The enemy has lost sin estimated 8,000 men of an  22,000 force. These arc no  nur troops are up against, hut crack Japanese Sixth Division charged wills me rape of Nanking. As has been repeatedly proved, they are tough fighters, only retreating after death struggles. Along the beach your correspondent observed bodies torn  by shell bursts whore tho enemy refused to give up In the face of certain death. Taking an additional chunk or all of Bougainville is a serious task and although the victory  points to total success, the price will be paid. This point is significant for our troops, causing a seriousness instead of lightness of heart. Few talk about home as wns once prevalent. Now it Is day to day living and fighting. There Is indication of hard,  days ahead and the toughening program last month has fitted our troops for any .</t>
  </si>
  <si>
    <t>                                           BOUGAINVILLE -- The victory pattery is taking shape here at an accelerated pace... Into that pattern, Negro infantry and artillery have figured largely.</t>
  </si>
  <si>
    <t>                                           81 PAT O'BRIEN in "THE IRON MA.IOK" Ant] "CHANCE OF A LIFETIME" ROYAL LENA MOItNK. Thr KERRY  in  HATT1E" it ml "SECRET  IN DARKEST AFRICA" ASHBY  LA tb\KR WALTER '.KON In "WHITE  " S SECRET TREASURE" with Johnny Weitamultcr HARLEM LENA HORN*: mid  BROTHERS In "1'ANAMA MA'I'niS"  "LAW OF THE JUNGLE" find "JUNIOR G-MEN OF THE MR"</t>
  </si>
  <si>
    <t>                                           TO CARRY INVASION 'LIFEBLOOD'                 AMID THE VAST STORE of equipment in supply depots somewhere in England are these American oil tank cars which are being checked here by Yank maintenance men. Since the Nazis are expected to wreck all rolling stock in areas where Allied beachheads are established during the coming invasion, our forces arc prepared to bring in their own                 ment to carry on the fight. U. S. Signal Corps photo. (International)</t>
  </si>
  <si>
    <t>                                           Where is the Colored man's place? It was years ago his place was driving a mule to a garbage wagon as soon as that job was dignified by the advent of motorized truck, he was shoved out of that place and he is barred from driving trucks, yet, a man without education can...</t>
  </si>
  <si>
    <t>                                           I WAS GREATLY interested recently in an advertisement covering two pages in a popular weekly magazine which told the inspiring and typically American story of eighteen top-ranking executives of a great corporation, whose combined length of service...</t>
  </si>
  <si>
    <t>                                           ^mLYN ANKERS DAVID JRUoQ AND  Devil Worship Exposed!"       CQNWaT CAPITOL ;;j BAILEY THEATRES 81- -Di-.-ul Men Walk" A.id 'Kicliling Valley'1 ! IN I A CITY" With Ecrol Flynn Mirinnt Hopkins nnd THE BAT MAN" Ashby '.Million Dollar Uaby1-Arid "Sun of Davoy Crockett" with with BILL ELLIOTT:! 1</t>
  </si>
  <si>
    <t>                                           Anti-Negro Forces Aim At Our Boys                 ST. LOUIS (ANP) When 23 members of the noted Lambert Field Navy band were transferred to Great Lakes Naval Training station recently, speculation became rife that they were the victims oi anti-Negro forces within the navy who are  to teach                 them a  about fighting Dixie race barriers by  up Hie musical unit. Time and time again, the bandsmen have encountered anti-Negro representatives in the form of officers born in Dixie. These Navy officers were by tradition in sympathy with  In the navy, one source declared. Band members are reported to have grown tired of the senseless race restrictions. They were according to reports from the naval center, barred from the swimming pool, denied service at the navy center s barber shop, and were segregated In the mess hall. With a chaplain born in Oeorgla and Lt. Varner, who was born in Florida, their protests were In vain Varner, though young, revealed that he Is of the old southern school by informing them that "Niggers" would have to stay in (Continued on Page 6. Col. 3)                 Anti-Negro Forces (Continued from Page 1) their places. Varner was detached from the unit by the admiral of th,3 Ninth Naval district when he personally Investigated the situation. Members of the musical unit i have had a variety of bitter experiences by personal clashes with agents of race hatred, a spokesman of the unit said. He predicted that the whole musical aggregation may be broken up and sent on active ship duty as the result of the racial clashes and mass protests.</t>
  </si>
  <si>
    <t>                                           ST. LOUIS -- (ANP) -- When 23 members of the noted Lambert Field Navy band were transferred to Great Lakes Naval Training station recently, speculation became rife that they were the victims of anti-Negro forces within the navy who are trying to teach...</t>
  </si>
  <si>
    <t>                                           In Memoriam                 In sad  loving memory c nur brother  uncle, Mr. A. 1" Smith, who left    one. year . April 8, 1913. Just why we suffered we en. not ; We only know our father will s, it so. jl He leads, in paths we connot ;'ng derstand; S But all the way. know wisely planned. Mrs. Jessie Geer and family I* In Memoriam In  memory of   husband and father, Mr. Lastri, Word, who departed his life     year iiro today. April S, liM.i.C A precious one from us has ( \'0;cc we loved is still s A  place in om- . i That never can be filled. K Mrs. Annie Ward,' wife. $ Children and Grandchildren jj I Funeral Notice CAI1I0UN. Mrs. Mary Frnncc^ formerly of 1015 Avc.. passed April fi, 10-M, The mother of Mrs. Ada 1. McBay and Mrs. Flovcnc*: Hayes". The ( ol Pvt. Leroy Hayes of lor Frances. Warren. Wyo        L. M. P-. Sv- P"""a). . later. MrOny Funi'rnl Home.</t>
  </si>
  <si>
    <t>                                           A mysterious assassin eat short the gay career of Syria Verne, artists' model, just as she was answering the telephone in her penthouse apartment to which she had returned soon after midnight following a quarrel with Pierre Sturgis, art photographer. The police could...</t>
  </si>
  <si>
    <t>                                           A couple of Atlanta robbers have no respect for the house of worship, according to police reports Friday.</t>
  </si>
  <si>
    <t>                                           Negro Journal WeekObservance To Close Today                 Spaulding- And Cochran Appear At Two Colleges                 - sriKE Washington (WORM) Staff Wri(cr)                 One-hundred and seventeen years ago n small acorn took root. Today, that small acorn Is a giant oak. That oak is the Negro press of America. j                 All over the nation the past i ten days observances have Ijcen I held in various forms - I rating the birthday of that great influential and opinion shaping i agency which has done a magnificent and an outstanding service to the race and country in aiding in its growth and expanding its Continued on race 7. Col. 4) i                 Negro Journal (Continued from Fngc 1) development. FIFTH PltESS WEEK Not, only are Negro newspapers celebrating the 117th anniversary of the founding of the Negro press, ;they are also culminating the fifth annual National Negro Newspaper Week observance, a national program which is farreaching In effect and educational in value. Throughout this week Atlanta has been playing her part in the national scheme. She has been presenting various types of programs that have been notional in scope and through these programs the beginning of the press, its objectives, its struggles, hardships, difficulties, combined with its steady growth and accomplishments have been told by distinguished speakers, two who have appeared at two of the higher institutions of learning here. The distinguished business mogul, C. C. Spaulding, president of the North Carolina Mutual Llfu Insurance Company, of Durham, was heard in a newspaper  address at Clark College,' and students, faculty and friends of Morehouse College were fortunate to hear Warren R. Cochrane. executive secretary of the Young Men's Christian Association of this city, in an address which touched upon the observance. Then there were held programs in other educational institutions of the city, all bearing on the newspaper theme.  TODAY Today in the Greater Wheat Street Baptist Church a  culminating the celebration .will be held, and elsewhere today may be found a detailed story on Unit event which Is promised to he uplifting, and which will be highlighted by eloquent addresses by several Atlanlans. These 117 years have not  nil fruitful nnos. Thoy     ' all been successful ones. They have been filled with heartaches, setbacks and disappointments, mixed with some of the io.vs and some success and accomplishment. "Freedom's Journal." first Negro publication on this side of ihe Atlantic, took on life In 1827. It. was launched by John Russwurm. whose name should always brightly shine on the hearts of black peoples or alt lands. He represented the manhood and the courage as well as the spirit that has lived in the soul of the downtrodden and  upon from the very  of the day the black man arrived in America^ until this present day. Dcsnilo the  surroundings to which the American Negro has been exposed these 117 years, he has never given up hope, but has fought on. keeping faith trusting God nnd remaining loyal to the core. Russwurm gave a great leadership ? that early period. Close on his heels came the noted Phyllis Whcatley. end In that same leadership of Richnrd Allen, Prince Hall. Peter Orden, Benjamin Banneker. George Llele, Lemuel Hfiynes. Paul CuJTe, and scores ot others of equal statue. This group made a       :. having many  to their credit, and passed                 oft the scene. DOUGLASS IS MILITANT Then along comes another group, known as the militants, and led by the great and immortal Frederick Douglass, who gained fame and a large following through his founding and editing of the "North Star." He had his hardships and disappointments, but never gave up. He fought on with his chief work betas that of urging the members of his race to join the union army, and urging President Lincoln to free the slaves. There were many others during Douglass's day who were courageous in their spirit  firm in r. beliefs. Their  loo, shall go down in the book of history as having made the world better by their living In it. Following Douglass came such outstanding journalistic and  leaders as Thomas Fortune, William M. Trotter, Fred Moore, and. coming behind them the Robt. S. Abbotts, the Robert Vanns. the Murphys. the Scotts, the Youngs, Dunjces, and hundreds of others who have made notable records, nnd all who have made possible this ions nnd  life of the Negro press in America. Most of these latter are still enjoying i  growths and are circulating i record numbers of newspapers to the race which needs them most. In the old days Negro news- I papers were not as much appro- ciated as they should have been, i and were given poor support. Bin this did not stand in the way of a determined press leadership. Today, because these pioneers v.ere willing and rendy to carry on we have the Negro press, a press which Negroes all over the country arc giving their unstinted support. Atlanta may well feel proud too. This far southern metropolis boasts of Ihe only daily newspaper                 iii America. It is now in its sixteenth year, airt was founded by W. A. Scott. 11, whoso younger brother, C. A. Scott, has been the  head since the demise in 1032 of the founder. Atlanta has :i great, and glorious boast in that feat. LOYALTY . AM. During rill these yc;ir.s cl the i N'oi;ro press it h:is stood lor one ; above nil cl.se. It lias been j loyal to tins . It lias loved. respected,  mid  the ^tar^ and the :-. s. :~i..,w i Is to ' to i'.'i nisi .. i But In doing this with sar.eness j .t will continue :i :s 'am- j  against .  lii- '.  In all forms, equal pay Mr  WurU,  hi all iis nj^ly . and equal  to  healthy and happy homes,  an equal share in the educational funds for the posterity of the race. It will further advocate justice and fair play in the courts ind fairness to our boys on the fighting fronts. Tills and more can be done end still remain loyal to those stars and to those stripes.</t>
  </si>
  <si>
    <t>                                           One-hundred and seventeen years ago a small acorn took root. Today, that small acorn is a giant oak. That oak is the Negro press of America.</t>
  </si>
  <si>
    <t>                                           IvBLS^ "       \ ain't," ti^SKSp1/*- $^5^drP5ft  ~^5s'**    -ruf H^"^ 5^~1 ^ru8 store man, "He's  j^^^ZZ^Ll^^^l lucky brown hair Ijg* ^^^^i fc^^ %a)            -"SotaIteatip '^^^^a-l^'^^^; can         BROWN HAIR ^^?.- ~-~=^ DRESSING and                     . for." keeps with  JUMBO SIZE CAN bd*. ~,^3S^S!  i j</t>
  </si>
  <si>
    <t>                                           IM^P - ^M^ Rye Bread 10* ^^Ittm^Bt^^ ^^mtU MARVEL ENRICHED SANDWrCH ^~^^^^HB^^^^  WHEAT N' WHITE-SUcH Rolls iic ^j^^ Bread     Cvirl^^fi        (Point Free) C ^*vv-       --wv-~~~w^  33 MPQMiitr Peanut Butter ^r 25  Meats Grape Jelly (P!S,:Kr2) 1 sc   ^  T Nectar Tea oS^^E^j4c FRYE1^S Evap*Milks^^4^35c I Lb ^y J^V V ^^^M. -     SMOKED . SHORTENING 4-LB. CARTON 'Jjt Haiti Lb- 29  String Beans STTtsrTioc f SST"T 3   C___ m .D ORADE ."A" BI. r 1 % S JIM DANDY-MEDIUM 5-Lb. Bag JL"JC B 9. C 11    - 37" W^ WHOLE OR - ABMOOns UTAH DOg BlSCUlt k?^Sd ".b. p.*    Strip Bacon 19  V* A ^   #k A JK SLICES ^fe .^L  k GROUND DEBT XOHiaiO  GREEN 29-Oz. Jar 3 V HaittbUrgeif Swan Soap ~^A^c3Sri8c 2T Potted Meats st^^s* I FISH Silltn V^SaI^V Enriched Flour iO.Lb ^.~%n i' -TOR  **~~*~~~^~a^**~ scif-RiSillg cloth BagQx i; Roe Shad 25      !211* DIXIE CRYSTALS 5-Lb. Factory C T-T^"~INI*T GRANULATED Packed Bag 3* f TrOUt L^ 23* HotTamalesARMouRso^~ i7c Haddock u. 40*   Tali. 18i I I i !"!L;01 29C  i Fresh Fruits and Vegetables Powder a, ,8c Florida Erad- i8c Crowder Peas 2T2y All-Bran   -o,.   . nc fancy California telephone ?TOO COItM I MM M m f^cCT-0r" 9c English Peas 2-~-~ Jlc Starch 4 t-o.. 17c c s^r^-r^  c f Oranges       v*   , 00,29c  !msr^.ib. c.,.. 14c Carrots  2     "15  PICKLE PATCH-SWEET MIXED fj Pickles s.o,. j., 10c 9 Arkansas - u. 8C  CHOPPED PRESSED  i I Ham c.n 39c jl           2    '9c KEOKUK SWEET MIXED    Pickles 1:4-0, j., 14c JrOtatOeS aLa- new xeo iuss C its. 22C ANN PAOK PLDM 'I ^% Jam. t-ib. j.r 45c %J111O11S texas yellow :J lis. 17   OATMEAL AND  M% A Cookies 1..0,.    . 11c A OlliatOCS firm     2lc CHOCOLATl I Ovaltine c. 65c GEORGIA tender green snap  j I    ^aker..o,n,. sc I;- Beans Lemons Insect Spray         . 2 c *0wdf "^P</t>
  </si>
  <si>
    <t>                                           Card Of Thanks                 The .lolly Ten Social Club wishes to thank "ir many  for :        ; thi; parly :t  one on i:isi. Friday mulit, with Mrt. Maltie Hamsny u.s hostess. GucsLs included: Ki.tic Mnnchim, Klla. Jaix: Lamar Clay, D. Brady, 'I'eola Cbrk, '.Susie Neal, Sailyo Wiley, Mary !Hiir(-, Mii.ble . Mattie Grimes, Annie Luc Oamamop, Irene A. Kisoli. Annie Strkkland. Eiizalu'th Gri^r. Janie Pake, Minnie Michel. Jewel Pake, Byrd Williams. Ttoy Cii'miiliiij.s Charlie Pniitl) Esi-U'1 .'lowers, .lack Walldns. Ralpii Morelaii'l.  Hoilinuu:. \v D. Kirklaiul. James Clark, Luther Nixion, Ernest Sullivan. Private Joseph W. Smith and Mr. and Mrs. Joe Glenn. Card Of Thanks Mrs. Margaret Ricks and family  to thank their friend? for tlio many kindnesses shown them during the   of I heir son and brother. Mr. How.rd E. Riek.s. who   in ICnoxvillc. TenneMPc. We especially  the McDay t"uner:il Home for their sympathetic ;-i)d  service. Airs. Alargnrct nicks, mother. MC6Sis. Frank, James, T. W. Ricks, . In Memoriam In loving  of our dear . Mrs. Ionia Lay, v.~ino passed n year afco yesterday, April 20, 1043. "Although you are . you are not forgotten. While in death you sleep alone. Sweet memories will always linear, With the ones you left nt home. Some may  the wound U healed, But little do they know what lies Within our hearts concealed. Mr. and Mrs. W. McLuy and family. Mi. and Mrs. C. B. Williams and family. Mr. nnd Mrs. Letusey Sims stin.1 . Mr. and Mrs. A. U. Lay and  Mr. and Mrs. Andrew Johcsos mid family Mr. S. A.    . Mr. D. I-ay. children.</t>
  </si>
  <si>
    <t>                                           Get  to Win The One Ifou Love! SW^BfefW^   ** *~Wi about whit \Sw ^J^      nerd U          tn* Of ^^^K ypJ ant you love.  To*ldn t you C, flH^B W  Wi ANYTHING M know  tiit l^^H^^V/Jol whit It li ind hW la I^H^^^K     power  Mining? _J^^^^L_ Yeu th* power WdtJ*n DISCOVER HOW              * You OsW.t nnd end loeki to get   of lot*.     . ent etn tet It.          oa w.nt     t*  eun It y*u KNOW HOW! It's hard to      * y*l II  m  bow to mi   Mcratt            Ilk* MMk.        far IM tint  to  oir In frank.         ,     1a Mrdt.  tou thi   that will 004 n           to Iha  you fr     SEND NO MONEY? Sind only Piur nami and         and I'll  thu rira. RIVATE  ta   tn PLAIN WRAPPER  "        ." Whin rtP tat It      It  . I'll at*  if *ou a*nd only SI now. Yott  bo VapBif r in ONE WEEK became, you Utid  SECRETS OF LOVE, ar ahi W" don't ~*j ona --~~d I'll   Nr muty Imntdl* . Wrllo Nday:      h loat.! Print  and ^ ^. YOUR LOVE ADVISER iox c.p.o.. niw  city</t>
  </si>
  <si>
    <t>                                           THE Scoutmasters' Monthly Round table will be held Sunday at four o'clock at the Friendship Baptist Church. All Scoutmasters, assistant scoutmasters and at least one committeeman from each troop are urged to be present for the discussion of the Traffic Court...</t>
  </si>
  <si>
    <t>                                           Basil Rathbone As SHERLOCK HOLMES Nigel Bruce /As DR. WATSON' in 'Spider Woman' PLUS 'Calling Dr. Death' with I.ON CHANCY CAPITOL how f\        '$h 7 Safety r If h Wss^. THIS IS YOUR PROTECTION! Wbca too bar diamond si AiUnU'i ooM   (torn 1. If for  nj ration yon  to retain tout diamond  SO dayi  par- abate the full amount paid wtU be refunded. 2. Tsar diamond may ba traded In at any  and full   plas 10%  will b* allowed. 3. Scbneer't  to  tout diamond  on* year  to terms</t>
  </si>
  <si>
    <t>                                           In War Bond Show                 C. I". CliiUIUI JACKSON U. S- Nav.i 1 Reserve- who, as master ol' ceremonies will present a brief m- at. the Roynl Theatre. Saturday ;'. July 1.  the showing ol' u special Wnr Bontl picture. Destination Tok.vo." Tlic price of admission wl'.L be tlic purchase ol" war . which can be  in the lobbies of tlic Hoyal, 81 and Ashby theatres, lu t ne special show Saturday, which starts at 7:30 o clock, returned battle  from the I- anci Mi'dltpnv. Iheatres will be  ck  their experiences.</t>
  </si>
  <si>
    <t>                                           GERMANY                 U. S. 'Heavies' I Blast Berlin In Full Scale Run                 Germans Believed Losing Punch On Anzio Beachhead                 By TI1F. S.'N. S.                 The Oerman  sold one of the greatest air battles 'of the war raged along the sky paths to Berlin. The Germans tent- up hundreds of fighters In a vain attempt to halt the  of Liberators and Fortresses surrounded by knots of American . Losses Trere                 counted unofficially at 88 bombers, but this was considered light In view of the large number of participating planes. NAzr .s m.r.n up Meanwhile on the Anzlo,  below Rome, Italy, bodies of German soldiers were- reported "piled up like ", representing n serious dislocation of Nnzi plans for opposing an Allied Invasion from Great Britain. Crnrl: divisions were described us- pinned down by the fighting around the beach "hend.. and ."have suffered bloody losses- In three 'abortive attempts to drive' British and American troops Into the sea. Allied officers were 'of the. Belief that. the Germans had lost -'most, of their punch. The Russians announced MontUiy night the capture of Volochlsk, utting the Odessa-Lwow; railroad, which feeds the'.whole German  Hus''- sia. Volochlsk Is about '60 "miles north of the Rumanian frontier. (Continued on Page 6, CoL 7)                 I). S. 'Heavies' (Continued from I'afe I) Tlie powerful  of the first Ukrainian army swept up more than 200 populated places, Including six district centers. More than 15,000 Germans were killed on the first Ukrainian front Saturday and, Sunday. Some 3,000 Nnssls have been  prisoner. ST1LI.WEI.L ATTACKS JAl'S American infantry units, In actIon for the fir.'jt lime on the Asiatic continent, have opened an attack in nor! hern Burniu under Llculcnunt General Joseph W. Stillwcll, who swore he would get even  the Japanese for the "hell of a beating" they      nun two years ago. In Washington, five veterans' or-  Joined In proposing Hint. the government pay members of the armed forces bonuses up to $'J,     each for home service find $4,500. for overseas service. 'The til), introduced by seven members of the house, would credit service men and women with $3 a day for overseas service -up to the ?3,500 end $4,500 yearly . An extra S500 would be allowed those wounded.</t>
  </si>
  <si>
    <t>                                           The German radio, said one of the greatest air battles 'of the war raged along the sky paths to Berlin. The Germans sent'up hundreds of fighters in a vain attempt to halt the formations of Liberators and Fortresses surrounded by knots of American fighters. Losses were...</t>
  </si>
  <si>
    <t>                                           Centennial Celebration Buller Street Y. M. C. A. Kemper Harreld VIOLINIST IN RECITAL MONDAY MAY 15 S:(lll l\ M. WHEAT ST. BAPTIST CHURCH li i ii Tiil Admission 50c TK F Anms Driii; S' v-.irs Milton Stores   : i!vo: 2.' N-J."1 Atlanta University Hook s torc,. Clark Cnltrcr. Morris BrownCnPrRC. Orlplltornr Klcnicntiiry. School. Hlll.lcr S. YMCA.</t>
  </si>
  <si>
    <t>                                           SCALP TREATMENT ^gggj* use tna SPECIAL 52/jt OFf ER rTO POMADt a. ^Jjf "      8- NO MORE ""SSgRT"-.!^* Send Ko Money! 0       fend row Ordu Today. utu action  bessie Kare Beaoty Prodocts Co. [.3C7 1* A^.Ob^.tOS)    Tarfi Cky</t>
  </si>
  <si>
    <t>                                           "FOOD THAT IS TRULY DELICIOUS" Beers^^Sjwines THE METROPOLITAN QAFE</t>
  </si>
  <si>
    <t>                                           "C^ FOR YOUR Dr. Benders shoes .ire dc- fl^^ signed give you miles more IjL-^'CsY comfort for the busy hours ^7^Mji you are on your feet. Tp X-RAY FITTED  s\ DR. BENDER S Sikiu..^ 324 PEACnTHEE ARCADE m</t>
  </si>
  <si>
    <t>                                           { Aedal For. Slain  Guardsman Awarded Mother                 JMrs. Obln L. Stevens, or 212  aker Street, mother ol Eddie M. Stevens, stewards' - second loss in the United States Const . has been Informed  her in was killed, in action .March 9 p the South Pacific. Mrs. Stevens was awarded the  Heart .for her son s bravi ry In actual combat with the hemy. The deceased is the ^brother jot  Johnnie Stevens, Jr. of amp Hood, Texas. Mrs.' Mae wingler and Miss "DorSthy .</t>
  </si>
  <si>
    <t>                                           BASEMENTl For a Gala "Fourth''! Cool SUMMER DRESSES g88 ^^G^^0T For a cool "Fourth".' New   *^^^0r  of Bemberft,     ^% %*fi,          , *     , and  k%. ^^Hfc . Solids print! tf?^^^H7@Su        . Alto black and n*V7. For a Man's Fun on the Fourth;      ^B- SHIRTS      ^ 1 49 and 1 98 ^S^ Sl-SA'*        port  hlrt.      '^^^ washable fabric*. Bluet, Jr l?~            tarn, b r w n .  t,}fi ^^SffirMI?' Small, medium, Urf*. wM^ ^^^ffl MEN S SMART ft ^MB Sharkskin and Wj^^ a^HBISf Oabardln*: v"*       ^H SLACKS ^0 raft 3^.3(88.498 JH g Nicely /tailored stacks. Pleated in front. Unfinished         assure a correct fit. Blues, greys, green, tan, . Sizes 28 to 42, e?*:t BOYS' SLACK SUITS y Summer '. SlJck suits of fine washable        . Tailored by a nationally advertised  . In' blu^, tan, brown, and green. SUei 6 to 20, -h: /BOYS' SLACKS .2~?; -^Just like Dad's! '.Sharkskin .and^washable , slacks. Tailored, for freedom and  Tin, 1* brown, blue,         . Sii'cslO to 22. 1 .- MiaH-i   }</t>
  </si>
  <si>
    <t>                                           Society will be on parade Sunday in Ponce de Leon Park when the Jacksonville Red Caps will come here and square off in a double-header baseball attraction with the Atlanta Black Crackers.</t>
  </si>
  <si>
    <t>                                           Hero Your Watch Repaired by an expert Will give you the quickest services in town. SO years experience  l Ihe Kimball House 35 Pryor Si. WA. 89D0 PRICES REASONABLE S. Farka. PULLMAN PORTERS WANTED NOW Excellent Pay Many Now Working 'Receiving- As Much As $75'.00 Per Week. Essential War Work Permanent Jobs Pleasant Working Conditions. Mutt Hare Good Blood and Character Must Comply With WMC Regulations. APPLY AT ONCE United States Railroad Retirement Board 135 LUCKIE STREET, N. W. f*M3i</t>
  </si>
  <si>
    <t>                                           OPENING NIGHT ATLANTA KNOXVILLE CRACKERS y$ SMOKIES GAME BEGINS 8:15 P. M. ADULTS 60c CHILDREN 9c 20c OPENING GAME WILL BE PLAYED SATURDAY A NIGHT, APRIL 29, 8:15 P. M. IN EVENT OF RAIN</t>
  </si>
  <si>
    <t>                                           METHODISTS RECOMMEND HONORABLE ADJUSTMENT                 Methodists gathered hurc this week In their first Southern Jurlsdlctional Conference of the now and United Methodist Church, aired their views on race issues.                 The conference took a firm stand on nil world problems, ranging [rom race rotations In the south to  and suffering on the battlegrounds of the world. The bishops of the church in their Episcopal message delivered by Bishop Paul B. Kern, of Nashville. Tenn.. saw tho solution to all of mankind s troubles in the simple expedient of Christian selfsacrifice and service. TRADITIONAL BACKGROUND On the race issue, the bishops admitted tlv;re arc "traditional backgrounds and social and economic factors in the south." which combine to make the situation more menacing." Tile southeast s Negroes number 6,836,671, approximately 28 per cent of the population, it , then added, "no one can solve this problem for us. We can neither be chided, nor legislated into a solution." The solution, the message said, doesn't He in "supremacy and subservience, of superiority and inferiority .of financial privileges and economic bankruptcy. Everv man must have a chance at life and must be privileged to rise to these positions to which his character and ability entitle him. The ultimate solution does not lie in the blood mixture of the races nor in the withholding or granting of social privileges which nre repulsive to either group. "The answer will be found In i that honorable adjustment of dlf-  racial  by which each                 Is privileged and Inspired to  Its distinct contribution to the common good," the message went on. Asserting that race problems were confronted In the first century, the bishops pointed out that "Christianity could not escape the terrific implications ol Its theological concepts" and that the "words of the Master must be Implemented into life nnd become the saving salt of a decadent social order. MUST FACE FACTS "Let us not seek to escape from the 'inevitable fact 'that these racial tensions must be faced."' They must be eased' and' finally """"overcome, and. the only" power "p in heaven above, or; beneath 'adequate for this gigantic task is the .gospel of Jesus Christ," the message, added- J...^:;::' The bishops in  Episcopal message:: the. .bishops defended Methodism's  of -the ,Unlted States into six Jurisdictions, five of .these white 'and the other 'Negro, superimposed S'over.' the'' whole in a central Jurisdiction. -The. -system, they said, "Is not a constitutional'  to- Keep the Negro. In. his place," it is a constitutional guarantee that he shall have an equal, and  place In 'the life of the church. '.'If, as a small minority' In a church of vast: white majorities, he sought his rights they would- be granted, if  were granted,, only as a gratuity front s generous' majority. This he.' would rightfully resent. Today those rights come by constitutional guarantee and there Is no racial " to be found In the Plan of Union or the discipline of the Methodist Church."</t>
  </si>
  <si>
    <t>                                           Methodists gathered here this week in their first Southern Jurisdictional Conference of the new and United Methodist Church, aired their views on race issues.</t>
  </si>
  <si>
    <t>                                           Seeks Post 16 Yrs.                 1)K. T. .1. CLEMENT pastor of the Wesley CiiaiKl AME Church at Houston, Texas, :p.d. aspirant for the editorship of the AME Review Is no novelty in Methodism for he has been clamoring for this place for, the last 16 years and has won for himself a  friendship. He has written "Clement's Comments'*, a. co1umn for the last 20 years.</t>
  </si>
  <si>
    <t>                                           ~-.JV HAIR POMADE favorite  with women (or over 30 years j with women who hove J learned iWe secret ot winning (, smooth and -groomed hair.* You wilf j love its flattering , too! Best of oil.  j costs so little. Ask for the j ! 25c ot all drug j , or sent direct. J</t>
  </si>
  <si>
    <t>                                           Noted Poet WritesOn Fort                 Lancston Hughes,  poet. w;i^ su impressed with Kurt  that he. wrote three feature stories  m the life ami activities of- this  American Army Post.'</t>
  </si>
  <si>
    <t>                                           eSs!  '  And always attended by] j        capable staff to servo f*n\ your best interests at a Wil lime when sympathy and  understanding require a JAjM helpful altitude and  relief from details. ^2la[   Ma n \J?-W*~/     *   If i  ^m According to the   *  EHP^^ W , the mini* jHT mum daily A. D and B 5r. I Cocnplex Vitamin      V '^c (65. ^ .1 Ja "   penon are: v ** A 4.0M USP Unlfa, B \V ^V^ 4M USP Units. Bl 3  .^JyA CSP Units, K 2,~~~ *W MletoKrams. md   lt,0M Hlumnuil Nlc*~ . Ttx  amounts tor der B Complex  hra     jet been established. Many  do Dot grt   l Sum  Vitamin*. DO TO9  Whr not    a by taking    !F A DAY brand      ONE-A-DAT VUamln A and D Tablet contain! 25% more  rf ths cod liver oil vitamins than the      ^tim  **i*jm?i^i\ * I Each ONE-A-DAY Vitamin B Complex Tablet  full nunW Bum daily requirements Vitamin* Bl and B2 and 10,000 Microgramt atf Wmtinamlrto together with a            amount of other B Vitamin*, When tou buy Vitamins, * Wlmriw and price*. Not* how ON*. .A-DAYWTiihkti     tte       ,jiu^ii . Bm Vnr i Hi th* ecat. Dm a* year 4    Ran.</t>
  </si>
  <si>
    <t>                                           BflLD fl SCALP ITCH!  ! ]M at' the temples?      you to u%r that AMA7JNG FORMULA  .ln.      "     Important              pkr l"""' (ten prescribe for FALLING HA1K. DANDRUFF SORE ITCHING SCALP  HAIR LOTION Plui eln.l coit of  GUARANTEED! MONEY BACK! BELL PRODUCTS LTD. 8 Belch StrMt   * Yorit 13. N. Y. jre4   1     Extrtu HELPS HEW SK!H FORM Scothes a=d Protects Hisor.EurnE, Oiaper Hash,. ChaSag, Abrasions, .Scratches, Staple Cuts- Wounds. i get      Tare" White Peiroieom Jelly</t>
  </si>
  <si>
    <t>                                           Fallen Doughboy                 FRENCH CIVILIANS' of a' liberated village in Normandy mar* the grave of a slain1 American- soldier with a wooden cross inscribed in French, "He died for Prance." The thankful villagers covered -the grave with fresh' 'flowers', and  hls helmet and rifle behind the cross. U. S. Amur SlKnal Corns                 Sadtopnoto. (International)</t>
  </si>
  <si>
    <t>                                           Two Homes Are Damaged By Fire Winds which  Tuesday to cool the city from the sweltering heat wave of the week-end fanned  lato In the afternoon and Kept  the city busy extinguishing them." Two fires were reported nt three Negro homes, considerate? damage being done to each. One was reported shortly after 2 o clock at a double-tenent home at 136-138 Graves Street. NE, which caused considerable but  damage to the tops of both homes, and which necessitated the removal of the roofs Firemen reported that the call was 1- made to the Vine and Mngnolia Street address because of the high winds, and due to the' fear which exists when calls arc made in sections. where so many homes ore In poor physical condition. Defective wiring was given as tlv? probable cause of the fire. Occupant of the house at 130 Graves was listed as Prank Lewis, and of the 138 address as Mesdames Irene Ross, and Bessie Melton. Owner of the houses was  is Ben Townsley. The other 1 was reported at  80 Simms Street, SW, with Mrs. Mary Dodson as occupant. Olln WofTord was listed as owner. Firemen said that they were called to the' address at 7:03 p. m., because of flames which were doing damage in the amount of $500 to the roof there. They added that the     ? was caused from a faulty flue.</t>
  </si>
  <si>
    <t>                                           A F H Q, MEDITERRANEAN THEATER -- GI stevedores of a U. S. Army port battalion in North Africa hold the fate of a ship and its troops in their hands. The manner of loading and disposition of equipment on both freightes and troop ships is the...</t>
  </si>
  <si>
    <t>                                           TELL1 Won] KrtH Btnuml ji  fwt      B*rt han liu!      * ( l-ro*  ). nnd         Uk*     Iwy  na fiu*L aa   them.' Remomljcr  . even you. mny '  -without;            It, tfo don't' taka chances. Dcforo imy dale,  tho mouth with Lbtcrino AntUoptic, the wonderful  mid deodorant so  popular people rely on to combat bad . Bonictimca          . ti duo to . ), but moat , any  authori- ties, nrc cau^cd by  of tiny   on tooth, mouth and cum surface*. LUlerine. baits  fermentation and the*; ) the  . Xombcrt Pharmacal Co., Stl'Lvtia/JlH. 3e fore. Any Dale  ANTi5C?ttC ToMot. Your Drouth     " Or.C.A.Conslanline DENTIST P*: 'M i'1:.~'  i ".l MONEY $5.00 and Up ON YOUR SIGNATURE No . No Security Walnut Finance Co. MB i,   .      ;SU.N,-'E.</t>
  </si>
  <si>
    <t>                                           i S- IN LUCK?-$ I             ::'rri0    3           2z!2^X4     . Occult           *tf*y^0rfi nt*i         ui?Vj'iSti7TBW^m          tvo ^i^^aB?     kost   5KmSnS^af  "" ^'.5S7    ' . to ".I. '.Oood Xoek la Mootr; Dunn, Xort. BosIboi. Work.  tc.. Ui* outr    "" BU Look. XoitM. Eril. Ironblo. JUnn. In Lock I Otrr Plir  f .  O. Braluni Bod        4         W. no            . SI.97 Po.tp.id for the .  lt)i tU . SI.97 .nl I8c   )f C.O:T). Bf.Uftctlon  rESO or Moner         . OMrr Tosrs SOW! I Astrol Co., Dept. 8, Main P.                            tic. Ctnnlso Brain.      :   * aro ALITXt Wi              *      7   ml.     SEAL  POWER rn^.  JaOKLY</t>
  </si>
  <si>
    <t>                                           Each year at this season the Atlanta Tuberculosis Association makes a special appeal to get chest X-rays.</t>
  </si>
  <si>
    <t>                                           GIVE YOUR HEAD COLD If you do catch a cold, be    . relieve its nasal miseries at fir.it warning. You can breathe freer almost in. Btantly this easy, pleasant way. Simply put2 Nose Dropsin each nostril breathe deeply .then feel how they help you to feel better with every breath yoji take. With real prescription-type medication they  cold sniffles and sneezes. A balanced formula with genuine ephedrine, they soothe, cool, clear through that cold blockade in your nose to help you give that head cold the air. Caution: Uso I onlv 113 directed. Generous size 25c, I 2\i  as much for 60c. Today get ^Sf-f  V^Q^ WHITE PETROLEUM JSL1Y +$~F} Icfodl .pro- .' m nor cuh. ^             ^*"~Jj  and chafing HjH^LLflr HUMAN PACK BOY ATTACHMENTS V ORDER TODAY ^Mk             JH* Bead io ^r B^^J^SBSm *  of . wBr X IM9V rim lUt  u-        ~(            .oia4r RENA HART BEAUTY PRODUCTS CO. IIM tth Air.     Tork. X. y.</t>
  </si>
  <si>
    <t>                                           THAT WINS MEN Make him thrill to the touch of your beautiful looking hair. Use- Pluko Hair Dressing, a Black and White creation. Pluko helps you to comb out your hair softer and smoother, helps it stay "set" longer in many heart-winning ways. Pluko.'s perfume brings added charm for hours. LOOK YOUR BEST At work and play, you ll feel that you look your best knowing Pluko is keeping your hair in place. Especially popular with those bothered by stringy, straggly, bad-looking hair. MEN LOVE IT Men love that soft, smooth, shining lustre Pluko Hnir Dressing brings to your . Yet Pluko costs only a few cents. Sold by dealers everywhere in large - sizes. Amber, 25  . White. 50(i. Try Pluko, you ll love it. Always be sure you ask for wi:</t>
  </si>
  <si>
    <t>                                           THE BATTLE HYMN OF THE INVASION God of all kindreds and tribes and nations. Great God of Peace and Hope Divine! Who surveys the wreckage of wars desolations. What knoweth the groans of who hold the line. Who hears the tramp of the host of Jehovah- In the footsteps where men bled before, Who seeth the blood and the sweat on the clover And tumbling wide-eyed corpse by the shor Of Dark Deliverance of muttering sighs Lead on and one 'lest Liberty dies! Who once in chaos led by a pillow Of cloud by day and fire "by night Who hung not their harps in despair or the willow- But sang in a strange land the hymns of thy  hearts were steeled and set in devotion, And tempered in flames that made marching sweet.- Ours is a mission no clime' nor ocean Can humble in the -sands'- of shame and defeat: From the fronts of forty and one lift the cries: Lead on and on 'lest Liberty dies! To us has come the great day of decision, The judgment, the last doom-day of. the test; Tall ghouls go forth in mock and derision. But the Faithful with Peace and Love in his breast. The white man, the black, the brown and the yellow Belt the old globe in varied cause Through slogan and ensign- Death seeks his fellow Where each would enforce the design of his laws: Oh Thou Who looks down with pitying eyes Lead on and one 'LEST LIBERTY DIES!</t>
  </si>
  <si>
    <t>                                           UN-COVERING WASHINGTON                 m. HARRY SMcALPIN W1HTB  CUIUtKHPONDKNT Vnr Atlanta Dally World  H.N.PJL                 Anti-Poll Tax Bill NeedsOur Pushing                 The anti-poll.: tax' bill has met] Eomo unusual, even un-called for delays In being called up for consideration In the Senate of the United Slates.                 Not all I he blame Is to be put on the shoulders of Senators Mead, McO. and, Barkley. They have done, so fur, what they have felt, politically, they MUST do for self and party. It Is true they seemingly  been  to Southern bloc threats to smear the Domocratlc Party and to disrupt the wur* elIon by a "-" . They haven't shown the " which ^ the succesful steering of the bill, Hit 7. through the lower House over ten months ago. POSITIVE PRESSURE NIL But, they, solely, are not to be Mamed. The opposition has brought to bear on them its strongest pressures. We have not I One would think the most astute persons on the poll tax question would be' our , avowed politicians. They are the people who know the  of the .ballot.' They know the strength .that comes from the banding- together of. an Intelligent, vocal electorate. They know the need -for removing.' the' ' as ;..a .prerequisite to voting in eight Southern states to at least start 3,Sud,000 disfranchised Negroes and (1,500,000 disfranchised' whites on the' road to ' and opportunity. They know the Senators from their states will listen to them, :~      they are In position In Influence votes. They know all t. things Mid so do the publishers of our Negro papers, who likewise are in position to influence votes. Every Senator from a  having n sizeable  Negro vote in 'this -year of our life, 1341" would lend a ready ear to the "parly worker" and to the            .-, no matter en which side of the political fence he Is. INTEREST PROFESSED The politicians have professed their interest In passage of  tax legislation through resolutions beautifully worded. The publishers have Indicated theirs Ly the precious space devoted to the question In their "" and advertising-swamped" papers. But when the Negro Democrats met for three days in Washington in February, not a single one of them called in person Or by phone en his Senators in the interest of anti-poll tax legislation and . Nor did a single publisher, dur(Contlnued Page 6 Col 3)                 Uncovering Wash. (Continued from Page 1) Ine  regional meeting toe in February, coll on his Senators In the interest of that legislation. Singly, or in a body, the members of either of those two groups could have hastened consideration of ond subsequent passage of HR 7 ln the Senate considering this Is the campaign-year of our Ufe, 1944. The bill might well be law by now. Perhaps, neither of them yet realizes his own strength! II. Is not yet too late!</t>
  </si>
  <si>
    <t>                                           The anti-poll tax bill has met some unusual, even un-called for delays in being called up for consideration In the Senate of the United States.</t>
  </si>
  <si>
    <t>                                           Within the heart of every woman is the urge to beauty. It starts when a little girl becomes enamored of a pretty hair ribbon and a dainty frock; it goes chugging along until the aged grandmother gets a thrill when her snowy crown is arranged in a new smart coiffure.</t>
  </si>
  <si>
    <t>                                           R^M GET BACK YOUR B,"Tfe_lS B* n* fad* for BL /V^Jfi AH nature *"kl fra^WJ U     easy, natural ~*tss=^^~ . * the  tnm       joo      , Uzi ntl  Ion tend, RELIEVE YOUR ORGANS NOW] NatorM Bffila h  hand, when joo'         ,  Uniret n      Intmtlnat tract. YOU b*    *             . tired. . Yoor o"   * don't  an nature Intentird JfKKK yoor  Hjstem of tbe pol*on*~ and discomforts- the ~*~y way  NATURE 8BED8. If Not Delighted Your Money Bark Don't Delay* Oet Pep Today I Jam  end name and  and pay  $S.tn oa arrival, or If yoo Rend (~.00 now. wfi   *T  and (hr  w*p way to Natoral Livlnic In YOUttft NATURE S SEEDS, Dept. SB l7       Broadway, N*-w York t. N. 1</t>
  </si>
  <si>
    <t>                                           BOWELS SLUGGISH? j Ftrlint      you Imt your  MrnJ- t*^  .. ny-dull- M * of   put     with   Clew iii(w1rm -A-MJN I'. tint pl.-oio.iit-ilin* -fum lax^*-. CIwa* I EENA-MINT   l .ie,  only in   wf!!s  .   -x( i Morning -.        n-,  you   *l 4w*ll       . Million-. ri-Jy on FliEN-A I l.TINT. Chew       fa von to gum. 1     kood. ^y FliEN-A-MINT-o - family        10tft ^^i^k</t>
  </si>
  <si>
    <t>                                           PHILADELPHIA--The City of Brotherly Love moved into the same circle with Chicago the other week when the newly organized Philadelphia ... Athletic Association threw a banquet honoring 16 star colored athletes. The affair was held at the Christian...</t>
  </si>
  <si>
    <t>                                           Gets Commission                 2nd Lt. Carrol Robinson, 22- fiver from Atlanta. Gn., .-t his  and commission In the Army Air Forces at a  (. The' son ot  Mr. Jumes W. Roblnsoiv oj,,223 Colleitu Avrinie. Allonta. Cai, .Lt.  .-.emir, [lie skies before l k 1 1 1 ir off on :i routine  Mialil  ilie - AAF 'l  j Coniinand Installation at TtLski.'gee.                 i Photo by AA!I Training Commune!</t>
  </si>
  <si>
    <t>                                           Officers Tell How Mess Attendants^ Manned Doomed Ship's Aircraft Gunsli                 Officers Tell How Messmen Manned Weapon.                 Kept Firing Until Doomed Vessel Sank                 WASHINGTON- (A N  n:cs attendants bravely manned tliC anti-aircraft guns to help beat off the Nazi torpedo plunks that .sunk the U- S- destroyer Lansdale In the Mediterranean at  on April 20.  LI. James B- Bever, white, of Belltngham, Wash., this week. According to accounts of the Lnnsdnlc sinking, two Gut-man torpedo plane*}  the -attack when the;  was  and the sch "was calm. The first plane dropped, n torpedo which missed, Lut the second caught the lour year old destroyer ^midship,- nearly M-^tf'~cp ' ocean listing and witter flooded the decks. "All  fine these fellows on deck were shooting at the- planes." I said Beavers. "They got the first one the one that missed its with a tf.. And another one. loo. We had Ncsro mess :(!iti:t's firing from one of the anti-aircraft guns and they were firing while the I decks were awash." When urged by Lt. Beavers to tell about the "guys" on the AA guns, Lt. (j. g.1 Frederiok Gehl- 1  of River Forest, 111., said. I Well, they juf,t  to the r:; ." Abandon ship' sort of half  -Yes sir.' and went  On . j</t>
  </si>
  <si>
    <t>                                           Stop! Look! Bessie's Restaurant Sandwiches, Hot Lunches. We         7.e in Fried Chicken. Booths for Ladles. 535 Irwin Street Corner Unuelt. Jackson 70G7. W. C. Chiles. Prop.  1 i S0PV \^l^^^w ^m ^SflB ^^^ft t I :TM4 COTT4 J^H     I \ Tjm      fl-O_I %*  W  / bum .md .- AffiBfll       Me'.^nd.K*.</t>
  </si>
  <si>
    <t>                                           Special $1.00 Reading for 25c Your lucky days and months liven Freo. jfu^ Madam Eva  she gives  FACTS AND YOU PISS? GET RESULTS HL  k# World's greatest ^T^p- palmist.       yon  all   with  * Irms to Madam Eva and tea one that knows all. If you har* trouble with  or      or Luck, be tore  nd coma at      . Office      : 9 a. m. to 10' p. m. Daily and Sunday. 10IS W. Marietta St., N. W., Atlanta. Bo tore to take the Ionian Yard Street Car. please ask the street ear conductor to let yon oft two  on the other side of the King Plow Co.. Atlanta. Georrla,</t>
  </si>
  <si>
    <t>                                           A 17-year-old high school youth who was attacked at a Madison Avenue clinic last Saturday by a white doctor (or interne) was recovering early this week from his injuries.</t>
  </si>
  <si>
    <t>                                           NATURAL PAGE BOY ATTACHMENTS YOU CAN HAVE YOUR HAIR  x PERFECTLY MATCHED FOR .flL^ *WVEojify Attached ($ Wt? mj Human      -     o"X SEND NO MONEY J^3 fMLY tt JtHt Mrf tempi*  f      hair  r VS*~~ Tr'^^AlB H  r.   lo.. TAX  S1.00 -j"j ^VABm % plus * on . ^B^l ^^^^H^l ^k AUO . WtOt AND UAtM V1? ^^^HLl J MnsrAcnoN  w'-*-'--S ^^~HftV* f Oray Hair        A^t ^^~HWSjvJ V KND            1 It3  /WSflBjP tarry f.11 If*.  f           ^g l^pMV  JI Colon             KSil ^Kr ^JESSIE^KARE BEAUTY PRODUCTS COMPANY so? ft?r:-:                   city r</t>
  </si>
  <si>
    <t>                                           ^r^A0^-*]9               ,                 THIS IS ONE of the 37,500,000 post card war-ballot application forms that have just been printed in Washington for soldiers who apply for State  ballots for the  November election. The reason for the                 ...large print  is to insure delivery in case of lots.. (Internaliqnal)</t>
  </si>
  <si>
    <t>                                           In Memoriam                 No one knows our longing, And no one sees us weep; We shed our tears from an aching heart, While others are fast asleep. We sit and. think of you darling, And the few happy years you were here But only God knows how much v/e miss you. At the end of these three short . .Mr. und Mrs. M. W. Turner.. Funeral Notice LEE, Mrs. Noru The'fricnds und relatives of .Mrs. IMora Woods Lee of mis Lawshc Si,, Apt. 2!,z% Air. and Mils. ., .Air. und 'Mrs. Milton Wales, Mr. und Mrs. Jumes Ailen und family of Allunlu, Mr. und Mrs. Herbert S. Roland and , Los Angeles, Cul., Mr. Jack Woods, New York, N. Y. Mr. Clinton Woods, Mr. Arthur Woods, Atlanta, Mr. und Mrs. Eugene Elliott and family, Atlantu, Mrs. Maggie Williams, Millcdgcvillc, Ga., are invited to attend the funeral of Mrs. Nora Woods Leo Thursday May 4, 19-1 -1 at .3:00 p. m. from our chapel with Dr. G. A. Talbcrt officiating as. sisted by Rev. J. J. Daniel and    . Plecher. Interment South View. Ivey Bros., Morticians.                 M. W. . JR.</t>
  </si>
  <si>
    <t>                                           15 Years Without A Furlough                 A dinner plate makes a halo fur Stuff Sergeant John Jcnkiiu, Diet Kitchen Muss Sergeant at the Fort Mcl'horson Station hospital. His record is 26 years service in the Army; he hasn't asked for h fiu loud) in ,15 years.^l lie. l P~'ese^      ^j[b-._mu(  _t))X-   !_ Serjeant C. Jl. Hii., Hospital Mess Sergeant, who has worked                 will) Serjjeant Jenkins for 22 of  20 years in the service. Photo by IT. S. Army Sitfiiul Corps.</t>
  </si>
  <si>
    <t>                                           Executive Aide                 Miss Docia Steele. graduate ol I the Atlanta University School ol Social Work, lias recently benn  case work assistant to tlie j Executive Secretary ut the Service i Bureau for Colored children, ul Springfield. 111. She was  ed for a number ot years by  j Pnmily Welfare Society Atlunu. I Georgia.</t>
  </si>
  <si>
    <t>                                           V*V* ^*C?PJ^C /f\."'\\ .^^x</t>
  </si>
  <si>
    <t>                                           ^Bs^ cheese I  (hat s digestible as milk itself/ SPREADS' SLICES! TOASTS! MELTS PERFECTLY! Dear Customer: \\v know that you tire fully run* *c!l llS or til*- v\ ( priorities 1(n.I (I.,- vnm-ity  i -. *** ol  ? .v  known  :     pr.~hi, t.,~ ~,~.Jmv -lr Hiv-ptcl shind.ml. T.i Hiom'  if vm; ulm r.-ti  ill.- -nt {.MurntyN 'Jlnlr 1') iIM nut *iut i r .pn1   r , xw     ;~~ m-cnt * In*  undue that tin" ** now !~     : I l.y our ( U of     Nimr - It cmil,- mill     (.Miirni.i O. WV wlr.li (n  iv   *~~     * ;  fi,r IhiMi ~'*ur i- .mil ''. N..u     (t an- in u  to        .miii  Hi.- Mni-i-jiv s of  it.~t i.om.,.1,- xx      It Int- nun MrM pt.  -  our  hi      -il . us ~~-ll !    ^lT                   tu ti lone mid  MKiri.-sv rfl:         . THK  SUPERlOn -CTS C03ir.\\Y Feel Old? Get Real J'op I-     Amltftloii fo Go ri:   -o  t)   Ttittic-? I  v OriKitu.l u i    (,i-nii* III*- I KIMI.'MB'i; Gel Ki'sults A I Once ( A Kcal Man! Cj ^S^ ^    ' I-il**: Again.     *W m:i.i' .::  I ~'"l^~A^,     ! m:~ ! y     m.\m,v :      SHfiillfV IVrparutimi in *. Ttir i.v.-r ;tb   -    . AIiM)1      Ilt*riii1*-~h           * of         .v  HMfWf ifil  our p:  .t tMrs h;u,- (      ai.  ..-     v.,~ ih.-v  re alw.iit l'i:  -O-     . Krnt in plain . -iun ln!~IrU 3O il.  -*  $5.tMI.       SI.OO.  lMi*y willi . po^ Trrr.         :iy Act    1~.v Por I'lfusnnt Ilani'V Serv    ? . \V, Mnritrt Onir MOO Mnrltrt St.. l*      1  *1     M*. I1~.</t>
  </si>
  <si>
    <t>                                           Atlanta JlfifeWorld Published Every Morning, Except Monday, at 210 Aob     Telephones: Walnut 1459 1400 Member: S. N. S. N. N. P. A. A. N. P. Established Aug. 5, 1928; Became Daily March 13 1982 W. A. Scott, II, Founder-Publisher, Aug. 6, 1928 to Feb. 7, 1934 Entered in. Post Office at Atlanta (.3), Ga., as second class mail under the Act of Congress, March 13, 1879 C. A. SCOTT Editor and General Manager CUFF MACKAY Managing Editor Daily: 1 Year, $9.25; 6 Months, $5.00; 3 Months,  3.00 Saturday Only: l Year, $3.50; 6 Months, $2.00 Canada: 1 Yr. $4.50; 6 Mos. 2.75; Foreign, 1 Yr. $5.50. THE ATLANTA DAILY WORLD is an independent newspaper, non-sectarian and non-partisan, printing the news absolutely unbiasedly and supporting those things it believes to be to the inter eat of its readers and opposing those things against the interest of its readers Address ALL COMMUNICATIONS to and make CHECKS payable to ATLANTA DAILY WORLD, rather than to . The WORLD expressly repudiates responsibility for return of  pictures, manuscripts, etc., unless stamps are sent.</t>
  </si>
  <si>
    <t>                                           JsSL I DARY  ,M$ NOW POIftW FREE9  ^    . iW*~ VflilS a          . (April 30-May 6) ^^B^BBnHBk O^SI^I A /f*IJi /-lo 7. 4 yl C I Tlirra   Ihrrc million ~%HHHWi JrDnSMljrB  OF SHEBA r' BfrAi b.   . bom in nu. .m Bnmwi ^^HHHBJHhHB^^ Can *t"~r Crop lc  in 10~. The flab. ^-3*5 5P9      STANDARD. TOMATOES    llc ^::=" i. ^^^^^^H' V I'V^'^^H^ Ji Dm! W ^^^^^^F l%VAK/ t\^d/~^  m WAR- Took my  - j ^AMHHBiv        'S CORN' vacuum 14C r^:^ ^^^^~ifl^^P^^HVwVW^CT^^t^^ri^^r almost got my pants. ^  # white sweet corn TT. i2c Litrrrz: f 'TllTTlESTARSlORK BUSH S   ~"ii* 12C =~:      ~^   .I,,, HURFF S ASPARAGUS =u 36' r DEL MOOTE DICED BEETS 13   In Our Stores fmm\y^==~r=~-r= ~--m -iii-T- Hl'IREIV DEVILED No. 'A  f A C I1 U=r^ LiDU HAM Con J,   " ^^"1^^ Down Produce Lane! WOT FRESH TENDER GREEN g^ B fjf* g ^j^% g Can I ^^^BaBa"P^ 15C  m^s 34  \f^^S LETTUCE Lorgc Colif. Iceberg Head Hc 11*1*111^.1 ARMOUR S Can S_ ^S^* ta*"**-l7f tlm  OS 1 19C - ri\- HAM' 3MQc \b ClW1?^*! ft CABBAGE Horded 2 9C VEiVIIbCiEI undo, wood can Jt,@^ \mM^^ V PINEAPPLE *-3~* 23C    "^~ '^r- 1 S-  l^^S .,1 POTATOES u s v? 10 38s Kttl I TfejSf  a^^,A 5 31' VEAL LOAF  7^ 1 Tc \lH^l^ .V LARGE CELERY" 13- JJJf L1BBY,S io,4 J ^^l grapefruit s 6c BRAIN S pork ^14 ^** CAULIFLOWER sbT: Lb 19C r- T^TrZT 1 i s^ nr^ l no!* po/nt Vrfp i K A u I i YELLOW i f        LEAF I ___!^   _I^EE 0UR       PULLMAN I ONIONS I SPINACH I  g     GK0UN0 I 2~^--15' 2  q 19f I SSrS 28' I S$S!!ALADE 2l' BALLARD-S GOLD MEDAL I       s -ai 'b 3^ I MACARONI    4C rr5ff. ~-^"Lr**^. J I  -vi- 30' SAu'HtF^;:. 33J  t' 9' Hl-HO CRACKERS -h,ns 22c /PAN TPmTr I -^^Jn^ks FRESH EGGS 37o Dq^IT* 27C I SANI-FLUSH 8  FRESH EGGS cude a u.~ 4ic /""t SHAD resh va Lb f^ M M PARD DOG FOOD ~*^10c WD       a 27C BC A N N i N G S U P P L I E S Morton's salt -9c  D. S. FAT RAr^S 45  I BALL FRUIT JARS TENDERONI vaN camps no. 9c  bacon tb. ice iw^~ c^ ~*i PEANUT BUTTER       t;   23e I U-Jp^^=^ I. ^59      75  *%, $1.00' PANCAKE FtOUR-1"6""*" 7c        I  B        APPLE SUim ~-2ic p" f n ^KS I JAHlHN ~*22C 13^1^ ^A,"~     SYRUP, "~oaw ko.*m*s4s L, it      Vffl^ife?^8*"- !i,. SSiSS-S* ii. l" APPLE BUTTER    ^^ja, Sic ^^^^-                 I ***TC*   t2 c 8 wx.wr.24d MAXINE TOILET SOAP Se T^^^MW J^ 2 i9c j RUBBERS 2~* 9o.!  f</t>
  </si>
  <si>
    <t>                                           On Monday, April 10, the Annual Honor Day was observed at Morris Brown College when 47 persons from Turner Theological Seminary ware presented as honor students.</t>
  </si>
  <si>
    <t>                                           The approximately one hundred Negro U. S. Post Office employes in the Memphis Office are currently engaged in a furore of speculation and comment relative to a situation which came to a climax last week and has caused the investigation of several well-known...</t>
  </si>
  <si>
    <t>                                           OPENING MONDAY NIGHT 6 O CLOCK  ^Ipw i AS  hb Novel Souvenirs for First Hundred Customers' STEAKS OUR SPECIALTY BARBECUE COLD DRINKS 91 PIEDMONT AVENUE Robert Sanders, Owner and Manager</t>
  </si>
  <si>
    <t>                                           Builds Own Box'                 HEADQUARTERS, 13TH AAF, South Pacific Musical instruments were difficult, and sometime          )c to procure because tlic soldiers were stationed at uu - a "South Pacific Island.* Technlolan Fourth Grade Harold Prultt, of Atlanta, Georgia applied musical and carpentry talents to tlio problem and built what wus needed. He made a .bull-fiddle', from plywood, ; material obtained from a medical dispensary for the strings. A drum was Ingeniously constructed by converting an aviation oil drum In- j to n tom-tom instrument. Eight instruments wore fashioned in such hand-made style. Sergeant Prullt, who lives at 245 Hill St.. S. W., was a song writer In his offhours in civilian life, and has composed at his oversells base u song. "New Caledonia Blues." which lie hopes l.o  published soon. Sergeant Prulll was Inducted Into the .ii iny in October. Hill, and law been on " duty lur more  two years. His wife. Ml*. Cornelia ' I'ruitl. lives at 21(1 Jackson Way, Atlanta.</t>
  </si>
  <si>
    <t>                                           Labor Leaders Map                 Labor leaders plodded accelerated  on uf. unorganized Neyro worker:; in Die d!y 01' Atlanta as economic  of themselves and to raise the already high standard of American living Sunday afternoon in a Jargely attended nia^s ir.' ol local unions of                 the American Federation of Labor. Henry w. Chandler, president of t lie Atiawi l"i"!er."ition ot Track's and secretary ni the Georgia Fprtrrnticm of Labor.  with W. V. AliertToinbU'. of ill" Intel :il Federation of Laundry Workers, admitted that thu organization of Negro workers in  Gate C'tv was "way !ate" and that Negroes were hired i:i mei.i.il  bCL-" they !iad no economic protection and were "cheap labor." Abprcrombli!, wlio.se i- successfully raised the  ot thousands of laundry workers here .  the wcrV:ci s to use their economic pov.-r. He said Atlanta wrs wont off with .ee to labor condition; ot other  of its size in the entire South. Admitting "hat some unions of     A. F. of L. had discrimination  their ranks. he said the only way it could be eliminated wns for Negro workers to  with the union ranks and help oust it from within. An unorganized worker is a rock around the neck of the organized v.'. Abercomliie contended. Mr. Chand.'er said the A. F. of U was dedicated to  the lowest down on the economic  scale and that he ar.u other white officials were willing to work to                 better conditions, but he added  the bulk ot the responsibility ~;y with Nemo leadership. W. R. Finkley. A. T: of L. organizer, extolled the virtues of h'.s labor body, which he said wns tor .tion "f the poll tax, although :t ncv. org;miz;. H. A. Sayles   of the organization .ree. presided over the program which revealed that the local unions arc dedicated to securing a labor  for colored workers h crc along with increasing organized strength In oil lines of work. Workers were urged to get registered to vote by William FowlUes, Jr.. Worlr. e.ly editor and A. P. of M. member.</t>
  </si>
  <si>
    <t>                                           Labor leaders pledged accelerated organization of unorganized Negro workers in the city of Atlanta as economic protection of themselves and to raise the already high standard of American living Sunday afternoon in a largely attended mass meeting of local unions of ...</t>
  </si>
  <si>
    <t>                                           Senate Recesses Until Thursday Without Considering FEPC Fund                 Walter White And Rabbi Wise Speak For U. S. FEPC                 By  McALPIN (Washington Bureull of the Attain* Dally World and NNPA)                 WASHINGTON The Senate recessed Tuesday until Thursday without considering the FEPC appropriation reinstated to tho War Agencies bill Monday by a 14 to 0 committee vote. In the morning, the House Labor Committee, continuing hearings on bills [or a permanent FEPC, heard Walter White 01 the National Association for the Advancement of Colored People and Rabbi Stephen Wise as witnesses who made strong statements on the nc?d for establishing such an agency. White told the committee It has been a privilege during recent months to visit various war fronts where Negro combat and service troops are stationed. He  the most frequently asked question by these soldiers is "whether or not Negroes on P2 home will continue to be confined to boot black Jobs." White asked the committee and Congress to send word to 700,000 Negro American fighting  on battle fronts around the world that they are not fighting in vain.</t>
  </si>
  <si>
    <t>                                           Madame Rose       Who's Here! PALMIST   Havo yuo Intt fa] Ih In ^H"      your JiomrT Lurk, I^iTe, ^M  N'lotrnM.  ~' GaiiftintraH tu read ^H J^   *"     ll/c, (Witt. HzVlTlfl PrOMnt  Itoturr.  I      no gur.Hom but A l*v\t fl you  0Q want K: 1 ^*fl      , ^B I * ami  of himM.' Invr, , fam. Hy ;        raa will.. marry ana )  , r!   ,  , ~,u hu111. . block, and bad Ig.lc of all . (. 28o  and Sondar. A. M. lo P. M. loo will nod dor   ,U .       U 1~. cud or home dreary I  6rln, .un.l.u.. JJ^' T*          t Junction of.Bradr    . aad     ll Koail (0 k) Qowell Hill Bd  n tun to       111.  mr-  Mir ltd. oar. RMp at . Uawrtl At III             ur Wl.ll..           t)o MADAM MINGY A Genuine        and Truo AdvUer 50c Complete Reftdingt 5 0c  PV^B Williout asking a ain^B^^^H 8^A qu*-*, '~he will ^^J^^H tf.ll your            ^^bv^^^H ~**e* and gr^ a in* ^Sf^^H  and how to HHlflflH K*in . Tell n*ver ^^^H failing advice on mII ^UE^^H affairs of Hfe, mcli HfeH^LP lore, Influence*; money                   'in facti no malter what your problem may be. Slop  a loter, change your luck. Gain the  you want most in life. See her to day as this         low price may not be . Forty yean experience -1- ten years in Atlanta is MADAM MINGY S guarantee to you that no belter  or faster result* can "be obtained nt any price, anywhere. Readings Daily and Sunday 10 a. m. lil -10 p;.m. 652 McDonough Rd.,  from Federal Pruon. Take Pryor Federal frison car to end if line. Look for Neon Sign.</t>
  </si>
  <si>
    <t>                                           Mother Pleads For justice For Convicted Son                 Says She Thought Of Her. Boys As Americans First                 WASHINGTON- (A.NP) Describing how her son s protest against segregation led to a reduction from ~; to private, a courtmartial for insubordination, a dishonorable discharge from the army with a 15 year sentence to prison, Mrs. Mayme Jones-Jason                 lost week told an army judge that her boy s mutiny charge was based on Illegal grounds. In her pVsa for "justice, not clemency," Mrs. Jason said she reared her children as Americans rather than Negroes. Pvt. Leo M. Jones, the son, was sentenced to 15 years In prison (Continued on Page 6, Col. 1)                 Mother Pleads (Continued from Page 1) when lie was discharged from the U. S. army for refusing to work ot Dale Mabry field, near Tallahassee, Fin., March 23. SENT SOUTH Jones enlisted In the air forces and was sent Boiling field. Washington. After completing a course at Chanute Field, 111., in aircraft mechanics he was sent south. In Washington, last week, Mrs. Jason said her son went AWOL when he, after suffering a nervous attack, came home on a visit, "the first In three years." Back at camp the alleged mutiny charge was made while Jones awaited :i transfer for violating army rules. When Pvt. Jones, along with three  Negro prisoners, complained that they were assigned to Jobs for which they were not fitted and protested against the manlier in which food was served, tb;y were charged with mutiny. r?ON* illegal? Mrs. Jason said that her son s  on these charges was based on illegal grounds, and  that Pvt. Jones was a "general prisoner in the .' at Dale Mabry FMd, and therefore was not required to perform such duties as the "garrison prisoners," In the same prison. j "My sou therefore could not have refused to do something     was not required tu do." she said, j Among tho four convicts was j Joseph R. Kent. 27. of Evanston. 111., who was sentenced to 13 years. His term was  reduced to nine years. Kent, married and the father of an infant daughter,  the army in June. 10J3. Leaving home. "Joe promised us that he d keen out of trouble unless some one hit him," his father said. According to Evanston's police records K/;nt was involved in a number of law violations  j from traffic to burglary. Records indicate that he served' a .sentence in Joliet prison in 1934. for 'burglary.</t>
  </si>
  <si>
    <t>                                           WASHINGTON-- (ANP) -- Describing how her son's protest against segregation led to a reduction from sergeant to private, a courtmartial for insubordination, a dishonorable discharge from the army with a 15 year sentence to prison, Mrs. Mayme Jones-Jason...</t>
  </si>
  <si>
    <t>                                           Negroes can find no immediate ultimate hope for the solution to their problems in the planks adopted by the Republicans at their conclave in Chicago this week. According to one observer, it is "deaf to the call of today and blind to the vision of tomorrow."</t>
  </si>
  <si>
    <t>                                           Women Needed For Essential Wai Production : Free transportation to the job. Free room and board for the first week. Pay while you learn. Wage Increases after 30 days. Permanent work now and after the war. Cafeteria service in the plant. JOBS Selectors. Packers, Assemblers, General Labor You can aid the War Effort by getting food, chemicals, and medicine to our Boys on the fighting fronts. SEE COMPANY REPRESENTATIVE AT THE United States Employment Service OP THE Wai* Manpower Commission 191 Marietta St., N. W. Atlanta, Georgia Between 8.30 a. m. and 5:00 p. in. APRIL 15452 Workers now employed In essential Industry will not be considered.</t>
  </si>
  <si>
    <t>                                           THE NOOSE</t>
  </si>
  <si>
    <t>                                           "Let Me Get You Some ANtl-PAIN ^B WITH YOUR responsibilities, can you afford to let a Headache, Muscular Pains, Functional Monthly Pains or Simple Neural- gin slow you clown? Dr. Miles Anti-Pain Pills have been bringing relief from these common discomforts for nearly sixty years. Countless American housewives consider Anti-Pain Pills almost as much oC a necessity in the medicine cabinet, as is Hour in the kitchen cupboard. They have Dr. Miles Anti-Pain Pills in the house, many of them carry these little pain relievers in purse or handbag. They are prepared for these minor aches and pains that  occur in almost every family -ARE YOU? Dr. Miles AntiFain Pills are pleasant to take and do not upset the stomach. Get Dr. Miles Anti-Pain Pills at your drue store. Regular package 25 tablets 25*, Economy package 125 tablets $1.00. Read directions and use only as directed. T      LbBBBBBBBBBbJj</t>
  </si>
  <si>
    <t>                                           The formation of the Georgia Association of Citizens' mocratic Clubs at Macon, Georgia this week, is an epoch-Move and is destined to write a new chapter in the state's litical history.</t>
  </si>
  <si>
    <t>                                           IX MEM0K1AM                 Ill loving memory or      Henry who departed this life, June 0, 1939. Five years ago you left us God called you to your Homo To be with his i.. Heaven, Around lb: great white throne. Each day as w? sec the work of your hands It scms so' hard to understand Just 'why you. had. to go away. We miss you still each passing day. Mrs. Jessie Henry, wife.</t>
  </si>
  <si>
    <t>                                           Reveai Efforts To B^. G. Democrats                 COLUMBIA. S. C.                 (SNS)                 Under pressure .of 'Uly- J Southern Demccrati, the" National:; Dcnoirauc Committee "of which fto bert Ham-can Is chairman; "was. charged this week with attempt.. Ing W prevent a. hearing, of. the eighteen delegates chosen May 21 bV the 'Projrresslve JDemocratic I                 Party wlio.aro to go' to' Ohienso and seek seating at. the .National .Democratic Convention^ ;:  was made, by "John H. McCroy, state chairman. of ;the or-, - who  his:" , who said bis information had .lion,', been collected from .-'sources above reproach and ''-t from con-, tacts we  for :the. pin post! of learning what was happening on the' " Heavy pressure he said had- been brought' against the Natlohol Committee by ;Soutliarners,Including' most of -the." Southern 6(OteS. 'X .';V% l;'.^r TO BE ON SCENE. jTi-. The party had made arrangements however; "to 'be  sceve and had outlined several means by \VhJch Its case can" be: heard, the  . Support of the case promised by delegations from several  arts of Ihe'coimtry. An ad.vance  of delegates Li ex.- to. be In 'Chicago about a 'week' before the convention opens .    order that final plans  be readied. COUNTIES, .The chairman said  of AZ'of the" states 46 counties had  perfected ,(and.'. that the remaining six would be organized within two weeks.- Several counties Jiave Icpiripleted 'pe   5 organization i" he. and workers   /considerable time to completing the. Job. V'^'V j .'STiei Progressive Democrats filed .on Juns 8th .the names of. tes.and alternates with the National Committee"'..' but .as late as                 Tuesday, had not had a schedule for hearing before the Credentials Committee as requested. Chairman McCiay Mi:d he was "not the least bit concerned" over what may have been or might be the decision on the matter, v  now has developed Into major national Issue, stating  of polls conducted recently Indicate that the National Partys' disposition of the matter well might determine 'v/. way the wind will blow this fall." Mr. McCray said the party would remain "Democratic" however and had two or three 'other aces up our sleeves to be used before the fall elections. He would not discuss these nor intimate their nature. The Progressive Party plans to hold a second .convention after the National, Convention and short  to work out ticket-; to be placed In the General Election.</t>
  </si>
  <si>
    <t>                                           Under pressure of lily-white Southern Democrats, the National Democratic Committee of which Robert Hanegan is chairman, was, charged this week with attempting to prevent a hearing, of the eighteen delegates chosen May 24 by the Progressive Democratic...</t>
  </si>
  <si>
    <t>                                           Accused Slayer Discovered Dead                 JACKSONVILLE. Fla.-  S N S) -Seven years of sea rolling [or Alvln Tylor, who wns  -wi'-UJames Baker,  Negro, in.1 Clyde Hysler. while 22 year-old Jaxon on first degree  charges, early In  B37. ended Wedrrsday when   of \.'i                 c eath In a Ncy York City hospital       received by Sheriff Rex Sweat , Searih for Tyler started  He escaped -from the Ouval County Jail In April. 1937. after twin; Indicted and tried twice In connection with the fetal shooting c! Mr. and *Mrs. John H. Surioncy the previous November. News of Tyler's  was received by Sheriff Sweat from the chief- Inspector of the N'jw Yov* police department who/ advised thati relative to Sheriff Stcj'-'s  for Tyler": arrest, "Pieir.? advised  he. died In !..c V'iJJurd Parker . Dead fingerprints were taken on August 29. 1B38  Comparison of fingerprints wis .made by the FBI. with the  following' yt .The other two defendants        Tysler       Hit State 'Prison at Ralfor:\ .In Jimo.of 1942.. following           for nj v i. Alt -swere ide^...ij. .''.ft  V.iltr and B~.' to ais st : r thing the V. Sir-, l^noys, who:  ri.';- for .the '.l  O'i~*r8       " company ;a Ufivilzd laise  of      ...n ~'.:c excitement o:.r. of the two Negrj lad*. *h  of. the VfMms with both "i.f them  the MtJiu day tht shooting.:'. D'imfc thr t   V"s ^y  r     " ~:     -n that Hyslernl;e.l        to   :b the .-.</t>
  </si>
  <si>
    <t>                                           JACKSONVILLE, Fla.--(SNS)Seven years of searching for Alvin Tyler, who was indicted with James Baker. another Negro, and Clyde Hysler, while 22 year-old Jaxon on first degree murder charges, early in 1937, ended Wednesday when continuation of...</t>
  </si>
  <si>
    <t>                                           NATURAL PAGE BOY ATTACHMENTS i YOU CAN HAVE YOUR HAlft ^Mfc, A  MATCHED FOR HMggg^iL $^                 5  1 VV Easily Attach** [W^mL^ il Human Hair'* '*~x ra^L-v H Jwtl und  of   S^j -J ^ folA color. PAY POSTMAN  ^J VHraEIA ~%.~ (MJO CUFfS,  AND BHAIOt y'  fc  OUARANItfO "4 ^^      Gray Hoir S1   fura A-SJ ^HMSkIiI  tMD      OtDUt TODA1 W' J            any a Fvll l!    f OVER WIO* vl l #^T^8Br til          Orey Sv5   B^ JESSIE 'KARE BEAUTY PRODUCTS COMPANY se?       * tat) niw youk cirr 1* i" ..jj.i        ,-         .</t>
  </si>
  <si>
    <t>                                           [Guaranty Life Igency Force Offers You A STANDARD OF PROTECTION  Consult One of Them! At iO Aiiluan ,j;i.  I.ri(il. ilh (lie National Ncjjro Inirniicc Week cloie ai hand,   Life A(-cnU in    perfected '    for a record week in III Industrial and Ordinary , loo. Cuariinly      arc ; their  i fortieth anniversary ih a New Bunincis Sliowrr  April. A rivalry, which  action,     1  ihc Force,</t>
  </si>
  <si>
    <t>                                           Buy Freedom Rally Tickets                 CASH ON THE LINE was the D:uer of the day when Wholesale Warehouse Workers Local 65 hand. Jd this check for 700 tickets in  to the Negro Freedom. Rally L'roup this week. Tickets are lor Ihe Rally v. is being -d by the Ncaro Labor Victory Dommittcc. the People's Committt-c, and associated labor and civic organizations. Tt will be held at MajT.DOrL-Sqirare Garden June 28. L ST'-year this"HSny  "*3S.(SB' pel-sons and was the largest affair                 put an by Harleniitcs. In the photo, Arthur Osman, president oi Local 65, hands -check to Charles A. Collins, executive secretary ol the Negro Labor Victory Commit- i tee. while Morris Doswell. assistant -n'.ty r. nf the locai. looks on with Esther LeU. -treasurer of Local 65. The union is shooting ot a quota of more than 2.000 tickets. Other  are ^, the same thing, as  Hal'ly"6''the^' .</t>
  </si>
  <si>
    <t>                                           f'-WJ0\  FROCKS FOR TOTS {^^^ jf^ '\r$ "ar 'i I'i    house! SoJkl  or summer pastel HHBm ^^C^^^. ^S^^A^ V.V         TOTS' DRESSES Wim ^^J^^^YmSm^</t>
  </si>
  <si>
    <t>                                           See the Four Ink Spots, famous recording  at the Paramount, New York</t>
  </si>
  <si>
    <t>                                           Says 99th Will Deliver Anything                 WASHINGTON- (ANP) Tile 09th Pursuit squadron will "df " anything asked for. "J'littt- Is Hits Icstlinony of n while . Siil, William II. Snider. 27. of Baldwin. Mel. He Is si  sergeant in Che third In-  division, and has seen action in North Africa and Sicily. close to Casslno. and more recently at the Anzio beachhead. Set. Snider Is home under the army s rotation plan after 18 months service overseas, nnd related his story In officials or the war department last week. Sgt. Snider said that the infantry and air corps were working "s a close-kit team In the Italian campaign. "We wore helped a lot by the  PlRhlcr squadron." he lidded.                 "Those colored fighters were the wildest follows I've ever seen. It  make any difference what you wanted- If you  them, they d deliver." Once, Siji. Snider reported, his outfit, was  up during an advance by three enemy , and  for help from the Negro filers. "We were pinned down and couldn't even raise our ,"' he . "Thcn.Uic planes  . They swooped down to 300 feel right through lots or heavy fink, and knocked those three lanks out." \i4t                 Cash Prizes For Favorite Recipes Offered In Contest  cash prizes will he awarded housewives for  'favorite recipes  tills mouth "~'~I continuing  month?,  a contest  through the Atlanta Daly Work).' First  will be $10:  prize S3. ant' third  SI. KVtryonc Is eligible- to enter the contest, . , of which arc on page s ef "'Is paper. URGES TRAINING IN TRADES HAMPTON INSTITUTE; V. Pointing out that "quickie" ^ruining In Industrial skills in wartime will not be sufficient Tor peacetime Industrial employment, Lester B. Granger, executive secretory i of tlie National Urbnn League, called for the training of minors of more skilled Ncgio craftsmen In a talk at Hnmpton Institute last Friday evening.</t>
  </si>
  <si>
    <t>                                           Women Needed For Essential War Production OPPORTUNITIES: Free transportation to the job. Free room and board for the first week. Pay while you learn. Wage increases after 30 days. Permanent work now and af ter the war. Cafeteria service in the plant. JOBS Selectors, Packers, Assemblers, General Labor You can aid the War Effort by getting food, chemicals, and medicine to our Boys on the fighting fronts SEE COMPANY REPRESENTATIVE AT THE United States Employment Service OF THE War Manpower Commission 191 Marietta St., N. W. Atlanta, Ga. Between 8:30 a. m. and 5:00 p. m. April lSj-22 Workers now employed in essential Industry will not be considered.</t>
  </si>
  <si>
    <t>                                           HAIR SCALP TREATMENT A "^SPECIAL W ^L^N OFFER I ^A ,r.VA \K i n.iM V M V-S HAIR      *5   C8EMI *5l IARG1 NIW PSfi$IN4 4 OUNCE JARS Oil 45c   tl.VS NO MORE '"^XlV'hVT1"' Send No Money! ^/-t..^ SfND YOUR OKDCk TODAY SATISFACTION  C Jessie Kare Beauty Products Co. 507 3lh Ay.. (Km. WJ)    '     City</t>
  </si>
  <si>
    <t>                                           Sunday School, 10 a. m. Morning worship, 11:30 a. m. Evening worship 7:30 p. m.</t>
  </si>
  <si>
    <t>                                           BUy BONDS</t>
  </si>
  <si>
    <t>                                           WANTED PRODUCTION HELPERS AND v LABORERS Apply: Bell Aircraft Corporation EMPLOYMENT DEPARTMENT 426 Marietta Street, N. W. or Marietta, Georgia</t>
  </si>
  <si>
    <t>                                           PRES. LEE, OF , DIES THURSDAY MORNING                 TALLAHASSEE. Fla.- 'S N S1 President J. R. E. Lee. of Florida I Agricultural and Mechanical Col- 1 . died ai 9:16 o clock Thursday morning. He had headed the in-  since 1924 and highly es- teemed in national educational. civic and fraternal circles. i                 Bom In Segutn. Texas. In 1870. he was a member of the Lee family which distinguished itself { in educational life of Negro Ame- i . Re graduated from Bishop I College In 1889. attended the Uni- i  of Chicago and the TJni- j versity of Wisconsin. receiving the j honorary drew of T.T.D. from  Wlberforc** University. From 1899 to 1915 he taught Latin and His- i tory at Bishop College, sensed as director of academic work at Tus- fc^e*** fmm 1*   1015: .                 of Lincoln Hish. School. Kansas' Citv. Missouri. 191S-192I: extension I secretary oi the National Urban LeaRUc' 1921-1924. becoming - dent of Florida A. and M. the latter year. Famcw. as the school was popularly known, grew and j prospered under his - tion. President Lee was founder and president of the National Assocla- tion of Teachers in Colored Schools from 1904 to 1909. and later as its corresponding and executive were- i tary. He was a member of the Alpha Phi Alpha fraternity. the Sunrise Club, the American Porrestery Association. Knights, of Pythias. Odd Fellows.       rnd Masons. Funeral arrangement1:</t>
  </si>
  <si>
    <t>                                           TALLAHASSEE, Fla.--(S N S)-- President J. R. E. Lee. of Florida Agricultural and Mechanical College, died at 9:16 o'clock Thursday morning. He had headed the institution since 1924 and highly esteemed in national educational, civic and fraternal circles.</t>
  </si>
  <si>
    <t>                                           Goodwill Chorus In First Anniversary                 The Southern Goodwill Chorus will hold Us first anniversary ;tt Butler Street Baptist Church Sun- day, April 9. at 2:30   . m. Mem- f bers of the chonis .ire: Mr. A.'                 Green. Jimmic Wray, Willie Sn;uv, Mrs. Annie Lavvson. and Mrs. Zellu Gnthnr. 'Die officers :iro: Mrs. Ci. A. Todd, president: Mrs. Chris- j 1 tine Edward, : Mrs.                 belle Pnggctt. business manager; Mrs. Evelyn Harris, secretary: Mrs. Ellii Bonner, rounder: Mrs. Merj l(?an.n Munford. director.</t>
  </si>
  <si>
    <t>                                           MADAM MINGY A Genuine Palmist and True Adviser 50c Complete Reading* 50c    ^^B  and how to Rl^~Bl Without asking a tin. BftHd S3 b o question,, she will   h9 tell your secret  I* f9 sires and greatest am* ff*EjC_fl 8 in them. Tell never ftT i C"fl failing advice on all WBL j affairs of life, such ^^^^i- as -;love, influences, money matters, business* in fact, no mutter what your problem may be. Stop being a loser, change your . Gain the things yon want  in life. See her to day as this special low price may not he . Forty years experience ten years in Atlanta is MADAM MINGY S guarantee to you that no better  or        result* can be obtained at any price, anywhere. Readings Daily and Sunday 10 j a. m. til 10 p. in. 652 Me Donougli Rd., across from Federal Prison. Take Pryor Federal /Viion car to end if line. Look for Neon Slffn*</t>
  </si>
  <si>
    <t>                                           Girls, does an out-dated TABOO mean you don't know this help? Very few women cling to the old-fashioned notion that certain .  form a forbidden tome U     pT up . md took of conversation. Tliafs why JlS^t.im,  i..~     build up many women who have suffered "" for (he lime to corns; the cramp-like egor.y and ner-  2)  3 befo!:e         strain of periodic, function- t!-  r-* t2--61' 'r5 directed, it a!  at  S:noT7 about t"^7' aid i"  purely  !, periodic pain. Try  which may help Women have praised CARDTJL'a in one of two waya; (1) as a help for 62 years. Try it!</t>
  </si>
  <si>
    <t>                                           Bright Beauties in New 4?L\ SUMMER FROCKS \fofa Women's Sizes 38 to 52!      W /S . red, Mark. n;ivy and I 1 prims. I J I     -.irs nA.-tMi.NT A "Dress Up" Sports Styles for Men and Boys! MEN S SPORTS COATS   **3sP^ All-wool in (he newest styles gA jft QO ^~^#~~f y an(l fal"'"s f"r spri iK- I1'"": 1 JV Y \S.  . Sizes :i.-(-:tS. B '^ MEN S SHIRTS--- V49 vV^fe^ Imsai2$a$ '"e l'""nl l"' anl' f designs. Dark {\^^S^ ^fc^(/^^^^^^jl l)            that launder well. X  ^Si^^^^^B^r*! imir-17 and sports styles small, medium, large.  3^kS^  i RflYV SPflRTS PflATS 5 ~*^la^ i^^y^Vy^^ 3^^ffl Kinp l\       .  made. Can t\   ^^^r^fc J ~{ BOYS' SPRING SWEATERS      * ^^PSl   """I tj' Wool and rayon mixtures;    gg 'f"^!j - ff well  and full c ul.   ^Si Mf^S IMug, Inn, brown, Icnl, And ^j     -f 4mc  am! plaid fronts. O.98 J 5OV8' 'VEap -.i ^L ~!           28 36. Ljsa^^.sia^-tsi*.', ..,,t,. .:ilVi.r-jn:xi'.-i.'j]</t>
  </si>
  <si>
    <t>                                           HAACP Accepts Report Of Two Committees                 At the  monthly merlin* of the Nullonal Asrackitlou foi the Advancement or Colored People    In the YMCA. IflilldiiiB. the body voted to  the reports of the   com m'.tcc.  the public  . of which A. T. Wuldcn                 and C. A. Sootl ore the respective j chairmen. i Ciller discussions were these two reports, Mr Scou's which '1 that Negroes  -d in preparation for voting, in tho coming Ji'lv 4th primary election in the " ot the recent Supreme Court decision in the Texas primary issue, and Mr. V/ which I gave an   of the scope and magnitude ol the decision. He reviewed tho historical development and operation of the Democratic primary !n I'^e south.  VOTING Mr. Scott  ri the activities ol  commit We. over the pas: .several months. -'.ally sim:i! the passage "f the      'i.i  vote - in early January. IncludiV. In tin?  s  were three      :Uic                 lions' 1. That qualified Negroes be advised to get - to vote and report to the polls July 4th. 2. Tli:it other organizations t)e aski d lo :\id ill this direction. 3. That the branch president name a committee on citizenship, v. duties it would be to hold schools" whereby Negroes v;ould be instructed on their civil and political rights and - 1 .' "We  this report,"  Mr. Scott, "Without regards to partisan politics." Several members of  n  croup to the  of both the -ts of Mr WalSen and Mr.. Scott voiced disapproval, but were  down in each instance when the vote \va.s taken. Several times during the session speakers from  sides consumed time in mnk- iny loner, and heated .statements. IConliniiMl 1' 5 Col 2)                 NAACP Accepts (Continued from page I) Hoard In the several discussions over the issues involved from       lTL,iips were I he committee chairmen ihi-:;, Warren n. Cochr:me, Forrester B. Wiishlnwon,* W. Y. Bell, .I)-, J. H. Callioun. Rev. Rolfmtl Smllh, Rev. C. N. Ellis Rev. M. L. KlllK, A. Bncote, Rev B J Johnson, nnd  who spoke lor nnd against the measures in the issue Involved. NAACl' SI'irNDS MUCH The body also  on record as  J. H. Cnlhoun.  4io is                 seeking ^ihe^ Tor Congrcs^ Irom this district on the  ticket In the general elections of  . This *5S done by unanimous consent. It was reported to the body by Mr. Wnlden th::t the         spent mote' than $25,000 during the past 20 years ii; the fight to break down the Drnioci-. white primary elections  barred         from , and also stated as ;i fact that the local -ch or ihe rii  now hnd on record a total  of near $5,000 persons. Tlie group also voted to hire a paid  to work with oilier groups cT tile city in  registrations nnd voting interests, and named bo Citizenship committee to map a program of action v.~re Mr. Scott, Mr. Cochranc-  Me. Bo cote. Presiding at the session in his usual - was C. It. Harper, the president, who did so  his  coolness nnd  He Is calling fora meeting of the executive committee of the body for next Tuesday night at 7:30 o clock nt the YMCA building. j</t>
  </si>
  <si>
    <t>                                           At the regular monthly meeting of the National Association for the Advancement of Colored People held last night in the YMCA building, the body voted to accept the reports of the legal redress commitee, and the public affairs committees, of which A. T. Walden...</t>
  </si>
  <si>
    <t>                                           MONTEZUMA, Ga.--Mrs. Willie L. Harrison and daughter, Hattie Mae, of Gainesville, and Estella Huff of Columbus,spent the week end with their parents. Mr. and Mrs. Steve Huff. Miss Lucile Loydd left Sunday for Columbus where she will spent the summer. M. L...</t>
  </si>
  <si>
    <t>                                           Atl ant a JJlij^ Wbrl d TT Published Every Morning Except Monday if. i-      "  VOLUME 16, NUMBER 31!) ATLANTA S. C.A.. SUNDAY, JUNE II, 1!M1 PRICE FIVE CENTS 1</t>
  </si>
  <si>
    <t>                                           Prof. R. W. Taylor, member of the local OPA staff, speaking last Tuesday night at the Annual Founder's Day Dinner, sponsored by the Birmingham Tuesday Club at Bob's Savoy, gave the banqueters some interesting sidelights on Booker T. Washington, founder of...</t>
  </si>
  <si>
    <t>                                           Madame Rose Look Who'*     ! PALMIST -      -       lout  In .MLHSBi   JhicU, t,n?*, HSrl'^i HrfiB Buecw,          *at ^,rH           (~ U'r. . = TT^ prr*~nt      . n j V ANlift no g iint to"* UuC , XB MIh   n n"     want v^B h^nir. ( Mtifn, ^^~. n  nd  of    '^^H' . tnv^, , fam4PH      nrra)  ;   - nnJ           9 *U .       W no ftS*1  no if  ibat Snfthln* Id It.  mt DrjMlr    . Mn kI- I0BO DowMl MU1 IW tbA     ~*T nOW*U HIP m ,door.  Mill Trail Ia,'1^ ProrUtov Co.</t>
  </si>
  <si>
    <t>                                           Atlantans Active At YWCA Confab                 Democracy enn be  to work in America ns was evidenced at the Southern Area Conference of the Young Wonvn's Christian Assoclntlon, held last week at Cnmp Highland Lake. N. C. two and a half miles from Hendersonvi!:e.                 At that session, which attracted as delegates and special YWCA workers from 11 Southeastern , J08 white and 19 Negro ri-, the women ate slept,  and worked together. In addition to tho social. and piny programs as offered, and which are necessary adjuncts to successful sessions of this , especially those held In the open, the women did tangible work,    plans for the part women should play In the postwar 'world. They also discussed realtors , social, economic,  rnd equality In Its various phases. At the sessions Atlanta was conspicuous by its presence, there being three representatives present from the Phyllss Wlieatley Branch YWCA, the Business and Professional division, . One or these was Miss Pearlle Craft, the local business and professional secretary, who was in charge of the program p  at the camo session, and who carried through ink. and other functions of planning In a fine wny. Miss Craft served as program planning -, man at the Su'.'Vi'ess and Industrial, and tin ." and professional cr.r.. j Another Atlanta"., who went a* a delegate was presented    ; chance to exhibit her splendid gifts. She Is Miss Rubyc Weaver, who .from the large group present (Continued on Page 6. Col. 6)                 Atlantans Active (Continued from Pace 1) from the various sections, was selected to writ* the letter which summarized the activities of the cemp. This was quite an unusual honor for this Georgia metropolis. Playing her part capably In the camp session also from Atlanta v/as Atlanta's other delegate. Miss Ida Wolfe, who had a leading role' In several activity' programs along with the other two young women. Miss Craft represented the general association heie/Mlss Wolfe was elected from the'-Westslde and M.'ss Weaver from the fourth ward. They  home "'from the v eek s .camp session early this week to resume their YWCA activity program work here:</t>
  </si>
  <si>
    <t>                                           Democracy con be made to work in America as was evidenced at the Southern Area Conference of the Young Women's Christian Association, held last week at Camp Highland Lake, N. C., two and a half miles from Hendersonville.</t>
  </si>
  <si>
    <t>                                           Morris Brown Endowment At $200,000 Mark                 Uv DAVID NOKltIS                 Morns Brown College, operated by the African Methodist Episcopal i Church in Georgia under the lend- j i ership of President W. A. Foun- tain. Jr.. increased its Endowment Fund from S1OT.OO0 to S207.000 by the two .special cash sifts of S75.- 000 by the John Billow ^Campbell j i Foundation and $25,000 cash gran'. I from the General Education Board. Following the successful rally by i the AME Churches in the  i in raisins S85.348.4-). fifty thousand I dollars from the General Educa- I  Board was also made - I I  for Improvement of the pros- I ent buildings nnd ranking the com- pus one of the best in the nation. I Sixteen years apo when Presl- I dent Fountain took charge of the School, it was $210,000.00 in debt. but today there is a  endowment equal to the old debt. ns well sis n  Mopip nnd</t>
  </si>
  <si>
    <t>                                           NOTICE TO DEBTORS AND CREDITORS                 All creditors of the Estate of MAGGIE E. WIMBISH, late of Fulton County, Georgia, deceased, are hereby notified to render in their demands to the undersigned according to law, and al) persons indebted to said estate are required to make immediate settlement. May 18. 1944. EDYTHE WIMBISH BOWEN, As Executrix of the Estate of MAGGIE E. WIMBISH, . R. P. HERNDON, Atty. 428 Herndon Bldg., Atlanta, Ga. Slav 19, 26; .Tune .1. S. 16, 23. 1944</t>
  </si>
  <si>
    <t>                                           1 /^^^ GLOSSY *SM00TH HEALTHY * You want the best for your hair so be careful to get Exelento. Over. 30 years it has proven a favorite for softening and beautifying. orB At All Drug Stores 40C Or Sent Direct,..,,</t>
  </si>
  <si>
    <t>                                           NATURAL PAGE BOY ATTACHMENTS YOU CAN HAVE YOUR HAIR .^fe PERFECTLY MATCHED FOR J^Bfe';^ $g\ ft Ri-         fl^Ht^ mj Human Hair- ;^qv 4^L- V XlfSftatf*. .Jgg  SEND NO MONEY^A^3  Y *uo mm,  Amo      V. VflBSLl   '~~%'- ^^^HU^* o.^M.ir      tat. ^^^Bnravl JtKOYOUt OtOIITOOAT  t^ f^^S^MM S^)(ARE  IY PRODUCTS COMPANY" 107  (    MS) HIW TORK CITY</t>
  </si>
  <si>
    <t>                                           Stirring Desert Film At 81                 Humphrey Ropjart, the (- bad man has the ; roll- in "Sahara" the , dramatic story of epic adventure in the desert, which opens ii three-day run today nt Bailey's 81 theatre, moving to the Itoyul on Auburn avenue Wednesday.</t>
  </si>
  <si>
    <t>                                           Important Cog                 Krlnuvtl by U. 8. War     ** Unrein Public R^*                 TUNES Ul'inOtoKER- Corpora) Bulee (Slim) Gaillnrd. J)783 South 'Cimar'ron Avenue, .'Los Allgulcn Calif., composer of. "Flat-Fool Floosie,"  on the         "r B-2tf Mornuder  t Laughlln Field, Del Kin.'TcYAftf where he- Is an                 ,'si- crew chief. (Army Ail (Forces photo.) ,^~  .</t>
  </si>
  <si>
    <t>                                           ^T^    ^M^     ^HjP AMD WOMEN ^^^HBH U^gU^Syg^Uj^SJ Don't worry any longer about ^^^B^S^vVV^^^IKgn GRAYHAIRthalmnkesyoulook ^^^^^sss^^01^ appearance. At Sixty. Look L ARG E Wm ^% C Ju8t            directions on tho Z!^LVV 1^ box. No mess; no f usb: no bother; RnYnnlu          change from bottle Iiair-dye to GET SLICK-BLACK TODAY AT 7~" ALL DRUG STORES</t>
  </si>
  <si>
    <t>                                           Incognito as "Ellery Smith," Mr. Queen is visiting war industrial Wrightsville to write a novel. He leased a house from John F. Wright, a banker, which had been designed by the latter and, his wife, Hermione, as a honeymoon home for their eldest daughter, Nora. Her...</t>
  </si>
  <si>
    <t>                                           i DUCKING; HUNTING NAZI SNIPERS,'                 I NAZI DEFENSE TACTICS in Nocmandy consisted in great part of sniping. An American soldier runs on the double (lop) for the safety of a hedge on the outskirts of Cherbourg as the ominous ping a hidden Nazi's bullet sounds close to his ear. Other Yanks (bottom) stay Bat while trying to rout out a German sniper holed up somewhere in their vicinity. One r;~!:cs up his helmet to draw the enemy s lire Vi.rl lo make                 'i his . Signal Corps Rstiinr' )                 I aj</t>
  </si>
  <si>
    <t>                                           MANCHESTER, Ga. -- Mrs. Rebecca Warrenton and George Boddie of Atlanta are visiting their aunt, Mrs. Sallie Layfield. The Mission Board No. 1 of Mt. Sinai CME Church will hold next meeting with Mrs. A. J. Oglesby, Mrs. A. Nelson, president. Miss Ada...</t>
  </si>
  <si>
    <t>                                           WITH 6 LOVELINESS! Because 1. If for  ay reason 70a  to return Tour diamond within SO day* fetter purchase tb* lnU mount paid wlU b* refunded. t. Your  may    traded In at tar tun* and full * price plug 10% Increase will b* . I, Solmeer'i ame* to  tout diamond withIn on*      *    term* ot  acra*. meal</t>
  </si>
  <si>
    <t>                                           Sunday promises to be a great ... at St. Joint Sunday. Rev. J. King, from Mississippi, will be the 11:30 speaker and will speak from the subject, "Christ the Martyr." The Sunday School and St. John's Nursery School will render a joint program at 6 p. m.</t>
  </si>
  <si>
    <t>                                           DAILY CROSSWORD                 ACROSS 1. Slang S. Sums up 8. Savor 10. Figure of speech 12. Arrogance 13. One who tunes In.  14. LandmeasurM 15 Type measure il7. Contemptible 18. Rhodo ,'jy Island (abbr.) 18. Types of windows SI. Serpent- V lizard ,3*. Tiny 26. Muae of       poetry 27. Flock SI. Astern 33. Coarse mat* ted wool  4. Hire for 1 elusive us* Railroad (abbr. I 39. Uttle stream 40. Perform. Undivided A 42. Not lit   4.Tkpestrr r 4S. Tend, as a. furnace 47. A game ot 1 skill I  M   8. Branch A J  49.       .ff                 DOWN 1. Conveyer 2. Sacred bull 3. Bend the head in greeting 4. Cornered, as In a tree 5. Coin (Slam.) 6. Commercial travelers (U.S.I 7. Recipient of a gift 8. Weapon 9. Thinly scattered tl. Sea                  16. Cut. as grass 20. Color 22. Father 23. Resembling a star 26. Often (poet.) 28. Exclamation 29. Gloss over 30. Exit 32. Spread grass to dry 34. The shank (anat.) 33. Suggests 36. Apportion 37. Short-billed auk                 41. Opens (poet.) 43. Evening sun god 45 Exclamation                 CByPTCXJDOTE- A cryptogram quotation j LOR  P.TK  -1 :D RT L 3 T  W F   JY :b P N M T V M T TRK 3P.  f         *s Oyptoqoote: TRADITION WEARS A SNOWY BEARD, ROMANCE IS ALWAYS YOUNG- .          *4 by Klnr  Sysillcau. Inc.                 pr i* r r w r  s ill I ^-^.i"" I-^I'lll Ulllll^ 3* i" _liI3?"~ !I IAi 43 553 35" 5n,         6-13                 aTl a  a r   s] q\\j p ^fS^Bk IfJI    VTEl Dpisyi           ?B^          ha r SBC v[q[   [ fK i                  11 fa '3 Yesierdfty'i A*</t>
  </si>
  <si>
    <t>                                           As Children Were Amused                 Lou Swam, national  of the Zetu.Pht Beta. Sorority and also u solo dramatic  in her own right, take* time 'out to  a  to u  child at the      _G; Hospital In St LouIk, Miiaiouri. Enjuyin'o; the  with the Htilo cheerful Jud uru a few            of the Si. f- Chapter of tbc National  LvaKue/ Inc.. with' whom th"o  eiu Bad i;one- oa Bpotwor- to the  to  tin;  children with ' booRs.'</t>
  </si>
  <si>
    <t>                                           frit. Calvary Convention To Open Today                 This morning at 9:30 o clock, the I Mt. Calvary Sunday School and I BTU Convention will meet In Its j first annual session with the Plney Grove Baptist Church. Rev. A. R. Barnett. host pastor. The highlight of the morning session will be the annual address to be delivered by                 Dr. B. J. Johnson, president, Sun- day School department and pastor. Mt. Calvary Baptist Church, at 11:45 a. m. Others slated ot appear on the program this morning will Include Dr. C. N. Ellis, moderator. Mt. Cal- vary Association; Dr. Roland Smith editor, Georgia Baptist. Departmental meetings will be In the limelight this afternoon, and the night session features a welcome program by the host church and pastor, and the Conventional sermon to be delivered by Dr. P. J. Dotson, pastor, Mt. Calvary Baptist Church,  Park, and Mt. Nebo Baptist Church, his alternate being the Rev. C. H. Perkins. The meeting will continue In full swing through Friday with Rev. Y. L. Davenport, president, Mt. Calvary BTU Convention giving his annual address and Dr. W. W. Weatherspool, cor. secretary (Continued on Part- 6, Col. 7)                 Mt. Calvary ~-i\: (Continued From Paje 1) of the State Baptist Convention, addressing the body on a theme expected to carry national Interest. Large crowds are slated to attend all sessions. The pre-  was a brilliant success. It was last night under the direction of Mrs. B. J. Johnson and Miss Virginia Barnes.</t>
  </si>
  <si>
    <t>                                           This morning at 9:30 o'clock, the Mt. Calvary Sunday School and BTU Convention will meet in its first annual session with the Piney Grove Baptist Church, Rev. A. R. Barnett, host pastor. The highlight of the morning session will be the annual address to be delivered by</t>
  </si>
  <si>
    <t>                                           "That's the way I like to see them," said Gen. Time's why there s a Fifth War Bond drive on MacArthur when he saw the rows of dead Japs now, a drive in which you re needed to support in the Admiralty Islands. In this war- the the men on the  fronts who :.rc         costliest, crudest war of all time- ^grm^  m05t treacherous forces Amcriour boys must fight with savage ^'^l^'ajj. cans have ever met in combat. We on fury. Kill or be killed! And on how ^g, the ll0mc  ihem dow,, well each plays  depends the jSaT^/ -ami we won t. So resolve mm; to lives of many of his hud dies. w^~ at Icast'./Wr your bond buying in Here on the home front, too, just ^-^"'l^!8 the 5th War Loan drive. This is the charing the attack on isn't enough. \^l^^r time to do teller than your best. 8actf6e4/-Wi MORE THffli  WHITEHALL AT HUNTER*</t>
  </si>
  <si>
    <t>                                           Lets AH Buy WAR BONDS</t>
  </si>
  <si>
    <t>                                           7KVR3    81 "TARZAN S SECRET TREASURE" With Johnny Weiumuller Maureen O'SulIivan "SECRET SERVICE IN DARKEST AFRICA" ROYAL "JOHNNY EAGER" With Latin Turner MYSTERIOUS DR. SATAN' ASHBY "THE HEAT S ON" With Hazel Scott "JOE" LOUIS ON TOUR" LINCOLN "PISTOL PACKIN' MAMA" "SECRET SERVICE IN DARKEST AFRICA" HARLEM HUMPHREY BOGART In "SAHARA" "SECRET SERVICE IN DARKEST AFRICA" STRAND DON "RED" BARRY in "Days of Old Cheyenne" and Last Cbapt. "Secret CodV*</t>
  </si>
  <si>
    <t>                                           HOW S HOT WEATHER TREATING YOU? Thousands have found that a grand babies/.Me-Wna contains  way to beat  with Mexaaua. often used by specialists for ? the Boothing, medicated powder. And of these miseries, yet it^costa  here s lion-. Use it to take the smart Larger size* are most economical fand burn out of--rash irritated l^day. get a supply  rf this fortv skm. Spnnkle iton to keep clothing year ol/ZavoriUs ^ from rubbing and hurting  to a new idea of  durin^ot or chafed skin too. Mothers find it v.catha^oxi l\,wM^L^i / .  that"?T^2 of ouch-minor dan irritations on great to beat the heat with Mwan^</t>
  </si>
  <si>
    <t>                                           Negro Americans Bury Slain Buddies                 A Negro Army burial detail (right) goes about the grim task of digging graves to receive American soldiers killed during the invasion of Normandy. Eastward, on the Cherbourg Peninsula,                 the  still raees and American troops are driving: through German rear guards who are attempting to stem our push while other Nazis are putting the finish touches to demolition of dock                 facilities at Cherbourg-, (International.)</t>
  </si>
  <si>
    <t>                                           Today's Pattern MARIAN  Sugar 'ii'  "n everything nice iii a captivating frock v/tb dainty detail. Pattern 9356. The front buttoning lets a tot dress herself. Notice the  waist treatment. Make a party dress with liars sleeves and lace trim; a play  with a collar. Contrast Is" optional Pattern 0356 may be ordered only in children s si:es 2. 4. 6. 8, 10. S'.;e R requires 2 1-8 j-ards 3o-!nch fabric acd 3 2-4 yards "lace . Send SIXTEEN CENTS In coins for tills pattern. Writo plainly SIZE. NAME, ADDRESS. BTYkE NUMBER. Bind TEN CENTS extra.  or new Marian         Pattern book/Com;.-  selection for all agts. Frse pattern printed right la book. Send your order to Atlanta Daily World, Fattern Eepartment, 232 W. 18th St., New York 11, N. Y.</t>
  </si>
  <si>
    <t>                                           "You can just about lick anything you train hard enough for I learned this as a fighter."</t>
  </si>
  <si>
    <t>                                           UN-COVERING WASHINGTON                 BV HARRY S. McALPIN WlllTK HU08K -''I'HITHl'n^DBNl f-nf Atlanta Oaily World H.H.P.A.                 OF COURSE I WAS thrilled. I was Haltered. Certainly J was proud that It was my work which, received the nod from such an Impartial and capable committee of Judges, as the outstanding job of reporting done In Washington during the year 1943.                 But who received the first  of the Capital Press Club for meritorious  lce In the newspaper field is not significant. That the precedent has. been established, Is. Perhaps no other group of men snd women have' been more maligned, more misunderstood and misinterpreted than the working newspaper men and women of the Negro press.. Few people know of the handicaps under which  work. Few realize what responsibilities they carry with as much ease and grace as a feather. Few arc aware of the mental agility and physical stamina that Is required, of the average newspaper I man and woman on the Negro . And the papers themselves have  retty much taken the staffs of their editorial departments for I ranted. They are not Income-pro- I ducers, like the advertising and :Irculatlon men. They are an "ex- j jense," Instead, In the  of many publishers. It is significant that In the 117 j year history of the Negro press, the Capital Press Club of Wash- , D. C, should enjoy the du- j  honor of being the first  to conTer recognition on the working press. Dubious it Is  the club is composed of working pressmen and government Information specialists. Thoy  throwing flowers at their own feet. 3ut they have established a prece(Continued on page 6, col. 7)                 Un-Covering Wash. (Continued from      1) dent which they Intend to continue ; and which will no doubt' ."catch on" and may lead to bigger and greater recognition to a deserving segment of our American lite. That this Initial Occasion and history-making event should be participated In by a liberal like Marshall Field as the principal speaker; and that the award should be the result of the judgment of a committee composed of Drew Pearson, noted columnist, Dean William Kastle of Howard 'Law School, Eugene Holmes of Howard University, Dr. Abram Harris of Howard University, and Mrs. Eugcrv; Myers, wife of the publisher of the Washington Post, lends all the more significance to It. ,And to have had the editor-inchief of the Chicago Defender, Dr. Metz T. P. Lochard, present at the award dinner was an added Joy, because it was the work performed while I was serving as Washington bureau chief of that paper which won the prize,</t>
  </si>
  <si>
    <t>                                           OF COURSE I WAS thrilled. I was flattered. Certainly I was proud that it was my work which received the nod from such an impartial and capable committee of Judges, as the outstanding job of reporting done in Washington during the year 1943.</t>
  </si>
  <si>
    <t>                                           A proud Memphis mother did some righteous 'doting' over her only child last week.</t>
  </si>
  <si>
    <t>                                           Home On Leave                 DAVID ADAMS. S ]-c son of Mr. and -Mrs. Dnvici Adams, 1587 Foote Row NE. has been in the navy for 13 months. S 1-c Adams wr.s home on leave 3 weeks ago. and nil his friends enjoyed his visit. He also attended Booker T. Washington high school, and is now stationed in Vallejo. Calif.</t>
  </si>
  <si>
    <t>                                           s h\*;'.   ~~~~*v^-- [ up -to the whiskey that s like SUNNY MORNING IN YOUR GLASS! T- T take our word for I U      NEB? your hhp it- take n sip of it oown on the farm and you, too, will agree KT'"  rtt. too J b     help to  I that every golden drop of ""ol '~T .   " ScHEm.Erncacrvcl.astl.e !LT.,^/ .     *" bright, clean  of ' t^t '     a breezy, sun-  Jm. downon fg gg 'orm fpr 'mWw morning! Step up and try Vktotyl W/ P. A. CEILING I'ltlCE          IN ATLANTA  'J^^^^S^ s$/t_L3 (rn^f- I BSm SriH71   17 V i^H T^~y t.V    )  BUY and      WAR          ,Dhrillm CofporoH.ii; N. V. C    M . 40S  . dl.^ from fruit and</t>
  </si>
  <si>
    <t>                                           Approximately 50 women and men from four states, Alabama, Georgia, Tennessee and South Carolina, will invade Atlanta today Friday and Saturday in celebration of the Diamond Jubilee in honor of J. L. Wheeler, Assistant Agency Director of the North Carolina...</t>
  </si>
  <si>
    <t>                                           Wim cat                 By Lyman Young TIM TYLER</t>
  </si>
  <si>
    <t>                                           This is the grand news Atlanta baseball fandom want to hear. The Atlanta Black Crackers--wandering horde of first class ball players return home this week-end and will engage the St. Louis Stars, another fine ball club, in a three game series with a doubleheader Sunday...</t>
  </si>
  <si>
    <t>                                           Sunset Thursday                 UII.UE ECKS  ScriKalionul Minijinty  who hrin^rs his own orchestra to Hie .%~~ Suiisci Casino Thin-Hiluy , June 15. H-~0 P. AT. to I2:.-Ill A. M. Tickets available now at m  community stores. Ailvnrwt* ROc: at. Hox SI. 20. A Southeastern Attraction.</t>
  </si>
  <si>
    <t>                                           Port Disaster Victims Crowd Hospitals                 HUNDREDS OP VICTIMS the U. S. naval ini'.\.s blast, Pirt CWci'.go, C:.. were rushed lo1 all  hospitals, und this Vhoto. made at. Murimcx, u fnw                 miles from ihc disaster scene, de-  how cots lmd lo l;c set u_i) In hospital o  tu - t  I hi; . Vvonic .'177 ur j more pcrs'.-ns, : Ncsrots. were                 kill:"? In the disaster, which ;il.so destroyed two munitions ships i-.s U'.Cy      \ loaded m upper Kan Frunri.sro Jihy. U. y. N:ivy                 photo. Interv. .Sound photo,1 j</t>
  </si>
  <si>
    <t>                                           Let Ua Repair Your Shoes We will lake special care of your shoes. We know how to repair them so they will last longer We also rebuild cripples' shoes with doctor s orders Mail orders filled. Barnes Shoe Shop 287-A AUBURN AVE. LEON M. BARNES. Prop. .216 FORREST AVENUE LEROY MYRICK, Mgr._</t>
  </si>
  <si>
    <t>                                           FOR           #/lf               GLAMOUR PLAN HAS INSTANT APPEAL Follo'v this plan thousands nro using. Before retiring cover your face with Black and White Cleansing Cream. Remove it, and ott comes dirt and 1 up, too. Next, pat on Black and White Cold Cream. Id the morning wipe it j off.Easy.ian  White Vanishing Creara as a beautifying powder base. At all  counters, 25*</t>
  </si>
  <si>
    <t>                                           + WEtnAfvm WAR BONDS am  *</t>
  </si>
  <si>
    <t>                                           Aecept Bat Challenge                 Action of a subcommittee of j the State Democratic Executive Committee h;re Wednesday in i making a statement that Negroes would be barred from  I in the Democratic primaries of July 4, drew the criticism of another Georgia Negro Democratic                 organization Friday In a  by the Brunswick Progresshii Democratic Club. I An Atlanta .  us tlie Citizens Democrallc Club of Fulton County, reaffirmed their            to vote on July 4 here. ;md 1 stated so In si resolution, adopted by its executive committee. on i Thursday night, which was approved at a meeting of I he general body an hour later. The local group said In its resolution: "We hope that the full committee of the state will reverse the .of the subcommittee and make it possible fnr all qualified electors to vote without  to race. We I   ; our belief in our . to vote and therefore we shall I continue our organization and  to participate in the primary elections of July 4." C. A. Scott,i newspaper executive, is president of tile Atlanui Club. LEADERS SPEAK OUT I The Brunswick Progressive Demj  Club, lenders including ^.1. I M. Atkinson. John R.  on.'j and Dr. M. A. Cassells. issued this i  Friday In reply to the . of the subcommittee s action here Wednesday: "We . Mint, th" action of j I the committee will not- in any way J I help to hotter tho  that                 "prevail In Hie south. In" " instances our great President has been blamed for. our  to vote In all primaries. This Is not true, and we have ncv:r had anything to do with any outsider in tills connection. We are  for what we think b" Just    3 "Honest. We have "o  asked the white Democrats to  fairly and act squarely; but racial prejudice undoubtedly crept into*the committee and will cauto us as a race to make every  to have what we feel Is due us.1' CHALLENGE ACCEPTED "At u time when both Negro and white arc  to  democracy :ind protect tho American pcop'~; from h vicious enemy, in Georgia certain elements* of whites are showing Miut they nre far more vicious enemies than thoy. If Oils Is n challenge, wo accept it.'1</t>
  </si>
  <si>
    <t>                                           Action of a subcommittee of the State Democratic Executive Committee here Wednesday in making a statement that Negroes would be barred from participation in the Democratic primaries of July 4, drew the criticism of another Georgia Negro Democratic...</t>
  </si>
  <si>
    <t>                                           The narrow margin by which the President's Committee on Fair Employment Practices was saved last Tuesday in the United States Senate, serves to emphasize the severe opposition it has and must continue to encounter from the forces of reaction and intense economic greed in the nation.</t>
  </si>
  <si>
    <t>                                           Atla.nta.^'VVbrlid EDmoi Published Every Morning Except Monday SitnimwipcrSijiiJiasn li news VOLUME Hi, NUiMKKK 35C ATLANTA (3), . TUESDAY, JULY 25, 11)14 PRICE FIVE CENTS!</t>
  </si>
  <si>
    <t>                                           Do Kidneys Make YouGetUp Nights? Grateful thousand* have learned that " up nights" may simply mean that the kidneys need what doctors call diuretic acid. If that s your (rouble, don't suffer suffer needlessly from this annoying sleep-disturbing condition! Try -proven, easy to take Gold Medal Harlem Oil Capsules as directed on the package. Sec U Ibcj dnn l help yon "sleep like a Joy and feel like million." Gel Gold Medal Uaarlem Oil Capsules tori ay. Only 35c. Mutt help you. or money tux*.</t>
  </si>
  <si>
    <t>                                           Week's Pattern MARIAN MARTIN The wide shouldered, high waist- ed effect of this Juniper frock. Pattern 9132. Is a strictly solid junior miss . You'll like the little blouse with its round  neckline and puffy ..the jumper, worn without it, makes a super . Easy to make, too. Pattern 3132 Is' available in junior miss sizes 10. 11, 12, 13, 14, 15, 16, 17 und 18. Size 13, jumper, 214 yds. 35-inch; blouse, l?i yds. contrast. Send SIXTEEN CENTS In coins for this pattern to Atlanta Dally WORLD, Pattern Dept., 232 West 18th SI.. New York, 11. N. Y. Write .v SIZE, NAME. ADDRESS, STYLE NUMBER. TEN CENTS more brings our 1944 Marian Martin Spring Pot- j tern Book. New. easy^-to-make styles. Free Pattern printed in book.</t>
  </si>
  <si>
    <t>                                           Short Cuts That Mate Fat-Saving Easier! ARE YOU making too much WHEN the container is Tilled work of saving your used fats? melt down the fot and pour 9 out of 10 women arc, a re- all of it at once into a tin can cent survey found. So fry this any kind will do. Then to save you steps and save rush il to jour meat dealer. atom (att Keep a tin or crock Remember, it can t make as a handy reminder on the medicines and munitions back of the stove. Then, with- or earn you 2 free meat points out extra steps, you can pour and 4i a pound till you in used fet scraped from your turn it in. So savs it all an'' , roaster, broiler, er s?st it in !y Stsrt tc^ whatever Just es (t is. cUy, won t yea? 'Appnrii if , WTB aU OTA. Psld far</t>
  </si>
  <si>
    <t>                                           Conference To Close Sunday                 BENNETT COU.1EOE. Greensboro. N. C- (S N S)- The second   of the Centrnl Jurisdiction of the Methodist Church (jot of! to a fine start here on this beautiful campus chanel Thursclny  lit. :n o clock with Rl. Rev. Robert E.                 Jones, presiding  or the l.lv: Columbus, Ohio men of the church. In the presiding  due his position of senior bishop of the Jurisdiction. First order of the day   period was the calling of the roll by Dr. John W. Haywood. president of Morgan College Baltimore, and  of the conference, which roll was answered by more than 200 persons, including the 124 delegates from the 18  conferences, representing 33G.000 members of the Jurisdiction, other business matters followed. After the business meet* Rt. Vr.v. Lorenzo H. King. presiding bishop of the Atlnntlc Coast area of the Central Jurisdiction, appeared  the huge assembly at 8 p. m., with the opening Inspirational address of the conference, which was filled with thought and which called all  to action during these days of peril. Dr. M. S. Davage, Secretary of Education, presided at this meeting. SHAW CIVES ADDRESS On Friday, beginning nt 10 o clock, the day set aside for the election of three bishops. Rt. Rev. Alexander P. Shaw, presiding bishop of the Baltimore area of the Jurisdiction, delivered nn illuminating Episcopal address, which occupied approximately an hour. The message represented tlio thought of the bishops. the Jurisdiction on matters' of /administration and lines of work for which the Jurisdiction Is responsible. In the address Bishop Shaw discussed the Jurisdictions! unit In .the Methodist system, evangelism, war, peace, ministerial support, full citizenship and opportunity for Negroes, and other matters of Interest to the Methodist communion. Presiding, at the. session: -was Dr. E. C. McLcod, president; of Wiley ColleRe, Texas, presided at this (Continued on page 4, col. 7)                 Conference To Closel (Cuiillnurd from Pafe 1) forenoon service mid heard also In an address was Rev. C. K. Biuwn, pastor 01 EbcTOiur Church ni Jacksonville. Phi. The afternoon of Friday, from 1:30 to 5 o"cloc!l wus taken for committee meetings and business sessions, mid Friday night Women's :ind Youth Night was observed with Mrs. J. W. E. Bowen. Jr.. of New Orlenns. president of the Women's Society of Christian Service, presiding. .Givinis the addresses on the decision was Mrs. Lllllnn V. Warrtck for the women. Rev. John A. Green for the youth section and President Garl E. i Downs. HAYES SINGS TONIGHT Today, beginning at 0 o clock. Roland Hayes, celebrated tenor, la .scheduled io appear in tne college  in a recital to conclude the third day ot the conference. Sunday, the day will begin. with a worship service at 10:30 u. n). and preaching; this sermon, his lnst                 ono us an active bishop, will Bishop J""es. who Is retiring Shi having        the W Umit set by the f lor the retirement uf bishops. At 3 p. in-, there will be held the closing service of the conference when the three newly elected bishops will be consecrated and assignments read Tor coch lor the next  years. The  i!. bishops will Hike up the work  by Bishop Jones, who hns been presiding over the Columbus. Ohio . In which Chicago Is          . and that of Bishops Matthew W. Cl.'lr and W. A. C. Huehes, both deceased. One of the new bishops .will 1)0  Africa, a new urea lor the church                 Bishop Elect                 BISHOP-ELECT W. J- KINO</t>
  </si>
  <si>
    <t>                                           BENNETT COLLEGE. Greensboro, N. C. -- (SNS) -- The second quadrennial conference of the Central Jurisdiction of the Methodist Church got off to a fine start here on this beautiful campus chapel Thursday morning at 10 o'clock with Rt. Rev. Robert...</t>
  </si>
  <si>
    <t>                                           this is your protection: Whan 7*m bar diamond at Atlanta'* moot popular diamond  L K for nr him jam  to rehn your diamond, within II        tba lull amount paid will    . %. Xonr diamond may bo  In at   and full         10%  will bo . S. Sobnoor'i * to  your diamond  ono Ttu * to  of</t>
  </si>
  <si>
    <t>                                           -Mild "Race Equality Dem Platform Plank Reported                 Bishops Wright, Bray Suggest Race Aid Planks                 World Freedom Of Press Is Advocated                 .- (SNS1 A "mild" declaration for racial equality a concession to Negro demands and n departure from original plans to  this critical Usuo, was  reported to be Included In Uia JB44 Democratic party platform.                 Inclusion of a "general"  plank In tUo platform, so phrased as not to further antagonize southern Democrats, was  to be the political high .point of the 1944 campaign document. Leading *\ bers..pr the resolutions . which        9*       ''up hearings Tuesday on domestic!, plant, agree that the race question' Is  "toughest" problem. Two nationally known Negro religious and political figures. Bishop R. R. Wriaht, Jr., of the AME Church and J.imes A. Bray, of the CME Churcn and executive  and retiring president of the Fmteninl Council of Negro Churches In America, on Tuesday presented suggestions from the council for consideration or the Democratic Platform Committee In Its meeting In the Stevens Holol. SEEK "TEETH" IN PLANKS Bishop Bray, made an eloquent Rppeal to open the Negro, discussion for racial planks with "teeth," and Bishop Wright closed with several concrete planks which Negroes regardless of faith, color, or  want. The planks for the platform suggested by Uic council may be found hem: 1. We  to corect uny mistreatment of members of our  forces on account of religion, race or color, and to equally protect all persons in Hie uniform of the United States Army or Navy, at  and abroad. a. Ha 'ing  the Fair Employment Practice, we pledge  lnl legislation to make It permanently effective. 3. We pledge to enact legislation to abolish the payment of a poll tax as a condition for voting in i (Continued on page 6, col. 1)                 Bishop Wright (Continued from page 1) federal elections. 4. We  to enact legislation  lynching.*; as we have against kidnapping. 5. We urge the Democrats of all states to open up their primaries to all citizens regardless of color. In accordance with the recent decision of the Supreme Court in the Texas Primary Cose. 6. We pledge to enact legislation against separate cars, based upon color, for Interstate passengers on common carriers. PRESS FREEDOM ADVISED Platform drafters were urged by two spokesmen of the nation s editors- to declare for America to throw its moral weight behind tho idea ol world freedom of the press. Ralph McGill, editor of the Atlanta Constitution and representative of a committee of newspaper editor, and John S. Knisht. publisher of the Detroit Free Press  nd other papers and president of tho American Society of Newspaper Editors, said world press freedom                 would lessen the chance of future wars and Increase the likelihood of  peace. "The most powerful thing In the world Is truth," Mr. McGHl told the  and ho declared: "We, believe that a free and honest press in every country would contribute greatly toward lessening tho chance of future wars." There were other proposals for the platform committee touching on labor, trade, enforcement 01 antitrust laws, extended credit, incentives for new enterprises and others.</t>
  </si>
  <si>
    <t>                                           CHICAGO,--(SNS)-- A "mild" declaration for racial equality--a concession to Negro demands and a departure from original plans to avoid this critical issue, was reliably reported to be included in the 1944 Democratic party platform.</t>
  </si>
  <si>
    <t>                                           "THESE DEAD'' SHALL NOT HAVE DIED* IN VAIN?                 3</t>
  </si>
  <si>
    <t>                                           John Harden, the congenial sportman responsible for the revival of "big-time" baseball in the Gate City, is determined to give Atlanta fang a real drawing card, whenever the opportunity presents itself. So, with the Atlanta Black Crackers now on the last leg of an extended tour of the Southwest and Midwest, the Black Crackers management has matched the well-balanced Fort Benning Red Sox and the revamped Nashville Black Vols for a...</t>
  </si>
  <si>
    <t>                                           Tuskegee's mighty baseball machine rolls into Atlanta this week end dead-bent on showing up the Charlotte Black Hornals from North Carolina. The two noted teams clash in a double-hender in Ponce de Leon park under the promotion of the Black Cracker...</t>
  </si>
  <si>
    <t>                                           It was noon before Argus awoke the following day. He felt strangely light-headed from loss of blood and shock. He got up and called Butch.</t>
  </si>
  <si>
    <t>                                           ^   ^ H H EH H  ^hb V Ri ^^bob^  HBB hH W ^9 BJ Ion Bk Bifl w mww BB^Hi V kO Bi Hi     ^B^B^ta JBr B^w B1B1B hBI rm d H  H ^b ^^HH ^ ^i^   HHVi fl Bi H .Hl^JMBpffaiBM^^JBii HVE^^^B BHaS ^BJBl bhL^b^^BjH9  jB^B]B^HB^BBmBmB] T ^HBH BnupHtf i H B B fi hI I^^bI to ^H^H^BH BH B B a [M-JUJiT*i   .H B I I ^thB H^B^B^r^^^H fl B "?H Bfl ^h^^^H B^B^BB J -JB 8 H 111 ^9    kJ^^   ^H J^^ 9 ftV__lBm_^Bm  M ^b^b^bS ^WSS^  ^S^Si^B^^^^^^^^^B^B^Bj^^^^^S^^^^^^g^g'^gjS^</t>
  </si>
  <si>
    <t>                                           MADAM MINGY A Genuine Palmist  nd True Adviser 50c Complete Readings SOc     ^^B  and how to HrHl Without asking sin.      gle          , she will [BrlJjH tc" your secret dc^H*Tfx9 *ircs and greatest am* BfcvT^H gain them. Tell never R/^^S (ailing advice on all ^~L a 4V affairs of life, such as love, influences, money matters, business, in fact. no matter what your problem may be. Stop being a loser, change your luck. Cain the things you want most in life. Sec hut to day as this pecial low price  not    . Forty yc*rs exD*       ten *     Atlanta    MADAM MtNGY'S KU a ranter to you thai no better * ^~r faster results can be obtained wl any price, anywhere. Rending* Daily and Sunday 10 a. m. lil 10 p. m. 652 Me Donouph Rd., across from Frdcrnl Prinon. Take Pry or Federal Prison car end if line. Look for Neon St?n*</t>
  </si>
  <si>
    <t>                                           y^eans [fine</t>
  </si>
  <si>
    <t>                                           CAPITOL NOW PLAYING MYSTIC LOVE DROPS   .IT* WIN T1IK (INK you I.OVK  0110        of thin .  ;  enn put n  IX; SI KT,I. over Ilio       tore, who .rnn t  ;  u-  -   TO SUCCESS . I.ICK.  I'Ott'Bn. ThMW  lov*- * will help you MAftli A HIT IN THE 'O.13US OV LIKE. AND.I.nVE. 18 of (IrllBhtfn "     (ell Imw 1. Ihrj'Te bwn. Vou'rt  lo enjoy it BIG .I.. AJso  PEnsONAJ. DIIlECTtONS       to use this to win lore. 8EN*  7v O  Fu!      bott!~   it In -plain wrapper. Buy  on  51.49 ~~-h!eh !2e!   8 e!l , or Bead  ~!.8S a=4 n-o   =t . O=~' bott!~  two        MOSEY SACK GUARANTEE.  O CO.; SI ITert ilth StrMt. Dtpt. OT-12. N. Y. City., The Allen Hotel Kentucky's Finest Colored Hotel 50 Newly Re-decorated Rooms. I 2516 W. Madison  11, Ky. I Telephose SB. 9129</t>
  </si>
  <si>
    <t>                                           HUMAN PAGE BOY ATTACHMENTS ORDER TODAY ^gfc^         ~*T^~^H 8 itd no * W^^\y^S^ - color or hair. B^^W ;        *- I- prim Hit or other  nah M . RENA HART BEAUTY PRODUCTS CO. I1H  Ate., ~'~~w Turk, If. y.</t>
  </si>
  <si>
    <t>                                           We Carry a Full Line of Ucauty and Barber Supplies Urllr f,)r l  1   .    Slilu AliyirhrrKlare.v (Jeauty Products Co. l*1:^-,! I- SI.,         , 1.1. X. X</t>
  </si>
  <si>
    <t>                                           Summer Theatre To (Wferi'ijry Havoc"                 "0fy Havoc," an exciting drama of tilt  on Bataan- wiU ije the {first production of the' Atlanta University Summer Theatre, which will open for its eleventh .season at' eight p. m. on Thursday, June 23, in. Howe Memorial Hall, 'Spelman College. Second and third                 ances will be given on Friday and Saturday evenings. June 23 and 24. j .Miss w. Frances Perkins is the director and. Miss Lois Blayton is the designer of the set. Twelve young women will  j the roles.' Ida Kllpatrlck will play' Doc: W. Iffances Perkins, Smitty; Rebecca Gnyton- Flo.; Virginia Tlllmaii, Pat; Alexlna Purcell, Connie; Opal Jones. Stave;. Wynona Moore, Susan; Gwendolyn Davis, Andra: Barbara Mosley. Nydia; Marlella Ama- Helen; Dorothy Shands, Grace; ond Eleanor Biackshear, Sadie. Mrs. Davis will also i portray a native woman in the play. On the production staff; Henry Moss Is serving as stage manager                 and David Hall ls lighting designer. Special sound effects will be employed throughout the production and will be controlled by Gwendolyn Hlnsley and Marlon ^Ellison. Also on the staff are Blanche Sellers and Clara Yaies, who are In charge of properties; and Marie Cochrane and Barbara Lockett, who who arc the wardrobe mistresses. Make-up will be  by France- Grundy and Yvonne Lewis.</t>
  </si>
  <si>
    <t>                                           "Cry Havoc," an exciting drama of the nurses on Bataan, will be the first production of the Atlanta University Summer Theatre, which will open for its eleventh season at eight p. m. on Thursday, June in Howe Memorial Hall, Spelman College, Second and third...</t>
  </si>
  <si>
    <t>                                           Yes, We Are Fighting On Saipam                 Landed Ity Coast Ciiuird- in van on craft on the beach of Suipun in (lie Marianas, Nejfro  participate in the                 assault, thai U ; this strategic Japanese base from tho K'*ip  f the Mikado's Pacific warriors. Here, in                  FIukimI Helmuts, the fi(,'Hters   rs to move up 1.0 tho front lines. 'OTficial Cuast                 from OWI.)</t>
  </si>
  <si>
    <t>                                           Named as president of the State Association of Georgia Funeral Directors at the annual meeting of the body bore lust week was H. A. Hunt, of Fort Valley. The session was the seventeenth annual and was one of the best attended and most enthusiastic held...</t>
  </si>
  <si>
    <t>                                           YES! UUU LJ U '.*' tw TV imi     *</t>
  </si>
  <si>
    <t>                                           FELIX, THE CAT     By Sullivan                 TIM TYLER By Lymaii Young</t>
  </si>
  <si>
    <t>                                           He Won Contest                 Little Aaron C. McDaniel. Jr., 10 month:; old son of Mr. and Mrs. Aaron C. McDaniel, of Chumhlcc. Ga., won the  contest sponsored by Young Matrons of Zlon Baptist Church. Chamljlee, Ga., which he raised SC8.50. Botli tables  $100.95. Rev. D. A. DLxon. pastor.</t>
  </si>
  <si>
    <t>                                           MRS. ESTELLA SUTTON and Mrs. Annie Pearl Henderson of 125 Griffin Street left Thursday evening for New York City to visit friends and relatives.</t>
  </si>
  <si>
    <t>                                           BOWELS SLUGGISH? Feeling like you lost your br\\ friend         -dull-all because of  IuKgish ? Why put up with constipation        ? Chew modern FEEN-A-MINT, tho  chewing-gum .    -w -MINT tonight at , taking only in accordance with pack igu direction*. Next morning- thorough, gentle relief, helping you feel  w*Il again. Millioni rely on FEEN-A- I MINT. Chew like your favorite gum. Tatte* I k.ood. Try FEEN-A-MINT- a whole  j  costi only 10?. Secret Lovs Powder i MAGNETIC LIKE POWDER To WIN THE OH". *OU I.OVE Trv I Ills   tr^ nt for II ST UNK NKillT  *rr if It  .tour Itivrtt imi* to  ou     **r a II KIVITTIIIXn KI'Kfl.l. n.t by        DI. l'O~'   .lt. Vnu nmy he      thr GOOD I  you will I WIN If   m KNOW HOW Hi     Dili . Y II itl.Kss the I.I CKY  you  till-.     .- n DltKAM  THIK. ALSO  PKItSONAI. IllJti:~TIONS Imiw to uMr  to win love -~o-MJ .NO AtONKYl Full vile        Mftiit la BRAI.RD plain wrapp^f. Tar  oa  Sl.Sfi         . or rod tl.Vft  we   7 . One bottle FltRR If t  MftNKV BAf*~^ . VKI.MO CO.. Pfpt.   1II 21 1     4.1th Slrrrt. N. V. I!. X  M16MMM GET RIO OF I ^SVlfll YOUR TROUBLE gBy^i today- see P ~^S5 MME. DEL ROY W.tldi 0HE1TIST Upitltu.l AdtlMC     can turD tob  asd direct 7   to tbo road cf  aod        . WHAT ARE YOtJR LUCKY DATS) WHAT ABE YOUB LOCKY          ASK MADAM     SOY SILriNO , ClIAaJIS. LUCKY  .      Hlf-           DT.     far      .     J1.00 for a     of Inc.ni. PIui I C.oU . Coma. oaU or      - KASAM DEL SOY M H O.y St. Baltimore.   . BODES 1 P.M. u P.k. Ostv u Itooa Pbonoi KUtbom</t>
  </si>
  <si>
    <t>                                           FORSYTH, Ga.--Rev. J. C. Lawrence, ex-pastor of St. Luke AME Church passed Sunday June 25th at the parsonage of St. Paul AME Church. Macon. He was presiding elder of the East Macon District. He was funeralized. June 29th with Riclion Fountain officiating. Those...</t>
  </si>
  <si>
    <t>                                           The Allen Hotel Kentucky's Finest Colored note*. 50 Newly Re-) Rooms. 2516 W. Madison Louisville II, Ky. Telephone SI I. !~429 Lighten Skin TAKES 3 MINUTES Apply now NIX Liquid Blench. Lightening film arlUs Us  to skin In 3 minutes while  bleach Inen'dirnt works from beneath. Nn . Lightens at once. Uso anytime. No . II M ps tl ry up j" , loosen blackheads, fade freckles. Flno powder . Drut'K'ota guarantee. HIT THAT RHEUMATIC ?HB RIGHT WHERE iT HURTS And look at tlic Silver Lining in those Clouds of Pain Tbc big idea is tbat you want fo feel better. Wten paic  ses, your  eases. You get rest tbat means deliver ance. So use  tbat gets at th pain. C-2223 brings )-ou pain-relieving belp. Now you will feel as good a* olbers uho enjoy its belp, too 6oc, and ?i. Caution: li#~i only es directed. Firsi bottle-  price refunded if you  ce not ., get C-</t>
  </si>
  <si>
    <t>                                           LOANS TO SERVICEMEN S WIVES For Use Between ALLOTMENTS See Us for Quick Service WALNUT FINANCE CO. 14SK Pwcbtr** Slraat. H. E.</t>
  </si>
  <si>
    <t>                                           The Memphis Red Sox will return home tomorrow to meet the Cleveland Buckeyes Sunday in a doubleheader at Russwood Park. This will be the first meeting of the two teams since the league race opened. The Red Sox now in third place with the Buckeyes...</t>
  </si>
  <si>
    <t>                                           Masonic Grandmaster                 Grand Master John Wesley Dobbs, was  Grand Master of thi2 Masons of the Most i Worshipful Prince. Hal) Grand Lodge, Ancient Free and Accepted Masons during their, annual grand i lodge session held, here this' Wi-*pk.                 More than 300 delegates from various sections or Georgia were pi seen t at the confab. Reports of the Grand Master Dqbbs, and the other .officers showed, that the order.ls In a very healthy slate. Th.; order, now has a reported 150 subordinate lodges with a membership of more than 6,000. iThe grand treasurer of the grand lodge, Duncan Prlnglc. reported cash and property of $80,000. The secretary-treasurer of the. Masonic RclteC association, Joseph Crawford, reported cash and property to the amount of $107,500., belonging to the grand lodge; Other officers elected In addition to MrT Dobbs. were George W. Smith. Deputy Grand Master,                 Brunswick: L. P. Bohler, Senior j Grand Warden, Augusta; Eugene1 Jackson, Junior Grand Warden, i Macon Duncan Pringle, grand treasurer,. Savannah; Sol John- son, grand/secretary. Savannah; Joseph Crawford, -treasur- ;r of the Masonic Relief Associa- tlon. Atlanta; Bev. R. c. Crouch, grand chaplain, .Moultrie: Samuel Fuller, grand lecturer. Savannah; S. J. Simpson,' senior deason, Way- I S. J. Simpson; senior deacon. Way- con, Baxley William West, sen- ior steward, "Brunswick: R*v. C. J. j Reynolds, junior steward. Bacontoii: D. Thomas, marshall. Savan- nah; A. A. Heard, sword bearer. LaGrangc: C. C. Stanford. pur- . Mansflald, 'and L. B. I Hill, tiler, Americus.' j The session was harmonious throughout wild a fine spirit of optimism  the entire . Next annual session will i be in Savannah next June at which time will be observed the i 75th Jubilee of the grand lodge.</t>
  </si>
  <si>
    <t>                                           Grand Master John Wesley Dobbs, was reelected Grand Master of the Masons of the Most Worshipful Prince. Hall Grand Lodge, Ancient Free and Accepted Masons during their, annual grand lodge session held here this week.</t>
  </si>
  <si>
    <t>                                           Yes, You're Wrong Again!                 But you re correct when you, say it s a Jeep. Tin's model of tiit* famous nue--toM Army  brought* two first (iri/.es    Private GeortfP Can**, of Pes        , town. Ncj?r*~ I'lembcr of a Quartermaster Truckinp Company of I ho l Hh Ajmy Air Korcc, at jni "Itiyeiuiity C'Mitusl "     the Amoican }\cO Cross in Now Caltfci'-nii', South J'acil'ic,       . nne- Uic sir.v. of a real      , I his ) )ias ,-i Into*! Mm' rises am? IhU'Ik's. real v-.                 :ntd  , windshield which may bo  ami Inwcrnl. :uid ;i   that actually                  till'  wheels. 'U. S. Army Siirn:il Corps l )</t>
  </si>
  <si>
    <t>                                           Competitive golf will return to the Gate City this weekend when local golfers tee-off in the 1944 Atlanta Open Tournament, which will he played over the New Lincoln Golf and Country Club course, Sunday and Monday (Labor Day).</t>
  </si>
  <si>
    <t>                                           Shop Today" HIGH S BASEMENT (tpN All Kinds! fAll Color si WOMEN S COOL DRESSES Attractive dresses to wear anywhere, anytime! Choose your favorite style irom our large selection. Prints, dots, checks, solids. Bembergs, shantungs, wash silks, and spun rayons. For all ages, all sizes. 12 to 20, 38 to 52. * HIGH S BASEMENT Men! Relax in COTTON SPORT SHIRTS 1AQ 2 for "^r** 2.95 Sizes 14 to 17 Stay cool and comfortable in spite of the weather! Sport shirts of fine cotton weaves. Fast colors. Short sleeves. Blue, tan, green, gray, brown colors. Sharkskin Gabardine SLACKS FOR MEN ft.49 ft.98 J.98 For now and this fall! Smartly tailored gabardines, light worsteds and sharkskin. In blues, tans, grays, browns. Perfect with your sport shirts. Sizes 28-41. MEN S WEAH HIOH't BAtXMINT Final Clearance! BOYS' FINE SLACKS 179 Originally 1.98 and 2.49 Reduced! Boys' tweed and washable cotton slacks. To wear now and to school this fall. Gray and tan. Sizes 12 to 16. Clearance of BOYS' SPORT SHIRTS ^r?$ Originally 1.19 and 1.29 A favorite with boys! Cool cotton weave sport shirts. Fine quality cotton that weant well. Small, medium, large .sizes. Green, tun, and blue colors. ' WEAR HI.OH S</t>
  </si>
  <si>
    <t>                                           Dr.C.A.Constantine I DENTIST I PVbtrec: M Floor at Imbmrm I</t>
  </si>
  <si>
    <t>                                           Sudden death struck in one place and narrowly missed in two other late Tuesday afternoon.</t>
  </si>
  <si>
    <t>                                           Mother Of Day                 MRS. F. B. CULLINS -029 Parson Street. Atlanta, who Wii.s  honored by the 234th AAF Base Unit of Clovis, New Mexico when she was chosen "MOTHER OF THE DAY." bv members of this unit at the Annual Mother's Day services held at thi Unit Chapel. Sunday morning. Mny M. Mrs. Cullins was notified of the action of the unit In choosing her Vy Robert W. Wells. Captain. Air Corps. Commanding, who said in his letter. "The members of this unit join CPL. WILLIS L. CULLINS. your son, in extending greetings to you on your day. Besides Cpl. Willis L. Cullins. Mrs. Cullins has another son. SGT. HERMAN C. CULLINS. at Tuskcccc Alabama, who Is in 'he armed services.</t>
  </si>
  <si>
    <t>                                           THE MOST SKEPTICAL, if they express their opinion without pias will now say that Rev. D. T. Babcock, pastor of Big Bethel A. M. E. Church is...</t>
  </si>
  <si>
    <t>                                           BLAST FAMED OLD BRIDGE TO MAKE WAY FOR                     THE HISTORIC SANTA TRINITA bridge over the Arno River in Florence, demolished by the Germans during their retreat, comes to a final spectacular end as engineers ol the British 8th Army blast away the wreckage. a  Railpv  will soon take its Dlace as engineers rush to replace the old with the new, and "j c^csd                 up the pursuit of tie enem'. Siena! Corpj Radiophoto, ^ Suvnuphoto)</t>
  </si>
  <si>
    <t>                                           Sunday was a busy day at Zion Hill. The ETU completed their plans for the financial contest with the Sunday School tour captains were named and the Union pledged their unlimited cooperation to the pastor. Rev. Tuggle preached he ... ...to the voting...</t>
  </si>
  <si>
    <t>                                           Holland Has its Version Of Klan                 WASHINGTON, (AND- Terroristic tactics typical or the old Ku Kux Klan following the last World Wnr are being pursued in occupied Holland by a group Identified odd- ly . aj the KK-group, it is revealed in the Netherlands News I digest. I                 'The. murder of three prominent citizens of the town of Moppel, In Dronte province. On September 23 v.-as only one episode in a series or of  between patriots and members of the Dutch-Nazi 'control commando, the notorious KKprcup whose task It is to carry out all slaying ordered hy the German "green police," the Digest reports. The green police are patterned much  the SS storm troopers of Nazi Germany. "According to an underground                 newspaper. a veritable reign of terror prevailed In the province from July until December or last, year In which  and retaliation murders followed euch other in rapid succession. "It began with the killing uf two members on the KK by pa riots on July 21. On August 4 the entire town of Moppcl (population 11,0001 was  by German police vho spent the entire night in a house-to-house sea?ch, and in some cases literally broke away the walls of suspected home:;. WMi they faile to find anyone who might be even faintly connected with the slaying,  delivered the town in- to the hands of the KK, which terrorized Its citizens for more than' a week.' I</t>
  </si>
  <si>
    <t>                                           WASHINGTON, (ANP--Terroristic tactics typical of the old Ku Kux Klan following the last World War are being pursued in occupied Holland by a group Identified oddly enough as the KK-group it is revealed in the Netherlands News Ligest.</t>
  </si>
  <si>
    <t>                                           A number of southern leaders and newspapers have given rather generous endorsement to the recent United States Supreme Court decision affirming the constitutional right of Negroes to vote in the Democratic Primaries. The Georgia Interracial Commission, the Southern Regional Council, the Southern Baptist Convention, together with the Southern Conference for Human Welfare, have each made organized and united appeals to the conscience and...</t>
  </si>
  <si>
    <t>                                           ST. PAUL, Minn.--(ANP)--The sympathetic attitude of two Catholic nuns and their timely whispering to a white soldier was instrumental last week in putting down a Negro baiting white soldier on a Missouri Pacific train out of Omaha to Atchinson, Kansas.</t>
  </si>
  <si>
    <t>                                           Ft SAFETY  ALLURING '5 LOVELINESS! Because 1. If for any reason yon wish to return your diamond within 30 days f after purchase the full amount paid will be refunded. 2. Your diamond may be traded in at any time and full purchase price pins 10% increase will be al- lowed. 2. Schncer'i agrees to purchase your diamond  in one year  to i terms, of written -</t>
  </si>
  <si>
    <t>                                           Public Hearings To Be Held By FEPC On Coast Tram Case                 WASHINGTON. D. C. (SNS) j Mnlcom Ross. Chairman of tho President's Committee on Pair Employment Practice, announced today  the committee has scheduled a public hearing in Los AngcVs. Calif.. August a and 9 to examine numerous complaints filed with the committee alleging employment practices by the Los Anroles Railway Company In violation of the Executive Order against  on page i, Column 3)                 Public Hearing (Continued From Page 1) nation In  ar Industries because i of race. The complaints, said Ross, i charge that tlie company refuses to employ JNegrors and members of other minority groups in certain categories of work because of their race or national origin. Negotiations with the company ure being carried on at present, Mr. Ross said, and there is still hope  they may result in making the hearing unnecessary.</t>
  </si>
  <si>
    <t>                                           Alabama was one or the five Southern states without a Negro delegate or alternate to th Republican nomination convention recently held in Chicago.</t>
  </si>
  <si>
    <t>                                           COME ONE! COME ALL!! OLD TIME KI5V1VAL AND Spiritual Feust HUNTER HILLS AME CHURCH Corner Akridgc and * Streets' in  Hills lU ; Mondiiy Nijcht., August 28, 1944 : Siindiiy Nijrht, September 10, 1944 Theme: 'A Gospel For A World At War' Kev. S. K. . Pastor The  Gomel           will   till* soul nl  revival: Rev. Ben    . Rer.        Brown,     .V J. W. Judlte, Rev. R. H. Porfor, ReT. A. M.       ,    . H. Jnckton, Rer. W. R. Wilkc</t>
  </si>
  <si>
    <t>                                           Racial Post War Plan Gains Favor                 SAN FRANCISCO- (ANP)- If thousands of Mexicans, Negroes, Jews and other minority groups are to be the first to lose their jobs when war production is cut back,' California will face the biggest social problem in its history, declared Milton Gair of Redlands last week as he reviewed his rapidly growing project which at first appeared to be a one-man crusade.                 The project, called "Race tolerance as a plunk in Callfornias' postwar planning plaform," recommends that the state reconstruction and  commission give race tolerance n. prominent  on its agenda. Galr has recommended that the  urge the states businessman and Industrialists to adopt the  pot- war employe relations policy based on ill hiring according to ability, not by race or need: (2) promoting In the same way, right up to the junior execuitve level; (3) maintaining an employment practice of setting forth  s Intent not to dls- i (Continued on Page 6. Col. 3)                 Racial Port (Continued rrom Pane 1)  before sill new workers: (4) backing :i .-Ue housing program; (5) supporting moves to eliminate race factors from all advertising. The project creator believes thi t businessmen a n .1   initiate the program, rather Ihnn (    people whc.se conviction s arc idealistic   . He feel-: that this post-wp.r problem should become a real ^nize.*1. Tact, r.nd that employers ~-  to a policy or -,      they be face vUh a real social I  In post war days Alrearly Gair's idea is well known In small to\v:i shopkeepers  the state and  circles all over the nation are giving  to the idea and - mended program.</t>
  </si>
  <si>
    <t>                                           SAN FRANCISCO--(ANP)--If thousands of Mexicans, Negroes, Jews and other minority groups are to be the first to lose their jobs when war production is cut back, California will face the biggest social problem in its history, declared Milton Gair of Redlands last week as he reviewed his rapidly growing project which at first appeared to be a one-man crusade.</t>
  </si>
  <si>
    <t>                                           Convention Host                 REV. G. A. LONG, widely-known pastor of Beale Avenu; (First) Baptist Church, who Is  the lead In laying the groundwork for the forthcoming National Baptist Convention of America, which la scheduled to be held In Memphis, September 6-10 Inclusive. Headquarters for the convention will be First Baptist Church (Beale Ave-. nue.)                 MEMPHIS.                 -~SNS)-</t>
  </si>
  <si>
    <t>                                           AN ACNE PIMPLE ISA PEST ...especially when -~g^^ soreness and itching 49^k are present. Relieve       these troublesome A ]K symptoms of externally (V'^lB caused pimples with 1^- X^M antiseptic Black and V^V^^K' White Ointment. Thou- ^P lands of satisfied users have found that famous Black and White Ointment through its soothing antiseptic action eases itching help s nature in healing. It also relieves itching and burning soreness of eczema externally caused, and simple ringworm. Try it! In large economical sizes, 5OfS, 251 and 10*. Use only as directed. OT Highly recommended for daily cleansing away surface dirt is mild and fragrant Black and White Skin Soap, IOjS and 25fS, sold ^ere.</t>
  </si>
  <si>
    <t>                                           ^v'^      COLORS CRAY * Cook jo to 20 years younger       %          J-~   t worry any Iodk" about  5RAY HA!~~  KWLMjfV^i 4 93      2 you look old or lose out iti Love. Komacce^or *            *!$~2Kfic5or rood (ob. Get      ef SL CK-BLACK, Die NEW." BVO'SHl/''^ VkhBhSoVK"! ~=~i0E       make, your HAIR  8-**- it^^R?; r- looking Bnd  a JET BLACK ^^- ~*~~fTV*ri COLOR  MAIRnt Dm ramn     . Taki1  '         ' M r/1 . At Silly, Lock Forty. At Forty, V4j)     '*'**~W5!S'1?vC -nok T**     . Just folt-.-^v      (  l-ox. x x^*  Sfifc'PP'?- ^*^^~s- i 13at:  9; no fuss; no ; cbat te from  buir- VvMJ *3^J w^^^i jf     to SLICK-BkACK, BfG-   #%              '    Kj. BOX SUC    ^i^^,^^ T).*je this cap wuh 3yT i^H;~^ j l^*          9BHB8Bl FITS  LIKE A GLOVE V^              PRESSES HAIR IN PLACE      "^^)y]p j IWfe^T''7-^jSj'^fY'^ Oct. Ihmrombin.. Kr^p GET SLICK-BLACK and SLICK-BLACK CHN at ALL DRUG STORES VOU ?AN HAVE  HAtft   X PERFECTLY MATCHED ^OR.^^feg'^^       !!yy1 M^^5 o JUTrr 'SEND NO MONCYyT^ f)ill\ U UoW      . PAY,         JJ.00 i Mfi^si B ~% PHri  on , bS!^    ^v  UO     , WIGS AND MAIM B^HBl^'^ Wtl$~ GUMAWtlD-. ^nHB%k Otcy Holr SUOErtro JL ^*Bml^wWl ..  t0DAT (ft ^H -Vft'torrf Full Ihn ot- OVCH  M L-^       A'l Colon Iniludixg Mlntd 0-or **J f'..l^ffl^^ JESSIE KARE- BEAUTY PRODUCTS COMPANY 8W.Hff.H.**!.uV"0*   's' NEW Y0RK ciTr ,:J\: .:::--S;:'yr-**-kl</t>
  </si>
  <si>
    <t>                                           NOTICE The Greater Mt. Zion National Baptist Convention to be held at Mt. Zion Baptist Church. Rer. J. Tv Dorsey; pastor, will hold sessions Tuesday and Wednesday night, June 13 and 14. The   will hi"'  Mnndny , M. P. Hostic in director.</t>
  </si>
  <si>
    <t>                                           CHECKING AND SAVINGS ACCOUNT SERVICE First National Bank ATLANTA CAPITAL SURPLUS PROFITS *10,000,000 Mrmlirr Federnl Deposit Inttinincn Corp. va:\ defense savings bonds</t>
  </si>
  <si>
    <t>                                           Facing each other on Ponce de Leon field Sunday in a twin-header baseball attraction, beginning at 2:30 o'clock, will be the Atlanta Black Crackers, the pride of Georgia and North Carolina's champion balltossers, the Charlotte Black Hornets.</t>
  </si>
  <si>
    <t>                                           CAPITOL Now  laud ill "GANGS, INC." plus LATEST U AH  i ami  CARTOON    *59B6fl#*4 ^~S^   -^Sgrir V ft            I MICHAEL O SHEA ANNE SHIRLEY dan .. 'Stephanie *V,RAY' WALKER "TOAjMr BOND ^    /PHBi.lj;i..    ' U R 5 i</t>
  </si>
  <si>
    <t>                                           She Was Crowned 'Queen'1                 MISS SALLIE MAE HIGHTOWER was crowned "Queen" of the Dermis ;Cura OCbllege .class of '44 on June 13 by the president of the class, -Miss Vivian' Sproul. .Miss Hiehtower is the daughter of Mr. and Mrs. Jim Ware, of Atlanta.</t>
  </si>
  <si>
    <t>                                           Card Of Thanks                 We wish to take this method of expressing appreciation to our many friends and relatives for their kind expressions of sympathy, florals, and assistance in the death of our Mother, Mrs. Minnie Fox. We especially thank the Haupnbrooks Funeral Home for their splendid service. Mrs. Alice Williams, daughter Mr. Frank Thomas, son</t>
  </si>
  <si>
    <t>                                           Lots In Hunter, Hills $5 MONTH Near Washington Fart E. It. Craigliead, President 5?4 Canrtlcr Bldg. WA. 5863</t>
  </si>
  <si>
    <t>                                           MYSTIC LOVE DROPS  AROMA .FS HD  ONT. VOC I^~VK JunI nut*   ipf Oil* , nt!m   can !~ot u 1I INO 8PEI.L  tsn     yon lor*, who run t  ln\tnx jno which  IIAPT'iyKSS- TUB KKV TO  MO.VKV. .  POWTBn.       love drop* will  too MAKE A HIT IV TUB OA-MK OP I.IP* AND I."VK. . of   tell liow I.UCKY they re       . Vno're Mini to f.n.lor s D1O 1I.IAluo  PEllSON/M.  how to mm thU to wtn lore. SEND NO 1 Full  bottle      In pl*ln . l ttj  on  vl.-to   InrlutlfN nil *. or Nenil  I'.t5 anil we pay * One   It two     ?. MONKY  (. TO.MO CO.  1 XT'" 15th Strrft, Dept. GT-18. N- 1'. CUT.</t>
  </si>
  <si>
    <t>                                           Lends A Hand                 .BIRMINGHAM. Ala.-  SNS)_ MRS. W. P. WILLIAMS .president of Ihe Birmingham Federation of Colored Women's Club, who Is lending a helping hand In the ticket sales program for the Trade Week Song Festival sponsored by the Greater-Birmingham Negro Business League, Legion Field, August 27. 3 p. m.</t>
  </si>
  <si>
    <t>                                           LONDONERS RELAX IN NEW SHELTER,                 I EVEN THE   " AZI ROBOT flying bombs can t halt Londoners from enjoying, 'themselves. .'A couple is shown dancing to music provided by a        i loudspeaker in one of the new shelters opened when robot bombs began i                 to   on the English capital. (/) I                 II</t>
  </si>
  <si>
    <t>                                           PRAISES                 Tells Them They Have Hastened Day Of Victory                 Speaks To Men On Grounds Of Camp Johnston                 CAMP GORDON JOHNSTON, Fla. 'Camp Gordon Johnston Is for from the best .'.i or most pub/ I'.cized camp In the United .States and yet, the part you, and your comrades who trained here before  nre playing in. this war to  V. none in Importance."                 said Brig. Gen. William' h! Hoicombe, Commanding General ol the Army Service Forces Training Center here in a recent dedicatory speech' to colored troops. Before companies mossed on the newly surfaced Amphibian Truck Training Gruop' parade ground. the General commended men ot th2 camp s Third Area, predominately populated by colored troops, for their work in completing tho services club, guest house, library, recreation hall, nnd. chapel, all of which were dedicated to t he Amphibian Truck\ Training Group men. Much of the work wns done by contributed labor after duty hours. The dedicatory exercises beyan  ar. Inspection of the p.sw ^r9          ?~.?6T'::^fr"' ^r MADE HISTORY; v-;\ In speaking to the/men just be-' fore a colorful, retreat ceremony,' Gen,1 Holcombe ..'declared:' "In Africa, in Sicily,' in Italy, In Normandy, and in the far. of ihr Pacific, the Amphibian Truck lms made history, as a weapon of mr it has achieved highest rank: Without Amphibian. Trucks and you men to operate them our success en the for-flung battlefields of the world might hove been delayed or Dcrhaps neutralized." Acknowledging the hardships under which the  have train ed. Gen. Holcombe; further said: "I don't have to tell you' thai there Is nothing soft or comfortable or pleasant about war. War is hell- whether, you are actively engaged in combat duty or trainIng here In camp. Your morale la important to me. Col. Savage (Lt. Col. Dale G. Savoge.  Commander) and I have wished    could  made things more comfortable for you." PAYS TRIBUTE That is why it. is gratifying to me to be here on this occasion. It is because of your spirit, your understanding of the great crisis,  confronts our country, and - commendable response 50 the assignment we have given you, that we are gathered here today to pay tribute to you. not by mere words but by officially dedicating to you men of the  your service club, your guest house, your library and your chapel.' "I congratulate all of you whose labor made these buildings possible It was truly a labor of love. You who remain here will enjoy these . you who ore deporting will have the satisfaction of knowIng that your comrades are enjoying them." A native of Washington. D. C. Gen. Holcombe was a member ot Li. Qen. Joseph Slilwell's party during the famous 1942 Burma Retreat. a victim of recurrent (Continued on1 page 4, coL S)                 As Duck Units Passed In Review                 Colored troops of the  (Amphibian Truck Training Group) pass" in review before Brig. Gen. William n. Holcombe. shown  from left lit exercises ; new  Service Club,                 Guest House, Library.' Recreation': Hall, and Chapel. At left is the familiar character adopted                 by  as their local insignia. (Photo by U. S. Army Sijrnnl Corps.).                 Tells Them (Continued from page I) ;'.iria. Jio ^remained In India until  of 1U43 as Deputy Commanding; Ge:u;ral of the Army Service foj ccs China-Bmvn;i-'i(.:i Tlicatei1. He -ncd to V.k  Stales in January 1344.       took command or Camp Gordon Johnston In March.</t>
  </si>
  <si>
    <t>                                           CAMP GORDON JOHNSTON, Fla.--Camp Gordon Johnston is for from the best known or most publicized camp in the United States and yet, the part you, and your comrades who trained here before you are playing in this war is second to none in importance."</t>
  </si>
  <si>
    <t>                                           RUIN GOOD TIMES ^-j^ picking at them ai "IHMsS^ "use you endless em'    !~~~PY . When you  E A follow such annoying; S'S'\ lrr tat nS actions, you ^E/- I feel as though being SftN,^^/ with people is the last V- thing you want to do in this world. Black  nd White Ointment, with its antiseptic action, promptly cases the soreness and itching of those externally caused; bothersome acne pimples. Easily  p- plied as a dressing, its aid to Nature's active healing comes from its antiseptic ingredient. Black and White Ointment goes right to work, and the itching is relieved, scratching is discouraged. It also relieves itching, burning soreness of eczema ex-  caused. Use only as directed) Black and White Ointment, itf; large economical sizes 23j!, 30(f: At all dealers. I For daily skin cleansing use mild} fragrant Black and White Skin     ; lOfi and 25</t>
  </si>
  <si>
    <t>                                           Army Probing Claiborne Riot                 WASHINGTON  N N P Ai The War Department  Thursday that, on  !s being made of a reported riot, .it Camp Clalborne. La., where unconfirmed rumor of the killing of 11 Uen'o f. led to nn outbreak  In the ; of a wl:'te lieutenant- and five Nefjro SoMlnry. Preliminary  np. the Incident were that about five days aco   that a 'Necro  from Camn Cnllborne hnd attacked a v'- girl. The attacker made a  vnv. " to the i-. ond  .'es xmit alter him wlf.lt  nds and a woe. He was not . W(" It w.s rumored  some soldier or ono who look'"' Hfee  "d Vnr some rW . The    thRt H'p  hart hoen shot and m" Ivlnf      " the .                  'n ttn rani" hro*" Into tl"! . ton'*  . It l.~ . a"d ~* showing  .me"*. The five "~.         resulted. JJo     \    . The ulti  'ns  Th'irsdav to bo \ full . Further  on the incident \vere awaited by the war Department.</t>
  </si>
  <si>
    <t>                                           -4 TO START BUYING A HOME Uncertainties of the day make it more important limn ever to nature the security of your family. You can start buying lot in HUNTER HILLS with a small down payment. Monthly notes are arranged to suit your convenience. Don't wait 'til some "fortunate day" to provide a home for your family. Have your lot paid for be ready to build at toon at building materials are released for civilian use. BEAUTIFUL LOCATIONS JJcluccn Hunter Street imri Simpson Kitnd Near Washington Park DISCOUNT FOR CASH I $5 A MONTH $5 A MONTH I BUYS A LOT BUYS A LOT in Hunter Hills Hunter Hills I 1 HUNTER HILLS INC. E. R. CRAIGHEAD President 604  BLDG. WAlnul 5862</t>
  </si>
  <si>
    <t>                                           In Memoriam                 Eighteen years ago today Darling It was a beautiful day the sun shown In your smiling face as you were sweetly laid away. Friends have done their best, but mother It's your death I regret. Mrs. VaLiv r.. daughter and Grandchildren</t>
  </si>
  <si>
    <t>                                           File Ga. Suit To Smash Primary                 COLUMBUS, Ga.- (S N S) A group of Negro Georgians Wednesday ocean a federal court test of state Democratic Party regulations barring Negroes from participating In primary elections.                 The suit was brought In the name ol Primus E. King, minister and Lnrber. against 11 members of the Mus;' County Democratic executive committee and asked $5,000 damages for  violation of civil rights. "The suit was filed on. behalf of of group of  Muscogee County Negroes," said Oscar D. Smith, attorney for Kins, "to ascertain if tlv; United States Supreme Court decision on the Texas Democratic Primary applies to the  Primary n. In Gco:gf;i. "Our p tp 1$ to carry the case to the United States Supremo Court if necessary." Rev. King in his petition claimed the committee In denying him the right to vote In the state primary on July 4. 1944, violated Sections One and Two of Article l, and the 14th. 15th and 17th amendments to the United States Constitution. He alleges that on July 4. he applied to election managers nt the polling places in the courthouse for a ballot and was denied the right to vote 'solely because of race and color." He further contended that he was prepared to present evidence to prove that he believed in the tenets of the Democratic Party. "The committee will contest the suit course," said J. E. Chapman, Jr., chairman and one of the 11 defendants. It was stated also In regard to the Columbus action that a. Citi*ns Committee there of which Dr. Thomas H. Brewer is chairman, was backing the suit. It was stated also that the  there or those i filing are not affiliated with the Georgia Association of Democratic Clubs, a group composed of Negro Democratic clubs trom more than 15 communities.</t>
  </si>
  <si>
    <t>                                           COLUMBUS, Ga.--(S N S)-- A group of Negro Georgians Wednesday began a federal court test of state Democratic Party regulations barring Negroes from participating in primary elections.</t>
  </si>
  <si>
    <t>                                           The Atlanta Army Senior Forces All-Stars have been working overtime, in order to get in top form for the three-way twinbill, which will be played at Washington Park, Sunday afternoon, with the Officers and Medical Corps teams from the Tuskegee Army Air Field.</t>
  </si>
  <si>
    <t>                                           \~   GOOD 'ffl LOOKING I' That's tho  every  feels when bo sees a beautiful woman. But what .and whatever}' beauty wise woman docs know, is that her face powder has a lot to do with making  look beautiful. That's why Black and White Face Powder is such a favorite. It cornea in G harmonizing, flattering shades. It's easy to find the one Hints right for you. Its soft magic mist texture adds a glowing freshness, feels smooth as silk on your skin. And, though it fluffs on your face, neck anil nrms lightly, it clings for hours. Face bright lights and sun without fear  you use Black and ,-ij?because you know how S^c, r A at nil toilet ~:. ^^^wL^ Special $1.00 Reading for 25c Your lucky dayi and  (Wen     . JX3L Madam Eva  she gives Xt}Jm FACTS AND YOU L^HL' GET RESULTS MBj World'!         . ^^^~r* After yon  a!i oth u.~.     *       1~* It"? .to Era end Ma oat       au. if Tou bore         (         or Mffl or LQck, b* nrs and  at at oner, office , B m. 10 p. m. Dally and SondaT. 1015 w. Marietta St. X. W., Atlanta. Be tare to take the Inman Yard Street Pltate nek the  oar conductor to  M Ton off two Mop. on tbe other aide 'tw dsa "ftps* Atha"*</t>
  </si>
  <si>
    <t>                                           Had Hard Time Catching Up                 So fast was the Negro Artillery Unit which is raining death j on Nazi hordes,  across the French Peninsula, Rudolph Dun- I bar. Associated Negro Press war correspondent had a difficult time ; up. Here he is photographed with men of a GM                  after an interview somewhere in France.- (Signal Corps Photo)</t>
  </si>
  <si>
    <t>                                           i  BOWUSEUBf Temporarily Closed while we install the finest regulation alleys available. %\ Watch For Reopening Date</t>
  </si>
  <si>
    <t>                                           500 Toil In Bujl^rig Huge Fonfana Dam                 Have Facilities Of Modern City In Own Camp                 FONTANA DAM. North Carolina (SNS1- Nearly 500 Negroes are In the construction force that Is speeding TVA's Pontana Dam In North Carolina to . to provide needed power' for war.                 Negro workers at Fontana, and many of their families, live In a modern camp and village which have most of the facilities of tiny modern  city moving picture Shows, school, barber shop, food store, bank, hospital, drug store, cafeteria, library, post office, recreation hall and  field. TWO DORMITORIES TVA has constructed two men s dormitories and a number of semipermanent family quarters. The Negro cafeteria with seating capacity for approximately 250 men, serves four times a day to accommodate workers from all three shifts and packs lunches for the men to take on  shifts at no extra charge. The minimum cost of lodging and three meals a day is $20.00 a month. A spirited community life has crown up in the Nesro camp and village. In May the first, .? of a  put out by camp and village residents appeared, can-vine news of Negro community activities, the Job at Fontana. and special features. The  was named "The Victory Journal" In a contest to select a name. A large recreation . under direction of residents'  committees In  and village Is centered around Softball, (Continued on page 6, Column Z\ i                 500 Toil In (Continued from page 1 dancing, pool, ping pong, and croquet. Ligthed volleyball .horseshoe, and clock golf courts will soon be completed. The Negro camp has a  building, a pool hall with three tables, and a commissary; and a recreation room and lounge hay been fitted out In the school in the Negro village. Thero are record players In both places for dancing any time, and orchestras are brought in for dantes about once a month. FORUMS HELD Education  In camp and village are conducting health and adult education programs for community and personal improvement as well as to bring about greater efficiency on the Job. A forum  in the camp sponsors discussion meeting twice a month. A speaker is invited to one of these meetings each month and In other meetings the men discuss among themselves current problems related to the job. Religious committees sponsor religious activities In camp and village. Plans are underway to organize a Little Theatre group. Library .facilities are provided foi Negro employees. I</t>
  </si>
  <si>
    <t>                                           FONTANA DAM, North Carolina (SNS) Nearly 500 Negroes are In the construction force that is speeding TVA's Fontana Dam in North Carolina to completion, to provide needed power' for war.</t>
  </si>
  <si>
    <t>                                           I Atlanta J^ffl^ World edition Published Every Mornins Except Monday ;^4 ff fs News" "~"""~~wT"^"" VOLUME T77NUivri{ERlC ATLANTA (3), GA., , AUGUST 23, 1944 PRICE FIVE CENTS</t>
  </si>
  <si>
    <t>                                           Educators Use Selective Service Records To Debunk Supremacy"                 Facts Show Race Registrants Fared Better In Survey                 WASHINGTON, D. C- (NNPA) That Negro Selective Service registrants in 10 Northern and border states showed up better In mental tests than did white registrants in 7 Southern States was revealed In a survey just published by a committee of Negro                 tors, who have beaten the  to the "punch" by disclosing the true facts before charges of racial Inferiority are hurled at the Negro. These statistics, taken from World War II records  have Rep. Andrew May's face very red. Rep. May. who is from i Kentucky, is chairman of the House Military Affairs CommiUue. and was responsible for the Army junking 55,000 copies of the  "Races of Mankind." intended as an orientation piece for Army personnel, because the book- let pointed out that some Northern Negroes were superior to some Southern whites according to World War I Records. The committee s report, published under the title "The Black and White of Rejections for Military Service: a 3tudy of Rejections of Selective Service Registrants by                 Race, oil Account of Educational and Mental Deficiencies." shows a direct relationship between rates of rejection and the per capita expenditures (or schooling in each state. REJECTION RATE NOTED j The rejection rate for Negroes, according to the study, ranged Irom 2,4 per cent of the total number of Negro registrants examined In New York City and 2.5 per cent In Illinois, to 31.1 per cent in Mississippi and 43 per cent In South Carolina. In New York Cits1, the per capita expenditures for education is S157. In Mississippi, only $7 is spent on the education ol each Negro pupil. The rate of rejection of whites In South Carolina is nearly 4 times as high as the rate of rejection of Negroes In Illinois. POINTS OUT 4 FACTS The report uses the occasion to point out four  why the equalization p? educational, opportunities should be handled on a national basis. Such inequalities. results (1  in a reduced reservoir of manpower for the armed deferment of a man In Georgia for Illiteracy leads to the drafting of a skilled worker-- or father in New York; '3  in retraced efficiency of the military service; and (4) In the reduced social efficiency of large elements in the population and consequently of the Nation Itself. People who are not sufficiently competent to participate In the war effort arc likewise unable to make their contribution 'to a pence-time economy. The committee Included Dr. Howard H. Long, assistant superintendent of schools In Washington, D. C: Martin D. Jenkins, associate professor of education. Howard University: Francis A. Gregory, principal of Armstrong High                 School, Washington, D. C; Jane E. McCalltster, professor of education. Miner Teachers College: and Charles H. Thompson, dean of the Howard University Graduate School.</t>
  </si>
  <si>
    <t>                                           WASHINGTON, D. C.--(NNPA) --That Negro Selective Service registrants in 10 Northern and border states showed up better in mental tests than did white registrants in 7 Southern States was revealed in a survey just published by a committee of Negro...</t>
  </si>
  <si>
    <t>                                           Her idea Speeds Vicfory                 Miss ICrna Malcolm, 1810 Roseclale Street, N. E., Washington, D. C, has received the largest "Ideas for Victory" award yet  for an employee in the office of the Director of Pcronnel, Headquarters, Army Service Forces. A lime saving  of scale analysis, resulting in the saving of Sn man hours a                  ami much ., paper, brought her $ir,0 in rash. (II. S. Army photo.)</t>
  </si>
  <si>
    <t>                                           JOSHUA JONEft                 BY I. P. BEYNOLnS                 Brother Bell *    when an aid nun cant pay the   toon  him ont of the way.</t>
  </si>
  <si>
    <t>                                           Here in the city waiting for Chief Umpire Joe Doyle to say playball Sunday afternoon are the Macon Black Peaches, and their stalwart manager, Henry N. Leans, well known Atlanta baseball field leader His club will meet the Birmingham All-Stars in Ponce de Leon park...</t>
  </si>
  <si>
    <t>                                           ATLANTA UNIVERSITY SUMMER SCHOOL MOREHOUSE COLLEGE SPELMAN COLLEGE ATLANTA UNIVERSITY SCHOOL OF SOCIAL WORK CLARK COLLEGE MORRIS BROWN COLLEGE GAMMON THEOLOGICAL SEMINARY Affiliated TWO SESSIONS June 12 July 15 July 17 August 19 GRADUATE SCHOOL COLLEGE OF ARTS AND SCIENCES Favorable Climate Beautiful and Healthful Location For Bulletins, Address: REGISTRAR, Atlanta University, Atlanta, Ga.</t>
  </si>
  <si>
    <t>                                           The Progressive Democratic Party of South Carolina was putting final touches on moves it will make before the National Democratic convention in Chicago July 19th for recogniticn of Southern Negroes by the National party. I have Just returned from Washington where...</t>
  </si>
  <si>
    <t>                                           Crime report bureau in police haedquarters stated Friday that larceny complaints continued to worry police officers with 67 cases being filed by officers during three days and a half. Tuesday through part of Friday, Six of the 67 complaints were filed Friday morning...</t>
  </si>
  <si>
    <t>                                           FORECAST                 Optimistic View Taken By Weaver CHICAGO (ANP) An optimistic forecast that spelled greater job opportunities for Negro workers in the post war period was made last week when Dr. Robert C. Weaver, director of Mayor Kelly's committee on race relations, addressed the University of Chicago's fourth annual conference for social science teachers.                 Discussing "The Negro and Post War Employment,'1 Dr. Weaver asserted that tbi Negro's occupational advances and his expanding diversification of employment offer a frame work tor his wider  In the industries the nation. Unllk.; Negroes at the close of I World War I, the Negro of today is -a:v p  member"-'^iri- ~'in oBt' labor organizations and is knocking at the doors of those unions which exclude him, he said. The extent to which these gains will persist will be determined by the general level of employment and the rate and timing of  changes," Dr. Weaver declared. He envisioned the prospect of a  large number ol Negro workers without jobs If the was Is followed by a period of serious long run employment. Powell Named By Republicans NEW YORK-  ANP)- Dr. C. B. Powell, publisher of the New York Amsterdam News, has been appointed assistant director of publicity of the Republican national committee, sold Herbert B. Bronell, Jr., national chairman, last week A director of the 1930 and 1940 Democratic campaigns. Dr. Powell Is a member of the New York state athl.nlc commission by appointment by Governor Dewey. "There has been u definite shift of Negroes to the Republican party since 1940," Powoll said. "It was brought about mainly by the treatment of soldiers in southern camps nnd the riots last summer." A graduate in medicine, of Howard University, Powell was present ot the perss conference when his appointment was announced.</t>
  </si>
  <si>
    <t>                                           Irs South Pacific                 S. C. 3-C CALEB J. DANIELS foster son of Mr. and Mrs. Giss Daniels. of-SlG Arthur Street, S. W,. enlisted in the U. S. Navy, September. 19-12. and is now serving somewhere In the South Pacific. His only sister is Miss Catherine J. Daniels, a student of Booker T. Washington high school. Before his induction,, he was a member of St. Paul AME church.</t>
  </si>
  <si>
    <t>                                           Obstetrical ^Nurse                 MEMPHIS, Term.                 (S N S)                 528 Josephine Street, the city s first qualified and trained :al nurse. Mrs. Childress, a native Memphian, after receiving her basic training at Provident General Hospital in Chicago, 111., has served at the Friendly Clinic here and at Doctor Johnson's Clinic, 505 Vance Avenue. She is now aiding local physicians in coring for their surgical and other cases. She plans the opening of a Physical Therapy office here soon.</t>
  </si>
  <si>
    <t>                                           --Whether Negro physicians and nurses will be allowed to practice in the Lynchburg General hospital is a question city council left unanswered last week pending a report from City Manager Hart on what other cities are doing.</t>
  </si>
  <si>
    <t>                                           Parents, do take more timu with your children! More than 50% of juvenile delinquency cases tire the result of parental neglect.</t>
  </si>
  <si>
    <t>                                           Lt. Westmoreland Awarded Air Medal                 15TH AAP IN ITALY- By General Order of Headquarters. 15th Air Force, Second Ltcutcniint Wnltor D. Wcxtinorclnnd 2i. P-51 Mustang Fighter Pilot, of Atlanta. G;i., has been awarded the Air Mcdnl. Lt. Westmorclnnd is a member of the first All-Negro Flfihtor Group In the Army Air Forces. The group (Continued on  6. col. 7) I                 jLt. Westmoreland (Continued  page 1) i Is commanded by West-Pointer. Col. B. Davis. Jr. It is a part of the 15th Air Force operating In 1 Italy and acting ns escort for heavy bombers to and "from their targets. The Air Medal was awarded to I/t. Westmoreland for "Meritorious achievement In aerial flight while participating In sustained operational activities against the enemy. Lt. Westmoreland was a student at Atlanta University. Atlanta. Gu.. prior to entry into the Army. He Is the son ofi Mr. and Mrs. W. D. Westmoreland, 375 Cain Street, NE                 Halts Referral Of Domestic Workers                 WASHINGTON. D. C- (NNPA1 A real phenomenon or the wnr Is the recent announcement of the D. C. Employment Service office ot the United States Employment Service that It Is taking no more orders for household workers. The development Is the  of a gradual closing down of the USES domestic service division since the program for full Job control was Initiated on July 1. It means that persons ordinarily accustomed to domestic work will Inand restaurants In Washington,                 he referred to laundries, ho cla which have been  as essential Industries In the tuition s capital. The phenomenal port of the development Is that until the war program brought about a , the referral of domestics from the USES office here represented Jrom 65 to 65 percent of the total referrals of the agency. Of these domestic referrals, 98 percent of them were of Negro workers. This type of referral represented 90 to 05 percent of the total referrals of Negroes to Jobs of all types by the USES office.</t>
  </si>
  <si>
    <t>                                           JHN WHO DIEDfIN ATTEMPTED BREAKTHROUGH^                 JAP BODIES SPRAWL in ungainly death positions as they litter the beach at Tanapag Harbor on Saipan Island in the Mnvinr.us. Thcc; troops made the mistake of attempting to break through the American lines and were mowed down in a murderous crossfire from machine nuns and rifles. In the background arc two                 enemy tanks thai wore -.-cl out of action. U. S. Signal Corps Radio-. (International)</t>
  </si>
  <si>
    <t>                                           In Memoriam                 In loving memory of our darling wife, mother and grandmother, Mrs. Ella Hart, who passed three years ago yesterday, July 10, 1041. "Sunshine passes, shadows fall, Love's remembrance out lasts all. And through the years till I join you be many or few, They'll be filled with memories, my darling, of you. Rev. Moses W. Hurl, children and grandchildren.</t>
  </si>
  <si>
    <t>                                           U Boat Victim And Victor At Tuskegee                 TUSKEGEE ARMY AIR FT"." Ala.-(SNS)-A victim of N^zl submarine attack nnd a conqueror of the Germnn "tin fish"- both reported lo this field recently fori duty- one_^.. a,nd awaiting Vward "of the ^Purple '".Heart; the other,            valuable                 ledge of supply; gained under combat condit ons into practice on the home front. The victim Is Pvt. A. D. Thomas of Atlanta, GcoruiR, a veteran of the fighting in North Africa, who was wounded both by shrapnel and ft sniper s bullet at the battle cf Cnsserlne Pass. Pvt. Thomas, formerly a  of the 837th Engineer^ was  on his first trip across- the burning ship barely limping into port h.t Bermuda. Thomas  severe burns as a resuit ol an explosion in the galley, where he and his buddies were  wr.tnr lor dear life. The conqueror Of German 0 Brats Is Lt. Arthur Russcl of Ionia Michigan, who  as formerly un enlisted man at McChord .Field. TuccimA, Washington. Three weeks after receiving his commission from Camp Lee. Va.-, Russell found him.-  ship  ror  service. Tlie j shiji w.is attacked by twj Oer- man  Accurately a^med American fire accounted for one! the  managed to escape in the- fog. La er. upon being assigned to - patrol duty ir. B i5's as  w.tli thj AniHes Aii Task Force Lt Hxissell'.                 group sent an undisclosed - her of German submarines for. a' -iv In "Davy "Jones' lacker."'                 Atlantan Receives Wings                 Among the muny visitors attending thj recent cadet graduation at the Tuskegee Army Air Field were Mrs. Hulon White, mother of 2nd Lt. John B. Turner of 1015 Mayson and .Turner AveniM, Atlanta, Georgia. Reading from 1 to r are: Mrs. Evelyn White. Tuskegee Institute, Alabama: Lt. John B. Turner; his                 mother, Mrs. Hulon White, instructor of music at Eethune Cookmnri College, Daytona Beach, Florida; hb sister, Miss V. Turner, Atlanta, 0A,; .Colonel. Noel F. Parrlsh. Commanding Officer, Tmkegee Army Air Field; and Miss Joyse Lewis                 of El Paso, Texas/. (Official U.' S.AAF Photo by AAF. Training Command.)</t>
  </si>
  <si>
    <t>                                           TUSKEGEE ARMY AIR FIELD, Ala.--(SNS)--A victim of Nazi submarine attack find a conqueror of the German "tin fish" both reported to this field recently for duty--one wounded and awaiting award of the Purple Heart; the other, to put his valuable...</t>
  </si>
  <si>
    <t>                                           A teen-age Negro youth ran amuck with a gun last Saturday night. When he had finished his best friend, a 17-year-old boy, was dead....a middle-aged woman had been shot in the hip....a wild rumor that the gunwielder had killed four people swept over the...</t>
  </si>
  <si>
    <t>                                           Anderson Thrills Oversow Crowd At Ho/ Bowl                 By HARRY LEVETTE                 /HOLLYWOOD,- {    Since  appearance of Marian Ander- i con is a  here, It might I seem like stretching superlatives to say that her recital en July 18 at Hollywood Bowl was the greatest since she has been bringing coast music lovers an annual feast of                 . More than M,00o person of all races overflowed the huge  and (Continued on page 8, Column 0)                 Anderson Thrills (Continued from page one) sat  on the hill that rims It as they listened em-apt through each numb?r, then breaking Into prolonged applause to bring her back for encore after encore. As encores ta the various works of the masters sh? sang some of the most  of the Negro spirituals,  every bit of expressiveness into her songs. The symphony orchestra which accompanied her was under the baton of Diniitrl Mitrcpoulos.</t>
  </si>
  <si>
    <t>                                           BOLLYWOOD,--(ANP Since very appearance of Marian Anderson is a triumph here, it might seem like stretching superlatives to say that her recital on July 18 at Hollywood Bawl was the greatest since she has been bringing coast music lovers an annual feast of...</t>
  </si>
  <si>
    <t>                                           LL/U LT LJ</t>
  </si>
  <si>
    <t>                                           United States District Judge George Welsh at Philadelphia Wednesday, told a special investigating grand jury now probing the six-day transit strike there last week, to explore the possibilities of politics as the underlying basic motive.</t>
  </si>
  <si>
    <t>                                           Lighten Skin TAKES 3 MINUTES Apply now NIX LiauiJ Bkuch. Lightening film  its lightness to skin In 3 minutes while active  ingredient works from . No waiting. Lightens ut onco.      . No creasy ness. I!      dry up surface .i,  thickheads, ! freckles. Flno powder busu. DrucgiHtti guarantee.</t>
  </si>
  <si>
    <t>                                           Chaplain, Gammon And Clark Graduate, Received By Pope                 ROME. Italy- (SNS) Sunday morning, July 25, Chaplain L. M. Durden, accompanied by twelve other officers of quartermaster unite was received in special audience by his holiness Pope Plus XII.                 Th.? Pope, clad in white pastoral robes, entered the "La Sala del trono nel Palazzo Apostollco" as the clock struck nine-thirty n. m. Shortly after his entrance he walked, with grace and dignity, as becomes his Holy Office, to where the Chaplain was standing at the head of the line. He shook hands with him a rosary, an autographed picture of himself, blessed religious articles that belonged to soldiers and entered into a brief personal conversation with the Chaplain.                 Afterwards, he was Introduced to the other officers and presented them rosaries and a picture of himself. The audience 'ended- alter .the Holy Father had  the Pa stora] Benediction and made the .following, statement in English: "I am happy to have you present. I, wish f or you and your families health, happiness and a quick return; of peace. May God, in his power; WessVall of !you." After his departure all; were agreed that the magnificence of his personality and the.. ease at which he puts one adds to the Illustriousness of his Holy /Office, c Chaplain Durden is a graduate, of Clark College, Gammon  Seminary and the Howard.' Onlvorslty Graduate' School^</t>
  </si>
  <si>
    <t>                                           ROME, Italy--(SNS) -- Sunday morning, July 25, Chaplain L. M. Durden, accompanied by twelve other officers of quartermaster units was received in special audience by his holiness Pope Plus XII.</t>
  </si>
  <si>
    <t>                                           3usy At Floyd Bennett Field                 FLOYD BENNETT FIELD. N. Y There's plenty of activity at  field. In the top photo arc  n group of NAS N. Y. sail- j nrs attached to the Ordnance Dlv- i .;.'on at drill :jm un iii.ii-:iI  turn They are (left to right) J.                 Chappell. Blyden Spiinicon  A. Holl.md all S-lc In the middle photo, the servicemen arc enjoying chow tt:no In the Eas'. Mc-.s Hnll; while at the bottom, Admiral Ram.~~-y U  len-.'lny 11:1 insr.Td Ion party.</t>
  </si>
  <si>
    <t>                                           WILL YOUR LOOKS look your best, longer. Use Dlark nm) \Vlntf*ViiiiisliingCrcnm:i!*(  :r base. Ideal for  uuJ oily       . it holds powder for hours, thus      * protect skin from, roughening  of wind, weather. Zficat toilet . WwwWlWJhtMMWPI Remove  *    ri TfrriVi j 1 1U  3 ir/' Cleanttinff       ^^9   Cream. At night Ha' J pjg lilt 1    '*'flc'* 0" Tilack              ^^ffl and TT/ Co.;(.; HwSflkjBsiiril^^H Cream for softer</t>
  </si>
  <si>
    <t>                                           p/OW^ they re the Life of the Younger Set Mm Erisg =~?  to your          !-Jv As^jB' a=d eis:!y -nith C^d^ Lir^s? Hiir LU rt II fc G: J?        Cc!Cri.-.g_cb!1i::sb!si=!     .!f.J!,s...j. HfltiA/?^^ Xq  shades. Goes oa ever.ly- wo='t v "c- l^SfB wuh cut or ?- ct sits !t!'*ct:-." ~*:s ^^   ==d pe.masen.s-Ieives your" ,  OD^      S smooth 2nd . ^WEf KaBS%P I ^P tft jr O'h Godefroy's Laricusc Hair Coloring has been /{IJi/J^ HAIR  01 ,     for 48 years. Your dealer ^^^J^ZZ^'^^ZZ^rZ..  IMli'^ l f I*  7 yt"-gt0 med men-)  ca GOSEfitOY MfG. CO. 35iO CUVe STkEFT. ST. IO013 3, MO.</t>
  </si>
  <si>
    <t>                                           A larceny by trick and two attempted larcenies through a ruse are listed in police headquarters, and may be laid to John Calloway, 40 of a Bell street. N. E. address who was arrested Thursday on charges of uspicion of larceny in connection with a series of recent...</t>
  </si>
  <si>
    <t>                                           Coast Guardsmen Gun For Wily Japs                 This quartet of Coast Guardsmen comprises the crew of a 20-millimeter (jun aboard a Coust Ouard assault transport participating in invasion thrusts  the .Taps in the South Pacific. Left to richt. Cheater J. Zawistnwski, seaman first                 class, Worcester, Mass.; Zoe Bowsky, steward first" class. Chicago, Illinois; John D. Ibach, seaman first class, Jacksonville. Fla., and Will Auldridge,. steward s mate second class, Armaritlo, .Texas;                 U. S. Coast. Guard Photo from OWI)</t>
  </si>
  <si>
    <t>                                           Reductions in celling prices of all grades of gasoline, kerosene and distillate fuel oils, which will save Georgia motorists approximately $93,000 a month, were announced Tuesday by the OPA Administration regional administrator here.</t>
  </si>
  <si>
    <t>                                           Serves In Pacific                 S-2-C ELGIN. CAMERON husband of Mrs. Annie Lue Cameron, 180.. Bailey Street, S. VI., who Is. somewhere in the South Pacific, has been, in the service 10 months. S-2-c Cameron received his basic training at Great Lakes, 111. He was before his induction employed at the Southern Railroad for five years. He Is the father of La June Cameron, his only daughter; brother of Ben Cameron and Jim Cameron, of Tarentum, Pa., and the son-in-law of Mrs. Ella Mae Moreland, Atlanta.</t>
  </si>
  <si>
    <t>                                           COCHRAN, Ga.--Mr. and Mrs. Henry Colton and children of Webster, Fla., are visiting in the home of Mr. and Mrs. J. Flint and the family.</t>
  </si>
  <si>
    <t>                                           He Led The 93rd                 Rfltft-  4j or U. S Wqr Department Bureau of Public Relations f.HIS NEGRO TROOPS DID WELI Major General Raymond G. Lehman. Commandinp: General' of the' 93rd Infantry Division at Bougainville in the South Pacific- j his troops "won their spurs" in the                 drive -.Biruinsl the     9. (U. S Army Sisnnl Corps Photo. 1</t>
  </si>
  <si>
    <t>                                           H H H ^tmT^^^^^^^ Cited for loveliness! Our superb collection of fall suits. Chosen for beauty of line- fine detailing. Featuring rich  fall colors ,.l acorn brown, riot red, leaf green, soldier blue and saddle brown. PIN STRIPE for Sizes 38 to 44 All-Wgoj SHETLANDS^Sizes 12 to2G Navy or black mari-tailored pin Soft woolly Shetland with broad strips.. Kick pleat skirt. Fitted shouldered, fitted 'jacket. Kick . Sizes 33 to 44 p eut skirl. In our new fall colors. 2 to 20. tU!TS HIGH S 4-CONO</t>
  </si>
  <si>
    <t>                                           /l JONES                 Br I. P. Hrrooli*                 Bro. B*!l M7 i Folk*    bar* 10,. M*  feet. ,,.v</t>
  </si>
  <si>
    <t>                                           i "SHINE ON HARVEST MOON"" With ANN SHERIDAN and DENNIS MORGAN and "MASKED MARVEL' ROYAL HIGHER -AND HIGHER' With FRANK SINATRA and MICHELE MORGAN and "MYSTERIOUS 1)R. SATAN" ASH3Y KITA HAYWORTH GENE KELLY in "COVER GIRL" LINCOLN "REVENGE OK THE ZOMBIES" With JOHN CARRADINE nnd "SliCKET SERVICE IN DARKEST AFRICA" HARLEM WILD "  in "MO. FIREBRAND" ana "MASKED  BUSTER CRABBE in "WESTERN CYCLONE" and "KINO OF THE MOUNTIES'</t>
  </si>
  <si>
    <t>                                           S. L. C.--My wife went off to get a job and to week. I am afraid I have lost confidence in her. I bought her a ticket and gave her $5, the day she left and less than a week she writes for $15, and I wired it to her. Must I try to hold on to her or look for another...</t>
  </si>
  <si>
    <t>                                           As Miss Davis Was Made Memphis Queen                 Comely Miss Jean Davis, a resident of LcMoync Gardens was crowned ''Queen" of the project recently during an impressive " lon" ceremony held in the                 Gardens' auditorium. "Mayor of Dralc Street" Matthew Thornton, Sr., and his 'cabinet', took the lead in the coronation program. Mr. Arthenia Brown, popular                 cal boxing champion, was crowned "King" of tli.i project in recognition of his part In representing the project during the recent TriStnte Boxing tournament.</t>
  </si>
  <si>
    <t>                                           REDUCING? Sn An tin  1    ; diet.  Diwtor'ft Amaxlnir - contain*  nml \      *    (lint fiH-HtiK of *  by lack  t bulk. Plewwnt-Harmlew*. Help* KiH^tl  elimination. Orn** Supply  nly $2.00 Caih       * or*   , . LEWIS PRODUCTS CO. l)    . cl l.nx ItliU.. -. Mich. I With God' An Thing* An FoNlbUr An 70a  Trauhfctr Un Faulty TrtuMtiT An you Worried bout tome     dur to  i*o tou ever ret Lomly- Urhlfpy- Dlieaur- ~(id7 WouM you Ilka to her*      HkpplMM, SWWn Mill "QM4 FfTlMW*' ttl lAtti t If TOM do      tor of Mm* PrtbfcflH. or  111   .  kir Triead.  btf tfl f ^ NCW8- HEWS of l        # NEW WAY of PRAYER " ll Wolflf  of other  and           NEW Nnptiww  nd Jerri WDMbir yw hne   io  or not.   NEW WAY may Mas ft Mboto NEW worM of  tod tar to you- and wry. r^ry  loo! -.Bo ilon t wait, dear Mew).- don't lit collier  no lj\ it you ire  worried or o-h-ppy In ArlY WAY- to. i *    jnu in rllp this Mtmr* nmr and mil  Sa'iUoip for FULL INromiATION  twirl-   -NEW WAY1 ol PltAYER thit Li       10 . many spa- - tor j i I     to lo help mir       1,</t>
  </si>
  <si>
    <t>                                           VAI.JCnOSTA. Ga.Tom McCor mick Is spending a, few days in Detroit with his daughter, Mrs.. Annie L. Sweeney. Mrs. Helen R. Johnson and children of Savannah are visiting her brother, M. C. I Burke and aunt, Mrs. Beaulah Smith.</t>
  </si>
  <si>
    <t>                                           A small town baseball aggregation came to Atlanta Tuesday and copped a doubleheader from the scrappy Atlanta Braves on Harper's field, before a medium sized crowd of rabid fans. The Swift Black Caps of East Point were the victors over the champion Braves...</t>
  </si>
  <si>
    <t>                                           C JtAQ-  d OMubilfl^il I l^ by Seiby /^T MWJ f STYL-EEZ SPECTATOR 7.75 Famous Selby Styles you ll wear with everything! Smart white gabardine brown leather trimmed. Sizes 4  to 1U, AAA to C,  K/~TION COUPON .ViTACRF.D (S hOOd  - WOMEN S SHOE! SHEER CAMEO HOSE Stunning sheers! Beautifully woven to retain  r--- ii\'. Vour long-wearing favorit* in ;- tops: Glorious "Honej^Glo;' -2-ari-Disn1" Sizes B'j to 10V4.</t>
  </si>
  <si>
    <t>                                           Crime- ridden Youth in a Reign of terror! AY NOW'l iiA</t>
  </si>
  <si>
    <t>                                           Man is the son of God and the child of nature. As the son of God, he is but little lower than the angels and is crowned with glory and with honor. God had made him to have dominion over all the earth.</t>
  </si>
  <si>
    <t>                                           LOANS TO SERVICEMEN S WIVES For Use Between ALLOTMENTS See Us for Quick Service WALNUT FINANCE CO. 14654  Street, N. E. -Madame Rose Look!'. Who's Here!  , HucrnNN. *            tn mitt your .Ufn, pant.   nil ' A*    no * bat  ~^^pwj^K Too ~'J joo wAAt tm ^^H ,  nunN 4^H Wll onr*   nnd  of boil flH*l*l HI *           *. S.i-rl-~l p"" i:jj"'u in" B A*^ I  .   t .1 I b!      And bmd luck, of J^J J III .  f Iflo '~       ant] Sondtiv It A.  l. to 10 P. M. rno will find .tin . than. nil ,oth*M.       It no be*rt -tif r  in ' that I cannot - . In It. t vr^   f BnJr-An mrt  Mill     - t(            Mill Komi. Ito Riire fo      the -         Hl Mill Kd. cur. Stop  t door. Borr  II Mill TrnllKci front of       ProI. Inn. Co.- J?! FANNIE Complete .'Satisfaction to All or .T:No Fee Accepted COftlPLETE  f/^gKO^t First  -in  V^ clt5' Wltli ray       'I*~-~hH . experience I 01*1*8*9*9 ca" lc" you 3" nBr  you want to ^JM know without yon     R n. a single SL I JE question. Gives ^Wd^~  names and actual facts,' removes ail evil Influences and bad luck at all. kinds, reunites, the .  about speedy and happy  and gives you luck to win your biggest desire In life ' of any obstacles that are in your way. I can help you where nil others have failed, as my work Is my religion and a natural gift from childhood. Located M 102-1 Bankhcad -ay. Adanla, Georgia. Look for MADAM FANNIE, PALMIST. Walling room for while and colored. 9 a. in. lo n p. in.  and Sunday. (Take Center I1U1 and Bolton Bus. Stops at Door.)</t>
  </si>
  <si>
    <t>                                           Atlanta J^~Worlcl TtKh Published Every Morning Except Monday If Is News" ^"^^ VO1. .7 NUMBER 4 ATLANTA (3), GEORGIA, WEDNESDAY, AUG. 9, 1944 PRICE FIVE CW^</t>
  </si>
  <si>
    <t>                                           Returns To Camp                 PFC. LEROY BEARDEN, tile husband or Mrs. Amanda Bearden, Atlanta, who is stationed at Fort Huachtiea, has recently returned to camp attor . a pleasant 15~!;iy furlough with his wife and .'i- relatives am!  here. Pic. and Mrs. Lcto.v Beartien. also spent a . .Inly 4 vHh !~:s  at Sricial Circic, GcorSia.</t>
  </si>
  <si>
    <t>                                           Atlantanr. Bring Cheer To Benning                 With recent appearances of groups of  morale booster s from Hirniinchani. Alu., and AtlatUa, G:i.. the popularity of Service Club No. -I has reached a new peak for Fort Benning, (la. soldiers. Shown in the accompanying picture is :i bevy of  women from the Gate City as they 'appeared in the lobby of Service Club i\'o. I last Sunday. Reprcsenliinr the Servicuinen's Wives i.'hib. an auxiliary nf Atlanta War Kccrealioii (Jinnuiit.tec, and thv Youth Theatre of Booker T.              h;^h school, Atlanta, these lovely visitors entertained with two dramatic skits, and later                 served as their company at a dance  on the Main Post at the Athletic Building. Mrs. Hazel L. Rlackliurn, senior hostess of the      , iind Sirt. Niithan'cl Bronnur, chairman of ihe Recreational Council, am shown cm front rmv from left lo rij:lil.. Until hail from Atlanta. Other Cute Cilians seen in the  are Mrs. Mutlii- Mriscot",  nf tin- Sei  s ; Mrs. Kls'c Knster Evans, Miss Mahala Smith, "ho Ihrilleil Hie house with her ;; Miss Kinina Arnold. Mrs. Knima Hell. USD sec-rotary; Mines.                 Annie Doris Hull.     ] ; . (1-. S. Army Signal Corps Diulo)</t>
  </si>
  <si>
    <t>                                           Blue A8 through V8 (Book 4) now valid at 10 parts each, for use with token. Good indefinitely, W8, X8, Y8, Z8 and A5 become good July 1.</t>
  </si>
  <si>
    <t>                                           Joe Cummiskey sports editor of PM, NY Daily, had something to say under the caption, "Bo-x-i-n-g Spells Democracy" in his column the clay after the Beau Jack-Bob Montgomery light in Ma Mean Square Garden, from which all proceeds went into a war bond...</t>
  </si>
  <si>
    <t>                                           ! iy            *! S-Wtj MtdUlml TlMtataL Ukuw Droi gun- or null COUPON u"r     Tijil ApgilculMil  QUIVER** 4 MEDICINE- . with . or Uuitojff. Annoying Sols uid              -VER Buiity SliamDOo- lum buff nft, .             GLOVER S Imptrlt) uir Onu- XoQ- tod AntlippUet a 4* '^ hlS^^^^ EXCE8 IVt -s, IUI W. 8ist 8t* Dept. 56, New. York I. naue j 4DDRE33 I D 8 at  u  of thi Anoad Aru on  a loo tot  Si  5j5c^^ I  DREAM-COME TRUE" PLEASURE To help bold, off old-looking complex, ion   by skin-roughening weather, use' Black and White Vanishing Cream. It holds powder on your face like a "guard." Before retiring, cleanse face with Black and White Cleansing Cream. Apply Black and White Cold Cream, leave on all night. Black and White Beauty Creams, 25i.</t>
  </si>
  <si>
    <t>                                           AIR CAMERA RECORDS BLASTING OF ARGENTAN                 AN AERIAl CAMERA here records the terrific pounding given the French city of Argentan by Yank bombing    fire Rnfnri* it  taken bv tlic American forces the city was reduced to a mas:; of sea*                 tered  and smoking ruins. Signal Corps Radiopholo. (.International Soundiihoto)                 ^HF</t>
  </si>
  <si>
    <t>                                           A. T. Walden, Chairman of the Board of Director:: of the Atlanta Urban League. announced Saturday that William Immon, and James Hunter have Joined the staff of the League.</t>
  </si>
  <si>
    <t>                                           Atlanta jUg^ World FabUshed   *rr Horning, Except 'Monday,  t 110 A*~   Telephone*: Walnut 1468-1460 Member: S. N. 3. N. N. P. a. A. N. P. Established Aug. 6, 1028; Became Daily March IS 19IJ W. A. Scott, n, Founder-Publisher, Aug. 6, 1928 to Feb. 7, I9ti Entered in Post Office at Atlanta (3), Ga., as second clasa mail under the Act of Congress, March 19. 1879 C A. SCOTT Editor and General Manage) CUFF  Managing Editui Daily: 1 Year, $9.26; 6 Months, $5.00; 3 Montns, 13.00 Saturday Only: 1 Year, $3.60; 6 Months, $2.00 Canada: 1 Yr. $4.50; 6 Mos. 2.75; Foreign, 1 Yr. $5.50. i THE ATLANTA DAILY WORLD is an independent newspape*, on- and non-partisan, printing the news absolutely  and supporting those things it believes to be to the interact of its readers and opposing theme things against the interact of Hi reader* Address ALL COMMUNICATIONS U. and make CHECKS pay. j ble to ATLANTA DAILY WORLD, rather than to '.ndividuals. The WORLD expressly repudiates ^ibility for return of  pictures, manuscripts, etc, unless stamps are sent.</t>
  </si>
  <si>
    <t>                                           ONE OF THESE DAYS we are goin to stop being pro everything except pro-Negro. When we do, doors will open to us that we have always expected to be shut--that is within our times. In sonic manner, our leadership has confused the issue and today we are...</t>
  </si>
  <si>
    <t>                                           : troops winning new place in history                 Front Line Spectacle Scene Of Death, Tragedy-Dunbar                 Correspondent Finds Our Boys Winning New Place In History                 UY RUDOLPH 1)  (AsMiciitlud Negro Press War Correspondent)                 WITH THE ALLIED ARMY IN FRANCE- (ANP)- Going up to the front line, I  some  and pathetic experiences. With me there were two other war correspondents. Randy Dixon of the PlttsburRh Courier and Eclwnrd Toles from the Chicago Defender.                 Aside from being a newspaper man of outstanding ability, Dixoa is an admirable . Ho kept us In fits of laughter nil the way up the line. His comradeship htis a stimulating effect. We were very sorry to see him return to London. Edwnrd Toles and I arc here with this unit and we are Retting along splendidly. We could not get much chatter out of Toles because he was engrossed in reading and lidding the twelve odd letters that had accumulated from his wife s . He was happy_ as a lark. REPAIR TRACKS All along the route up the front here were white and colored soldiers repairing railway tracks, communications and roads. They were also driving the wounded from the front to the collecting point, and were directing traffic. 1 counted 21 trucks overcrowded with. Nazi prisoners coming down from the front. There were no signs of regret or frustration registered on their                 faces. Among the prisoners were boys 15 and 17 years of age. I saw trucks carrying French women, men, and children with remnants of their belongings that had been salvaged from the bombardment. There was a weeping and gnashing of the teeth. The French people of these remote towns ore bewildered. They stand and gaze at the endless stream of army vehicles moving In nil directions. They wore once told that Franco had the greatest army in Europe. That great army was crushed in four v;ecks. The Germans came along with their form of invincibility  now they sec l.hc Americans tearing the guts out of them. But this time the Americans arc writing the . They all 6 the same thing. "We have been waiting for you for four years." TOWNS RU1NG1)' Some of the towns lire in complete ruins. For example, St. Lo. which had been pounded                 fully by the flth American Air force. The town of Avranches is also In ruins. Tills colored field artillery took part In the bombardment of those towns which were stubbornly held by the Germans. In actual fact, the survey section of this battalion w.is shelled by German 88's at point blank range which they were surveying for 'Tiro missions." They were doing the  in and out of foxholes to Bet shelter from the menacing visitors. The survey section is doing a highly technical job worthy of the highest comment. The men are Staff Segt. Gilbert U ElridRC. East Orange. N. J.: T/4 Charlie Scott of Louisiana; CIpl. Eric Dixon. New York City: Pvt. Loon Mincy. Florida; Ephrain Edwnrds. Alabama and Pvt. Irving Brown. Mississippi. SCICXIi OF DESTRUCTION All along the route there was an Incredible spectacle of knocked-out tanks, shot -up Jeeps, overturned  wagons, burned-out half tracks, -out automobiles and hundreds of dead horses. When we arrived at the fire control center, we were tired from the haking up we suffered as si result of our vehicle plunging in and out of bomb craters which had been partly repaired. Sandy Dixon removed his helmet to give his head a much needed rest. With serious emphasis the battalion commander explained "Look here young man, keep your chapeau on your head when you (Continued on page J. col. S)                 Front Line (Continued from page 1) are in tills region or else you may experience come serious consequences." WRITING HISTORY At this time the colored batteries were pumping their projectors Into regions of space on a mission of destruction. And when I say . I mean that In nil its implications. This battalion is writing glorious pages in history and I am happy to chronicle the event. Their accuracy on nil targets Is astounding. A roving German 88 gun cunningly concealed in a building, and which had caused considerable trouble, was destroyed by "A" battery. This gun was ingeniously  on a track which forced it out of doors to fire on Its objective. Immediately after the fire mission the gun rolled  into the building with amazing swiftness. For a -.. the gun mystified all the batteries. But as soon as our observer solved the mystery, the I gun was silenced. A  general, the executive officer of the division that this Nc- gro field artillery unit is support- Ing visited the forward observation post and commended the outfit for Its accurate firing and for having successfully accomplished its mis- sion which was to destroy German concrete fortifications and pillboxes. Thus, it can be authoritatively stated that this Negro field artillery played a major and important role in the fall of St. Malo which was so fiercely contested by the Germans. The comander of the Negro battalion is. perhaps, one of the  commanders in the U. S. Army. Happy of course, at the outstanding record his men have made on the field of battle with only two and a half weeks of fighting. He would not give up his battalion for any other, he declared.</t>
  </si>
  <si>
    <t>                                           WITH THE ALLIED ARMY IN FRANCE--(ANP)--Going up to the front line, I encountered some interesting and pathetic experiences. With me there were two other war correspondents, Randy Dixon of the Pittsburgh Courier and Edward Toles from the Chicago Defender.</t>
  </si>
  <si>
    <t>                                           color mm^\ JiTIlieK!^! Know  Sleek Heir TNJ "By Tonfgfct" If your hair Is dull. faded, streaked. Bray or discolored and li  yen to Inieoat (n love, romance Bad success ...HERE S THRILLING NEWB I    . f or  Me. 'yea can fit Urn  BLACK STRAND Jet      Hair C^ toot .                      ...BMbow tbe very first application colon roar heir smooth, eoU end  with Jet black   It*a "all  heir or Jnrt ta -np  at root*, ,         or , sea bow s!?s!a U U to       :Iss a TocthffcCiel       with BLACK         JET ELftCK HAIR COLOR1MO. Money Back Quarentss t^^^^5      ST1 JxT  K^^^^ Mine  edr t x= repS^a/ tor ef JtTslMSUir "by     !   t." /SS5^i/~  T BUCK HAfll COLORim 11 WF-TiTl OA.OTIC5J:- Black Strudlitobt M'TMAiXJr. esB2          *. ^Hnnf</t>
  </si>
  <si>
    <t>                                           Royston, Ga. ... Royston Jr. High School opened Monday. Mrs. Hattie C. Norman is a new teacher. Mrs. Hemline Jones was called to Warrenton to attend the funeral of her mother-in-law, Mrs. Viola Jones. Mr. and Mrs. Joe Hughes and children of...</t>
  </si>
  <si>
    <t>                                           J-BELEVE IN LUCK7-S '            - Carry ft pair of 7 i?SS5SiiK%K2; LITE  1UO        $l9          0 L0OE8T0NW. ~@B^EK^^HH%2       . Occult ^Sxfi'NKDEiagSOrlenUl   *      'mostly carried tire      !        ? most  'KSKShftSsawS' 3 "I." ~~~?WSlWKtfc'!y CHASMS, oae    "" Good lock Ib Kener. Osmee,    " Bqflaaii, Work. etc.. the other to "" Bid luck. XctiDi, Erll. TronUa. Harm, eto 3 11    In Lucki Curr a. Palrtftkeia  ^ Srabmt Red LItq           ! Wr      ao  . S1.97 PottptM or  le two. with all Information. 81.~T     "     It C.O.D. Bstlafaotlon   er Honer Sercroed. Ordor 7 HOW 1 CO.. Dept. 8. Main P. BROOKLYN, N. ! Bevard of      ^TEE thrift OenuiQa Brabma       are  We     7      Inf ntt yon  ant. tie HEAL - POTrES ITL !. EXTRA H10HIT MAP '! FnlW Ontrant** d I           'aT.A.r* Beware KIDNEY Trouble Aid nature in correcting Kidney  by taking Po-Da-Cro Pills. Uieo] with . since 1909. DO NOT ACCEPT A SUBSTITUTE. If  . does not hare it, order direct 30c, 60c $1.00. Ns CO.D. sent for *ess than $1.00, and fee will be added to price. The? Podacro Co.* Morrlstown. Tenn.                 Secret Love Powder MAGNETIC LIKE POWDER TO WIN THE ONE YOU LOVE Trr till"   .   Tv9 ll ST ONK NIGflT anil If II  your      on* tu you  n BB\1  SI EI.I.       thin WON IlKKI'll. I'OlVnKll. You may hi- mr ,,rl-~-,I at Mm GOOD  roo ml) WIN If yon KNOW HOW to Ihu  r. Vou'll BI.KSS the M   .oil eft      .     like a  COMB  K. ALSO  I-. Ol KKtrriON'S Iiiiu* fn Itiw Mil* to win Invti ^     NO !  mI/~         *e"4 III SKAI,     . Toy po-      I*~      - $1.23  PONture or Krntl H.ta anil k-p  Hir ".      Itottl*       If 5       . MONEY IIA'.'K C(~         . VKI.MO CX).. Uept.   1 IJ SI      11th Slr-^t. N. V. C NO MORE GRAY. DULL OR FADED HAIR USE Jessie Kare's IMPROVED HAIR DYE LOOK          QQ AND BEAUTIFUL*  uv I IT WON T WA5H OUT OR RUB OUT. VERY SIMPLE TO USE CAUTION: USt ONLT AS DIKECTtp ON LAtlL SENO NO MONEY. PAY POST MAN SI .00  pastas  m delivery. Scud order today. Satisfaction or   JESSIE KARE BEAUTY PRODUCTS CO. 107     , Now York CHv ItOS)</t>
  </si>
  <si>
    <t>                                           Atlanta will be well represented in Gotham Sunday, Auugst 6, when this city's Black Crackers hook up in battle in the "House That Babe Ruth Built," known to all of us in other words as the Yankee Stadium, with the Black Yankees of the world's largest city.</t>
  </si>
  <si>
    <t>                                           Temporary Laborers And Returned Veterans Wanted Atlantis Steel End Of Luckie State Bus Line</t>
  </si>
  <si>
    <t>                                           Sunday School will be held at 574 Mildrum St., NW and preaching services will be held at Antioch Baptist Church at 1 p. m. and 8 p. m. each Sunday until our church has been repaired. Antioch Baptist Church is on the ... and Smith Street.</t>
  </si>
  <si>
    <t>                                           TRAIN FOR CHRISTIAN LEADERSHIP AT CARVER BIBLE INSTITUTE PREPARE TO BE A LEADING PASTOR. EVANGELIST. HOME AND FOREIGN MIS SIONARY FREE TUITION GODLY TEACHERS , Madame Rose Look Who's Here! PALMIST bore, , .  to mA   H^ putt   nd . Aaln             bat Mil ^^ yva a*J yon .want, to ^^b^8   know,  name** *wV rat  aid  of bwU M'l'I'K f0"- , tan H i I*B ~^a*n'  ^R^"*~CJ   " "UI  and   1 ^,fc I8 wheat   ]~~. ^/ *1tb1s,      * . V*~ on! habits  * I I Wock. and bed Isek mij all kinds. Rtadlzri     UHj'msd SnBdar S X M. to 10.P. M: Ton wlU Had bar.  BUM', cr -thas* all othar*. Ttaavv' U no heart ao   d. or torn* ao  that f  brine  In tt, Located at-Jnaettos.       At* and UonUMUI Koad- I0 o Homll Hill (load.         to take the one ear- BotreD Mill Bd. ear. Stop at door. Bow eU MUI TraUori trout oi WWte ProTttlou Co.</t>
  </si>
  <si>
    <t>                                           Huachuca Battler                 The bantamweight champion of Arizona, servicemen s class. Is T-5 Cfford Hlnes. of Fort Huuchuca, Arizona. Cpl. Hines wns formerly n Chicago amateur fighter, who held ill.; Golden Gloves  in Illinois. He has fought 32 bouts since his Induction, winning all of them. At Fort Hunchuca Cpl. Hlnes is assigned to Station Hospital No. 1.</t>
  </si>
  <si>
    <t>                                           TIM TYLER                 By Lyman YouriJ                 FELIX, THE CAT                 By Sullivan</t>
  </si>
  <si>
    <t>                                           MlLLiUll IRUUrS r AGING                  Eisenhower In Proclamation To Enemies                 Churchill Says European War May Last Into 1945                 BY THE S. N. S.                 The- Battle of Ceimany continued to take form Thursday as British troops wheeled suddenly VMStward to trap 200,000 Germans In northern Holland and possibly 3,000.00 Allied troops massed for the mammoth push against Hitler's inner fortress.                 The British widened their Arnhem bridgehead and stormed up to the Meuse river on an 11-mile front south of the northern Siegfried line anchor of Kleve. The German radio said 2,500,000 troops were facing each other on the front from Arnhem southward to the Swiss border "in the greatest battle of Materiel in the world s history." Enemy broadcasts sensed danger to their fores In western Holland. The U. S. First Army kept" up the pressure by fighting nil the  way through the pillbox-studded, gun-bristling Hurtgcn forest  of Aachen to v'. 27 miles of the biq German Rhtncland industrial city of Cologne. CRUSH COUNTERATTACKS The U.. S.._T.hlr.d-.-Aj-my... crushed: ~'three heavy counterattacks near Metz and east of Nancy, but was driven from a bridge before  Fort Driant. The U. S. Seventh Army on the extreme south end of the front slugged forward toward Belfort, taking positions along an arc 10 to 15 miles from that gateway to the upper Rhine. In his first proclamation to the i German people. General Elsenhow- er broadcast that "we come as con- , not as oppressors" and that the Allies "obliterate Naziism and militarism." He warned oil persons in the occupied territory to obey immediately and v/thout question all the enactments and orders of the military government. Meanwhile, four Allied air forces Thursday hurled more than 4.000 planes against "holdout" Na- I zi garrisons on the French coast and war industry targets In the heart of the German Reich, car- I rying Into the fourth day one of I the war s greatest  as- saults. in which 25.000 tons of bombs have been dropped on the enemy. Reports reaching headquarters following the raid showed that 49 u. S. heavy bombers were lost in the operations. The group performed the deepest penetrations of Germany. REDS .TOIN SLOVAKS Russian troops, driving three miles across the high Carpathian mountains from southern Poland, have invaded Czechoslovakia to join Slovak Partisans in thp  on page 6, col. 4)                 Eisenhower In (Continued from Puge 1) ation of the enslaved mid-European country. The Navy announced Thursday night that carrier-based U. S. aircraft sank or damaged 65 Japanese ships and destroyed 36 planes in a. devastating assault on enemy shipping and defense installations in the central Philippines last Saturday. It was also revealed that September already has cost the Japanese air force upwards of 1,100 planes. In London, Prime Minister Win- j ston Churchill said that the Euro- pcan war might weli last several months into 1945 and find the desperate Nazis still fighting as outlawed guerrillas in the German forests and mountains after Its officially declared end. Churchill pictured  Allied successes. He said the Allies now have '^en 2,000.000 and 3 000.000 men on the western front.</t>
  </si>
  <si>
    <t>                                           The Battle of Getmany continued to take form Thursday as British troops wheeled suddenly westward to trap 200,000 Germans in northern Holland and possibly 3,000,00 Allied troops massed for the mammoth push against Hitler's inner fortress.</t>
  </si>
  <si>
    <t>                                           On 'Sick' List; Philly's Normandy' Line                 Whatever :t w:is that ailed '.hem and  Philadelphia's  and drivers t^j  themselves "sick" ns they refrained from taking out. l. ( c;u-.s  busi-ji, the ailment didn't, prevent                 some of them from  us this picture was  at one or    .~ city s mr bums. Pliil:i(.'s ",ORO,000 population,  of  means cil transport, h.-td its own  ol sore     . City i                 I poli je  assigned details nf patrolmen und detectives to car1 hams und  iis riots broke out.                 Tni. Soiuiriphotct</t>
  </si>
  <si>
    <t>                                           ONE WEEK FROM TONITE                 JIMMY  and his orchestra will be presented one week from , Thursday. August 17, at the City AUDITORIUM by Southeastern Artists.</t>
  </si>
  <si>
    <t>                                           Lots In Hunter Hills $5 MONTH Near Washington Park R. Cralghead. President .94 Candler r.ldg. WA. 5862</t>
  </si>
  <si>
    <t>                                           1^ iC-Kl^^Y^f^^SB AND WOMEN "*^ ~^"T. appearance. At Sixty. Look I ASf'E'B t l??*,~vt Forty. Look twenty. E=AK U E. B"     C V        the directions on the B A W %~ ne    - No '"ess; no lusa: no bother; k ox omy    -sff ^^^'^ GET SLICK-BLACK TODAY AT ALL DRUG STORES</t>
  </si>
  <si>
    <t>                                           Z9th Homicide Recorded Here                 Mrs. Brice, 33, Latest Victim                 Atlanta's twenty-ninth Negro homeside of the year was recorded Sunday on police books, compared with 17 whites for the same period. Victim Was Mrs. WlUle Brlce, 33,                 ix of 728 Martin street, B %   S. E.. who was fatally Jg[_ JJ out  the ear on am the right side of her neck with a knife about 12:30 a. m. Sunday In her home. She died almost Instantly police said in making the report and was pronounced dead on  at Grady where she was rushed following the cutting. Held by police on suspicion of murder charges after admitting the cutting was Albert Joe Brlce, 35, of the same address, husband of the j victim. Police said that on reaching the scene of the tragedy they found the woman lying on the ground in the rear of the house with her throat slashed on the right side and apparently dead. Officers rushed the woman to. Grady and began an Investigation. On Information furnished them by Mrs. Annie Stalllngs, of 185 Lit-' tie street. SB. officers said they learned that a man had  the scene. They went to 320 Love street .they said where they, found Brice In the house of his sister, Mrs. Mnude Wyche of the Love street address. Officers said' that Brice was Identified by Mrs! Sal- ings ns being the one who- ran from the death scene, and readily he admitted the fatal cutting and turned In the death  to . Bribe  that his  sold non-tax paid liquor and that he had been trying to get her to stop. He said he went home (Continued on nag* 5, col. 7)                 29th Homicide i (Continued fi-or.-. page I) ly before the killing ami saw :i man i Inside- Iho house with his wife. He tried to caln entrance, he said, but Ills  steadfastly refused tu let him in. He stated that he then kicked open the door ami after and exchange of words he em his wire. Police said that a small quantity ol' ncm-Uix paid liquor was found in the house. Brice Is held In police headquarters on charges of suspicion uf murder, policy added.</t>
  </si>
  <si>
    <t>                                           Atlanta's twenty-ninth Negro homeside of the year was recorded Sunday on police books, compared with 17 whites for the same period.. Victim Was Mrs. Willie Brice, 33,,</t>
  </si>
  <si>
    <t>                                           Madame Rose Look Who's Here! PALMIST fore. RurrfKH,        1~'ft*t Citmrnntrr* to ) roar  nHr^ llf*. t*A*t,   nil future. Aitkx no  hnl 1*11 t^BftfcJBr* yo" TOT1 want to f           Unnw, Rlvlnv name  NTH 'flf i         of  l]JR         HJ1 *   "    ^n IjL V; I rvl) . * HL. I I  and bad luck of ffl^Xjn all . RrndlnitR 25r **^^"WM     .T  Bondn.T A. 31. to 10 P. M. Too will find b*r *  r  all other*.: Thrrp In no heart *\d or l.nmr no dreary  I  brine  In It, r.        nt Jnnrtlon  f Brndy At* nnd UotTell Mill Honil- 1000 UottoII Mill Uoml.          thc  ror-  Mill Kit. tar. Stop at door. How i rll Mill TnUleri front of VFhHe ProI Ttnlon*    .</t>
  </si>
  <si>
    <t>                                           REMEMBER THE BOYS OVER THERE GIFTS TO PLEASE YOUR SOLD1EK-  Wrapped and mailed anywhere SALE S Military Supplies 60 PEACHTREE ST.</t>
  </si>
  <si>
    <t>                                           rt f^ cj l( 1 5 /vi fir^ I'     "* d ii The man who made "G. i. Jive" LJ  J!m "Deacon Jones'. "Is You Is ^3 Or Is You Ain't (My Baby)", on wl M juke Jivx and many other hits. Aanj ATLANTA CITY Auditorium Tuesday Aug. 8tb ADVANCE 85c AT BOX $1.20 Tickets on sale at Stiver Streak, Dew Drop Inn, Cox Music Shop, and at the City Auditorium.</t>
  </si>
  <si>
    <t>                                           DEWEY WONT DRAW UNLESS                 Believe Race Voters Will Still Back FDR                 Prescott Makes Seconding Talk For Candidate                 By ERNEST E. JOHNSON                 CHICAGO- CA N P)- Thomas E. Dewey, the gong-buster from New York, was overwhelmingly handed the Republican nomination for President of thi United States last Wednesday, but Negro delegates attending the convention say he is not go rig to draw sufficiently                 upon the Negro vote In thor^ states which count unless the Democrats kill their chance by yielding to the demands ol southern "white supremacy'': advocates. Tt : evident as early as Snnday 'that the Dewey bandwagon was well U"der way when the Illinois delegation acused for him and was followed by the heavy vote i from Pennsylvania. John W. Brlck.?r, meanwhile, maintained that, he 1 was still In the race to stay. I., TO  While defections from the Dewey ranks were appearing on all sides, the Mississippi delegation  hy Perry Howard remained loyal to Brlcker. The switch In allegiance, however, did not become evident here until It became certain early Wednesday morning that Brlcker was withdrawing from the race. On the roll call, S. D. Redmond of Jnckson, Miss., declared his state was casting its six votes for Tom Dcwey. This was but part of the  and animated demonstration that was . on for Tom Dewey.  following Brlcker's sudden and dramatic  on the sneakers' rostrum following the nomination speech for Dewey made by Gov. Dwlght Grlswold of Nebraska. Of the four seconding sneeches made for Dewey. one was delivered by former Judee Patrick Prescott of Chicago. Prescott was      only        to serve on the official convention staff, having been given the title of assistant secretary. The morning proceedings were blessed by the Rev. J. L. Horace, DPesldent of the Illinois Negro Bnotlst conference. In the final count made on the (Continued on Page 4, Col. 3)                 Believe Race (Continue from Page one) floor of the convention by Associated Negro Press reporters, 29 Negro '.os were in attendance and cast their votes for Dewey. Mrs. Naomi Oldham of St. Louis, originally an alternate, voted in Dlacc of William A. Morant. the Negro delegate at  who had taken ill In St. Louis and could not reach the convention. In all. there were 53 Negro alternates checked e ld lis'.td.</t>
  </si>
  <si>
    <t>                                           CHICAGO--(ANP)--Thomas E. Dewey, the gang-buster from New York, was overwhelmingly handed the Republican nomination for President of the United States last Wednesday, but Negro delegates attending the convention say he is not going to draw sufficiently...</t>
  </si>
  <si>
    <t>                                           BASIL RATHBONE "SCARLET CLAW" And CAPITOL NOW</t>
  </si>
  <si>
    <t>                                           I Invents Machine                 Mil. ) W. YOUNG -Atlanta inventor, announces the  of n coin wrapping machine, which lie predicts will net him fnmc and fortune nt the close of the wnr. This particular device Is an automatic coin wrapping machine, which should prove of  value to banKs nnd department stores and theatres. It has been tested and found  in wrapping pennies, nickels, dimes aud Quarters at n rapid speed. Mrs. Young also has invented an automatic head light dimming device, j which when perfected, will be effective in dimming the head lights on any approaching automobile on the highway nv night, provided both cars have a similar device. A third invention by Mr. Young ii an automatic park tail light, which operates at Ihr approach another car from the rear. Mr. Young is a member of the American - tors Association. Ke is also Busl- ness Manager ui Bookkeeper of i the Silver Strcsk Night Club. Mr. I Yoihib - that thr Inte Dr. Gnorce W. Carver was Interested in his invention and . An'l ho say.-, that Ills drof'.ius board' with j  different devices nuke it  for him l.^  very use- fnl . lor tl"*   ^rV-r-t  tl^r j wnr is . i-1p sj":* th.it h"  in  nil of ilu.sr nt, thr  i in the ljc-sir U:ti:ir. i</t>
  </si>
  <si>
    <t>                                           "NEW KEY" Win Your Man With Magic Perfume-Wax ^aV^    ^^*^PtJ^aaT*'j^rO.J^jr ^aV*A^r* JarTar'B'tfar ^B^^ To w1  lore- And bold her roaa-oan         nit. their  kln with ecret  perfume . They wiy: No mun CM .            m^ lie Jo.t nib s   nt NEW-KBT "Lore-Mnrlo"       .    . Dow      find . Then ^ the   -. nello. r/t-rt on blm. Nolhln* eUe 0   -KEV.      the tert for 7       and  ee for  Feel tbe mort  thrill of Tour life. 8EXD NO MONEY- *Mt mil* toot           . drOM.                '~SW. KST. omr him  S1JM plM   s       Ordera cent Prepaid. Koner Back U not . Write today. NEW-KEY 103 Park Are.. Dept.  7-B Mew Xork 11, N. J. yama treat     Ksaber aC9Wal Btetfl</t>
  </si>
  <si>
    <t>                                           They Took Honors At Recent Chicago Elks' Convention                 Mumher.s ol the Beule Street i Flks Club -BUtlmi. who went. i:~ C^iic.'iyo, HI., la.st  to  in the Elks national convention wort  with .sin over the /.ng                     Memphis lassies fn Hie Bathinp! Bt'auly and Marching dub ton- i ti-su in Uic Windy city, when j Miss Mue Willie Hooper, repre- 1  ilio Elks and the Quostlon Miark Hosiery Shop litre, f.'M% j                 first-place awards in ; Beauty contest and the 45- Memphis Girls Drum and Hu^le Corps topped first  in iha  contest in which 150                 look pan along with 20.000 marchers. On the left Is Mrs. Jonie Hester Kiley. drum major at Itlie Hanpllis ; top right shows ihe members cf                 the Hits Girls Drum and Bugle Corps  right sho-ss Majoi-cUes:      to : Edna Robinson, Mii^arete Withers, MUdred Brlgt;:. and Mrs. Rlley.</t>
  </si>
  <si>
    <t>                                           SMfcRT. SHOPPER PICKS. OUTFITS ^*                 , washable rayon bareback frock; center, while  ; right, cover-up rayon play' lull. If you have been stuck In town all summer working, you probably have been looking forward to a vacation, even if it Is :i short one and near or at home. You probably have put off buying any sports clothes, too. but the smart shopper should be able to pick up many  styles in durable colorful things at reduced prices to wear now and put away for next year. This department has chosen the three  above to help your selection. At the left is a bareback dress made of hand-washable rayon fabric with        neck, low back and bare arms. The skirt has two deep pockets at the side and mi extra little jacket. There is nothing more comfortable for tennis than full-pleated shorts and well cut shirt. The costume shown center it white rayon sharkskin. The cover-up play suit  is                  rayon. unU the lumber jacket top buttons down over the lop of the shorts. /r (International)</t>
  </si>
  <si>
    <t>                                           -4  BOY ATTACHMENTS YOU CAN HAVE     8  db)  MATCHES F9R'^Hfer)~v $~% A ft       CraoHoiu  \k J"      4 jp3 ml Human 'Hair- t^    '-, .'-4HSftatftf, Jg* 1SS\\ H ^T'$BID ffO MONEY J^3 j.49  \ I - Mild   *f V0 r hair  r S^jl A_V^      B Mtauter. FAY_ POttmAN     JA ^ %  , WOS AK6 8MIM ^~?j Mni?  6         !! ^SIHftVi A :-:-6t*, Itah  6*= ^HRflmY]  ms Yout      .  oo*t cts r^Bjaai* V/. anv e     Um el OVE* WteS %3 fc" T^B^ AH       i!        M!~d Orcy CHwi  ISsi^ S BEAufHRObucfr company" 88T.~!~TM AVeMUf..IfllJ NIW rORK  CT!f</t>
  </si>
  <si>
    <t>                                           YANKS FLUSH SCATTERED NAZI REARGUARD                 i Tank Armies Racing Along i Unchallenged                 New Russian Drive To East Reported By Berlin Radio                 SUPREME . A F. F. American tank armies, :   Ithe Irifit mill s ai l.lic Invi'. roads to Gcriniiny  Bcliyluin. stormed Into l.~on*nnd the cathedral city ol JlPlms Wednesday, while Berlin admitted that                      the medieval mwr. of Rouun t:ii:~ Hip robot bomb coast of Northern France.   spearheads of flu- Ainvrlctiii First and Third Annies punctured the Alsnc River Hivj in .11 lo.i.sl l\vc points and v.'.'re reported  out over the   beyond Reims. Laou. and Ch:~.lons-Sur-Maine. Only scattered and disorganized Nazi rear Kunrds  the path of Mm American armor in their sweep for  Rliineltuid. and official rej-.  Uio Americans       nl, :i .speed that could  Hicm to I lie- Bi-leian border  day or two. i^* Teyond Reims and Laon. American .spearheads were 30 to 35 miles Irom the borders of BflKium.-Millo other 'American.' columns pounding to: I ward Zroni Chalons  05 miles or loss from Germany. "We arc now v. tlic preliminary  of the Allied  on Germany In which thp '~ forces are  methodically dissected and forced Into corridors, even as we press .'.ird." War Correspondent Gorrcll  In re-, ; (he .~fii.sn :ul        of the' Arnerlcnn Annies through the Alsne nnd Mnrno Valleys.   SV.W II II)  TO EAST LONDON Rcrl Army Iraons In 1 he most Important victory of  Rnmuniar. ( captured the pri-al ul)  n( Uccstl          .  '-he seizure of Romyil.T.-i oil  from 1.1m Gcrninns. '.. R,,r,'iii y. Malluovsky's V. UlOiiuian Ariiv drove  .W i;. In 24  ,,   cu.yj. luri-rl llv      only 3U miles  cf RtiKhnrcst. Uoesli and  lss forest of culls forr. suppled the Gcr"r l'l- nlT' IRI!rl5"10    e- I'rohiior-M.-  In n broadcast  of the dny asserted that llu- occupation of Buzmi and  the liberation of all t.hn  oil regions from Hie Gcr(C'nnMiiticI oil rage col. I)                 Tank Armies (Continued from page 1) Romanian oil re;,'     from tile German invader' is completed." Ho                 a salute of 20 salvos from 224 guns. NEW DRIVE IN POLAND Kvoii as this Soviet  carried close to the southern border . the Berlin radio  a .-d Russian offensive j north of Warsaw, and said it had breached the German lines at u  of points, his Warsaw push threatens not only to outflank the                 Polish capital, but menaces the defenses of East Prussia as welL The advance on Plocsti began Tuesday from Bazau, 4 miles to tho northeast, where the big pipeline trom the PolesU fields to Constanta was cut.</t>
  </si>
  <si>
    <t>                                           SUPREME HEADQUARTERS, A E. F.--American tank armies, racing unchallenged over the last miles of the invasion roads to Germany and Beligium, stormed into Laon and the cathedral city of Reims Wednesday, while Berlin admitted that its troops had...</t>
  </si>
  <si>
    <t>                                           BOWELS SLUGGISH? Feeling like  tost your be*, friend- headachy- dull- all became vt *        ? Why put up with constipation misery? Chew modem FEEN-A-, the         -Kuni laxative. Chew -M1NT tonight ut .  only io * with  . Nest - .  relief,  yc feel swell again. Millions rely on FEEN-A j *. Chew like your favorite gum. Ifcitct t,ood. Try     -A-MINT-a whole family  cotu  lot.</t>
  </si>
  <si>
    <t>                                           Launching a short, but vigorous campaign for increased membership, the Gate City Lodge No. 54, INPOEW, under the inspired leadership of J. H. Hanley. District Deputy, sponsored a membership drive in four local churches during the past week, and wound up...</t>
  </si>
  <si>
    <t>                                           FIRST CHOICE J^S^^ OF MILLIONS //^ISHfc You simply can t beat St. Joseph Asjiirin (F ' when you want fast, dependable aspirin. /j_^ 7-SS^Bfg^^B Pure as money can buy, no aspirin can do ^^^^KB^^M more for you. Get St. Joseph Aspirin, ^SSkMIm world s largest seller at 10c The big '^r  100 tablet bottle costs only 85c You K Jcll^Lj*1^' can t buy a better aspirin- so why ever H-'*2^ i pay more. Always ask for it by name  jr\Sj. For 'IB.'7   #~w common * ~?-4- T___.^Y_ 1*^5^8* , aching ST. V'^*W  I NATURAL PAGTbOY AnACHMENTS YOU CAN HAVE YOUR HAIR ^^K 'A. PERFECTLY MATCHED F0R'^HhSM^ Srt 0 0        CreotJons '3 -Vi J U y Fosily Attached (M A m. I Humon Hair- *i"^ ?     41) Shades ^4 ^MlVl   a SEND NO MONEt/^/7  II  :?;.J '^^Hfla M   "l.r."p*V  MOO ^J JmBM 'X plut 9  en 4       .  V*~~ 'WflnB; aiso rum.  and       - '.'l+vfA \HHt 1 SATISFACTION  Vw .^^H^     UNO YOUt  .  ~,^y V.ii    .i  .  J^. ^V^^"    ^*i rt_i^.i\            -i*iAi*iii*B*w*w*i*~ JESSIE KARE BEAUTY PROOp-COMPANi!;; rj S07   TM  IRsski  SII NIW YOlk-CITt'!"</t>
  </si>
  <si>
    <t>                                           Don't Be A WALL-FLOWER SET BACK Tour NATURAL PEP! II" 'H   fcr *\ery 4 . .Ani.rlm  lit mm niid . .All      1  an -~is.r  -(IranIMicn.  (1 g  Mint  job .  57v    ! . {ELIEVE YOUR ORGANS NOW! Nuttiri. n^ils a  .          h^      *i], * Unc*' In the Inlfstlnitl tract. YOl!                !i. tired, .      of(       ar  Inti-  j-our d.wit-i!        of Ule           d^- th*      TOT with : SF.F.ns. U Not Dilightsd- Teur Money Back Don't Delnj!     I'm Tixlarl Joi.1 *~nd an me and  and pay     * man s?.tu on . or If yon vend F2.00 now, ue pny           and t!i? pfi^y m.v to Xntitrni LItIhk U YnOiB. NATURE SEEDS, Dept. S-71 1-1 TMt         .     Vnrk I. N.</t>
  </si>
  <si>
    <t>                                           Leads The Band Tomorrow Night                 HARD SON -Who  the Cavolinn Cotton Pickers to the New  Casino Thursday, September 28. 8:30 p.m. 12:30 ajn., for :i grand celebration of the First Anniversary Dance. Cecil Gloves will be featured vocalist with this original band. Tickets available now at prominent neighborhood stor;s. Advance 80c: At Box $1.00. A Southeastern Attraction.</t>
  </si>
  <si>
    <t>                                           So this July 4, What a day In Atlanta where the bigot bloc intends to poison the ballot in the Georgia primary with race hate. Do they know history? May be not, Who wos Cripus Attacks any way?</t>
  </si>
  <si>
    <t>                                           No doubt you have noticed that the bedizened complexion is on the wane. You have observed a definite swing away from the calciumined countenance, the flaming, fevered films laid on by the rouge pad. Nice, don't you think? We just wanted to show the world...</t>
  </si>
  <si>
    <t>                                           CHINA, THE COLORED ALLIED POWER (?) fighting with the Allies, is about to embarass Great Britain and the United States. According to informed sources at the Dumbarton Oaks Conference, she will ask a race equality clause in peace agreements, with the...</t>
  </si>
  <si>
    <t>                                           BUY BOND S</t>
  </si>
  <si>
    <t>                                           NO MORE GRAY, DULL OR FADED HAIR USE Jessie Kcre's IMPROVED HAIR DYE LOOK            AND BEAUTIFUL* luu 1 rr wont 'wash out OR RUB OUT. VERY SIMPLE TO USB CAUTIOHi OH  At  on  SIND NO . MY POST MAN SI .00  *         . ***d       leday. Satlifacttoa   JESSIE KARE  PRODUCTS CO. WO Wife    ,     Vwk CJty</t>
  </si>
  <si>
    <t>                                           Know What Combat Is Like                 At Fort Huochuca, Arizona, the enlisted men have selected the two young ladies shown  company "sweethearts". They are, left to right, Miss Marguerite Wainwrifrht, of Brooklyn, N. Y., and Miss Thelma C. Walker, of New York City. The selection of these sweethearts have proved to he so popular that the two are now being claimed  other units as their selections too.</t>
  </si>
  <si>
    <t>                                           THE INTERDENOMINATIONAL MINISTERS ALLIANCE will meet today at the YMCA at 12:30 p. m. Business of importance...</t>
  </si>
  <si>
    <t>                                           DR. R. C. ANDERSON -THE MAN WHO KNOWS" 2110 McCallie Avenue v Chattanooga, Tennuiee I HONE 2D-11!) is at your service from 10 a. .hi. 10 p. m. week days. Reroeinher (hat    . Anderson Ik Jhe man who lias matte (be front P'AKes of the papers. He Ift      the man that published the dale of the inva.slon 12 days before it happened. Nodjubl you have seen the news reel of his predictions concerning World War II made 13 years ago. lie also finds missing; persons and five* "ucky numbers. MAIL ORDER SERVICE For only J2.10 I will send you a written forecast and answer 3 questions free. Send day, month and year of birth.</t>
  </si>
  <si>
    <t>                                           Husbands! Wives! Want new Pep and Vim?       :ind*i of  (trc w.-jtt, worn-out, *Tc*l ^('Ii'-y L1 ~.T,'lrt'  1 li iv3 . T*Ot dfW v;m, vii:J::y. t:y OtUC X Tlmic 'I'nbifW. S-"          !iod yon. HKj.  r.fct! tcr [K-p:        )-       v::uii.'!i [*i i ;~-V  . unlu 1'tio. For sale at all  drugstores  in Atlimto, ;a Jacobs and \Valgreen.t. FREE COURSE IN HAIR CULTURE DIPLOMA CUBAN COSMETIC CO. . S3I5-V Chicago, III.</t>
  </si>
  <si>
    <t>                                           LOAMS TO SERVICEMEN S WIVES For Use Between ALLOTMENTS See Us for Quick Service WALNUT FINANCE CO. 1MH Feschtree Street, N. M.</t>
  </si>
  <si>
    <t>                                           Madame Harris NOW IN YOUR CITV FOR THE FrRST TIME. PalmlM and Clairvoyant, Glfled Reader and Adviser ^T9m Onurunt^d to   fj#S"'"r* Pixl.   ' will Irll jon  HHH M- .vim  to know.     fact) n' BDn .1. I..K-.   m) UV* 'i. *. Trlln who vl\ I"" """TT and , K^^^BXB *   lor^ 1m %J W  me or . Glvra  K I   ,,ml ,    .        .v  Impiir . nK-  . I       *           an.l l.a.l lurk nf n]~     ]~ Ul,  ul(~. ,,111,, ,    .rrf  n,l  IriuiHiirlinna of nil . If jou art   IroiiM**  thU   Ill i Ivx Hiniiil  on nil * or life,  or  I will l.ll you I he Irulh. Illrr       uml Im.  nf     #           ,,-orli. F^irh muling ^n* . S.ill" . Sti,.   to  t^. OI KN n.tll.V AMI SI . 'I n. ni. to 10 p. m. Wnlflntr  for * tad . Look for - nt ZA4S IViirhfrrr Itoml. Titkt         4 or Ojrlrtlionx*   la AtInnla,</t>
  </si>
  <si>
    <t>                                           Getting along, are you? Keep thinking about that last birthday, do you? Working too hard, maybe; not having much fun? It's no "Jill be nimble, Jill be quick. Jill jump over the candle stick" for you. You feel as if you couldn't jump over a postage stamp. Snap out of it.</t>
  </si>
  <si>
    <t>                                           Senate Confirms SherardPost                 .By HARRY R McALPIN; i;T (Washington Correspondent of Atlanta Dallv World And 1                 WASHINGTON' -The Senate Thursday evening,' after lengthy debate, confirmed the nomination of Dr. Marshall !'1L Shepard, of Philadelphia, to 'be recorder; :;of deeds" for 'the District of Columbia. The' appointment was opposed ;by the Republicans. v                 Senator Harold- Burton VfR. -of       moved to recommit the nomination to the committee .on the District, of Columbia and contended the Ropolntmrnt should ,bn made from the residents of -the District. Ho was  In the debate by Senator Bridges' ($. of New K.) and." Senator White .IR. of Maine), minority leader In the  senate. The only Republican to' Indicate approval of the appointment was Senator Davis (R. of Penna.) who In his absence had ft statement read Into the' record declaring the nomination met with his "sincere approval. He DraUcd. the character and ability of Dr. . said he had known him for, a. number of years, and believed him eminently qualified     fin and properly "carry out the position for which he has been designated. Though tho nomination     can- firmed, thore was Indication from both Renvbllcani   that some legislative notion     be taken to  future appointments .to this position *n4 others In tho District. Maradatory from among residents of ColumWa,</t>
  </si>
  <si>
    <t>                                           WASHINGTON -- The Senate Thursday evening, after lengthy debate, confirmed the nomination of Dr. Marshall L. Shepard, of Philadelphia, to be recorder of deeds for the District of Columbia. The appointment was opposed by the Republicans.</t>
  </si>
  <si>
    <t>                                           Dr. Bender's Shoes Make Your Feet Glad to Walk . You will always get     maxi- ffl^  ^A mum in comfort and tha /J^ Fin. BUck Kid Leather. ~^^^ 7MM Cuban Heel.       to ^Bi^^^ BLACK KID Brown. Style 7170. $8.95 SPECIAL. 9S.00 X-RAY ^FITTED DR.       9 I 124 PEACHffBEE ARCADE</t>
  </si>
  <si>
    <t>                                           Backstop                 BIRMINGHAM, Ala.                 (SNS)                 Radcliffe will bear the brunt of tr/! Black Baron catching in the title series with the hard-socking Homestead Grays. He is regarded as the best receiver in Negro baseball today and a 'smart handler of pitchers.</t>
  </si>
  <si>
    <t>                                           DAILY CROSSWORD                 1. Head  5. Seize Test 30. Kind of thread IX. Chest noise 13. Thicker 14. Niglit bird 15. Fasten lli Greek letter 17. Places of refuge 19. A disease of chickens 20. Metalic  21. Cleanse of (lilt Bottom of Ihe sea 25. LamiMilo 26. Bird 27. Pole 28. Portion of  line 20. A kind of lamp .1.1. Music note 34. To be undecided (rare) 35. Exlincl bird (NewZea.) .''.6. Birds :i8. Skillfully :I9. Endured 40. Fencing swords 41. Weakens 41!. Belonging to lier DOWN 3. Stomachs of bird?                 A cryptogram quotation     AHO S M D A M. M J L C A H E N P L..M  E H B  . Saturday's Cryptoquole: lHE MORE THE FIRE IS COVERED UP THE MOKE IT BURNS- OVID Distributed by Kins Features Syndicate. Inc.                 2. A Christmas plant 3 Evening (poet) 4 Iron (sym 0. Secluded valleys 6 Skin 7. Donkey S. Unlovely marli 3 Malayan boat 11. Bums forth l.'i. Coin (U. S.) 15 To trill letter "r"                 18. See 19. KindufUog 21. Earth 22. Blazes 23. Lassos -4. Grampus 20. Fine rock granules 27. Forbids 29. City Eng 30. Live coal 31. Parts 32. Votes negatively 34. To 'drop, as into water                 w r r r p5 'fe  7  a l i: _ii i; i16  i!! 1 I1__1H l_ll ll__ lib" 37 22? 38 222 CL II 1 1 1 in rni O-/I                 IfIlIaIi Il.                 'i IgIeI 9-4 Saturday*! AniMcr .17. Gazelle 3S Simian 40. Expression</t>
  </si>
  <si>
    <t>                                           I Birthday Monday                 CPL. JOE T. JOHNsdN youngest son of Mrs. Lhis H. Johnson, 519 Invln Street, will .rate his Mth birthday- Monday, September 18, somewhere In North Africa. Cpl. Johnson was inducted in the Army. April 27. 1943 tmci has been overseas since Jnnuiiry 19-14. He sends greetings to his family and friends.</t>
  </si>
  <si>
    <t>                                           Gets Greetings                 This . September 10th. being the birthday of Pvt. Claud R. Scrclchln, his wife. Mrs. Wilhelmina H Scretchin and his many   this means ol extending to him a very hupp} birthday: and hope that lie will be doubly cheered, since he has already, expressed  a joy It Is to read an Atlanta World whll-3  In a fnx hole in France. I'vt. Scrclchln, has served in  1       .fid forces since August 2. 1043. having Rono aboard in Marrh 19'H, where he has seen service in both England and Prance.</t>
  </si>
  <si>
    <t>                                           is tv a Following the June simian of the I Genesee County Board of Supevi sors the Genesee County Board of I Health took time out to attend the installation service of their new I chief of the board. Dr. J. L. Leach. Dr. Leach is n veteran member of</t>
  </si>
  <si>
    <t>                                           Special $1.00 Reading for 25c Your lucky      and month* I  Frew.  adam Eva SHE GIVES I FACTS AND YOr GET RESULTS Worlil'a  palmist After   ill nth  tm rom*  your prole Irmit to Mttilam F.vu  Her on* that known ?11. If yna    "           or  or Lurk,         anil   -.  * nt on*1?. Offlro  n. nt. to 10 i*. m. Otilly  Snndiir1015 W. Mnrlrltii St.; N. W.. Atlanta. Bk noro to IrITi*     Innmn Yard Rtr*vi ^ auk Die Klrert our      ~**t yon off two Mtnp* itn     oth^r t*     of the Klnr - Co., Atlimta. Oeonrla lor Neon M*n. 81 "KIT CARSON" With JON HALL and DANA ANDREWS nnd "MASKED MARVEL" ROYAL 7   GARY COOPER In "PRIDE OF THE YANKEES" and "MYSTERIOUS DR. SATAN" ASH9Y 'DESTINATION TOKYO' With CARY GRANT and JOHN GARFIELD LINCOLN "Woman Of The Town" Wllh ALBERT  and CLAIR TREVOR and. "SECRET SERVICE IN DARKEST AFRICA" HARLEM HAZEL SCOTT MAE WEST In "THE HEAT S ON" and "MASKED MARVEL"  "RIDERS OP THE RIO GRANDE" Wrth The Thru; Mesqalteers and "KING OF THE 2S"</t>
  </si>
  <si>
    <t>                                           Young lady, does an old TABOO Prevent your knowing this help?                 Ill V-ss enlightened . women  discuss these *.      It's different'. If woman surfers from  - pain and other purely functional . she tries to  how to  herself. Thou? of women praise the 2-wny help of Cardul. Taken us a tonic, it usually     6 up the                 tile. Rtinuilatos the flow of 6        .  aiding digestion and thereby helping build up energy and resistance. Started three days b.-fore the time, and taken as directed, it should help relieve much purely functional, periodic pain. Try . A 62 your record  it MAY help!</t>
  </si>
  <si>
    <t>                                           According to Secretary-Treasurer B. T. Harvey, the 20th annual Meeting of the Southern Conference Coaches and Officials Association held, last weekend, at Knoxville, Tenn., was one of the most successful sessions in the history of the organization. The meeting was well attended by conference coaches, college athletic officials, and officials. The total attendance for out-of-town officials was 37, including the following visitors: Henry A. Kean, former...</t>
  </si>
  <si>
    <t>                                           COLLEGE PARK -- (SNS) -- There has alway existed a fine spirit of race relations in this city. More than a year ago the Federated Missionary Societies of the white churches sensed the need of a day nursery for Negro children in the community and...</t>
  </si>
  <si>
    <t>                                           CAMP BUTNER, North Carolina, --(SNS)--"For exceptiona11y meritorious conduct in the performance of outstanding services," First Sergeant Claude McDade, now awaiting reassignment at the Eastern Personnel Reassignment Center, Camp Butner, North Carolina, was...</t>
  </si>
  <si>
    <t>                                           Atlanta ^~~~1 World fM:Ati t,ur Mc-uai tuty. Mssli, TsBubM Svary Morning, Except Monday, at tie Kabazs : S. N. S. N. N. P. A. A. N. F. SrtablUbed Aug 6, 1928; Became Daily  IS list V. A. Scott, H, Founder-Publisher, Ac*. 6, 1928 to Feb. 1, 1 I4 Telephone*: Walnat 1469 1  0 i Cnteied in Post Office at Atlanta (3), Gm., aa second  mail under tiie Act of Congrea, March It, 1879 C. A'. SCOTT Editor and General Managoi CUFF  Managing Kditoi Daily: 1 Year, *9.25; 6 Months, (6.00; 2 Montns, 11.00 Saturday Only: 1 Year, {3.60; 6 Months, J2.00 Canada: 1 Yr.  4.60; 8 Mos. 2.76; foreign, I Yr.  5.6~. TES ATLANTA DAILY WORLD is an independent newspape* OB4 and non-        . printing the      absolutely un  and  thoBe  it believes to be to the inter Wt of ita reader* and opposing *  againat the  at Itt reader* Address ALL COMMUNICATIONS tb and make CHECKS pay able to ATLANTA DAILY WORLD, rather than to Individuals. Toe WORLD   ; for return of             pictures, manuscripts, etc., unless stamp s a/e sent.</t>
  </si>
  <si>
    <t>                                           A Hit Smack On The Target                 An unidentified American soldier with the ".'{Sird Field Arfllery Battalion in Frunee observes the effect of shell bursts in the vicinity of his target. The instrument he is using is the buttery                 commander s telescope-. (U. S. Si(?n;il Corps Photo.)</t>
  </si>
  <si>
    <t>                                           MISS A.F. BROWN has returned to her home at 206 1-2 Harris St, after an operation at a local hospital.</t>
  </si>
  <si>
    <t>                                           Now In France                 I VT. CARL WALTER LANS nephew of Mrs. Lula Maf GIlImm. l -13 Clover :,;nie, Atlanta. Js Uitlotiotl somewhere In Fraucc. Pvl. Lane -hits been In the armed  Hourly  r. . His mint and other relatives and [i lends :ire  for him a safe return home. H". has never returned home on furlough since being in the service. In turn, he sends kind  and love, to all of his. relatives and .</t>
  </si>
  <si>
    <t>                                           flere Thurs. Wk.                 CECIL GROVES Vocalist Carolina Cotton Picker* -who win play the" anniversary dance at the New Sunset Casino 0T1 Thursday, September 28. This, festival will mark the first year of operation of the Sunset by Southeastern Artists. Tickets on sale next Sunday. (Adv.)</t>
  </si>
  <si>
    <t>                                           LOANS TO SERVICEMEN S WIVES For Use Between ALLOTMENTS See Us for Quick Serviee WALNUT FINANCE CO. 1MM   H.</t>
  </si>
  <si>
    <t>                                           DAILY HONORS CORRESroISTIENT                 HONOLULU (ANP1 -Vincent Tubbs. ^ce war correspondent for the Baltimore ^fro-American newspaper chain, enroute to the main- j land, stopped here for a few  nnd received a three column head-' ling, ir.ii l pnec  In the Honolulu Star BiUlentiM. Tlie      Bullentin. a dally paper. Is one of the leading sheets In Hawaii.</t>
  </si>
  <si>
    <t>                                           YANKS BREAK MAIN SIEGFRIED LINE                 i Der Fuehrer's Westwall Found j Poorly Defended                 Palau Assault Is Proceeding On Fine Schedule                 BY S. X.                 The U. S. First Army broke through thi! main Siegfried lino Friday niter ) forward on a wide front cast of Aachen in a spectacular 24-hour drive. Tile headlong attack, carrying into Germany the same sweep that had won France and Belgium, found                 ihc line weakly defended In  and In some  discovered that apparent .ive positions wore fakes. The Americans were well supported by tanks, but the victory was with the infantry. Supreme headquarters announced that the Seventh U. S. Anny { Is row under the command of i General Elsenhower. I The German  Wcstwall' 1 buckled at three critical points on a broad front under i\  of blows from tile Americans who were  toward the great Rhineland cities of Cologne and Koblenz. NANCY IS SlilZKI) On the south, General Patton's Third U. S. Army broke the back of- the;- last-~. German  -.-in northern France,  Nancy and sent '.lie enemy recline in retreat toward the Rhine on a 30 front on both sides ol the city. The outer works of the Siegfried line were found less formidable than many obstacles smashed on the Normandy beaches and there were indications the Germans were in fighting retreat to a second line of defense on the Rhine. The Yanks blasted a maze ot Dill boxes north of the fortified city of Trier. Thirty-five miles to the northwest tanks and self-propelled artillery, rumbled up to the edge of Prum- supposedly n fortress anchoring the mai:i Siegfried defense zone- shattering concrete tank . braving artillery and anti-tank fire and routine the Germans from pill  with bay- j onet. dynamic mid flamethrower." The German frontier fortress of Aachen. 40 miles farther north. w n s surrounded b y American i troops, who fought into (he fringes of the city as massed firu of U. S. suns pounded its buildings intu rubble. i YANKS ON 1'AL.AU j Assault, troops of the American j Third Amphibious Morer landed I against stiff opposition Friday in i the formidable Paluu islands flanking the southeastern Philipnines. They continued id pour ashore in n co-ordinated ground. sen and air assault. Doughboys and Marines com-  by Marine Major General Julian C. Smith rolled ashore in the Palaus almost simultaneously with an Invasion by Genera! Mac- i (Continued nit  ti. nil. .11 t                 Der Fuehrer's i (Continued from Fagr I) j Arthur's forces of Murotal  j in the Hnlinsihern group. 300 miles south ot the Philippine*. Three invasions posed a double  i threat to tlie Philippines which previously had been under attack j four days by carrier-borne Ty- j  that demolished 501 Japanese planes and 173 surface vessels. Operations were proceeding satisfactorily. A joint news conference at noon today will draw the curtain on the eighth and perhaps final "war"  of President Roosevelt and Prime Minister Churchill and clear the way for future- and probably imminent deliberations on cracking German economic and political power. The military phases of the Quebec conference had been concluded Friday. Plans had been approved and scaled for  on unexpectedly quick and decisive victories In the Pacific and for grinding Japan into submission.</t>
  </si>
  <si>
    <t>                                           The U. S. First, Army broke through the main Siegfried line Friday after smashing forward on a wide front cast of Aachen in a spectacular 24-hour drive. The headlong attack. carrying into Germany the same sweep that had won France and Belgium, found...</t>
  </si>
  <si>
    <t>                                           gm Jhul^^ jt$~   ] -Men and women boyi and girls ^^ffm Jir jS^Bk ^    ^a Kr^^ ma everybody ha* ideas on how to improve bia ^mf ^B^ /~^^'^\^-*^' I KJt^^^wff^, ^^"^n^^l content rule* and FREE booklet, "A Wartime Georgia Power Company a       ^*^- ;^2$J'</t>
  </si>
  <si>
    <t>                                           WASHINGTON, D. C.--(SNS)-- Christmas gift packages mailed between September 15 and October 15 to Army and Navy personnel overseas should bear the endorsement "Christmas Parcel" and may not contain perishables, intoxicants, poisons, and...</t>
  </si>
  <si>
    <t>                                           COLUMBUS, Ga.--(SNS)-- Tuskegee's Golden Tigers continued their thus far unchallenged bid for the 1944 SIAC championship Friday night by overwhelming a vastly outweighed. but plucky Morehouse eleven. 40-19.</t>
  </si>
  <si>
    <t>                                           LUN LnAntT ;   ( j JOHN  ^a^/.J^fl^ PLUS \^lt-" H!WN ANKERS I. MHOl  Eafe.v*g- Jacquanetta CAPITOL now!</t>
  </si>
  <si>
    <t>                                           WASHINGTON-- (ANP) --Any hope that Negroes may have had for preferential treatment in the forthcoming layoffs will he killed when the forthcoming announcement of policy by the civil service commission states that they will be given the same treatment as other...</t>
  </si>
  <si>
    <t>                                           RACE TROOPS KEEP 1ST, 3RD ARMIES SUPPLIED                 Moved 800 Tons Of Food Daiiy, Report Reveals                 Drive Truckt Directly To The Front Lines                 HEADQUARTERS. ADVANCED SECTION, COMMUNICATIONS ZONE, Prance- The 3264th Quartermaster Service Company has certainly kept the stomachs of the men of the First and Third Armies well-filled, by supplying them with more than 1,600,000 pounds of food                 daily, via a Quartermaster supply depot not far behind the lines in the advanced section in Prance. According to Firs-t Lieutenant Lester W. Gordon, of 2625 Pacific j Street. Brooklyn, New York, that was the average amount of rations handled daily by this one Negro company alone during the most difficult phases of the drive for Prance and in. the maintenance of supplies during the most speedy advances. The unit, which landed in England on July 12. 1942, waded in to the beachheads in France on June 30, and took over the job of supplyIng the front lines. It struck Its high mark at Boutevllle, In Normandy, with the 809 tons being rushed, by convoy, right up to the fighting men. at the front. For  three weeks  lt -rthe  points on the front lines, and has done the same job during the past] month. i The 236th Is commanded by First Lieutenant Leroy E.' Tyler, white, of 125 Hewitt street. Trenton. New Jersey. It has another Negro , in addition to Lieutenant Gordon. He is Second Lieutenant Leonard W. Cobbs, Sr.. of 22B Cornell Avenue, Drexel, Dayt.in, Ohio, who Joined them In February, 1944. First Sergeant of the company Is Jnmes Rufus Blnckwell, of 1608 31st Avenue. Meridian, Mississippi, son of Mr. and Mrs. George W. Blnckwell. The men work -thc-clock on regular shifts, and accomplish their tasks with such efficiency, that, according to Master Sergeant Paul McCannon, of .Sullivan, Indiana, who is in charge of the. depot labor and  unit: "It's the best d---d company in the United States Army.'"</t>
  </si>
  <si>
    <t>                                           HEADQUARTERS, ADVANCED SECTION, COMMUNICATIONS ZONE, France--The 3264th Quartermaster Service Company has certainly kept the stomachs of the men of the First and Third Armies well-filled, by supplying them with more than 1,600,000 pounds of food...</t>
  </si>
  <si>
    <t>                                           Becomes Eagle Wednesday                 EAGLE VF.  The first Ncnro  of Georgia get* an Eagle Scout, in. the person of Scout Verdery Hoberson of Trorp 20 of the Augusta Area                 Council (AUgusjUu Georgia) who will receive the coveted award at the Macedonia Baptist Church. Wednesday November 1, 1944 al 8:30 p. m.</t>
  </si>
  <si>
    <t>                                           Five Are Made First Looeys At Ft. Begping                 FORT ,'55!- (    - Five reception center officers have been promoted train- second to first lieutenants, Col. John P. Edgerly, commanding officer of the reception center, has announced. In connection with their promotion, they received letters of commendation from Bri*.'    ; "William h: Hobson, post, commander/ Promoted were: 3d Ltt. Oelwln A. Mills, of Phrta, 'TejtJ^Roland K. Blng Jr., Onkwood, Tex.: Leroy Burkholder, .WernersvUlo, Pai; Hownrd 0. McOlary,. Balem, Kew Hampshire. and Ronald T. NelmM of Long Beach,, Calir.</t>
  </si>
  <si>
    <t>                                           Heads Newsmen                 Major Kenneth Eudell Campbell has been  to   0 Tubllc Relations Office, Headquarters; European Theater of Operations. Major Campbell's duties entail the dissemination of- news' about Negro troops In that theater through the War Department Bureau of Public Relations, Washington, D. C. A staff of five experienced newspaper men has been assigned to assist him. Major Campbell is a graduate of the Field Artillery School, Fort Sill, Okla., and the General Staff School at Fort Leavenworth. Kansas. His ..wife,; Mrs. Nettyc Campbell, resides at 6041 South1 Michigan- "A venue,-- Chicago,                 Ill* (U.. S..ATaimPhoto.~</t>
  </si>
  <si>
    <t>                                           ,% Gv Sjjjjiciettt M  et.oice  And always attended by U^ a  stall to serve P!   your best interest! at a lime when sympathy and we?, understanding requite a helpful attitude and X$L  from .  II ^X UlTIA .  v  T Hocnt*   coit iffi 1492  ST.SW.^ g4J^l</t>
  </si>
  <si>
    <t>                                           it A/ y. ^^K^wT B B B B. Ml Wm. -MJ w!D yS**-,'^ ai8~^ T"T*^^^^^Vf^^^^^^^^^! Jp$$J^ if NEW HAIR BEAUTY IN KKS^ 10 DAYS OR NO PAY N EW I.OVE  Science brings  'the 'newest comI wns :i wallflower  I tried  or Vllamins in V1TAMINE VlTA.iriN E which has given Ircalmcnl. Tliis new   shining: glory. Writes -Mrs. I..1). vives (he Imir follicles at  SCRAGGY HAIR b?S1"' B'vcs "Cw UfR to ^auv ll!      makes it grow long, active and My friends all told me that 1 beautiful, should do  about my hair ~.-    TRIAL which was thin, unattractive and Rcmemucr  is sold you . VITAMIN E gave me a un our         ,c ,~e  yM   head of glory. I ca.ii.ut  it highly. (Mrs. must ~~'~n ~'~ely satisfied or  il r, i money  refunded. Don't delay hut try the  BALD TOR  Irealm.'nt today. Semi SLOO io NOW NEW Il/UIt  VITAM1NE COMPANY, -308. For years my bald head grew no San Antonio, Texas, and '- hair  I found V1TAMINE and f(ll, treatment. Remember  now have a fine head of new hair. ,,louey returned if not completely (Mr. R. W.) satisfied.</t>
  </si>
  <si>
    <t>                                           Finding Of Oil In Mississippi To Aid Negroes                 Sharecroppers Set To Benefit By Discovery                 - (A N P.i WliUe several Chircso Ncgrcis will   in tho wealth. which the"  exploited Mississinpi oil  Is destined to bring forth, the economical status of thousands of Wesro sharecroppers may ue changed. In HeiWelbers. Mb*., lust  oil came in at the depth of a mile.      so sudden was the outburst that immy a JiUsslssippian has not (Continued on page "i                 Checks On Fungusj                 Mi.ss Ruth Wyant. '. is shown making :i it-si in General Electric Compaoy's scientific     ^Ui lurin. She   scientists in the G-E-  arc   "t6" rc nuei- ^ the fungi . which now.  tiie striking: power and durability of delicate anil vitally Jmpowam. wax  In  /~no tropical areas. Miss Wyant, who is 25 years old understands the destructive prowess of the molay  so well that she   ii\ formally as barbaric allies of the Jaiiunese.                 Finding Of (Continued from page 1) yet been apprised. Around one half of the state s population is Negro. and many of these are poor farmers or*   croo harvest from the red clay soil has been rot been only irregular but every meager. Sharecroppers and farm 6"       in Jncpcr county, back In 1932. sut- fered additionally when the court- bouse was burned down and thus destroyed nil title records. A young Chicago woman who had a third Interest In 48 acres of land in Jasper county, a while bade consulted. A.tty. Elmer Oertz                 concerning the advisability of selling her land for nn offer of $250. "A1 week later she (jot $12,000 "Tor the lease." Certz revealed.</t>
  </si>
  <si>
    <t>                                           MADAM MINGY A Genuine Palmiit and Trua Adviser 80c Complete Readings     *^^H Without asking a ^^nB gle question, she will   your secret     3-US tiro* and g   I f ItB         and how to fc  B gain them. Toll never  ft Iw^B f:t*:  on all HBt. A B :iirs "r       T    loTer influence*, money matters, business, in fact* matter what your pf  m*y be. Stop buing a, loser* change your luck. Gain the thing* you want most in life. Sey bar today as this special low price may not I us extended. 40 year* experience ten years in Atlanta is MADAM MINGY'9  to you that no better rending or faster results can be obtained at any price, anywhere* Readings Daily and Sunday 10 a. tn. til 10 p- m. 652 McDonough Rd,, across from Federal Prison. Take Pry or Federal Prison car to end of line. Look for Neon Sign.</t>
  </si>
  <si>
    <t>                                           The coming Presidential election November 7 is the most important of all to the American Negro in the history of his stay in this country. His future is directly tied up with, the man who occupies the White House for the next four years starting in 1945. Issues of tremendous...</t>
  </si>
  <si>
    <t>                                           Special M.00 Mending for 2St Yoqr lucky      ana1  fOET RESULTS    .h..~ .. After    i   11   coniA with   Madam Eva SHE GIVES PACTS AND TO' n U           ud Ms     hat know. .U. if        h  or wife or look. b.     sad  si aaro. office  m.    1  p. i*.      and Ehmdn} '~I19 W. Mnrlrtla St.. N. W..      -'     pnr* to    ^      Inmaa Tftrd     f  sr.       auk the     -w,l V* roa off two       on the othe* ltd*           Co., AtlaBta. Gcirrla.</t>
  </si>
  <si>
    <t>                                           Man, 71, Found Guilty Of Slaying Daughter-In-Law                 Elbert Padgett,. 71-year-old Atlantan, who is in bad health, stood before a 12-mnn all white Pulton Superior Court jury Tuesday to hear them read what may be his fate. He was found guilty of voluntary manslaughter and a sentence recommended by the jury of                 rrom five to five years] for the slayIng or his daughter-in-law, who was stabbed with a kitchen knife in their home, whore he lived with his son, Elbert Padgett, Jr., and his wife, Mai-}'. The slaying oe-  Inst August, and followed u family fuss. Because of the feeble health and for reasons that presiding Judge Edgar S. Pomcroy desired to have the defendant Investigated as to record and character, sentence wis deferred. It was stated during the  which began Monday morning that Padgett has no record, and that ho was regarded as a gooS citizen, according to the statements of several neighbors. Defense counsel Russell G. Turner, who was associated with Frank A. Doughman, stated Tuesday  that they v.~2re filing a motion for a new  for his client, and that should it be granted Padgett would post a bond immediately. Padgett pled selfdefense, stating that he killed only to protect his own life when his -ln-Inw attacked him. Prosecuting during the trial was Assistant Solicitor Ruben Garland.</t>
  </si>
  <si>
    <t>                                           Elbert Padgett, 71-year-old Atlantan, who is in bad health, stood before a 12-man all white Fulton Superior Court jury Tuesday to hear them read what may be his fate. He was found guilty of voluntary manslaughter and a sentence recommended by the jury of...</t>
  </si>
  <si>
    <t>                                           i Large Pennsylvania Shipbuilding Company Building Tankers Needs Men Sheet Metal Workers Ship Electricians Ship Riggers Stage Builders Ship Carpenters Joiners Regulators Erectors Plate Hangers (Ship Fitters, Linesmen) Helpers IMP Laborers J* Arc Welders Attractive Scale of Wages. Time f.nd One Half in Excess of 40 Hours. Immediate Living Facilities. Transportation Advanced. Workers in Essential Industry need not apply. Company Representative will interview applicants at U. S. Employment Service OF THE War Manpower Commission 191 Marietta Street, N. W. Atlanta, Georgia 8:30 A. M. to 5 P. M. SEPT. 4 THRU 16</t>
  </si>
  <si>
    <t>                                           Huachuca May Become Center Of Replacement                 Soldiers May Be Sent There From The South                 FT. HUACHUCA, Arte.- IANPi- Inactivatlon of this tort Is imminent, according to orders received hore last week. In accord with future army pinna, the camp here may be utilized lo house replacement unite, such as the 372nd infantry now  at Camp                 Brecklnririge, Ky With the  a mere ghost of it.s former self, the 100-odd medics find themselves without work since the camp has been vacated. Beside the rumor that the 372nd infantry may come Mere, it is reported that on the basis of Truman K. Gibson's recommendation as civilian aide to the secretary of war Negro soldiers may be sent here from the south, especially those stationed in Louisiana and Mississippi. While some of the Negro units in the south are quartermaster outfits, including truck companies, the 372nd Is currently a replacement unit and has up to 8,000 or 10.000 men at times. Since the army hah backed .down on-the seizure of "the -Fershlnv and Theresa hotels, Maj. Earl Ronfroc and others, sent to Texas Jfrom here to uld in working out plans for the re-distribution centers; lor Negro soldiers, have been ordered back. Less thun 200 patients are being attended by 100 medics In the camp hospital here while orders are expected daily to transform this fort into a  training center.</t>
  </si>
  <si>
    <t>                                           FT. HUACHUCA, Ariz.--(ANP)-- Inactivatton of this fort is imminent, according to orders received here last week. In accord with future army plans, the camp here may be utilized to house replacement units, such as the 372nd infantry now stationed at Camp...</t>
  </si>
  <si>
    <t>                                           Read "Story Of Private Pete" Daily                 The "Story of Private Pete,", a stirring account of the United States Army's Special Training (educational center, ot ..Port Bennlng. Oeorgia,  be presented World readers In 'six Installment* beginning Sunday, /and continuing tot  days. The story Is written by Nathaniel D. Williams, editor of the Memphis World, a Scott Newspaper.. Syrtdlcate . and reveals v the Inner workings of -one of the moat beneficial segment* of the. Army program for Illiteratef. V Readers In general,  those with relatives In -* should begin .Sundsy and, read "Story of Private. Pete." It to  nother World feature  to keep IU reader wll-lnf?     . i A special picture , showing various scenes at the school, will M  during the week.</t>
  </si>
  <si>
    <t>                                           LET S GO FORWARD WITH ROOSEVELT! Tile 1944 Presidential election will VELT be epochal in this generation in that Should this nation shortsightedly its outcome shall profoundly in- fail to avail itself of that  the making of the kind of ship jn this hour- the most chala world we shall have the next one lenging since Paul spoke on Mara hundred years. Hill-its unborn children .shall rise Wisdom, good judgment, common and curse its judgment and damn, sense and pardonable .national- 'self its memory for its failure, to oV interest aside from the welfare of iust;ce to its . mankind, all combine to dictate the i nation s choice of that leadership The true liberalism of FRANKexhibiting the broadest social vision, LIN DELANO ROOSEVELT has 'the keenest comprehension of world given flesh and blood to the Biblical problems and the greatest genuine truth that men are more valuable/ concern and sympathy for the estate than things. His idealism which; 4 i and fortunes of the common man. over stubborn opposition; both' in The foregoing candid considera- his own party and out of it, is  denominate and delineate that ing slowly translated into practice, leadership in the sterling 'personali- will give this nation its rightful ty, profound intellect and great sou! place in the leadership of the  of FRANKLIN DELANO KOOSE- cils of mankind. I WHY NEGROES SHOULD Through the prosecution of  THE ROOSEVELT faithful public peace officers, the j TICKET Roosevelt Administration is. giving            since Lincoln, have done in sixty WHY ALL CITIZENS SHOULD years. SUPPORT ROOSEVELT 2. The Roosevelt Administration Perhaps more than any other man through the Fair Employment Prac- living in the world today, FRANKtices Committee, is giving Negroes LIN DELANO ROOSEVELT will be and other minority groups a fairer better able to help fashion a peace, chance to make a decent living, with following certain military victory to equal pay for equal work. which he shall have contributed so 3. The Roosevelt Administration tremendously, which will ^ve     53B3BS mmms "The right to vote must be zation of the world, open to our citizens irrespective THK NATION CANNOT AV- of Race. Color or Creed-vith- mnn m     ffl\NCK WW out tax or artificial restrictions fj?l         KE C HANCES T VITH of any kind. The sooner we get pfT? TO ^TRIED INEXPERT to that basis of political -  HA^S INBXIfcRIty, the better it will be for the ENCED HANDS. country as a whole."' Therefore, in view of the vital 4. The Roosevelt Administration importance of the continuance of is providing decent housing for low- Progressive liberal,sm ot jM  citizens of  race, and Roosevelt ..pn the Mwr. Iff Ine 'nfi Zutc^ZX^Zo^Ts or ine nation. own const;      all patriotic 5. Under the Roosevelt Adminis- citizens of our great state of Ceortration the laboring man nnd farm- gia to exert every possible -,to or. white and black, are beginning roll up a record- vote on to get a fair return for their labor* November 7 for President Roomfor the first time in the nation s veil nnd the Democratic ticket, state history. and nation. Georgia Association Of Citizens Democratic Clubs A. T. WALDEN, President (Paid Political AdTertUomont)</t>
  </si>
  <si>
    <t>                                           UNTIL THE JHN ARE LICKEDWe must keep on saving Used Fats! DO YOU KNOW why our government had to ask you to save used, fats in the first place? It was chiefly because the Japs had taken the Philippines, Java, Malaya the places we used to depend on for a billion pounds of fats and oils every year. WELL, THE JHN still hold those places. So when you hear good news from the European fronts, remember that those victories don't help our fat shortage problem. They increase it, for winning victories is a costly business that calls for more and more explosives, tanks, guns, synthetic rubber, soaps, medicines nnd other war and civilian materials that need fats in the making. THAT S WHY your used kitchen fats are needed more than ever. So keep on saving and turning them in regularly. When the can is full, rush it to your butcher, and get 2 free red points and 44 for every pound. This is one of the important things you can do toward victory! Apprortd by Of A, WVA, . Pali for by Industry</t>
  </si>
  <si>
    <t>                                           And Pins HaveToi Be Pulled                 Unless the safety pins are pulled, the bombs' wfl!'; not' explode upon impact with the ground. Makint; sure that his bombs will not prove to be a "duds," Aviation Cadet. Harry J. Satterwhite of 131 West 110th St., New York, New York, pulls the pins ..soon? after the plane becomes airborne. Scheduled ^to completed tSe-A-AP^Traln. ing Command  course at Midland Army.Aii; I^ield,-     , on Snturdoy, November "4,  ilM4.' A-C Satterwhite is in the first  of Necro aircrew trainee? to blast the target ranges of this                 West Texas field. (Photo by Army Air Forces)</t>
  </si>
  <si>
    <t>                                           He's 23 Today                 PVT. ODELL KIRBY, who Is celebrating his 23rd birthday today somewhere in Belfilum. He is the brother of Mr. Willie and Miss Mangle Klrby, 1434 Francis Street, Jacksonville. Plii. He has been in service since 1942 and hns been overseas ten months. Private Kirby has two brothers in service, one in the South Pacific and the other In France. He is the friend or Miss Connie Keith Green of 599 Julian St., Atlanta. His many friends wish for him n happy birthday and a safe return home.</t>
  </si>
  <si>
    <t>                                           Football Next Saturday October 28 Harpers Field 2:15 P. M. Ala* State Hornets vs. Clark's Panthers Be Sure To Get Your TICKETS In Adivance</t>
  </si>
  <si>
    <t>                                           ANDREWS, S. C. -- Hezekiah Miles of Lanes, S. C., one of three men set upon and beaten by a group of unidentified white men in Williamsburg County last Sunday afternoon, died in the Hemingway Hospital Thursday, it was learned here Monday. Jumbled reports on...</t>
  </si>
  <si>
    <t>                                           Problem Of Jobs Is Seen As No. 1                 LOS ANGELES (ANP) lust as the United Nations are taking time by the .in.^for. the ^          "8^^that'-^         6^Wh^      ^~s^^jC^~ ed, so are state officials and far-seeing members of both races anxiously considering post-war California as regards the Negro.                 They hope to be able to moke the dire predictions of Harry 1U. Kinsman, FEPC regional director, for the Pacific coast prove untrue. Kingman declared last week that when 200.000 more Negroes begin seeking Jobs as' cut-backs and reconversions In war industry increase, racial tensions will grow. He explained that the first prob. lem to be faced would be to place 65 to 70 per cent more Nesroes in west coast peacetime industry than In pre-war days. He. like many fo the colored leaders who  been studying the matte: carefully feels definitely sure that only a small percentage of southern born defense workers will return. Better living conditions, better schooling for their children, and less discrimination will Induce them to rather chance unemployment here than In the south where they came from. With many whites also out of employment, prejudice and race                 1 hatred will be aroused In the  1 of those who nurse the belief that whites should be favored, Klngman continued. He also quoted the figure of 277,000 Negroes now on the pacific coast, which Ls 200,000 more than formerly. Before war Industries and manpower shortage attracted the present great and Increasing influx there were only 12,000 In San Fran. Cisco, 69,000 in Los Angeles. 2,000 In Portland,  3,000 In Seattle. Snn Francisco now has 75,000 and Los Angelcs 150,000 with the other communities similarly Increased. AU feel that there is no time for delay with the war definitely drawing to a finale.</t>
  </si>
  <si>
    <t>                                           LOS ANGELES -- (ANP) -- Just as the United Nations are taking time by the forelock in preparation for the gripping new problems that will arise when peave is declared, so are state officials and far-seeing members of both races anxiously considering post-war California as regards the Negro.</t>
  </si>
  <si>
    <t>                                           Four Clevelanders Lose In Ohio Vote                 CLEVELAND- (ANP;) Flooded by the tidal wave of votes cast In Cleveland for Democratic Mayor Prank Lauscho, governor-elect, awl President Roosevelt, four Republican candidates, only Negroes on the ballot In the present election were defeated more than 2 to 1 majority. The candidates were Harry E. Davis, one of four contestants for county commissioner Uto to be elected* State Rep. Candidates Frank C. Lyons and William B. S. (18 to be elected), Chester K. c.. for state senator (six to be elected). Even COP stalwart Chester K. Gtllesple was unable to dent the Democratic landslide nnd he along (Continued an      4, Cot 3)                 Four Clevelanders (Continued from page 1) with five present Republican members of the legislature were swept aside. Mr. Gillcspie. serving his third term as a representative  only Negro member of the -y dele-  to the  assembly. was snow jd under as lie sought to ex- i change his house seat for one in the senate.                 JOSnUA JONES By L P. Rcynoldi Bro. IJfll layn      tlM put a buj: la (    r ff llow'~ car that turned oal in    fl*~ In     own ,</t>
  </si>
  <si>
    <t>                                           COMMERCE, Ga.--(SNS)--Sunday will be one of the greateds days ever witnessed here. It will mark the whirl-wind finish of the Tri-Angular Contest between three local pastors: Rev. Williams, pastor, Mt. Pleasant CME church; Rev. Winston, pastor, Warren...</t>
  </si>
  <si>
    <t>                                           'Mr Heed       a Black-Draught    icf I J-Usually prompt jf^  A 2-Usunlly thorough y\ 3-AIways economical /;','i' wSm 6 I fi  1 ill ^a  j^WaSBj     C I iff ^U B? VUh Siead "CITIZENS OF NEGRO BLOOD" the last article written on the Negro by WendeQ Willkie In November Issue If your dialer       lend 25c lor    .           DICtST I 5619 S. Slata Sr. du  21, Iffino!! I</t>
  </si>
  <si>
    <t>                                           Thundering Thrills! "STAGECOACH1! with Cluriu Trevon John Wayne CAPITOL NOW 81  BU. in Mcncilh Western Skius" und "THE PHANTOM" ROYAL "TAXI MISTER" ;ini   I "SWEETHEARTS OF THE V. S. A." Una Mcrltle I). Xuvis ASHBY "ACTION IN AltAIMA" Virginia Bruce    . Sundvrs aim "SUNDAY SINNERS" i\ll Colored Cast  "WILD BILL" ELLIOTT" "The '.DeWl's Trail" iind "THE PHANTOM" STRAND RUSSELL -N in "Silver City Raiders" and Beginning "THE PHANTOM" HARLEM CHARLES STARRETT in 'Robinhood Of The Range' and -G.MEN VS. THE BLACK DRAGON"</t>
  </si>
  <si>
    <t>                                           In Memoriam                 In memory of our wire, aunt and sister. Mrs.  W. Butler, who departed' this life September 19, 1941, three years ago. But we would point to heaven- a land  (air. And It will always console us to 7 that she is there. She grew so tired of suffering pains that would not cease. The Great Heavenly Father touched her, and gave her ease and Signed: Mr. F. Butler and son. Mr. and Mrs. W. A. Cade. In Memoriam In ? memory of my mother. Mrs. Mallssia Wlllllams. who passed 12 years ago today, September 19, 1933. Sadross still cover over us, secret tears do often flow, but memory keens us pressing on.  Mrs. PearUner Austen. Mrs. Rosa Nash, Mrs. Gussle Hambrlck, daughters. Mr .C Felix Williams. Mr. Islah Williams, sons, and and e^t granddaughters. Mrs. Malissla Jones, granddaughter.</t>
  </si>
  <si>
    <t>                                           ^B^^^'^3^ COLORS CRAY HAIR* LOOK 10 TO 20  I i55       ?       I Don't worry any longer about CRAY HAIR that tEl^           ^LaH'  you look old or loso out in Lovo, Ilomnncr, or a Mna^^^vf^Q^v^^HSfll good job. Got a box ot SLICK-BLACK,     NEW, 3' */MK53B moit  DISCOVERY that  your HAIR t%Ufi[**'. STRAIGHTER looking and tap.tUs JET BLACK       9      !3e!?VV COLOR to your HAIR  time. Toko yearn ~$~1]luUK3/V"f on your appearance. At Sixty, Look Forty. At Forty,      59  ^4S^ Look TwVnty. Just follow the direction! on tho box. -Slfc Vi^rW J No    : no funs; no bother: change from bottle hair- ^^.*^k-    W ^L/Jr dye to SUCK-BLACK. BIG       A Plm ^k^jS **3z3r Buyahoxtodayl BOX            ^^S* I,      ^^^^^^I^Kfits head like a glove  W^^^^^n PRESSES HAIR IN PLACE ^^^^^^^^^^^^H^^fl^H ^^Mtf^a^ Here't thit way to train ^^~~MBDHa^^Bpnk your Hair and kcop it J^tK^^^m^^^9^i^Kk  looking. HHKfl^A^aW "^^^^^W*       going to bed HfflRU f ^^alH Comb your Flair in  "MW^Us. 1BP mnd.Upon:           ..AV V^* VW I ln( Cap. While  hair r^Hf v"*  y  3      smooth and In plan;. Kr\ V *~-J ^T r\ Pillow will not nut . W^ n C lJ Dir*                *l. Throw V "^~F ^l V; away your old -.( cap I      ^53/ and icet thb PrtKlnx Cap. ^Sirk-a- Y lor Men Women 50c fB^EuKSAflV9#^?^ Grt this . Kr^p I *BO8ift8    ,Afl^Kb3] V"r l!rl r l"okl"~ alack, I J ^g8,\t^3^-L JnfTinWrU **lck.           looking.  BLACK and ^SUCK-BLACK CHN at I ALL DRUG STORES</t>
  </si>
  <si>
    <t>                                           In Membriaih i                 In loving memory o{ our daughter, sister aad aunt, DorriE Fudje ZUls, r.-ho departed tills life today tv.-o  ago, October 26, IMS. We miss you darling, though you are not forgotten Mrs. Annie Fudge, mother. Mrs. Sussle Clark, grandmother. Mr. Wlllard Fudge, brother. Miss Bessie Fudge, Mrs. Evelyn Fudge Klrkpatrick, sisters. Conway and Larry Lewis, nephews. Cloryan TTiomas, niece. In Memoriam i 1 In loving  of my Father who departed this life one 'year ngo today, October 28. 1943. We miss you, dad, more than 1 words can tell. We miss your voice 1 and your loving smiles.- To us you nren t dead, you arc Just away. We tried so hard to keep you here with us, but God had a Uttle better place prepared for you. I Mrs: Addle Holden, wife. Miss Katherlne Kolden, daughter Pfc. Mrs. Lovette Holden Mr. nnd Mrs. Willie Holden Mr. Oscar Holden</t>
  </si>
  <si>
    <t>                                           In South Pacific                 OPL. JOHN W. BROWN  finished his basic training at rort KucKer, Alabama, celebrated his 23rd birthday in the South Pacific. Cpl. Brown is the husband of Mrs. Marian Brown. son of Mrs. Mozel Sims. and grandson of Mrs. Vinnie Byrd.</t>
  </si>
  <si>
    <t>                                           Tonight's The Night For The Gala Opening ?     1 CONNIE  8 P. M. tO 4 A. M. Alkintii's Own Queen Of Swing Thursday October 26, 1944 T ^-ijP^BlisL^ DeLuxe Cafe And  uj^t*0*m Dinner Bar *V^K; lisK" "r^s Because of limited seating capacity, reservations must Vi be made in advance for the first two weeks. For ^^'/^ vations call JAckson 0211, Smith's Record Shop. v" CLUB POINCIANA 145 AUBURN AVE. Helen Humes MOOD INDIGO VOCALIST  H 1- .Jl.L Z_.^IdZrt^~**"~~'J^^T***"TJ***** *^TTIf"**^ ~..p- ^f.- n i i^^^[ j^        * -m-~-~m  mi^'</t>
  </si>
  <si>
    <t>                                           An all-white jury, which sat for almost two days, listening to evidence and arguments in a murder hearing in the Fulton Superior Court took an additional seven and a half hours to arrive at verdict, which finally came at 11 p. m. Wednesday night.</t>
  </si>
  <si>
    <t>                                           Singer With Silas                 SMITH sensational lenor, who will    heard Thursday night with the ruinous Silas Green show during Its annual appearance st the City Auditorium. Advance tickets go on sale Sunday at the usual places, S1.00; at box SI.20. A Southeastern Artists Presentation. (Adv.)</t>
  </si>
  <si>
    <t>                                           Seeking plans by which Baptist ministers may continue their ambition for educational advantages and do its bit to push the Kingdom of God, the Atlanta Baptist Ministers' Conference, headed by Dr. R. H. Milner, held a stirring meeting at Ebenezer Baptist church.</t>
  </si>
  <si>
    <t>                                           Wacky Khaki Fiilm At 81                 '"Hey Roockie," the khaki-go-WRckicst musical of them all featuring Ann Miller, Joe Besser'and an all star      opens a three-day run today at Bailey's 81 theatre.</t>
  </si>
  <si>
    <t>                                           INVASION OF PHILIPPINES MOVES ON SCHEDULE                 Encounter Stiff Jap Resistance                 German Citadel Of Aachen Falls To Yank Troops                 By THE S. N. S.                 Operations in the invaded Philippines were proceeding according to schedule with light losses, the enemy having been naught strategically off guard by the attack. President Roosevelt announced Friday.                 At his headquarters, General Doujrlns JlncArthur was pushing his forces into the  of tho Philippines, fulfilling a vow                 more than two years ago j  "I shall return." It was j estimated that  250,000 men had landed from the great- j cst -^oin^ .sei'/.tid the 75mile cast coast of strategic Leyte (Continued on p:i;c 6. col. 3)                 SPARS Accept Negro Women WASHINGTON IN N y A)_       Guard ."Headquarters Friday announced It would follow the policy of the Navy Department, announced Thursday, of admitting Neicro women to its Women's Rcsenfe, .called Spars. The Coast Guard, since the war. has been part of the Navy, thou^rt to peace time it Is subject to the supervision of the treasury Department. This move on the part of the Coast Guard was expected, since It has proved to be the most liberal of the armed services, with less discrimination because of race than any of the other branches. The Navy .announced Thursday that the President had approved Its plan for acceptance of Nctro women in the Waves. This loaves only the women          from which Negro women are still banned.                 250,000 Men (Continued from pape J) Island along with Taeloban, its capital, 370 miles east, of Manila. Move men were  landed. MOVING FORWARD An American network pool' broadcast from Leyto reported that Americans are "moving forward despite stiff enemy res  in sortie sectors." Enemy defense forces seemed to be ; their straight on one of the center  beaches and were putt nj; out heavy mor- tnr 'artillery fire,  of the craft being; hit. Goint: ashore with MacArthur was every able-bodied survivor of CorrcKidor and Sergio Osmena, successor to the late Manuel Quezon as pres;dent of the Philippine Commonwealth. MacArthur told the Filipino? in a broadcast that their president and his Cabnet. were with him nn Leyte and had re-established the Government on Philippine soil. Melt and supplies poured in meet an estimated 225,000 Japanese in the Plrlippines, putting the invaders within Us miles ,of JTaniln ami milking an advance of 000 miles north from MacArthur's called upon the Filip:no people to "rise and strike" the apanese. He said he was particularly anxious to "Ket" the Sixteenth Japanese division on the island. He , "they did (he d rty work on Bataan and have been living off the fat nf the land for two years." AACHEN FALLS TO U. S. Meanwhile nn the other side of the cl"bi'. the N'nzi citadel of Aachen Ml a' :i:,'i0 p. m. Fvid:iy and American tro"ps "(I all main parts of the first ' di-rman   '"munity to be  bv Ot Allies. Marshall Stalin announced also that Belgrade,  of Yugoslavia, had been liberated. Aachen, ancient seat of Charlemairne's empire, now a shambles' heavy n:r  artillery . fell to the United States First Army in days  an American ultimatum to llu- commander. IJ. S. casualties were s.vd lo be th'.1 lightest ever sustained in nn operation of such :tude. Capture of Aachen removes a major obstacle from the path of the Americans towards the p;      industrial Ruhr valley, tin' Rhine hind and the cif.'OK of f  nnd DusseMorf. Three Kussian Army  threatened East Prussia and Berlin  st ll another struck out the East Prussian front. Marshal Stalin announced the  oC Debrecen in a mamoth battle on the approaches to Budapest. The Canadians  a new phase of     All'ed drive to 'oin        mr use of Anfworf\ rins" simply poi*t for a massive- offensive against the Reich.</t>
  </si>
  <si>
    <t>                                           Operations in the invaded Philippines were proceeding according to schedule with light losses, the enemy having been caught strategically off guard by the attack, President Roosevelt announced Friday.</t>
  </si>
  <si>
    <t>                                           FORMER  MAJOR                 IN NEW GUINEA. (ANP Last      . Captain Leslie E. Wnlnwrleht.. former undertaker In New York City, was promoted to the  of  In an nek ack unit here. Mnjor Walnwrlght has been here In New Guinea since last September.</t>
  </si>
  <si>
    <t>                                           Armless Welding Wonder                 Termed "most dependable and industrious," James- Murray 11 -year-old armless night shift worker in the Industrial Canal plant of Higgins Industries, Inc., New Orleans, is speeding the- output of giant ship hulls. Murray, who has two sons overseas, lost both arms in a railroad accident at Conroe, Texas, several years ago when he was trapped between two box cars. Using artificial arms, he graduated from the training school and XRvier University on July 21 and was immediately hired by Higgins            on the basis of his above average training record. Since his employment                 he hns established nn enviable record as a welder. (Higgins Industries Photo from OWt).</t>
  </si>
  <si>
    <t>                                           BUY  1</t>
  </si>
  <si>
    <t>                                           Jersans Reelect Negro Legislator                 NEWARK- ) In Newark and Essex county the Negro vote was 2-to-l In favor of P. D. R. The only Negro on the ballot was Dr. J. Hill, Incumbent member of the N. J. Assembly (Rep.) He  through with  colors.</t>
  </si>
  <si>
    <t>                                           LOANS TO SERVICEMEN S WIVES For Uie Between ALLOTMENTS See Us for Quick Service WALNUT FINANCE CO. 14S 1-2 Pfeachtree St. N. E.</t>
  </si>
  <si>
    <t>                                           PARIS HATS          Arc being: backed by their good ^J^SJpfig^^ name styled to suit your taste w^ ^5:85 antl          FELT HATS amlc^~U^. CLEANED AND BLOCKED PARIS HATTERS S31 MITCHELL STREET -ATLANTA. GEORGIA Temporary Laborers And Returned Veterans Wanted1 Atlantic Steel Go. End Of Luckie-State Bus Line</t>
  </si>
  <si>
    <t>                                           ROME, GA. -- Pvt. Augustus Beal, stationed at Indiantown Gap, Penna., has returned to camp after spending several days with his sisters, Mrs. Rosa L. Famble and Mrs. Ida Mae Turner.</t>
  </si>
  <si>
    <t>                                           Secret Love Powder MAGNETIC LIKE POWDER WIN TIIE ONE YOU LOVE IVt till, mv.flo   M JUST  NIGHT  ml If II DliAKa row-  tu ~-oe       u RR  .T. ca.t hy thl. WON    .ISn:i. I'OWIIKIl. Yon may be HanrlsKl at tho HOOD  yon wiD mx it too   to     hw . Yna'II III.F.BS tho I. da* rou cot till*. It'N like n DltKAM     4 . also  . in  how to     thU la win Iota ol'.Ml NO 1 Full bottle nem in RI7AT,Kn  . Pny  in  tl.?a  * or  1.53 and wo DAT DMtnxr. Ona   If 2   1      . MONET BACK  VFI.MO CO.. \ TO 27 81 (V. kith Strrvt. N". V. C. MADAM GOLDIE Crystal Pnlm And Card Reading; Life Render and Adviser Special Heading 50e First Time In Your City PLEASE DON'T CLASS ME WITn LOW CLASS READERS Greatest ever in your city, county or . The lady with the Radio       ^ Mind, IVTndfim L t8B. \**T"~   enth generation, Kk /O^~-BB      with a veU, bgL \ she tells pAST. MflPk, IY tm PRESENT and WBUatS' i^H reveals FUTURE. Advice on all affairs of life, business, love, marriage, wills and divorces, and speculations of all kinds. Answers any and all questions. Calls names of friends and enemies, gives lucky days, over, comes all evil influences; locates lost and burled treasures. Satisfaction guaranteed. All readings strictly private and confident!;]]. Reading strictly guaranteed to nil. Madam Goldle Is not to be classed with Gypsies. American Palmist reader- first time here. Offices Hours: 9 a. m. to 10 p. m., i dally and Sundays. Separate rooms for white and colored. Take Alninnd Park or River Car und get off at Grove Park Show. See Hand Sign. Stop at door, 1624 Bankhead Avenue.</t>
  </si>
  <si>
    <t>                                           TAXING TO RUNWAY A tilt warmed up um the i-unp in  bomber of the all-Ncijrn  for l:ikc-i)'l  Air 477th Bombnrdincnl Group u I Forces Pholu from Bureau uf I'/ Field, Kenlucky, is  lie Rchaions.)</t>
  </si>
  <si>
    <t>                                           Madame Rose Look Who's Hare! PALMIST loti,      , RaplneMt Gnarantead to read      * life, put,       .oil future, ajka .          /' m *u too want     W^aal know*, ( imh Mlra um aad  baa WTI1 mm. ton. ,     TTfi attains Mb  %^   m win        VII . mmi bad look  l ^^J_J an kMa. Bcadlac* ^^^T"^  alb aad  'A . M. Tea win Had bcr  thaa an . Ttor* Is as haart aid tont m      7      I    In H.         at  at  An tad Bowell MU1 Road- 1900       Mil' Rood. 'Bo nn  s tak* oae  SOU Bd. oar. Btav at door. Haw tU mn Trailers treat af WkMe PieMoaa Oe.</t>
  </si>
  <si>
    <t>                                           CAPITOL NOW The ( Gangster Thriller Of All Time Brought Hack. Humphrey BoKart in Dead End" with Joel McCrca Claire 'I'lovor. Kcad  Kills</t>
  </si>
  <si>
    <t>                                           I TO WISH YOU MUCH HAPPINESS AT % CHRISTMAS AND AM.  NfiW  I MERRITTS AVE. CLEANERS %~ SfjO Merrills A \-.-ii.M- W. Soot I, Prop,  S    ;          )   .~,    9ij,?      ,3.j,;,3ia,aia,ft3i3,s,~                )~~      ^ g To Patrons and Friends of The I MITZI BOBETTE BEAUTY SHOP 1 5 We Wish You i The Merriest Christmas Ever y : :i 5 . New Year 2 v MRS. JOHNSON MRS. KING MRS. WOODS S *       1~.~l8     *  *3:i)iS^)5l3l3iii5:l.~.5.iii.!r.                   8    ^ I SEASON S GREETINGS l.i Jfjl I REV. L. JUAN BURT tf I'iislor Ami "S % BEULAH BAPTIST CHURCH ft I* WISH ' MANY  A  XMAS P[ AND HSRI I'I,   -ffl     -     -ag -ssft  s?- ss ^s- 3S?-^~-?g-%g* I I Rev. William Holmes Borders S PASTOR, GREATER WHEAT ST. BAPT. CHURCH j I _AND- j I Greater Wheat St. Baptist Church j { Extend Season's Greetings ..uu.~  .~  .        .~~~~</t>
  </si>
  <si>
    <t>                                           First Marine To Be Cited                 Jlm-ini Private' Wrst -Jeffs-3:"'2ff,- df  "Lojfdln''' V. Avenue, New Orleans, if one of the first, of his     " in the Marine Corps to receive the Purple Heart, Smith, who was wounded at Saipan on D-Day, is receiving his  somewhere in the Pacific from Marine Lieutenant Colonel E. T. -Peters, of Danville, Cal. The ceremonies included a battalion parade of Smith's unit                 which he reviewed with his commanding officer (Official U. S. Marine Corps Photo.)</t>
  </si>
  <si>
    <t>                                           JOSHUA JONES                 BY I. P.. REYNOLDS                 Brother Bell   after girl get* her f infer in *n old nun'* eye, nhe then  la fft     mnd In     . J -5.</t>
  </si>
  <si>
    <t>                                           Let's face the facts, We know that a great many people have an entirely wrong impression of Negroes. They make the mistake of considering them as a group, of not treating them as individuals and of not judging them on their individual merits.</t>
  </si>
  <si>
    <t>                                           Army Probes Jones' Assault                 In reply to n telegram sent the Commanding Officer of the Camp Plnuche Army Post. Tiinxr New Orleans, requesting a thorough Investigation of the vicious soldier knife  on Lucius L. Jones, former Atlantn Daily World sports editor, now I,\ editor for                 the Pittsburgh Courier. A. Scott, editor and general manager of the World, received a reply Sunday from Commander C. C. Hoclson. In acknowledgement of the request. The Commander stated in his reply that, leads furnished him by Jones are being investigated and  any soldier identified as having participated in the attack will be subject to court martial. JONES INTERVIEWED BY LA. NEWSMEN CAMP PL.. LA (SNS) Lucius L. Jones. Louisiana representative of the Pittsburgh Courier, when interviewed by staff officers representing the Camp  command, after Information hnd been received by this  on last Monday, from the offices of the Courier, of the attack on the it- '- man by a. group of soldiers In New Orleans, the Saturday night , stated that the Incident occured while he was I  ft social event sponsor- 1 ed by a local organization in the Kythm      . Nnw Orleans dance hall and  club. In his /. Jones, said that when ho was  the bar to purchase a bottle of beer he was attacked with knives by a group of approximately  soldiers, sustaining severe cuts and bruises. Inasmuch as ha was a stranger in the city, he was unable to name or otherwise identify (Continued on pace 4, col. 3)                 Army Probes (Continued from pate 1) any of his assailants although he s-jid he believed he could Identify tbc soldier who started the trouble If that soldier could be located There had been subsequent disorder at the Rythm club on the same night and a result rive soldiers were arrested end held in custody at the camp here. Jones v.as taken to the camp and confronted these men, but was unI able to identify any of his  among them. Camp officers slated that they have been unable to locate any witnesses to the attack on Jnoes, probably because of the confusion incident to furi Jther Wsordere (immediately fol-~ lowing the attack. There wire approximately 300 soldier at this i dance,  Camp Plauche and other camps n this  as well as Cirap Clalborne. and camp located elsewhere In Mississippi. Doubtless many of these soldiers had returned to their stations before the attack on Mr. Jones .was reported to in is headquarters. The Investigation here,, camp officers said, revealed that no report had been made to the New Orleans police department, which wouW have Jurisdiction over a case of this kind within the city limits, or to the Provost Marshall of the New Orleans district. Although following the attack Mr. Jones was taken to Charity hospital for treatment by civilian police, it is regretted that nn immediate attempt was not made to identify his assailants before they had left the vicinity. Officers at the ramp said they would follow up such leads as Mr. Jones has been able to supply and of course cny soldier             as  in this attack will be subject tr courts martial .</t>
  </si>
  <si>
    <t>                                           In reply to a telegram sent the Commanding Officer of the Camp Plauche Army Post, near New Orleans, requesting a thorough investigation of the vicious soldier knife asault on Lucius L. Jones, former Atlanta Daily World sports editor, now Louisiana editor for...</t>
  </si>
  <si>
    <t>                                           Aggravated assault cases took the spotlight on police Friday when reports were made.</t>
  </si>
  <si>
    <t>                                           White Warns Against "Seeds Of Distrust"                 "Efforts to plant the racial patterns of Mississippi and Georgia on foreign soil has sown the seeds of distrust among our Allies in this war," warned Walter White here Monday on the occasion of the first annual observance of Charter Day for Atlanta University.                 Relating his Impressions gathered from a recent tour of the war theatres In Europe, Africa and the Middle East. Mr. White declared that America has two armies stationed abroad- one white and the other colored. "These armies are attempting to sow discord and disunity by telling the natives fantastic stories' about American Negroes, In order to prevent free and friendly contacts with Negro soldiers. They have said that Negroes are Illiterate, that they are diseased, and that they are rapists; all In an effort    give n false conception of the Negro," said Mr. White. The Secretary of the National Association for the Advancement of Colored People told an overflow gathering In Sister's Chapel at Spelraan Ccllege that the small nations of the Balkans will. In all                 likelihood, cast their lot with Russia, not because they have Inherent faith In or love lor her. but simply because they feel that they are being driven away by Great Britain, "The Indians feel that they have nothing to fight for. yet I wager, he declared, "that the voice of India will play an important part In world reconstruction." Pointing to ways by which the Issues of white domination aro being met, White listed: "1. There are signs that 20 or 30 per cent of the ruling class In England are devising: ways, by which they can perpetuate themselves, in office and retain empire; .2. ;4Wc see It in the coalition between Southern Democrats and Northern Republicans In Washington to destroy the social gains In the past 12 years, nnd 3. We can observe It on the international scene' with a tendency on the part of the United States, Oreat Britain and Russia in building up cartels at the exclusion of smaller and weaker Allies. "White domination Is facing its twilight and I don't want to see it replaced by a vorld domination. (Continued on page 6, col. 1)                 White Warns                 (Continued from      1) I observed Mr. White. There Is a ferment of freedom which Is spreading over and stirring                 throughout the world. I believe with Sumner Wells, with Wendell Wlllltle and v.'lth Dr. DuBols. that this problem of race must be raced here and now or Inevitably, we shall find ourselves In another World War, possibly more devastating than the past two.</t>
  </si>
  <si>
    <t>                                           "Efforts to plant the racial patterns of Mississippi and Georgia on foreign soil has sown the seeds of distrust among our Allies in this war," warned Walter White here Monday on the occasion of the first annual observance of Charter Day for Atlanta University.</t>
  </si>
  <si>
    <t>                                           Somewhere In                  STM I-c HENItY M. KICK son or Mrs. Susie L. Barnes and brother of Mrs. Frances E]):r EMley. and Mrs. Thelma Tlipma.5. Ue i- Hie service August. 24. 1D13, stt t.    :iS" '-f 1C.      w:l5 cent m- Uuj following FcUruiiry. Stn:. i-c nice is stationed  in . Ills  resides ul 4-1 B OUI l^* . Atlanta.</t>
  </si>
  <si>
    <t>                                           The opening of schools, which is keeping everybody busy and students going away for grad and under-graduate work has not curtailed our social life, which we have worked quite well into this war time scheme of affairs that changes one's plans, constantly. However, life goes on and so we many go on with it; and by doing so we have learned to do many different things in so short of time, that time seems to be flying on instead of 'marching on'.</t>
  </si>
  <si>
    <t>                                           NATURAL PAGE .BOY ATTACHMENTS YOU CAN HAVE YOUR HAIR     PERFECTLY MATCHED FOR  JWB^W $A A A Latest CreafJoni WHr^^^g-S Vi  Easily Attached ^GEL? B Human Hair- 'i*\ ffic^v ft W 411 Shade* SJK\\     SEND NO MONEY 7?P U Jml       mp1  of your  or   j .'fd^     color. PAY POSTMAN Jl .00 ^-J  plus  on . Tpt UNHn *V AUO PUFfS, WIGS AND BRAIOf y ...r.        k V   WT XBBBhBIL i Gray Hair %\M Eitra A '          SEND YOUS  TODAY   * f^BBBaBM W. entry Firll lino of OVER  ^4 ~^~T^H9r AH Color, including Miiod Croy fc.'l ^mr JESSIE KARE BEAUTY PRODUCTS COMPANY (0?   (     105) NEW YORK CITY</t>
  </si>
  <si>
    <t>                                           AMBRO ALTAR' Sucicss, Happiness and Financial Independence have been found by thousands thru        Products. AMBRO, associated with the Spiritual Worrd for a  of years,  advice Free of Cost. Bring your troubles to AMBRO NOW! AMBRO  PRODUCTS US Decatur Street. S. K. DO YOU 00 THIS every .Tligkt Hcmovc   and dirt  Blnck and Whitu Cleansing Cream. Hub cream over your  and neck. Tlion wipe it off. Sec how much cleaner aud smoother your skin looks. Large jar only 25c at all toilet counters!              I Leave Black anil  ?5 i ill 1 13 White CoU Cream l^^^^^H^^^^^I on face all  I^^K^^^R^^^^H for a   akin.  Use Black and ^PQnrlQfl^H While Vanitliittu HBB % Jt^ fj WPfl Cream as ponder ^BHHfllHHlliB oasc. ~'.^c each.</t>
  </si>
  <si>
    <t>                                           CHRISTMAS GREETINGS S. 1/C Theopolis C. Furlou, stationed In the South Pacific, sends greetings to his many friends. He will also celebrate  birthday, January 8, lQ-Jfj.</t>
  </si>
  <si>
    <t>                                           Doll Wardrobe 9335   ^~~^ 1 MARIAN MARTIN Send for Pattern 9335 NOW! Doll's complete outfit just like n little girl s! Dross, coal, robe, . tmd so un. Scrap-bas fabrics. Pattern 0333 is available foi dolls that arc 12, 14. 16, 18, 20, and 22 Indies toll. For Individual yardages see pattern. Tills pattern, together with u needlework pattern for personal or household decoration. TWENTY CENTS. Send TWENTY CENTS in coins for these patterns to Atlanta Dnllv World. Pattern Dcpt.. 232 West 18th Street, New York U. N. Y Print plainly SIZE, NAME, ADDRESS. STYLE NUMBER. FIFTEEN CENTS more brings you the Marian Martin Fall find Winter Pattern Book full of smart, casy-to- . A free  pattern is  right In the book.</t>
  </si>
  <si>
    <t>                                           Special $1.00 Reading for 25e Yoar lucky  Uyt and month*  Ft-. Madam Eva SHE GIVES PACTS AND YOU GET RESULTS *a mate*  Atwr      anil aU  tk ma COM!    to Maaaai Jtm iri w w Itwt       aU. It jn ban ImUr ^tik ImmOdhmI  r      I^Mk. nn and  at anc*. Ofllsa kana, V m. .to lit p. m. DkIIjt uhI RaMlay I0M W. Uarlttla 8b, N. W., Atlunt*. Ba   tlu Inaaa Tard Wrt-~ cor. Vlraw auk tba ear  to let too off two  oa the other aid'  f th. Klnr I'lair On.. Atlota. OwirrU.</t>
  </si>
  <si>
    <t>                                           Power Of Prayer i It     wrk R nAl I ir.lt LirK. of      I . I'eiliT. Ifonp^rll/. Hitrert(, Mm fur TI1C  1)1' I'HAVKIt         Illtln .k mo.t    K*d bl ull  , 1      "I   "'~~ Addnii ud lOo h cm - Dm :ill. TIiimk    . Hilt.. N- T. 111. N. 1 GUIDANCE IIOUpE, IHspL 1S-O L Secret Love Powder    TO i WIN  ONI'. YOU LOVE I Try thin RtyMllff   fo* { JI\ST ONE MI11IT Hnd w If II OIIAWf       I....I1 nno In i.-'.I.t ii BB- WITCIll.NH HI IIM, runt      WON' , I . Vii all'  ,,t dm CiOOl) IXIItTIIM. will WIN If      \V UOW     Him;  .c. You'll U1.K8H  I.UOliT iln I...I Krt IM-. 111.       H DREAM COM* rui.'K. .m.hi) .K i . .M) him           to win sr.Ml NO JIO.! Pull  l/.n    nl lii MP.AI.Iill pli.la , I'njr  on /        or  VI. 110 ami wo     portage. One  I UUP) ir . MONET BACK DH... TRI.MO CO.. 1*11*. SO:il, SI W. -Kith Hlriwt. N. Y. C</t>
  </si>
  <si>
    <t>                                           RotnemDeniesThati He Slurred Negroes!                 WASHINGTON- (ANP1- Victor Rolncm, chief civil liberties section of the attorney general s office denied lost week that lie used the word "nigger" in  with a PM reporter who came to discuss the killing of Isaac Simmons, an aged preacher, in Amity county,                 Miss. "I neither speak nor think in the terms of the language erroneously attributed to 'me in the recent 'pm story," Rotnem formally declared. "My record speaks for itself." The - further charged that the office had been derelict in its Investigation In connection with the                 ;. Tlio state  Jury was scheduled to convene on Monday sometime after which It u;is expected to take up Hie Isaacs . j $., cites nii)     Since the PM story  Rolnem as ^sim;  .is to whether the department has any ., lhe civil liberties chief offered an excerpt from n speech by AUy Gen. Frnncls Blddlc before! the meeting of the National Urban: league in Clcvoland recently to an- swer this charge. "The impression ^hich tlie  (Continued on rage 0, CoL 3)                 Rotnem Denies (Coiitlnuetl from page 1) j and the witnesses make upon the Jury arc sll- In a criminal case." Biddle said then. "Many aggravated and brutal offenses do not result l:i convictions because a witness before the court Is frightened or confused by the ordeal a necessary, therefore, sometimes to trial Government lawyers find If limit cases ro those where the wit- :'.i is s are of the W who will make      !  Iwfnrp the: . I "Some people think thit li is Die I grand jury which :i?ates these! cases. This Is not true as a general i rule. In civil rights as in most other cases, l.he Federal  of Investigation conducts an investigation before the case goes to the ; jury. This explains   sometimes seem to be :i delay between the beginning of an Investigation and      ) Jury action. As i you' know, in lesser crimes, action by a grand Jury Is not . Ar; j information Is filed and the case I g cc:; to trial without grand .lury i action,  the investigation has bc-en completed. CA\ SPOIL CASH i "The less publicity which a case has during investigation, the better the  will be. Interested  sometimes  a case by talking, discussing. or writing about it when It is being investigated. Publcity may give the warning tc the prospective defendants who may then suppress the very evi- i  that is  sought." j Rotnem explained too that there is n distinction between a "1/" and a "murder" which has a  affect upon the course j taken. He said Uiat early reference to the Isaac case made of it a lynching           in fact it was a murder. His section, he says, considers a case a 'lynching' when Iocs', law enforcement officers fail to do their job or become implicated in the crime. The Isaacs case was murder committed by private individuals. The                 jurisdiction, he explained, is local This, however, h.is not precluded the TE1 from investigating the case, which it did. Rotnem invited this reporter to vi5it Ms offics after the state grand  has acted upon the case. Tin-  was something can and will be dor.e if .ts are not returned  the arrested man.</t>
  </si>
  <si>
    <t>                                           WASHINGTON -- (ANP)-- Victor Rolnem, chief civil liberties section of the attorney general's office denied lost week that he used the word "nigger" in onversation with a PM reporter who came to discuss the killing of Isaac Simmons, an aged preacher, in Amity county...</t>
  </si>
  <si>
    <t>                                           J34"f9QV4Vp'HH !* MoU tMi  7 DAY ^WWffH 7IST thai may thow you how EflaBnfiafl to win a lighter, , ^^^^^^^^H  9ft*r oul*r .     a 25  HYnftTr^l boil of Dr. FRED Palmw'l  BBMiBQ9 SKIN WHITENtS     drug, f/or*.     on*  accord* hg fo . II you r* not ,  MONEY BACK, ft* wrt to built en tit* 0*~     ,  Or. FRED      .r-i SUN . Un  r Or. FlfO        Uln OWIglll 3ow ml Von'ifilag     . cell 3  . Special $1.00 Heading for 25r Your lacky       nJ        glT*n    *. f Madam Eva SHE GIVES FACTS AND YOl GET RESULTS World's (TMteit Iwio^K After yon consult  U otb era come with  prob Irm* to Muilnm Eru  ntl Ms on Ih/il know. nil. U joa      .  lth bu. or      or Look.     ure and kaid ae     . Oiilot  Urt.itv.lo 10 p. m. Dsdrand Bandaj I0H W. Mnrlctto St.. K. W.. Atlanta Ha       to fulco the Iniann Tard Street cur.  auk tba oar   to Irt tod off two  top. ou tbe other     .f I ho Klot I'low Co.. AtUata. Otvrwt*. MADAM GOLDIE Cry.Ul Palm And Card Reading Life Reader and Adviser Special Reading 50c First Time In Yonr City  DON'T CLASS ME WTtH LOW CLASS READERS Greatest ever In your city, county or state. The lady with the Radio  Mind. Madam E^al ill Goldio has no r^B" \Sr^ffl enth generation, Oi. ^\~5s^HI horn with a veil, KL' Wyffl she       PASTiC^W If jMj  and @   7      reveals . Advice on all 'affairs of life, , love, marriage, wills and divorces, and speculations of all kinds. Answers any and all questions. Calls names or friends and enemies, gives  days, overcomes nil evil Influences; locates lost ond burled treasures. Satisfaction guaranteed. All readings strictly private and confidential. Reading strictly guaranteed to all. Mndam Goldle Is not to be classed with Gypsies. American Palmist reader  here." Offices Hours: 9 a. m. to 10 P. m., dally and Sundays. Separate rooms for white and colored.1 Take AN mand Park or River Car and get off at Grove Park Show. Sea Hand Sign. Stop at door, 1624 Bankhcad Avenue.</t>
  </si>
  <si>
    <t>                                           A group of leading white and Negro educators and Negro citizens under the auspices of a committee recently appointed by the State Board for instituions of higher learning, held the first meeting at Jackson College here last week to begin the study of the needs of...</t>
  </si>
  <si>
    <t>                                           CHRISTMAS GREETINGS MAY 'I'llK STAR OF .KHF.M OCD I1 VOt'i: WAV -YE-AHi From i lie Ol'fiohil Stan: and P:::lor 1,1 Cosmopolitan AMF1^ Church, Corner of Vino and T-Viiindiy Strnfits. Tho Clnu'cli wil.li a ft iff )      . KKV. A. A. , Minister       ;~~.aj-.5)5]3     '5            'Jl3,3.:~.2l3;i;2]5iJ)~-.~.~    .Sl3  ;5,~lJ.S J j,f; % Rev. F. M. Hutchinson ~~.P:      . : :.irn,  : '      .  la (CorntT Merrills and Itedfurcl IMaco) W ) SEASON S</t>
  </si>
  <si>
    <t>                                           Baptist Delegates Hear Former Chaplain                 By  ARNOLD                 DALLAS, Texas.-  5 N S)- The Rev. L. Fuller, former chaplain, warned delegates here attending Friday's annual session of the National Convention at Fnlr Park that "Negro soldiers are still being mistreated."                 Rev. Mr. Fuller related to the audience how he was almost lynched while serving p.- chaplain because he resented the way white army officers treated Negro soldiers. Puller said  are blaming the white officers for these conditions, but he bluntly stated that blame should be on the  shoulders of President Roosevelt. Others appearing on the program Included President Wm. H. DlnWrts, Selma University; Mrs. M. E. Anderson. National Baptist Training School; Rev. C. L. Aiken, New Jersey. Dr. P. C. Locust, Kentucky ;Dr. J. B. Adams. New York. Dr. A. M. Townsend, Tennessee.                 The following statement made by President D. V. Jemlson when he delivered his annual address created resentment, on the part ol several delegates, "The southern Negro and the southern white man have got to work out their problems with wich other without Interference on the part of anybody." Rumor lms it that the statement was later retracted after Dr. A. Wendell Row, of California, vigorously voiced his objections to the statement. The morning press, white, featured the statement made by President Jemlson. All officers were reelected -except the editor of the Baptist VoicCi which was referred to the mid-winter boad meeting. Two Georgians  reading roles were: Rev. M. J. Jackson, pastor, St. John, Atlanta, Rev. C. L. Daughtcrty, pastor, First Baptist, Gainesville.</t>
  </si>
  <si>
    <t>                                           DALLAS, Texas.--(SNS)--The Rev. L. Fuller, former chaplain, warned delegates here attending Friday's annual session of the National Convention at Fair Park that "Negro soldiers are still being mistreated."</t>
  </si>
  <si>
    <t>                                           In Rest Gamp                 S/SGT. LEROY  -the son of Mrs. Mnry L. Grice of Senoia, Ga.. who was inducted in the Array on January 0, 1942. and for eighteen months served overseas, has made his return home for a 21 days' furlough  with his mother and relatives. He is now stationed at a rest  in .Tnimson, Florida.</t>
  </si>
  <si>
    <t>                                           Surveys made by medical examiners employed by insurance companies go to show that married women are about 25 per cent heavier than single women of the same age group. That does not speak very well 'for 'the mamas. Does matrimony cause them to slack up...</t>
  </si>
  <si>
    <t>                                           GIs HEAR WORLD SERIES RESULTS ON GERMAN SOIL                 NOTHING CAN DETER AN AMERICAN, even the hazards or modern warfare, from listening to a baseball sama particularly In World Series time. Here a group ot Yank soldiers gather around a radio, atop an Army car, somewhere In Germany, to hear a session between the Cards and Browns. One of the boys keeps score on a                 captured German pillbox In     . U. S. Signal Corps Radiophoto. (International SoJ.)</t>
  </si>
  <si>
    <t>                                           FLIPPER, Bishop Joseph S.--The relatives and friends of Bishop and Mrs. Joseph B. Flipper, 488 Houston Street, N. E. Dr. Carl F. Flipper, Sr. Kansas City, Mo.; Dr. and Mrs. Emory H. Flipper, Jacksonville, Fla. Prof. Carl F. Flipper and family. Savannah...</t>
  </si>
  <si>
    <t>                                           Cab Galloway At 81 Today                 Cab Calloway and his great band will- be featured Sunday, Monday and Tuesday al Bailey's 81 Theatre in Andrew Stone's gay                 of 1945." Shown above are Elcunur Powell and Dennis O'Kcele, Mai- and lending lilan of tlie movie, as they pose cheek to cheek.</t>
  </si>
  <si>
    <t>                                           OVERSEAS                 CHAMPAIGN.                 -'(sns)C:                 Miss Esther Mae JBnker,.. daughter or Mr*. Stella, Lyde 1006 .Nortli Roniine street, has arrived in Australia for duty with tlie American Red Cross according to a tcU-gmm received by her sister, Mi's. Doris Wiley, 1208 West Churc'.t street, Urbana, this week. A former student in the University of Illinois where she was In the I'liinil aids department. Miss Baker iv:.s claims consultant ni. Port Huachnra, Ariz., before going overseas.</t>
  </si>
  <si>
    <t>                                           Rev. G. Alexander Roberts, who transferred from the Americus Georgia Conference to the North Georgia Conference is now stationed at New Hope AME church, Rev. Roberts comes from one of the state's leading churches. Less than 12 months in his former...</t>
  </si>
  <si>
    <t>                                           Atlanta police wrote Negro homloide No. 39. the second in two days. into their records Thursday morning. Officers said that there have been 27 white killings this year.</t>
  </si>
  <si>
    <t>                                           S- IN LUCK?-$ W{iV\??N i Carry a pair of      OSsSCK^^ LITE H1 ^~23SSuQD^^K3       , OoobIi -  5^^^   :l^'y Btltlf ^     tw* r   T1"            u              host . ^. KAOKino "LnoiT" ^~J5!?i"   !SSr 08.     to "tU      " Qood lock Is Uonari Otmei. Lot*. . Work, eto..           to "       " Bid Lack, LoitM. ErU, Trrabla.     . eU.        Is Luek I Carry a 7alr of  *  SrahmA Sed Lit* Xodeatooeat W* reak* no  claim*. IVti 7    %   for tha two. wits ail Information. S1.97 asd loo ( If 0.0. H. Batllftotlon OUABAlf. TECD or Uontr Eattt/. Ordir    CO.. Dept. 8, Main P. Box 72, BROOKLYN, N. Y.       B^ or  V*   (h-   Oonnlna Sralima Ledotones ara  V* balla** thor      -kit ros want, ti- HEAT THntO- TB.FT" UTtOI       Ouiulall OaVdiM  W^LOk                 HIT THAT RHEUMATIC PAIN RIGHT WHERE IT HURTS And look at the Silver Lining in those Clouds of Pain The big idea is that you want fee) better. When rate esses, your mind eases. Yon get leal thac means deliver ance. So use something that gcu. a. pain. C-  3 brings you pain- help. Now you wilt feel 34 sood others who enjoy its help, too 6oc. an $i. Caution:     only as . Fit bottle  r-ice refunded if yo are     .t  o4*f,     C-?2jj.</t>
  </si>
  <si>
    <t>                                           Wl AY ATI VE tIP c. 3-Always economical</t>
  </si>
  <si>
    <t>                                           Says No Color Bar To Nobel Prize Award                 SOLOMON' HARPER                 NEW YORK  s News Service) Dr. Isidor Rabi, one of the six Nobel Award winners who was presented the 1944 award foi scientific achievement In physics, electrified over 800 distinguished guests  members of scientific societies attending the fourth                 mini American Nobel Anniversary Committee Dinner nt. the Hntpt Astor Sunday evening. Dorombcr 10th. "I have ocen  lo roul  to this occasion as (he latest or a long line ot Nobel prize winners In physics." said Dr. Rnbl, "It will bo difficult Tor you to realize my profound feeling of  at finding myself numbered In the grout company of those whom in the last -century the Swedish Academy of Sciences have selected for thl? honor. No consideration of nationality, color, race creed has entered their consideration for these awards. Only distinction Is scientific achievement hns n place In their deliberations. The Nobel Prize Committee represents one of the very few universal human Institutions which we have left in these terrible times." Dr. Rnbi is :m associate of Dr Harold Urey. 1934 winner of the award for research in  or hydrogen and Is dean of chemistry at Columbia University and generally known tor lits governments research nt Columbia, fn 6 of all the sincere efforts ot                 the Anniversary Committee to have i representative Negro scientists a* Ktiesls of honor, Dr. William B. DuBois and Dr. Charles Drew, noted blood plasma research doctor whose contribution of the original method of preserving blood is now used to save the lives of thousands i of Negro and while servicemen In Europe and the Pacillc. were im11 bio in be present.</t>
  </si>
  <si>
    <t>                                           NEW YORK -- (Calvin's News Service) -- Dr. Isidor Rabi, one of the six Nobel Award winners who was presented the 1944 award for scientific achievement in physics, electrified over 800 distinguished guests and members of scientific societies attending the fourth...</t>
  </si>
  <si>
    <t>                                           Beware Coughs I from common colds That Hang On Creomulston relieves promptly because it rocs ri^ht to the seat of the trouble to help loosen and expel germ laden phlegm, and aid nature I to soothe and heal raw, tender. Inflamed bronchial mucous membranes. Tell your druggist to sell you a bottle of Creomulsion with the understanding you must like the way It quickly allays the cough or you ore to have jour money back. ! for Coughs, Chest Colds, Bronchitis i I           prompt Eft S-Usually thorough 3-Always economical /JM Beware Coughs I from common colds That Hang On Creomulston relieves promptly because it rocs ri^ht to the seat of the trouble to help loosen and expel germ laden phlegm, and aid nature I to soothe and heal raw, tender. Inflamed bronchial mucous membranes. Tell your druggist to sell you a bottle of Creomulsion with the understanding you must like the way It quickly allays the cough or you ore to have jour money back. ! for Coughs, Chest Colds, Bronchitis i I           prompt Eft S-Usually thorough 3-Always economical /JM</t>
  </si>
  <si>
    <t>                                           AN ACNE PIMPLE PEST -...especially when ^g^  and itching a9^^v art present. Relieve ^^BKi these troublesome A ^K symptoms of externally fly ofl caused pimples with I Sl9 Antiseptic Black and V^^^J WuiteOintment.Tbou- ^B sands of satisfied users have found that famous Black and White Ointment through its soothing antiseptic action eases itching helps nature in healing. It also relieves itching and burning soreness of eczema externally caused, and simple ringworm. Try it! In large economical sites, 50ji, 25jf and 101. Use only ns directed. Br Highly recommended for daily cleansing away surface dirt in mild 'and fragrant Black and White Skin Soap, lOfi and 25(f, sold every vr icre.</t>
  </si>
  <si>
    <t>                                           WASHINGTON, D. C.--(SNS)-- William H. Hastie, Howard University Law School dean, this week declared that "the future of organized political liberalism" depends upon the defeat of Thomas E. Dewey November 7.</t>
  </si>
  <si>
    <t>                                           At New Springfield Wedding Of Roses                 When Uiti New Spriiiijlii'ld bap- t list, Chureh Clioir Number 2 pre- sented a Wedding of Roses Friday , November .1. Mrs. Mary White, wlio raised $03.10 was crowned queen. Miss Lula Hubbard raised S3). 94; Miss Fannic Watkins, S24.14; Miss Ruby Handspike, S9.71 and Miss Bessie Ov.'jns, $9.3S. Members in tlie  picture, left to , :ire as follows: from row. Misses Sandra Culbrciitli. Mary J. { .Jukes. Evelyn Brown, Kelly Jean Porter and Willie Lois Daiscr; mid-                 row. Musses I^ Wi'., Cui.lK.Tinr Anderson and Elizabeth Harris. Mesdames Mary Mitchell. Gladys L. Porter. Mary L. Carter and Amanda Sapp. Miss Mattic Mcrritts and Mrs. Carrie Lou Kemp; buck row. Deacon T. S. McKinney, Mrs. Princella Chandler. Master Lynn Chandler. Mi-s. Jewel Carter. Mrs. Lula Mae Carter. Rev. W. W. White. Mrs. Fannie Watkins. Mrs. Marj- White. Mrs. Maltii; Murphy. Mr. Obbic Sales, Miss Beatrice HU1, Mis:; Ruby I                 Handspike ;nuf Deacon Murray { Carter. Toial amount raised v/js $153.20. The group lias been asked to repeat the performance, which proved u beautiful affair, one of the first of its kind at New Springfield Baptist Church. It will be repeated Tuesday night, December 5. ai 8 o clock. Mrs. Oladys L. Porter was sponsor; Mrs. Mary L. .Carter, -. ; Hcv. W. W. While, pastor.</t>
  </si>
  <si>
    <t>                                           How'rtOiiienaWglrJs] may get  relief from functional periodic  Cardal Is % liquid  which, many women "say bsa brought relief from the cramp* agony and nervous  uf functional periodic  Hare's how It may help: f^ Taken lite a , m should stimulate         , aid digestion,* thos help build  for the "* ti come. 2. Started 9 Cays * T "your time". It -!      f help Tellers pain dna i to purely  periodic causes. Try OuduL If It help*. you ll be glad you did. CARDUI ACNE PIMPLES RUIN GOOD TIMES picking ac them cm cause you endless embarrassment. When you follow such annoying, irritating actions, you feel as though being with people is the last thing you wane to do in this world. Black and White Ointment, with its antiseptic action, promptly eases the soreness and itching of those externally caused, bothersome acne pimples. Easily applied as a dressing, its aid to Nature's active healing comes from its antiseptic  Black and White Ointment goes right to work, and. the itching is relieved, scratching is discouraged. It also relieves itching, burning soreness of eczema externally caused. Use only as directed; Black and White Ointment, 10  large economical sizes 23  , 3OfL- At all . /For duly skin cleansing use miH; fragrant Black and White Skin     , 10^ ind 25 S</t>
  </si>
  <si>
    <t>                                           special $1.00 Reading for 25c I Year tacky days Miol *  Frw. f Madam Eva i SHE GIVES FACTS AND YOl GET RESULTS World*! mint  I  tt*r   all otb rt* come with yon* prob CfTna    Mndam Eva ami] out that Limwm all. If joo             Uaiband or wife  r Lack,  nro and       at once. O(    boat* 0 a. in. to 10 p. m. Dany aod Snsdaj I01S W. UarlctU St. N. W.. Atlanta Bo nm io UUe the Uuaaa Tard 8U**~ car. FleaM     the car  u M tso otf two on       tito Kim Plow Co.. Atlanta. Ooortto</t>
  </si>
  <si>
    <t>                                           Before the season is over grid fans may see Coaches Artis P. Groves and A. J. Lockhart, menters of Morris Brown College, using the razzle-dazzle frequently in their games here this year. Whether they Intend to use the trick, slinging of the ball for...</t>
  </si>
  <si>
    <t>                                           BARNES SHOE SHOP When you are out with your shoes under your arms looking in vain for a shoe shop that can repair your shoes to satisfy you. Try .us, courteous service at all times. Shoe laces, shoe polish, shoe trees, socks, shine Burshes, clobbers, shine clothes, colored shoe laces. You will find these at our shop. You can get your postage stamps at all shops. 287 Auburn Ave^-N. E. 215 Forrest Ave., N. E. 304 Ashby Street At Simpson Street LEON M. BARNES, Prop.</t>
  </si>
  <si>
    <t>                                           Enjoys Furlough                 PVT. JAMES E. COFER Of Camp Swift. Texas, will return to cmnp tomorrow, Oct. 23, after spending a 15-day furlough with relatives nnd friends. He Is the brother of Mrs. Lizzie E. HUU Miss Rosa Mae Cofcr, Mrs. Mar}' Wilkes. Bennic Cofer and Howard Cofcr, of Atlanta. Pvt. Cofer spent some time with his parents, Mr. and Mrs. Robert Corer, Raylc, Oa. He lias another brother in service, Cpl. Robert Cofer, Jr., v.'ho Is somewhere in France. All arc praying from them a safe nnd speedy return.</t>
  </si>
  <si>
    <t>                                           BREEZY                 By T. MELVIN</t>
  </si>
  <si>
    <t>                                           :3 3           ;          33iaai!ii3       '~  '~~'~~'~'*'r'::'-' f I Rx Prescrip(ion For I I A Merry Christinas Oit! Due Santa has written this prescription for us. -Jik And he s promised to whisper it in your ear W J- Christmas. Here's our wish for the happiest Yule- tide you ve ever spent, more chicken dinner than S? you can oat, and a .stocking full of grand presents PR ('hn..s morning. Merry Hinslmas! % Amos D^ug Store i i VvMiuntpr and Ashhy Streets R\ 6M4 % v CLOSED  DAY P -a MERRY CHRISTMAS AND J BEST WISHES LAWRENCE COBB j 273 MARIETTA STREET % O.aa3       9;      ,a,33         ,~i?l3)ani9            .'{i i BEST WISHES $ I TO OUR MANY FRIENDS J. AND CUSTOMERS FOR A JOYOUS CttTUSTMAS % I AND A HAPPY NEW YEAR h Banks Barber Shop (t. S.".7 Iliinli'r Sli-.'fl. N. \V. IfA. !U:!0 $~ 1 I MERRY CHRISTMAS rf From The Place To Get It Fixed fi rf The Clpprators ami Ofrieial Staff from this place PS a wish for the Star of Kethloliem to shine on the % 'A Custoinors and l'" way fnr another year. Lj OPEitATORS: Mrs. F.nim.M-     -tif Manager ]i Mi's. F. Winfeiy, Assipt.nnl; *T y Mis-, Mnrtlui Crarldnck. Soct. -W .^!^s. Viols Donaldson K- Ml-. Hall H g. Mr:-. Sallip Hightowcr, Proprietor f$ W H#v. A. A. ITichtower, O\ P? I SON AND SALLIE S PLACE 1 4 Formerly Sallie's Beauty Parlor (K 4 -r)77 Tat nail Streel, S. W. "l. '5^ } 1</t>
  </si>
  <si>
    <t>                                           Youths Carry Oh At Butler YMCA                 By SPIKE WASHINGTON (Wnrlil Staff Writer)                 "Youth must be served," Is mi old adage, but Is one that Is being put to practical use at the Butler Street Young Men's Cnrlstlan Association, by Executive Secretary I Warren R. Cochrane and his very capable corps of assistants who carry -ard In probably                 tn s finest community uplift proj;ct. Youths of the city are carrying on in the stead of the large numbers of act-.'.lt men. many whose active YMCA work has been curtailed with the coining of the war. and they are doing the job ns well and maybe better than their elders in the effort to keep the "Y" alive and abreast with the other "Y's" of the nation, be they black or . In addition to taking part in and holding far above par the  athletic, outdoor and indoor programs at the -Y" these future citizens of this commonwealth and of                 others, arc having the leading roles in the educational, cultural and uplift activities at the "Y", nnd are drawing the highest praise and commendation from people .in all avenues of life. These lads go to the "Y" early, where there '-Is olv.ays something of a helpful nature programmed, and they -remain through the late hours doing those things which are cut out for them to do each day. TOWN HALL. SETUP Most recent project at the "Y" is the organization of a Town Hall Meeting project, a program that has claimed the attention of scores or -lads because of the great need presently for such a program. Its theme Is "Public Conduct," and already the effect of the campaign led by boys at the "V to better the conduct of youths of the city on street cars, at school, church and In public places as v;ll an in the streets, hns . in (Continueil on parr G, col. 4)                 Youths Carry (Contiaaed from page 1) ous sections - conduct of many Negro youths has been disgraceful. The initial Town Hnll Meeting program was held last Thursday afternoon in the YMCA assembly room, where crowds of youths, and adults. Including Mr. Cochrane and his staff, had gathered to -listen in and gain inspiration. The program was in     parts, l and 2, the former the Assembly Hall, and the latter, Social Recreation in the gymnasium. Presiding at the Assembly Hali meeting was T. M. Alexander, member of the "Y" Board of Managers, and members of a panel discussion, were Nathaniel Lamar, Jr., who was leader, and Barbara Lowe and Benjamin Lows. The program began with the singing of "America", afterwhich the Lord's Prayer was led by Ernestine Hill, followed by the panel in which young Lamar electrified his hearers with a masterly given, and edifying  from the subject "Remedies for Bod Conduct". Because of the large numbers of comments that have gone out relative to the important message                 Hi by I.muir, ;iml lM!      of lia far-reaching meaning and the significant (actors outlined In the address. It. nill be published here for the consumption ot all: J nm to -uss the RemedtPS for Bad Conduct'. The situation hns been well stilted to you, the causes also. Mneie wus once a grand old philosopher or teacher whose greatest piece of work was written upon  manners or conduct among children. His name was Rousseau. In this great piece of  work, his remarks were addressed to adults and his theme to them was: "We (the adults) make them bad and then complain.1 Again: 'We (the adults) make children bad and then complain.'  INDICTED "Perhaps, if we see how the grown-ups make children bad. then v; may find some remedies for this bad conduct. Well, let s begin at birth. There is a fine baby, but he is petted, coddled, poked and punched from the very beginning. He is given such names as Sugar Boy, Baby Boy, Big Boy, Sugar Foot, Pee Wee, and the like. This is bad. As soon as he is old enough he is encouraged to show off. to muscle, to pull, and poke nnd punch just as he had been treated. By                 Uils .UiiuvljJs  aru Ivrrllitc Now. bis parents do not mean tor him to behave this way In public' But he does. "One of the most unforgettable conversations . I ever had with my father was on this same subject. I said to him thai I would not do a certain thing, which was rude, when out In public. (I did this thing at home i. It was then that he soundly lectured to me. He said that no one had any faith in "company manners". Pine manners, v.'hen in public or company are not one s real manners. He said that If a boy or girl s manners In private are good, then the public conduct would be automatically good. I  watched it and It is true. j Tnus a remedy: Let one s conduct be good In private when there I Is no one present but one s self. In short: "To thine own self be true and thou cannot be false to any man." "A  environment mentis us much or more thn heredity when It  to  . We  learn to enjoy an orderly way of doing things, enjoy and respect that w'. is beautiful: enjoy good stories, good pictures and good peopie. Jesus Christ was the ( type. His replies to his enemies                 Jiiuit UUilUIii.il. His miracles were performed In the most dignified way. On the radio, such fine characters as Dr. Christian, the Mayor of the town are worthy of Imitation. If you recall ihe Amos and AQdy . notice that Amos always closes the show v/lth that which Is honorable, orderly and ethical. LESS PUBLICITY TOO BAD "Next, there should be more publicity given to the right conduct. There should bei a column in the dally news. (The Atlanta World) In which some mention Is made of better conduct among children. The newspapers give too much space and place too much emphasis upon wrong conduct. Most the time a boys' name never appears In the paper until he has done something wrong. Next, use posters and placards with good slogans. Use them everywhere schools, churches, public places and the like. Plnys and dramatizations are good. Scout meetings and Cub meetings should actually teach good manners. If the U. S. Army and Navy see fit to give badges to men for good conduct why doesn't some, group of adults (clubs, , or sororities) do this for children? There may be other types of rewards. "NoR't my friends, these                 Uoua, U carried out,  ill do oub        for tlie child. There will be awakened  him,   within which  him. It teaches him "right- conduct tram  vung ^ at home, at school, at play' and- everywhere."</t>
  </si>
  <si>
    <t>                                           "Youth must be served," is an old adage, but is one that is being put to practical use at the Butler Street Young Men's Christian Association, by Executive Secretary Warren R. Cochrane and his very capable corps a assistants who carry forward in probably...</t>
  </si>
  <si>
    <t>                                           i^rtt^-W MINOR BURNS VrPETBOLEUM JELLY^~Ci"     ;\ UWOm-D-S LARGEST SELLER AT S^   ~'.~s TIMES AS MUCH PORt \\   ^ HaL 3*Always economical M9k HAIR SCALP TREATMENT ^ USE THIS A SPECIAL w HjJ^S OFFER 9WP  41c  1 CREME           NEW  OUNCE JABS OIL 43c ECONOMY  $1.95 NO MORE XON-, , HW  UNRULY . Send No Money! p"lm" J(j flV* Pay Pottogm) SfND YOUR      1ODAY SATISFACTION   Beauty Products Co.! 307 5lh    .(Km.~05) Ntw York City</t>
  </si>
  <si>
    <t>                                           Nuptial plans of the coming wedding of Miss Julia O. McKinney to Mr. Cyrus L. Mitchell are revealed today. The ceremony will be an elaborate social event of December 20, at Wheat Street Baptist, with the Rev. William Holmes Borders officiating. The bride will be given in marriage by her father the Rev. G. T. McKinney. The matron of-honor will be Mrs. Dorothy Neal. The bride-elect has chosen her sister. Miss Theodora McKinney as her...</t>
  </si>
  <si>
    <t>                                           Till; MANAGEMENT EXTENDS Seasons Best Wishes rSS^^SIte*- CLUB   (- '^^   *J; ^?*- 'JfB ^an 0Uf Christmas Parties Now, KB! ,J ^OltJj ^li^J^! S ^erc You Enjoy the Finest Foods, Drinks and Entertainment! Reservations No Longer Necessary. n We Can Handle Parties and Dinners Up Up^fl All Pay GillSf IH3S to 150 People. r CLUB  145 Auburn Avenue</t>
  </si>
  <si>
    <t>                                           Army Point System Will Keep Negro Gl s Overseas                 Four Factors On Rating Cards To Determine Status                 WASHINGTON- (A N    Negro soldiers serving in nun- i outfits and who  been  seas just as Ion; as. or longer than. I combat soldiers will not enjoy the same opportunities for bein^ (immobilized, the war department  on Thursday.                 Undersecretary of Win- Ruben P. Patterson told his news confer- dice that discharges will be : upon the basis uf ;i system of points earned  service in combat. Tiie  is one. he said, which was developed^ "in accordance with the feelings or the troops themselves. The 4 man in the  service has 'an ," he added. Patterson had been  how this system will atTe';l men who. (Continued on 1\     7. Cul. Z\                 Army Point System (Ciinliiiuctl from I'anc 1) without 'i-, have been required to .serve In tins service units, who will Imvc spent an equal length of time overseas, and who us it matter of choice would - being. In a combat organization. CREDIT FOIl SERVICE "On the adjusted service  card credit -Is- given- tor combat service." lie stated. "T think It Is indicated by the campaign ribbons. That Is a reflection of combat, service that Is clearly credited Ion the service cards. The man who 'wins that credit by   In a combat unit scU credit other soldiers do not get.' The war department announced Its- demobilization Plan early in September. First priority In Oils readjustment program will be the  of elements from theaters no longer active to the Pacific war zone, or from      United Slates to the Piclflc war zone. The plan developed after months of study lakes Into account all possible variable factor;:. The plan for the return of non-essential j soldiers to civilian life will start. i with the assembly in the United I suites or men Oi.- surplus to the needs of each overseas theater nnd to the major commands In the United Slates. A:; purl, of the plan aU iptn.', an "adjusted service rating card" will     Issued to all enlisted personnel  the defeat ol Germany. On Mils curd will br scored the .ic four ; that, will determine  "I :-.lon: I. .Service       ; based upon the  ' ol months of army i;ci vii:i"  Sept. IB, I!MO. I OVrr.-.c;(K ~:-  .llt.- bused     ." .uM* (.'l ^ M'rvcd ;.. 'J. C'.'C.- ITCtlll- I'BLtid  the  pnd each p. nl award t-j tlic Individual or the Mcdnl of Honor.        : Service . I l^Klun nl Meiit. .Silver Star. 111sI Mnsul:~   '~l I'lyliu cross. Soldier's Iinecliil. Brun/.c Star medal. Air medal, Purple Heart, and Bronze Service stars (battle participation stars). 4. Parenthood credit- which Rives credit for each dependent, child under IK years up to. a limit of three children. The value or the . i.TetMt.s ;'ic lo be ;  :ed  t.~(    of Inutllllliv in Europe. Iii 'the meantime, the point values                 :iii: Ir'Iiiu l:'_'p' i Jt'lr.'i"  inu:; . The  score ".vill In- until Ui krIl kI .surplus men IVnin tin: :rs  Wim :mrl in th r l.- 1 til Sliilc:,.</t>
  </si>
  <si>
    <t>                                           WASHINGTON--(A N P) -- Negro soldiers serving in non-combat outfits and who have been overseas just as long as, or longer than, combat soldiers will not enjoy the same opportunities for being demobilized, the war department revealed on Thursday.</t>
  </si>
  <si>
    <t>                                           Walter White f b Be A. U. Speaker                 President Xlufus E. Clement has announced that October 1G will mark the first observance of what will be an annual celebration at Atlanta University known as Charter Day. Tlie observance will 1)3 participated In by the alumni, students and faculty of the                 . and v.-ill be In .commemoration or October 16, 1867, when the efforts of eleven men of both races, who presented the petition lor a charter, resulted In the beginning of wide educational oppor-  for Negro youth to Georgia and In the for South. The  event or Charter Day will be a University Convocation at 11:00 a. in. in Sisters Chapel Spelman College. r.t which the principal    :ll be the University's well known graduate. Walter White, '16 secretary of the N. A. A. C. P. Thy Convocation will be attended by the faculty nnd invited guests in full academic dress. and will be open to all friends of the University. OCCUPIES 57 ACRES In the 77 years since the granting of the charter, the University has grown to an extent far exceeding the dreams ol the eleven incorporators. Prom an humble beginning in a discarded box car, Atlanta University today occupies 57  on an attractive campus which houses the    *.ern University Dormitories, and a Central Heating Plant v.'hich serves the. Atlanta University System. Por 82 years, Atlanta University operated as a co-) undergraduate college and granted I 151 degrees and 9B3 normal -                 mas. Since 1929, f hen Atlanta University became affiliated .with Spelman and Moreliouse- Colleges, the University has functioned solely as a graduate, and. professional school, and has awarded 564 jr*duate and professional. f degrees Mn the arts and sciences,. social work, and. library service. Tne more- than 2,100 graduates "are f ";creditably as  presidents,!;? college and university professors, teachers and principals, doctors, dentists, bank presidents, Insurance executives, writers, , , sover. (Contlnutd on Page 6, CoL 3)                 Walter White (Continued from p.ico 1) j . social ,  and businessmen. DOPE FIRST NEGRO For a little more than six decades, the destiny ol Atlanta Unl- J  was guided by four white presidents, who laid the ground- work for the development of a great university. The first Neero to be elected president was the late Dr. John Hope. native of Augusla, Georgia, whose term of office began after the signing of j the affiliation in 1929 and contin- 1 ucd until Ills death in 1936. j The present head of the Uni- j  is Dr. Rufus E. Clement, a former dean of Municipal Col-  im Louisville, Kentucky, whose administration has been marked by the addition of three professional schools and the opening of The People's College. Atlanta University's program of adult education.</t>
  </si>
  <si>
    <t>                                           President Rufus E. Clement has announced that October 16 will mark the first observance of what will be an annual celebration at Atlanta University known as Charter Day. The observance will be participated in by the alumni, students and faculty of the...</t>
  </si>
  <si>
    <t>                                           Laborers And Returned Veterans Needed For Permanent Jobs Atlantic Steel Co. End Of Luckie-State Bus Line</t>
  </si>
  <si>
    <t>                                           Special $1.00 Reading for 25c your Irelcy days anil months  Free.  Madam Eva SImB site gives t^MKc FACTS AND YOU   GET Kli'S LILTS ^^^^T^ World's t;*st  i:      .l. ATJ.t .von         nil     *rs    .M In .\ Kva mill Mr. .urn lh.il lui.vws nil. It yim li-i n ]''  Pi. l-.hu U.I ,,r  if^ or I.110I. Ik. sum      ram* ril      '  .  ImnrM n. m. I.. Ml p. ..1.  an. I Slimliiy. 101.1 \V. MtirlHIn SI.. V. \v.. All.inln. II,.  ur.Iti lulu. I hf Iiiinmi ^' Slroi'l our. l*l''  ..   ii^L    * ntr I'miiliirliir lo 1*1 \nn off fu-n Klnp^ nn Ilif -r  nr M111: l'l   I-.,., Allunlti. i;.~ri;lit.</t>
  </si>
  <si>
    <t>                                           A leading and popular resident of Talbot, sleepy little Chesapeako Bay village, is...</t>
  </si>
  <si>
    <t>                                           After the lull in grid warfare experienced by sports fans in the Gate City over the past week end, the Morris Brown-Morehouse battle will hold the spotlight this week-end. Not only will this tilt be the main SIAC attraction of the week, but it will also have a direct bearing on the city championship. The untried Morehouse Maroon Tigers will throw their power against the Wolverines, who made a rather impressive showing against the strong Allen...</t>
  </si>
  <si>
    <t>                                           MONTGOMERY--(A1a-- Alabama state's Hornets winner up in last states reason and third place winner in the SIAC tournament will in play nearly a score of gaines during the regular season according to the schedule released recently from Faculty Athletic...</t>
  </si>
  <si>
    <t>                                           YANK GAINS CONTINUE INSIDE GERMANY                 Doughboys Are MeetingiH^    Nazi Resistance                 B-29Raid On .'~''."'~"~~''^V'i','''''-''^ Tokyo DeclareillTp Have Hurt ^Capital                 By THE S.iW.'sS.-                 The Americans '--were r  heavier "-the,;aer-. man frontier. Saturday ,\:but: minor gains continued,, according -to front-line report*. :;.;r^                 The American' Third', Army; under General Patton cut half 'a mile Into the Reich r: miles southwest of Merzlg. TJ.' S. Ninth Anny troops squeezed in' tighter on Julich and boosted .their eight-day toll of German tanks toi; 125,' .Farther south. First Army men pushed ahead 1,000 yards almost to the edge of gloomy "Hurtgen 'forest. which has been one" .of .the. blood- lest battle-grounds of the war. The Germans were still holding a west bank, bridgehead on- .the Rhine and there were reports that the earlier account  forces had crossed the great stone bridge was In error Ninth Army fighters Rpl7fd Boiirheim,' l;S0O yards from thp, Ropr. river line and two miles sn\. (if .Tulioh. PLANES Sl!"       Planes were spectacularly, supporting the drive into,:; the Oermany, blowing to pieces; the armor and men of the si stubbornly resisting Hltlerranks].vil;; In the Pacinc.' -  of American Navy ' credited with sinking 27 additional enemy vessels Including a' destroyer and" a converted gunboat., :TljB 'additional, ^;br6     'i't6'; Japanese losses Inflicted by submarines, j to 854 sunk. 37 probably sunk and' 119' damaged. The Japanese controlled Manila radio reported that American car- rier-borne planes returned' to" .the. ^m., Alanlla^'Prtdayv-: The- re^ port^^vai-^Anrerican^cbn-""" .\Jlal(Iers also swept over the Lipa, and Bantaga's . ,the .- ;-j... -K.^A,- Brigadier^       ,   5!feb(tB^n^. sell     *3ist        ''*. r told reporters that the first B-29 raid on Tokyo 'obviously hurt Japan, but did not-come. up to .expectations. The. superforts were lost In the mld.,i Fires were still burning Friday according to reconnaissance photographs.-</t>
  </si>
  <si>
    <t>                                           The Americans were meeting heavier resistance inside the German frontier Saturday, but gains continued, according front-line reports.</t>
  </si>
  <si>
    <t>                                           As Jamaican Liaison Officers Confer                 Cnllod to Wush'nfjton for a three day conference' with Chief Jamaican Lia'son OfficeHerbert G. Macdonald, and with officials of the War Food Administration and the War Manpower Commission, the ass slunt liaison officers of. the Jamaican Government are shown '-wlth Mr! Mnctlomild.       other things. !!" discussed the most effective utilization of. Went. Indian farm and factory worker?  f.he fall und w  months. Both \    anil WMC officials   praised Hie .) i                 workers Jamaicans, Bahamians, Barbadians, and British HonHuianj for their contribution to wartime production. Seated, left to ri^ht, are H ss Sadie A. Kobinsun, secretary; Mr. Macdonald, and C. C. Russell, assistant to Mr. Macdonald; standing, left to , are: Assistant Liaison Officers Arthur I., A. Lusannc, R. C. Somerville, .7. L. Meauher, Charles Browne, Roy Ahcnrlnnn, anil 13. C. Cnrnell-Sara. M'as Robinson, Mr. Russell, Mr. Lusanne, und Mr.                 ~:llo lire colored. fWAP Photo     Cooper).</t>
  </si>
  <si>
    <t>                                           THE UNIONS ARE MORE AND MORE coming to our side and aid. The recent convention of the Congress of Industrial Organizations adopted resolutions recommending that all...</t>
  </si>
  <si>
    <t>                                           LOANS TO SERVICEMEN S WIVES For IJio Between ALLOTMENTS Sec Us for Quick Service WALNUT . 146 1-2 Peachtree St. N. E.</t>
  </si>
  <si>
    <t>                                           GET A BALLOT TO MEMBERS OF MILITARY The Citizens Democratic Club of Fultor. County is desirous of getting ,a ballot into the har.ds of men and women in the Military from this county. Under Georgia's soldier-vote law members in Military are eligible to "ote -without payment of any poll tax upon request by any relative or friend. So if you have not sent a ballot, fill  rnt this form and mail it to Dr. E. A. Billings, vice president of .he Citizens Democratic Club. 236 Auburn Avc, Atlanta, Ga., and the proper official will be requested to send the voter s oath and ballot to the person listed below. Name of person in Military Military address A. P. 0. No. (if Bnyl Fulton County address Person  request Address ABSOLUTE GUARANTEE OR MONEY IMMEDIATELY REFUNDED Do you want to beautify your hair? "Would you like gloaming long tresses? No longer need you have thin, scraggy falling' hair. NO LONGER FEAK BALDNESS. Thousands of enthusiasts testify to the NEW V1 hair treatment the wonder treatment of the age. This new discovery revives the hair follicles at their base, gives new life to your hair, make it grow long, active, gleaming and beautiful. TRY AT OUR EXPENSE TODAY. Remember V1TAMINE is sold you on our absolute. 'guarantee, that you must be completely satisfied, or money promptly  cd. Don't delay but try the VITAMINE .treatment today. Send $1.00 to VITAMINE COMPANY, Box 0101, San Antonio, Texas, and receive tb" full treatment. Remember your money returned if not completely satisfied.</t>
  </si>
  <si>
    <t>                                           I Atlanta     W)rl3 I^on Published Every Morning Except Monday "NeWS While VOI U B NIIMnER 127 ATLANTA (.1), GA.. WK l)NK5:    . DRCRMItKR 27, 11M PRICK FIVE CENTS</t>
  </si>
  <si>
    <t>                                           Football Scores David T. Howard .Jr. High 13. GirHrd Hieh (Phenix City.- Ala.-) .12.  40,  19</t>
  </si>
  <si>
    <t>                                           Tired Kidneys Often Bring Sleepless Nights Rheumatic pains, swollen ankles, puffy eyes, painful and irregular kidney elimination, are usually signs of kidney weakness, Aid nature in correcting this by taking Po- 1 Dii-Cro Pills TODAY. Used with satisfaction since 1909. 1 DO NOT ACCEPT A SUB- STITUTE. If your druggist. can t supply you send a dol- lar bill to The Podacro Co., Morristown. Tenn., for 100  prepared. Special $1.00 Reading for 25r Yoor  days aaei   Fxoa. f Madam Eva j SHE GIVES i FACTS AND YOl GET RESULTS World'*   I After yon  all otb I  r*      with  problem* to Madam En ud m on' that  all. If Ton      ' with husband or wife, or Lack, b*  ure sail  at one*. Offloe holm 0 a. m, to 10 p. m. DaQr mad Band*y 1015 W. Marietta St., N. W.. . B" ran to take tbe Inmaa Tard 8   -l    .  Hlc the ear  to lefe roll off two Htopi on the other aid*  f Iho Kim Mow Co.. Atlaaf OforrU Madame Rose Look Who's Here! PALMIST LtiTC*. HnMMi,  Gnnraateect to  your entire life.     .        tod .  uo * bat  t^ma^^mii /on  U TOO want tt wU1 fawn!  * Mfi im O.9KI and       of bam 89 j*~-H bcm. 1   , , fan.   *^~H Too wID Borrr  fl             !(* V'vC^C ^ral0' lovers  B I  tU ,  j^ I I blocks asd bad look Ail all . Bcadlon. *5  **"^*1^  and Bandar A to 10 P. M. Ton  1U find ber   r  all others. Tbero no    ^ Had or hone   X *         In It. Lonated at JoncUoa at Bradr At*  ad UoweU Mill Koad- 1 W Hawaii Mil' . sure to rake th* one car- Dowell SIUl Bd. oar. Stop at door. Bow -U M1U Trailer) front t Walt. Pro  Ca.</t>
  </si>
  <si>
    <t>                                           SAVINGS "XCCOUNt" SERVICE First               [K:. ATLANTA. . SURPLUS PROFITS  l0,OO0.  * Member Fpderal Dopo.lt * Corp. ,v BUY DEFENSE.;  BONDS</t>
  </si>
  <si>
    <t>                                           Special $1.00 Reading -for 25c Your       and  given Fra*. f Madam Eva v SHE GIVES FACTS AND  9ETT RESULTS  s emit* pit-lit ii*- jm- eo=    a!!  tt  rs ocme with       ittc* MnrfiT- En =~ Ma -    Chat know* all. U roe       lth ' wits or Lock,    'ran and       at   boon, D a. m. to lft p. m. VtMj aad Bontfay 1111 W: MaHMIl m.; N. W., AlUala. Bo Ruro to lake tho        ear.  atlc tba ear           ta let roil off two  on     other aid* ef the      Flow Co.. Atlasta. Oeorlla.</t>
  </si>
  <si>
    <t>                                           ALL RACES CELEBRATE 6TH CHRISTMAS AT WAR                 WAR CHRISTMAS i iy THOMAS  FLANAGAN (' .scales      . plain, Old :.rs flash  arms. Bill do C.' ride the rain, No runners str.'iw I lie palms. Wlu-iv ril l i lio Herald niip.ols    "-w W'injji'il Iminlis Inn-si in ill.' :iir. And   ranker in [\   (low .And  s mi physician l.!" 7 'PIS ChrislniMs lint no  low,         Ilk- manger straw; II 's      ') nn slue)  blow for blow And Iho rod watchword is war'. Old larks seek the moss kit crumbs Along- the  mud. Where the old stinks that, f railed the drums Are ribboned red with blood. Tis Christmas at its Judean birth. But Death, the fox-hole don Combs and there s no "peace on Karlh." And no "Grind will to men." A War Christmas,  and cold. P.ends us to kiss the sod As wo look heavenward to behold Our Father and uur Cod.</t>
  </si>
  <si>
    <t>                                           Or. THOMAS'  tot LEG SORES  un Ihlnkl The very flat application at Btr* TOomaj* Ointment-* doctor s formula *ru)p quick palliative relief to old    ara that are hand to heaL It's a       . fully            used by Dr. Tfcomal la hlf #*n * for many yean, will not Inlarttn  your dally work. Dont delay -Order a Jar ol Dr. Tbomu' OlatmciX ~~-day. Sent In plain wrapper tnr nun  naa. Money taci If not . Glenn Frodncb Co, Hoboken, N. J.  5-K The Allen Hotel Kentucky"! Finest Colored Hole! 50 Ntwlj- Rc- Room* 2511 W. Madiso7S LoolsrUle 11. Kj Telephone SIL 9429</t>
  </si>
  <si>
    <t>                                           SHIP                 Americans Slam Door Of Leyte Island Trap                 Reds Increase Pressjire Around Polish Capital                 BY THE S..N.                 Pearl Harbor fleet headquarters disclosed Thursday In Incomplete reports that more than 26 Japanese warships were sunk or heavily damaged In the three-pronged battle of the Philippines. It was termed the most crushing defeat ever administered the modern Jap-                 anese navy and probably shortened the Pacific war by months. The Japanese admitted one battleship was sunk nnd another damaged In the naval engagements In the Leyte Gulf area, but declared that their forces had Intercepted approximately- three American *- landed south of Tacloban, In the vicinity of Dulog since October 20 and that fierce- fighting Is continuing. Meanwhile American fighters slammed shut the southern door of strategic Leyte Valley, a potential Japanese death trap, and tightened their stranglehold on Nipponese communications with adjacent Islands. While naval and air units beat off the Japanese fleet threat, the entire American land front moved forward through mud and rain. The Tenth Corps completed shor e-to-shore movements which seized the .southern coast of nearby Samar Islan dand shot American units to the northern tip of Leyte. The German High Command said Thursday that Allied forces, striking to clear the last Nazi guns blocking Allied convoys, have landed on the south shore of Bcvcland Island, where some 110.000 Germaas are believed trapped. The Germans sold  were underway. The reported landing, which wns not immediately confirmed by Allied headquarters, might be another phase of the Allied attack to open Antwerp as a supply port for the invasion of the Reich. Trie Russians increased pressure against the northern flank of German defenses around the Polish I capital of Warsaw. The' Reds threatened to outflank the batter- ed capital in the massive push tov.~ird the Reich. A major Russian breakthrough would represent a double-threat of an advance straight toward Berlin as well as north Into East Prussia. In the south the Russians complete'' conquest of Transylvania. Red troops drove deeper into Norway beyond captured Kirkcncs In arctic storms which tumbled the temperature several degrees below zero.. Allied armies on the western (Continued nn pace 4, col. 4)                 Americans Slain j (C'uiilimuil from rage 1) front continued slight advances against the heavily  Germans. An American air licet of more than 1,200 heavy bombers and 650 fighters attacked Industrial and rail objectives in parts of Western Germany.</t>
  </si>
  <si>
    <t>                                           Pearl Harbor fleet headquarters disclosed Thursday in incomplete reports that more than 26 Japanese warships were sunk or heavily damaged in the three-pronged battle of the Philippines. It was termed the most crushing defeat ever administered the modern...</t>
  </si>
  <si>
    <t>                                           MONROE, Ga. -- The Ladies Activity Club held its weekly meeting at the School Wednesday. The Club assisted the Lunch Room Committee in running a sandwich stand at the American Legion Hair held last week and a grand total of $208.87 was...</t>
  </si>
  <si>
    <t>                                           SEASON S GREETINGS % REV. J. C. ALEXANDER Sd       , 210N GROVE BAPTIST CHURCH,    lOt And Moderator, MT. HERMAN ASSOCIATION Mt Extends Si'iison's (ii-i--.s To His Momliurs jj^ W iii fl Friends u?  Kcv. Alox:'-r'.s  Zi"ii (wove  over ((Jj; TJ $-1.00(1 in lii.M. nu.rik Mi."' mi   April 21, and -JS w. nil ; kvii'-mmi s   i:. This i;i-f:ii Iriulcr lias loil vj\ 3m llie t     -i cs.sl iil!v l'"i' 17 yi-:irs. When lie was , XS Kill" -t-li h:ul 11 1111M11I11T.S. Tin- last Coiil'iTcm-e li      3d shows  ?Sfi mombi-iK arc nn  flan ch roll. Way Goil    E Bless Him in His Wnrlc! jl TIip  ) lips :           . from        ra- [J ' I'i'uiii all I'urni'i'.s   ( llic Chri. world Lu J the  of nativity. Kvuii "ii  Christmas Uuy. i? It is in this spirit that tiiu pastor and meni jors of jj tr ..our  ion send wishes of a Merry Xmas jj y and a Prosperous New Year to all. ,1 v i Kev. K. (i. Newton i 5 Forf St. Methodist Church ii K ij 1~!~      )S;~  :3.ii-*'r.~.~: i.'^iV.V j.... ..-i lii. '.:~3,3i5.1.1\-~:~.3,~i'i.?.Si!</t>
  </si>
  <si>
    <t>                                           LABORERS AND RETURNED VETERANS NEEDED FOR JOBS PRESENT AND POST-WAR Atlantic Steel Co. End of Luckie State Bus Lina</t>
  </si>
  <si>
    <t>                                           LOVELY BIRTHDAY PARTY Mrs. Rosu Dell Glass was feted recently with n lovely  party given In her honor by her                 husband, Mr. Paul Glass. During the gala affair, many of the friends of Mr. and Mrs. Glass attended the party. In the picture. Mr. Glass is,                 seer,  :i Uuofc suid his wife, the . is  beside him. Mrs. Cilass  many lovely Kiftf:. The Gl.i.vi'.'rt  at G Chapel Road.</t>
  </si>
  <si>
    <t>                                           Are You Confronted With A Personal Problem?, Are You a Slave To Someone or Yourself? Consult. R. II. AM.. Applied Psychologist II Harold Pk. Koxbury, Mass. MYSTIC LOVE DROPS 8 AllOMA  WIN  OYE YOU LOVE lu.t ooe iln.p of  .   .     /pot n IlKWlTCUINC Hf'KI.I.       one yon loTi, whu   'l ""'I              - THE KKV TO SUCCESS. . I.CC.'K, nml 1.       *  will  70a  HIT IN . CAMK OK I.IFK ANU t.OVK. Mr.MIIKIlS nf  Mlxllltal 0"~"       I. I iMH-n. Toa'r* rare     njo7 n BIO Tmtll.l,. AIM  ri:K.soNAI. DIRECTIONS how  n      till- to win I..".  NO  Foil  I10IIU lent In          . l*ny  oa     *     .        , or ) (inl7 11.00 JKl we     . Om       FREM .v... -L       ^ RACK (NTIit. VKI.MO CO.  l      Uth Strrrt. Drill. GT.S3, N. Y. City. SHIN IMPROVEMENTS Begin in a few days HELPS BRIGHTEN. LIGHTEN. SOFTEN. CLEAR OFF DULL SKIN, LOOSEN BLACKHEADS Why  v;iii nny longer for help your  and complexion can ao cosily have? Enjoy the added loveliness anil the desirable -nld complexion Improvements that Blade and White Bleaching Croam can  you. An eyc-, - reward,  begina In a very few days is In slorc for you If you  been  on ordinary beauty or all-purpose creams for your beauty enre. Neither you nor iny other woman can expect such creams to lighten and brighten your  t.is way Black and       Bleaching C  docs. It brings you a  looking, . lighter  Uirough the action  i? special and exclusive to . Start  Black and Wbite Bleaching Cream now just as cell you and you can expert, n.id Tiijoy a pleasant surprise. Caution: Use only as directed. Larger sizes 23c and 50c at all dealers. Be sure to</t>
  </si>
  <si>
    <t>                                           POST ELECTION RESULTS IN REICH a.;                 I T-.        CLOSE TO AN INTERSECTION at Stolberg, Germany, under' a highway marker, Sgt Arnold. J. :Wethington, Indianapolis, Ind., hangs a sign * the ro- of PrpsiHpnt     5/~i/~n Thlc    nn  ti                 Army Signal .Corps .-. (International Sovndphoto)4</t>
  </si>
  <si>
    <t>                                           IMusic Clinic Here                 F. NATHANIEL GATUN clarinet artist, and director ol instruments nnd music at Lincoln (Mo.) University, will conduct a band clinic Friday from 9:30 a. m. to 3 p. in. sit the service .Mill's Center, 1000 Hunter Street. The clinic Is sponsored by Wellington High School find 'the Band department under direction of Earl Starling. The clinic is  conducted specifically for the students of the band, but the public Is invited to sit in. The1 clinic is a unique feature here.</t>
  </si>
  <si>
    <t>                                           HAIR SCALP TREATMENT a special M^M \S^ HAIR ^   POMAOi 45  CREME 49c  NEW  4 OUNCE JARS Oil 49c ECONOMY 5   MA MARP          , IROKiN, nu        mmr. QanH lin Mnnoul ^oy  (1.50  no money; (W; Po/ P0I,O9., send your             SATISFACTION 1EED Jessie Kare Beauty Products Co. J07 Sih    . (Rm. 105) N.w V..k Clly</t>
  </si>
  <si>
    <t>                                           Colored Atlanta has not shown the same solicitation and interest in the welfare of her Young Women's Christian Association as it has demonstrated in her Young Men's Christian Association. Whatever have been the explanation. for this inequality in treatment and consideration. the current campaign to raise funds sufficient for the erection of a modern home for these young women, is urgent enough to force and abandoment of that position and to...</t>
  </si>
  <si>
    <t>                                           ROME. Ga.--Cpl. and Mrs. Herbert Samuel are spending the holidays with their parents, Mesdames CaHie Samuel and Dorie Johnson. Miss Margaret Gunnaway, Home Economics teacher at Toccoa High School and Miss Sara Gunnaway, Senior at Clark are spending the...</t>
  </si>
  <si>
    <t>                                           Take good-tasting tonic many doctors recommend Catch cold easily Listless Tire quickly Help tone up' your system! Take Scoll'j Emulsion- contains natural A D Vitamins yo.ur      may be lacking. It'a great! Buy today. All .</t>
  </si>
  <si>
    <t>                                           Announces Festival                 AARON  Making announcement of the beginning of the annual singing ) of Class No. 2 of the State Singing Union this week was Aaron Young, veil known in singing "circles of the city nnd state, who is leader of the annual .singing group, tie .slated thai the  had Its beginning Wednesday night. November 15. and would extend Uii'miKli I In- third Sunday. He lakes tills opportunity to invite :ill conventions to ait end the  events al the Walker Church :il 531 West Pair Street. A welcome awaits them. Mrs. Mary P. KdmonMin is secretary of the group.</t>
  </si>
  <si>
    <t>                                           Rust. College makes great progress in its $300,00 building fund drive, as Dr. S. D. Redmond gives $1,000.</t>
  </si>
  <si>
    <t>                                           87 SMILEY BURNETTE in i "I^ Trail" ; "TUB PHANTOM"  HERE COMES ELMER' Al fierce Dale Evans ;iml "MARGIN I'Olt ERROR" Joan Bennett Milton Bcrlc  JANK WrrilJiKS in .."M.v . Girl"  "1) OP WEST POINT" Luuls  LINCOLN 'THE GREAT SWINDLE' Jack Holl Marjorie Ilcynolds nnd SMILEY BURNETTE in "Pride or the Plains'* HARLEM DON "Illif)" HARRY in "Canyon Cily" :miiI "THK PHANTOM" STRAND JOHN MACK IJIiOWN in j "Kdkhc Of The KaiiKc" and "G-MEN VS. THK BLACK DRAGON"</t>
  </si>
  <si>
    <t>                                           Guests sey that supc was fine coffee I ii i ii i inn ii i n A /t/l/1 SCOTCH t[\SW0 n PURSE In fine Krvietable leathers. SUe when closed 2 by 5 Inches. gv n Small enough to go In your purse. \^B  e For, *. men. students and      T . A Larre  to be carried with  or-sport . j A place for keys,  money, coins, o*jr  i and Identification card. ti.oo"ui. i Mall Order* Filled Promptly. Add 20% Federal Tax. Authorized Dealer tor Hartmaru, Luggage J 1) i . 111 Pcachtrc* tO N. Forayth At Lucktc        RUIto         OPEN MONDAY EVENING 'TIL 9</t>
  </si>
  <si>
    <t>                                           ^^^W^r':3jV I  wool Shetland! Soft, warm fleeces f C"\*V*' ll'**** y IStt^~fff'^W' i and tweeds! In blight red, moss green, J.O.^jiO1 ^Ja^~i^/ V 5" A' ^fj^fSP'' f''-5 I "s soldier blue, . brown. 10 lo 16, ^-/=^v 6$~~y J^~**'^^2ftk ~'--ssT"   -v *V       and Cirl5  Coat Set* v*^*   ^     wKy ^^^^Sii /~.^^i^V -^ra^lt v--' V^ Snug little coats with matching leggins ^%~~ ^^fc... ^BmS s"^^^^"^^^ f' in tweed, fleece, or herringbone! Warm- 1A TO !^^^pf^ k ^PV^^^I^^^ Dad's1 "'DouWe-breasted styles3 i*n diag"    /^P' Stf^^^P Boys' Singlo-Brcastcd Suits ^y '^ft1^^'^. v ^^-f i ^^^^^^~^^^^^H Diagonal and herringbone weaves in ^~   '-^^^F ^^^^^""tL"^1 ~''   ?fj? M^^gSi^^^ blue or brown. Designed to make a fl 2i     f?*Sr V^ ViVs "li' IP^f?TWfrililil SQOcl a^    'an(-'c- ln  H l0 l6- **is:y*y f^~ ^v f.lr.'* S</t>
  </si>
  <si>
    <t>                                           Today's Pattern How t SfS-' 3"58, and one      like it lor her Uoli; included In . Pattern 9258 in sizes 2, 4. 0. 8, 10 Size 6'. child s Jumper 1 3-8  ds. JBin.- 18- doll. 3-8 yd-: child s House- 7-8 yd. 35-in.: doll s 1-2 yd. This pattern, together with a needlework pattern .'or personal or ho- decoration, TWMJTi C^nd' TWENTY CENTS in coins j lor these patterns to Atlanta Daily World, 232 West 18tli St., New York 11 N Y. Print plainly SISE, . ADDRESS, STYLE               more brings  the Marian Martin Fall and Winter Pattern Hosk  u21 ol smart, essy-to^nake styles. A free -. is -printed right in the book.</t>
  </si>
  <si>
    <t>                                           FEPC To Hear Shell Case At Houston, Texas                 A Bruce Hunt To Be Trial Head Dec. 27 \           _~ANP* Th? FEPC Will hear cv''~nc? In a discrimination case  the. Sheell Oil company of Houston. K*~1367 Of the^Oll Workers International union (CIO) 'and cur-' tain Latin-American workers on Dec. 27 at Houston, It was Bnnounced here Wednesday. A Bruc-~ formerly regional director at Atlanta .will represent the committee. The  of charges sen'- o.i the  and the unions oil on the company and the. \ alleges that (he labor agreement, at the plant. confines Lat. and Negro workers to  labor Jobs rind "deadends," their upgrading tn Jobs us Janitors ntid gardeners, despite Individual  for Jons of  .-JcllJ. Tlie union wns Jnlned as n  to    It Ls n party to an agreement with  which       out. the.  upgrading procedure.";. The compliant Insists the , hinders tlie wur effort, by restrict- j Ine Uie  tise of manpower. Four Georgians Get Promotions Tlip War Department, at Washington, announced this week   of one. Atlanlan and   Georgians, all win nave served in the European Theater of Operations with the         States Army. The lone AllnnUin. promoted from Private First Glass to- Corporal was James A. Hayes, who Is the son of Mr. and Mrs. James A. Hayes, of 868 Maysrm-Tnrncr Ave. Atlanto. Otht:r promoted were Cpl. Henry C Wtilkcr from Private Plrsl CInss to tlp.it rank: Cpl. Woodrow Harvey 5rom Private First Clsus;. to his present rank, and Stjifr Sgt. .lolan C. West from Sergeant    that rank. Cpl. Walker ls the brother of Mrs. Rosa Lee Thomas, or !~04 1-2 Doylr; St.. Waynesboro. On.. Cpl. Hnrvcy Is tlm husband ot Mrs. Surah Harvey of Ktiuie 1, Goudh. C.a., and SUifr Fgt. West is ^ son of Mr. lulus West', of 2, Monlpzumn. Ga.</t>
  </si>
  <si>
    <t>                                           Boxing fans, many of whom are hungry for real bang up boxing cards, have their wish. They will be treated to the first in a series. of fall and winter boxing shows in the sunset Casino, beginning with the opener, an all-star feature on Thursday night coming, October...</t>
  </si>
  <si>
    <t>                                           Desirous of creating a closer coordination between the white and colored Y organizations, a Joint Leadership Training Institute was held Sunday, from 3 to 5 p. m., at the Central YWCA The need for such a meeting was and outgrowth of the Southern...</t>
  </si>
  <si>
    <t>                                           When Drue Cable, attractive young nurse, learned her former husband, Craig. Brent, was the victim of a so-called accidental bullet wound, she persuaded her friend and fellow nurse, Sarah Keate, to answer with her the call made by Dr. Claud Chivery from a small...</t>
  </si>
  <si>
    <t>                                           Simple but impressive funeral rites were Conducted for Mrs. Susie Ramsey Scott from the South Atlanta Methodist church as she was laid to rest here Monday afternoon.</t>
  </si>
  <si>
    <t>                                           X. X. --I am a girl o[ 15 and have been keeping company with a married man of 50. He left his wife and also his girl friends for me last summer, but now he has gone back to his wife, but I still see him. His girl friends is not any trouble because she is 50 years old, too.</t>
  </si>
  <si>
    <t>                                           Twin Anniversary Celebration At St. Luke Clicking                 I REV. N. T. WALKER - of Greater St. Lul:e Bap- 1 list church Is now celebrating his and the church s anniversaries. The twin anniversary of St. Luke and the Rev. Nathaniel '.homas Wnlker, B.    ., is n w In full swing. Under th2 leadership of Dr. Walker tho church has shown noticeable progress. Rev. J. L. usher delivered n fine message Monday,  wns follower!       message Tiicsdnv   liv Hip Rev. M. B. McClenton, Rev. Mann f.)~6 fd the   a mes;see Wednesday night, and Hev. W"7 K. Huff, pastor, Piney Grove Baptist church, Eucfchesd. Tnis U a .arest , and the pastor is urging each me- bsr ana friend to c-r.me to   .</t>
  </si>
  <si>
    <t>                                           In Memor/am                 Three years ago, Nov. 20th, he     , ~..oring and kind m all his ways, Upripiii.  m-i   r.i i\\s Jays. I Sincere and inie In his heart and j mind, I Beautiful memories he left behind. Mrs. L. W. Paden, wife Mrs. A. B. Parker, sister-in-law. Marshalltowii, Iowa Miss Johnnie Oozler, Miss Johnnie Bell Mc-, Mrs. Poarl Johnson, Melbourne Eeach, Pla. Mrs. Fannic McBride, -inlaw Mrs. Henrietta Wilson of Chicago, 111. In Memoriam In sad but loving memory of our I darling mother, sister, and mint, Mrs. Annie L. Martin, who departed this life one year ago today. "Sleep on, dear one, and take your rest, Jesus knows. He loves you best; We ore waiting as never before To meet you on that beautiful shore." Mr. and Mrs. Roy Strickland. Cpl. and Mrs. Warren J. Martin. children Mr. Hudson Warner, brother Mrs.. Jessie Chandler, 3 Pfe. Percy H. Chandlei. nephew Funeral Notices j . Mr. Prank the husband of Mrs. Ida.Tigner of 413 Foundry St.. N. W., died Nov. 19 at a local hospital. Funeral announced later. Sellers Bros. WILLIS, Mrs. Janie Bass of R. 35!) Foundry St., N. W., died at a local hospital Nov. 19. Funeral announced later. Sellers Bros.</t>
  </si>
  <si>
    <t>                                           MARIETTA, Ga.--(SNS) -- Enthusiasm marked the opening of the 5th annual session of the Mt. Hermon Missionary Baptist Association here Thursday morning at Zion Baptist Church, Rev. L. R. Edwards, host pastor. The moderator, Dr. J. C. Alexander, officially...</t>
  </si>
  <si>
    <t>                                           50 SAILORS GET LONG TERMS IN MUTINY CASE                 1 5-Year Terms Mete d 50 For Calif Mutiny; 40 Terms Later Reduced                 "Extenuating Circumstances" Are Analyzed                 WASHINGTON  N^N P    Sentence of the fifty Negro  convicted of mutiny and  of orders In California for refusing to lond ammunition after their lives had been endangered by an explosion killing over 300 nt Port Chicago. California, in July was pronounced Saturday. All the men were sentenced to fifteen years each. Afterwards, however, the commandant of the twelfth naval district reduced, the sentences of 40 of the men to eight years each. He said the reductions were made in view of extenuating circumstances. The extenuating circumstances are believed to have been the facts that most of the men had perfect conduct, ratings, that over half of them were under 21 years of age and that tne experience through which they had come In the Port Chicago explosion was unusually severe. The NAACP had maintained also that the men hud been trained for other duties in the Navy and that they were assigned to ammunition loading primarily on the basis of color and not qualification or training. It is whispered in Washington that the men will stay In prison probably for the duration and then be dishonorably discharged from the service.</t>
  </si>
  <si>
    <t>                                           MERRY XMAS Rev. G. H. Hunley Pastor Union Haptisl Church, East Point Wishes his Members and Friends a Merry Xmas and Happy New Year Season's Greetings To the members and  of the Butler Street Baptist Church, the pastor, Rev. J. R. Burnett, expresses his sincere appreciation for the cooperation given him during the year and the many gifts and greetings, collective and Individual, received at this season and extends his heartiest wishes for a MERRY CHRISTMAS and a HAPPY NEW YEAR. May the peace and Joy of Christmas abide with you all throughout the year. MERRY XMAS Dr. Huell J. Jackson Pastor Greater Elm Street Baptist Church; President Mt. Hermon S. S. Convention, Wishes his Members and Friends a Merry Xmas am) Happy New Year.</t>
  </si>
  <si>
    <t>                                           Hell Franklin D. Roosevelt, statesman bumanitarian, seer, sage, master politician and man of destiny! Heil Eleanor Roosevelt abused, accused, maligned, misrepresented and defamed! The reelection of President Roosevelt is a vindication of righteousness.</t>
  </si>
  <si>
    <t>                                           The Joymen proved on Friday evening ut their colorful dance, that there is a shortage of everything under the sun but fun. Many of their out-of-town friends came to frolic and renew old acquaintances. There was not a dull moment from eleven until three and then everybody rued the idea of going home. Chief Specialist Graham Jackson, the Joyman who wrote their song, performed in his most inimitable style on the solovox. Al Alston, genial president...</t>
  </si>
  <si>
    <t>                                           PuMUkedErery Mornjugv Except Monday, at 210        Member: Sr N. S. N. N. P. A. N. P. Established Aug. 5, 1928; Became Daily March 13, 1 3  W-V*. Seolt, II, Founder-Publisher, Aug. S, 1928 to Feb. 7, 1834 Telephones: Walnut 1459 1460 Entered IB Poit Office at Atlanta (3), Ga., at second clau mail , the Act of Coagre.., March 13, 1879 C. A. SCOTT............. Editor and General" Manager CUFF MXCkAy Managing1 Editor Daily: 1 Yiea'r,- $9.25; 6 Monthi, $5.00; 3 Month*, $3.00'^ r Saturday Only: 1 Year, $.1.50; 6 Month., $2.00 1        1 Yr.$4.50; 6 Mon. $2.75; Foreign, I Yr. $5.S0 THE- ATLANTA DAILY WORLD    an independent new.paper,               and non-,  new* absolutely  , and'~            things it  to be to tba, inter* of its readers and - those  against     interest of ita.. readers. Addre.s ALL COMMUNICATIONS lo and make CHECKS   7*Wb to ATLANTA DAILY WORLD, rather loan lo</t>
  </si>
  <si>
    <t>                                           F LAXATIVE?* Black-Draught to. I t-Usually prompt m." Z-Usually     ' (B^ 3. Alwaya economical  Madaim Lucky LUCKY DAYS AND READINGS FOR WHITE AND COLORED a. m. to 9 p. m. Cpen        1950 Murphy Ave.- Block North of Cluett  Shirt Mfg. Cn.</t>
  </si>
  <si>
    <t>                                           .NATURAL PAGE BOY ATTACKifflTS YOU CAN HAVE YOUR HAIR ^    'A PERFECTLY MATCHED F0*'       .^ $rt A A Latett Creation* yW^~m^~ JUU Easily 4 fe* l^*' J Human Hair-    .  gfe\ W 411 Shade, Jgj  V      SEND NO MONEY /IP      *     Mmplt of your hair  r N3 A  M .     postMAN ~.m ^BHffi  potto^s on . V^~ ~^^   1 ^V AUO PUfFS.  AND 1      WBKbbk  ACTION OUASANtliO CI i ^BB^Rh a\ Ore, Hoir SI -SO    .. 4', BKSSalJ JtHO f OUk   0   1 W-.; /^Sll All Colo., .       0    *"J (07  AVENUl (Room 90S) NIW YORK CITT</t>
  </si>
  <si>
    <t>                                           U.S. TANK DESTROYER BLASTS WAY INTO AACHEN                 BLAZING AWAY AT GERMAN pockets of resistance as it. rolls through the .pt Aaeheri.'n U; 'S.. ''.': stroyer is shown here iri an unusually dramatic moment of action. The smoke battle can b.o sien h'^.'       doomed  where YanJi troops  hammered their wny to tlie last garrisons while enemy reserves                 maW desperate drives against our siege lines. U. S. Sifinal Corps Radiophoto. (Jnicrnalloitnl Soirorlphnrnv</t>
  </si>
  <si>
    <t>                                           DETECTIVES ml- Short Time njr Fornxr r...~'t (    ^-l(   ,r,  _TrRn.~ ~-,  . '^J1'' I'll KB. Writ. INTKIt./~l, IIETKCriVi: ..M. lill.IV. M( ST.. N. I;.. lV..   . I*</t>
  </si>
  <si>
    <t>                                           mk;,a WEAR A WATCH ]SH HBA YOU KNOW YOU SIM ^T BULOWk av =~HK^ffi^!        !f , but you can be sure thai '^^9~*~~~    ^^^ the Bulova you select            Terms :is Low fjp as $i!S3 Week Pnu*  federal lax J\ //^/ff '2 J E WE LR Y gj DEPARTMENT US Whitehall St. Main Floor</t>
  </si>
  <si>
    <t>                                           Atlanta ^World P.bl..k.J E...y Mo,...,       MnJ.,        * Crery Morning. Except Monday, a* lit        : S. N. S. N. N. P. a. A. N. r. Batabliabed Aug. 6, 1928; Became       March IS 11M. W. A. Scott, n, FounJer-Publieher, Aur. 6, 1928 to Feb. 1, 1114 Telephone*: Walnut 1458 1440 Cn**    In r"oBt Office at Atlanta (S), Ga., n  clau m*il under the Act of Congre**, March It. 1879 C. A. SCOTT Editor and General Manage! CLIFF  Managing Editor Daily: 1 Year, 19.25; 6 Months, (6.00; 5 Months, tt.00 Saturday Only: l Year, JS.50; 6 Months, J2.00 Canada: 1 Yr. $4. SO; 6 Moi. 2.76; Foreign. 1 Tr. S5.  . TES ATLANTA DAILY "VORLD ia an independent            o5-~ and non-        , printing the      absolutely un  "and supporting those things it believes to be to the       Mt of ita readers and  thoa*  againat     Interact at tar         j Adareu ALL COMilUNICATiOK'S U. and make CHECKS pay able to ATLANTA DAILY WORLD, rather than to '.           I the   repudiate!  tor return of    j solicited picture*, manuscripts, etc.. on leu stamps are sent i</t>
  </si>
  <si>
    <t>                                           Ethiopia Gets First Lease-Lend Plane                 Emperor Ilailc Selassie is shown as he in- Kthropin, following the presentation ceremony,  the f .rst Lend-Leuse plane delivered to The plane was flown to the African republic.                 (Official OWr Photo.)</t>
  </si>
  <si>
    <t>                                           He's Hero Of Daring Rescue                 Private First Class Douglass D. Hopper of :tO7 Anthony Street, Shelby, N. C, receives tlie Soldiers' Modal for heroism above and beyond the call of duty from Colonel Daniel K. Callahsin, .Northern Air SrM-v:    Are:i Command in India. Hooper  the treacher-.                 ous. currents,- of-.n'- .in ..; to rescue :in .-i- (Phntli tiy U. S. Signal Corps)</t>
  </si>
  <si>
    <t>                                           4 ACNE RUIN GOOD TIMES si j picking at them can  j(   ^ cause you endless  . When you sE X follow such annoying,  B/^, f*V irritating actions,- you ^g\ I feel as though being rfe^  people is the last \W thing you want to do in this world. Black and White OL.tment, with its..action, promptly eases the soreness and itching of those externally caused, bothersome acne pimples. Easily applied as a dressing," its aid to Nature's active healing comes from its antiseptic ingredient". Black and White Ointment goes right to work, and the itching is relieved, searching is discouraged. It also relieves' itching, burning soreness cf eczema externally caused. Use only as directed. Black and White Ointment, , large economical sizes 25$, 5u(5. At all dealers. J For daily skin cleansing use mild, fragrant Black and White Skin Soap, 10(f and 25(5 everywhere.</t>
  </si>
  <si>
    <t>                                           Madame Harris NOW IN YOUR CUT FOR THE FIRST TIME. Palmist and Clairvoyant, Gifted Header and Adviser ~^^~^~n Gonritnlrrd to . 70nr Sf^  IT***   filK39    'nro. Will tell jon     ]nll"t T'l"' tn know.       giving  anti  of" HfHt         , lure, health nnd  MM  . TotU who Hyy^ will  nnd when. I^B^^Qlir dm one yon lorn In By Vjltrrm or . OItfi  HK 1 Mnunibfrn noil darn, mime Ml Wni'-'Hly mill  . I  r\HI Inftn-  nn,l Iwil link of nil kind*,  I HUlfN, %,   Jiiinlnenn B. IranHiirtlnnv of nil . If j-ou lire I   lr,,     .~   I  who will         on nil         of IKr. roo.1 or bud. I will Ml T(,u the . Giro  Irinl qn,l      of her won- .Irrful . KbtIi  - U*\. 8.i(          Kimranloeit. Bbe .Klves  to  people I* OI KS DAILY AND 8. U a. m. to 10 p. m. Wnlttnfr  for  fud . Ixiok fnr       - ot    5 IViirhtrri* Itniul. Takn  or OfElethorpe   la At* .* **n Every Reading Is Guaranteed , READING 50o</t>
  </si>
  <si>
    <t>                                           Bishop W. A. Fountain, presiding bishop of Georgia, the Sixth Episcopal District of the African Methodist Church, has started his tour of annual conference starting Wednesday of this week in the Jones Chapel Church at Sylvester, Ga., of which Rev. W. B. Woods is...</t>
  </si>
  <si>
    <t>                                           S^-^3S^5~"-^5JLMINn(! BURNS i "~M=TH0L6UM ^jl :Sm\ 1      ':i         at 'i-"  . m 31 AS MUCH  II7   I VI Yes. thousands of I rti X men and women owe 1 ItS ^A JA MAKING MORE i I ^0l/~'\ MONEY, to Key1 -MMr*! stone. Why don't you      ?W- write for Keystone '^F 1\ Happiness plun which shows how in I spare or full time you J can MAKE MORE I 11 MONEY, as your I II own BOSS, calling I I] on friends with Key1ft I stone s newest  'W , medicines and household articles. If-Jl Samples and plan ri   nt you promptly. i7 if Keystone the Relia*(~-f-7-"^ ble Co., Dept.L-3-B 1 Vm/        .- Tennessee.</t>
  </si>
  <si>
    <t>                                           ST. AUGUSTINE, Fla. Dec. 1944 Mrs. Lois Adside Williams of Rotnestead, Fla., who finished the course in sheet metal fit at the Florida Normal Vocational School for War Production workers has returned to Florida N and I College to continue her academic...</t>
  </si>
  <si>
    <t>                                           MEN ONLY? 1 1 yv rou ll be a riot at V ^-^v your next  la(5   J*J /~2ft) W'1^ r*rC ^^q5 \t?^Y Itction of  o[i!   4   ^3^_Jty3  wit! j ~*Cjl/~J5Si^ 4 COMPLETE BOOK*  Red Hoi Uffa Sityatieaa Ctrl PfurtM Mt. Cluh Stuff AM Slu.lie. Ma. JOKES hfi t!~~ 7  r f  iu-1 cot1      ! 1 Dou'l nait! Supply . Scmt  SI                 to pay fur  Art  Uonania. \   pay        .  I I5 A LI. 4         Order  now! Money  if not  11 l\'~~t 18. Don*. l^t-O. Now Yortc 11 If   ./* ft ,     ,  Si,* ro!oro.J.   J0^ bottle ^f \x I *y ULACK STRAND  /ro)..r \..nr.'i. h.-ad nf    # I J ~*^ro n ~;        , ,"         ,     VK /Mftrk ish.. Allyon nerd * y /   ar.i  blu-rl: nna f lovely f:i BUck StraVid. Wl.t-lUr 1/ U1^ hll y.nir hair,   r just in -uu f I  tar  r.i , ^, r^       Mt the . y.-.a il tir.U 8CACK STRAND ecor. and wonder* fall/ . Ask your OrngKlsL today for dOo SLACK STRAND nn the         ^     mils     .'a3o you or your         back. CAUTION: Black Su-bntt is to tw   as Jirc-ctt-d en the label. BLACK-STRAND Tha JET BLACtC HAIR  marie Strand Co., Chlc-iRo. 111. MYSTIC LOVE DROPS   HiaJB WIN THE OSI5 YOU I.OV15 Jniit ona drop of  .   * mn pnt n ItKUITi'll- ING HI'Kl.l. over  ohm yon Iiiti*. trhe Cfin't ro-lnt  7nrt  Ijrlnf HAITI M:SS Till! KKT TO  MONET, LUCK, anil 1'OWElt. Tin'"  lOT^ dropt* will h(*lp too S1i\K]! A HIT IN  (1 OP LITE A.SII . SCMltEKS of  MOT tell how LUCKY "y hem. Yon'r  ore to  a BIO THItIL,l. Alw  PKR80NAJ, DIBECTIONg how to um      to win Iotc. SEND VO  Full             Mint la                .   7 Bortmsn on  0*o plai , or  only *1.   aod we par .      hotle FItKB If two .1.  MCK OCAK .vTF.r ** ra -n it*~ Sir.-..!, Dcpt. Cr-lfl. N\ V. CUy. SO-GOOD CHEMICAL CO.    -       II;ilr    *?*~~IncH Imva turn    .-rf to lit*'  wlio  It t*~r * past 30 . Thrri* ^^jjS^ I-. no  In     -^B*^^  of  lic Ho i  IioimI ITotlactx. Tlte B^         [ . TtiriM* KOfwIf l^^jK SJjS '*"'r       * r c;     *  to (lib         ) n^c It. Write nit* nt our** for term* titi l . sn-4       ^'.inr ?(V so.r;       on r.iv .SO-~.0OJ- CrtCfti Sonp I.V U'f* pn.T hII  **H.   -nil ^y  irl#-r or * tur j'~nr        , SO-GOOD 1 1 AIR DRESSING TIB  ATI*. AtliuiU, Cllfc</t>
  </si>
  <si>
    <t>                                           If a woman can't tussle with her young grandson on the living room rug, if she can't romp with the dog, or make sly wisecracks at the members of her family, she's through. She might just as well get out her little ladder and climb up on the shelf. As long as a...</t>
  </si>
  <si>
    <t>                                           Witnesses Testify Seamen's Union Drew Rigid Color Line                 Vicious Practices Are Bared At FEPC Hearing Held In New York                 NEW YORK (ANP) Install- j ces where Negroes were refused employment on some ships when they had been referred to the union by' the Wnr Shipping Administration's recruitment and manning organization and Instances where Negroes were restricted                 to the steward s quarters on some ships nnd v.tiere qualified whites                 were not allowed to work in ix  departments because Nettroes manned them, wwc among tlic discriminatory practices by the seafarers International union of North America, witnesses cited lust,' week in a public hearing vis termed erne sided because Attorney Richard M. Cantor, said the union would not participate in tlie  because it did not recognize the committee s authority. Cantor charged the FEPC with ; to "bamboozle the union." He said that the accusations were ". and silly on their face, because they allege discrimination against both races." Cantor added that the charged instances had not adversely affected the war . During a recess, the attorney indicated that union representatives would readily "sit down and talk things over without all this formality." When Chairnmn Malcolm Ross offered to name a date for an informal hearing, union men declined the offer. Seamen have complained  the union s discriminatory practices for more than a year, the committee s trial attorney, Emanuel Block, said at the trial. In listening to witnesses. Block presented a number of exhibits, letters from steamship companies, which said that they had never practiced bias of                 segregation. Block's dilutes weru .supported j by Edward Luivson.  - i tor of the FEI C. tin; first witness. After Lav.-jon appeared on the wi',ucss , a number of .seamen, both white nnd Negro, were  and each testified that tlie mixed crews h:id labored   nnd without friction. Both in training school and aboard (Continued on Tasc ti. Col. 2)                 Stress Solidarity. Between The Races                 ITALY .Stressing the  for interracial i solidarity ill the -wnr world.     "o .soldiers j and whites  kiH Lniri'lher as  of the j army s ^  program at a  j  hase in Italy. An   Corporal Daviil I C. lipps (  left ;) pf I'ortlanri.                 'Greifmi. tin; , heard inl  speeches  2in.l Lt. Sidney Thompson. Jr.     of Kpiis) of Cleveland, ,S-SkI. Kniesi J. ^n (si contl fi  left .tin^ in second row) of Spring- field. Mass., and Syt Robert Williams (extreme rit lu, ) of I'liiladelphia.                 Witnesses (Continued from  1) ship, the men entertained  , the seamen said. Some     j the Negro seamen told how th^y had rejected at the union hiring hall despite referral slips. Cantor termed the union s practice "segregation"  than discrimination. The union merely I observed n policy that It  held, the separation of  nnd I Negro seamen, he declared. I After a study of the compiled i facts, by the committee, it no  is reached between union officials and the PEPC, the find- j Ings will he publicized and President Roosevelt will certify the entire Issue.</t>
  </si>
  <si>
    <t>                                           NEW YORK -- (ANP) -- Instances where Negroes were refused employment on some ships when they had been referred to the union by the War Shipping Administration's recruitment and manning organization and instances where Negroes were restricted...</t>
  </si>
  <si>
    <t>                                           French Birthday                 PVT  ROBINSON -of i;~3 Milliard Si.. N. 1l.  of Miss Bertha Lcc :::iu.i, wlio  -hlj 2-tLU Ijirilui.iy. Nov.: '2h,  i ie in i o.ncc. Prlviu:- 1  , fl of which "-ovp ^?iH in ViiBliinii. He; is Uio IV phew nf Mii. Boiliia RoDinscn,  . Mrs. Mury Barkley, CrU'inlins, c...... i:n-.i Mrs. Lurdelln Tutls. Mr.  Coddard, Lull of C'Ilv , Ohio. I</t>
  </si>
  <si>
    <t>                                           GLOSSY SMOOTH HEALTHY SOFT You ~*ant the best for jots hair ..lobe careful to eet BxetswTO. Over SO veers- H -Has  a f*~  for  a=d  IC- .44 AH Drag Stsne</t>
  </si>
  <si>
    <t>                                           81 HICK  in "Blazing Sixes" and  OK MISSING " ROYAL "CHARLIE CHAN IN THE CHINESE CAT" Sidney Toler, Mantan Morcland And: ' S A FOOL" All Colored Cast ASHBY "TARZAN TRIUMPHS" Johnny Wcissmullcr and DICK  in "Moonlichl on the Prairie" LINCOLN "GANGWAY FOR TOMORROW" Mar?o Robert Ryan and "OKLAHOMA OUTLAWS1' also "SALUDOS AMIGOS" HARLEM  BUSTERS in "Land of Hunled Men" and "FRONTIER SCOUTS" STRAND "I WAS FRAMED" Regis Toomey Julie Bishop and  I)/VnK.      ,S OF . WKST"</t>
  </si>
  <si>
    <t>                                           Launch $50,000 Drive To Free Sharecroppers                 NEW YORK- (A N PT- A 50.000 drive wns launched here recently by the National Sharecroppers fund In Its effort to liberate southern sharecroppers under a program known ar "a magna charla for southern agriculture."                 Estnblished In 1943 as. a means                 of helping  workers, tenant formers and sharecroppers of the south, the National Sharecroppers fund Is headed by many of the notion"s lending citizens in oil walks of life. "Our aim, the  ol the^.  system nnd the de-'  of thU monstrous system of exploits t on." said Edward C. Llndcman, , "means the emancipation nf 9,000.000 (Continued on Pace 5, Col. 7)                 Launch $50 000 j (Continued from I\lj;r 1) r America n*  of the generations which follow them." The  has proposed tli:it every  of 1 1 if? armed sr-rvi-" crs "who  have bf ni dl.  ! inns  than dishonorable, shall  ihv . si b.icni Lo reasonable Insts ;i.s to his ability ni)d  ns a fanner to Rovrrnmrnt aid in  ownership of a f  valued, 'family ' ." Land for the landless soldier is not only a slogan. Lindninn said, it is necessary step if the returned soldier who stems the soil is to be other than u  in the house of Ills fathers. According lo report released by the National Sharccroppcre fund. -i.MO.OOO sharecropper ;n and their families received three per cent of the national income while northeastern nonfarm . with  8.500.000 children received 45 per cent or the  Income. No d:ile w:is  whm I drive Rill er.d bill, it is known Hint, the funds arc tc. be vised In push the  Tor a farm Tor every southern nn- of the  services, regardless of race. creed or color.</t>
  </si>
  <si>
    <t>                                           NEW YORK--(A N P)--A 50,000 drive was launched here recently by the National Sharecroppers fund in its effort to liberate southern sharecroppers, under a program known as "a Magna charta for southern agriculture."</t>
  </si>
  <si>
    <t>                                           LOANS TO SERVICEMEN S WIVES For     Between ALLOTMENTS See Us for Quick Service WALNUT FINANCE GO. 146 1-2 Peachtrea St. E.</t>
  </si>
  <si>
    <t>                                           Back from a hurried speaking jaunt into the state of Missouri where he delivered several important concluding campaign addresses for the Roosevelt-Truman Democratic ticket in various sections of that state, is Attorney. A. T. Walden, prominent in Democratic...</t>
  </si>
  <si>
    <t>                                           For Fun For Health Every Week Day At The I!~G AUBURN AVE.  VOUK UKSKItVATlONS'l'Oll 'I HK CABARET BALL  Zl lo l'-iM. A. M. TOPHAT_. FUl(  CALL JArkson 1314</t>
  </si>
  <si>
    <t>                                           Madame Lee now w . crrr fob THE FIRST TIME. Palmlrt and Clairvoyant, GUltd Header and Adrlser , Ufe.   ,  . pf/MB, Md . WUI (~ll jot .what..      . want- to know,  dalet ud fart, of       .~, loTe.       /orally        .    : who V     one- yoo la tna or fain*. Glnt          and     .  IwcdT and happy,             !on. of aU., If joo aii,1 fL,*}!1        .~~. m*,         batf. c J .-}" ,niB t"~t-  t, her. JliliM^! bs- was" ee-ra! work. Each ~-~44!  "~~"~-~' rc  DAHLr- JOT! ^^A-% =t- As 10- ^-ri.. =s  aa fce- wilts =i ast.  i     ft*    *.       at sou             trailer u A* Every Readlnc b        (4iT Sl'ECIAl,  EOo</t>
  </si>
  <si>
    <t>                                           TO  BIRTHDAY j Corporal William U;inl-:s, .Ir..     son ot Mr. iind Mr.". Willinm Uank.s .120 Frawr Siivim. 3E. v.-lio v:is  d-il int. i tlio ArniFtl Sorvii-fts In Oi-. l:i-llf. ivill rr-ii.-br:iir I:..-: ..', M.-l C OVt'lSMR 111 P.- :i:, ni-.\l VVi:         , .l[imi!ilj 31. in-, iii.in.v -mls Join hi.-. i'-' :tii'.: i.ijn-r ri-.1; in t-\- ii  lu I f in in:iny rn..r.- h:     ;,-  n.Murn.s ami pr:iy lor  .s:cfp :nifl .   .Ttly  .</t>
  </si>
  <si>
    <t>                                           Tour  i/m Deterv Attention Consult DR. JOHN KAHN II I II S OPTICAL DEPT.- FLOOR h*IMlid In  Tht   (Mi  '^i y *nn wMk ! M-G-M's "Marriage is a Private Affair" Is of major interest to those who like their romance fast, furious and daring! You 11 also like the oncc-in-a-blue-moon bride, l.ana Turner. Shu's so . to bewitching, and soooo lovely! Her exciting marital mixup is the result of having two handsome men contending for her busy heart. Two rugged guys whose only thought is luscious l^n i! Big James Craig and "just-as-big" John Hodiak are the tall, dark men in her life". They each make 1-ana delightfully delirious, but she has some time  which is the better man' The way this interesting trio solves the dilemma makes interestingly  entertainment! The  three are aided and abetted by a wom u  ; collection of friends ami troublemakers, including Frances Oifford, Hush Marlowe, Natalie Schafer. Keenan Wynn. and Herbert Rudlcy. Tluh colossal  was  by- Robert Z. Leonard  directed, and Pandro S. Bennan wlm produced this -   - affair! What a love story! It's charmingly rough-and-tumble! You'll treasure it with your most intimate and  memories!  r^. P.S. Dii; Down! FiuvWiir l-!</t>
  </si>
  <si>
    <t>                                           The so-called united nations are dangerously divided. Efforts to patch up matters have not been successful, and the cleavages ore now beyond concealment. The pack psychology in man, a vestige of possibly subhuman days, is asserting itself with grim defiance. Pack...</t>
  </si>
  <si>
    <t>                                           HI          ,        * Practical Gifts at  Hps     t^ r"" Hi .   \ S JIP 1 ^'ve '"r 9'" s ie Wf" we0' ar"i       tI*.!!!*1!7!^^! HIP ^^^^.      ^ if^T*^ IPa (USSfe.    the year! These lovely slips are figure-mold-     ^*'*~I. w   p Ulf i/HH/l   gg *v  M Hi "^WB '"9 cut  or  stYles- '*' llll tf^ ^k HH ^v.*" ^OT^^ P ^m. f-^P yoUf 9''t! 'rom our fme   f ta1an ^B "fc ^-B^ft HH r^i ffi^^^ V c"p"' to"etos' 50tl BS and ! Wt haYt H J"- ^5 ^     ^F r*'         ) ^^^S ~^i i' 32-44 are from 1.98 to 2.98. Sizes 46-52 $~ Long, women s scarves w rayon sheer rom- b$~; Sweaters in slip-on and cardigan styles.     j if^M^ ^^^fc" J!P'?^f?c are 3.98. W     and '~whit*. Wool plaids, too ral^"-*00' w'''~ '~"9 j/   1 .f 7w ^^Bbb^W --^^^-^'S- Rayon and cotton squares to tie 'round  sleeves. Brilliant high shades, classic ESS ^^i^B%  Zieat/s, in green, red, yellow, v/hite dark ones and pastels. Sixes 32-40. I  g      'Christmas Presents for Good Little GirU! 2VWn       Suggestions for Active     .' % Twill j\^ I J^. i^ Popular H Give the Chrhtmos gilt that girts will love! I Jf-^i4 \h S JKfe^^^^M ^^K JS8 ^3 fort in sturdy brown twill. Tots' and girls' I W 1 ^^fl^Hi'?^ lUS #fe   ^  8S S^ l '(r      'i^R Jilli ^^fe' 'Here  ait^mort as the lads who ll, wear Wi g fl^ fln flB ^8 ^^r ^Wj   r9c   "'s in novy or brown with shirts in 'Hj 5  I I     ^B^ 'Hi fHH '-^SB'  VH io//*rf  o/ broadcloth in contrasting colors. BH Wf Ml Hit c^J^f1' -iflR. 5U''* ^ove ,- too. Some with 'fang- t'-j[ for  who like cute lingerie we /ecom- )f\ ik -H ^A^ .JR /.-m  mend these rayon satin slips with cute ruffle ^~-rJ %L i- ^^S LL-Jt KS ii^jj trimming! They come in tots', and y/r/$'        _  2-76 in tea-rose only. l^^ BB'</t>
  </si>
  <si>
    <t>                                           Victorious War GHest Teani Sets Record Ih Ciiicy                 The above is the picture made of the victorious Division S War Chest team which set a record in l Cincinnati. For the first time, the team was interracial, represent- ing all minorities and religious c faiths working for a common ob- 5 . The picture was made at the Victory Dinner where this r group was cited for having made r                 225% of quota find 'more to come." Chairman of the Division was Mr. Morton J. Helclman. with Mrs. Da\~d Turpeau and Mr. Herbert S. Kahn, as Co-Chairmen. This division had over 80 workers  those shown above. Seated, Left to Right.: Miss Ed- I monia Bramlette, Mrs. David Turpeau, Mrs. Inez Renfro, Mrs. Hat-                 tie Baldwin, Mrs. Jeanette Smith and Mrs. Bessie Wllklns. Standing. Left to Right: -Mrs. Ella McClain. Mrs. Clara Hough, Miss Leah Kasfir. Mr. John Elchberg, Mr. Emanuel Mnrx, Mr. Morton Heldman, the chairman, Mr. Arnold B. Walker, Mi-. Herbert Knhn. Mrs. Samuel Schwartz, Mr. Samuel Schwartz.</t>
  </si>
  <si>
    <t>                                           AT LOUISIANA CAMP Cpl. Clarence 'Iscm,   un of Mi\      Mrs. Roy Ison. l!~2 Wrir Avciuw. AUanui. wlio is -il :ii Ciiinp Clulbomc,  m. Prior Hi hi.s  tio u Into the service 11  u(jo, he was an agent for the Atlanta Life Insurance Company.                 VISITS FAMILY Sgl.. Arils John.sim, Hie  of Mrs. Annie     Johnson. 3O) Ullllaul Street., lias returned home 1 i*~-~ni Fort Qe-Vens, M:(:liu.si!il.s, where lie -lists   foi' tilt! p:usl  ur  months, to visit his wife and throe children. Sgt. Johnson expects 10 sail for overseas duty in Lhe near future and is home on furlough prior to Ills .: Sst. n nd Mrs. Johnson's Hirer children. Artls, .Jr., aui*   ; Msir.v Arvi'lhi,  3. and . ayr iwn .hs, nil  with f lii ir  in Atlanta.                 BIRTHDAY IN FRANCE T'ft  lack V. Shanks is spending hi birthday somewhere In Primci:. His wife, Mrs. Dorothy Shanks, mid little son, Jack, Jr., of 35) 1'- I Street, also Pfe. Andrew W. Shank; motioned at Camp Claiborno. I.-i. send him (ps, us do hi brother, sister and friends mirl wish him u safe and speedy return horn- i                 i ACIFIC BIRTHDAY S-l-C ERWIN D. STEVENSON, the husband of Mrs. Iolu Stevenson. 128 Jeptha Street SW. and the son of Rev. and Mrs. G P. Stevenson of Gudsden, Ala., observed hLs birthday anniversary last Tuesday, December'26,  over- sens tn the South Pacific. Svnmnn Slfviuixon hax  In the service for 1'j DicuiilLs nad hn.s been  7 months. Prior lo his Induct- i Ion In' was ul)  member of 111"' Warren Mt- Methodist CMuiri'l.. His many r r I e n d s Ixuk li u m    Join Ills w i f and  ri  In  their warmest  und the .season s  .                 EXTENDS GREETINGS Rev. W. A. Barbour, pastor, Gethsemene P. B. H. Church, Gainesville, Ga., and presiding elder of the Greater Northeast Georgia District, takes this means of extending the Season's greetings to his members and to the ministers of the district and further to express to each of them his sincere thanks for their generous cooperation and support during the past year. "For each of them Individually und together, I pray God's richest benediction upon you during the coming year," he said.</t>
  </si>
  <si>
    <t>                                           "~  !B??\owi.-    \                 -1ARM IN ARM FOR VICTORY H</t>
  </si>
  <si>
    <t>                                           Bond Drive Support Pledged By Leaders                 WASHINGTON (SNS) -The i "Big Three" of Negro leadership I this week told Secretary of the Treasury Henry Morgnnthau, Jr., that Negroes intend to support the Sixth War Loan Cautpalgn ('not just because it is patriotic, but because it is a sound investment                 In the future." The joint letter to the Secretary was signed by Mrs. Mary McLeod Bcthune,' president. National Council of Negro Women: Walter White, executive secretary. National Association for the Advancement of Colored People: and Lester B. Granger, executive secretary. Nationnl Urban League. The current bond drive opened November 20th and will continue through December 16th. I The three  leaders                 Informed the Secretary that "Negroes are in this war as much as any other Amerlqan," and that they too "yearn to see their loved ones return home as quickly as possible, and are bending every effort to hasten the day." Setting forth their pledge of personal support, the letter said that they Intend to "Implore those^ for whom we profess speak not to relax their efforts, either in work or in investment in war bonds." .We know and we shall continue to say, "the letter adds, "that the link between the   mid the home front Is a bridge of war bonds the purchase of which Is essential to supply adequately the men uho 1 are carrying the fight to the enemy."</t>
  </si>
  <si>
    <t>                                           WASHINGTON -- (SNS) --The "Big Three" of Negro leadership this week told Secretary of the Treasury Henry Morganthau, Jr., that Negroes intend to support the Sixth War Loan Campaign ('not just because it is patriotic, but because it is a sound investment...</t>
  </si>
  <si>
    <t>                                           H R3 I ^j raj       'lX Yes, thousands of Vi' 1L V' A "~en and women owe ^TkAj l\ MAKING MORE W/JkX MONEY, to Keyoa^ stone. Why don't you     5 l" 5}__J write for Keystone j ^k -v tV Happineaa plan j r i which show3 how in i snare or full time you con MAKE MORE ~~~~~~~"~H MONEY, as your ;,   own BOSS, calling I on friends with Kcy'I stone s newest  ;.ll metics. l\ household articles. *7/V Samples and plan I'. I 7\.   "~ promptly. XiLJk'?    Keystone the Relia^^rrr ble   ., Dept. 1.3 a  MtmDhli.</t>
  </si>
  <si>
    <t>                                           I Today's Pattern 9374 itf^)4l\% p^f^^l-iI M M By MARIAN MARTIN' Starred for outstanding .ce- the shirtwaist dress! Pattern 3374. Make tvro-  to vary yoke, sleeves. Pattern 9374 comes in sizes 12. 1*, 16 IS. 20; 30. 34, 36, 38, A0, 42, 44 46 48. Size 36 requires 3 l-l yards 1)5 inch fabric. Tiiis pattern together with a ; pattern for personal or household , -TWENTy CENTS. Solid TWENTY CENTS in coins for  putti-ms    Atlantu Daily World, :~?2 -West I8tli St.- New York 11. N. Y. Print plainly SJ.ZE. NAME A.DDP.ES3. STYLE NUMBER. FIFTEEN CENTS MORE .brings you the Murijr. Martin Fall- and Wimei- Pattern Book full of- smart, ensy-to;mak(!. styles.. A free pattern is primed right in. the' book.</t>
  </si>
  <si>
    <t>                                           He is a home town boy who has Made good in his own home town, despite the fact it is said a fellow has to seek other than his home town to gain laurels.</t>
  </si>
  <si>
    <t>                                           PRE VALENTINE ATTRACTION                 "HQT LIPS" PAGE formerly with Artin Shaw wilt  hia band '.here Monday Fcbruurv 12. Sunscit Cnsiiio.    ;innin(; ul 8:30 p. m. to 12:30 a. in. A Southeastern Attraction.'</t>
  </si>
  <si>
    <t>                                           REMEMBER THIS FIRST When Common Headache, Muscle Aches, or Colds'  til miseries strike                 The first choice of millions at the very first warning of common headache pain, muscular aches and' pains or colds' painful miseries is St. Joseph, Abduid: You can count on ta friendly - miseries . Yes, it gess right to pork to relieve th t:r"2         Jry-TVies Jilted St.- 'JisetViisftifia's-Fiii  *= silts so is ss of 6o!  '- sore-          . -Keep St. Joseph Vspirin handy, instantly  t-. relieve  pain/nl                 . Judged as your doctor judges aspirin clinically no aspirin can do more for you. No wonder St. Joseph Aspirin' is the world s largest seller at :10c.Ahd you get the big'100  for only S5c. Quality* ^ asd- are ^ by the, '.'ba'!! *~~n , curd Si; JcJseh Aioiria i Bic^  ccst: You eis t get -Ssrarni, so why ever p*y more. Loikforlhenameoneacnbox. Be eure it saj-a.St. Joseph Aspirin.</t>
  </si>
  <si>
    <t>                                           You have always occupied, in my heart, A very warm place, and I wish to assure you my profound appreciation of Your excellent assistance in our efforts here in Kingdom...</t>
  </si>
  <si>
    <t>                                           NO MORE GRAY. DULL OR FADED HAIR USE Jessie Kare's IMPROVED HAIR DYE LOOK            AND-* ~"U IT WON T WASH OUT OR RUB OUT. VERY SIMPLE TO USE CAUTION: USl OMIT AS OlttCTtD OH LAttL S1ND NO MONfT. PAT FOST MAM 11.80 pie* porte** es 4Mnty. %aat crier Mef. Setitfecf'.zs  iai     !I     !  8* Rft* 4~~,  Ter* CHy</t>
  </si>
  <si>
    <t>                                           Action Of Dixie Governors To "Open Door' In Education                 Exchange Scholarships To Be Offered Race Students                 By 11 McALl'IN                 WASHINGTON. D. C (NNPA) The announced objective of tlic governors' of 13 Southern .es the. same ones who sent   (*Hl Lo u meet n it. in Tennessee several months-two U) work out ways of keeping "whiU; primaries" Is "equalization uf                 opportunities Tor all  of the ,  to Guv. Robert S. .Kerr ot Oklahoma. Gov. Kerr was newly elected  of tile conference, held In Biloxl, Miss. Tills action on the part of Southern governors has tended to point up all the more the quisling  schools In the District of Columbia, where separation is carried even into the meetings of teachers. No proposals were  by the governors for Integrated schools, but none of them was concerned with problems of the nation s capital indeed the world s capital Washington. Lt. Governor William Tuck or Virginia, representing Gov. Colgate                 n;. present-eel nn educational  (or Southern NCRroes, ) Gov Cooper of Tcnnes.-'jc    receive the most  consideration" or l-rm conference. The plun proposed  . Soulhprn .es  exchange scholarships fur ; Negro  1.0  Negro ;        In oilier states. The. plan, lie . would '-lt possible for students of n State whose  for training In certain specific Fields were limited to attend a school which offered the courses llie 'student wanted. j Gov. Kerr                  tec to nuke a complete study of the "Souths educational problems." Included on the committee were Gov. Chaunccy Sparks of Alabamn, Gov. Thomas L. Bailey of Mississippi, Oov. Kerr and Gov. Durden.</t>
  </si>
  <si>
    <t>                                           WASHINGTON, D. C.--(NNPA) -- The announced objective of the governors' of 13 Southern states the same ones who sent their attorneys general to a meetting in Tennessee several months ago to work out ways of keeping "white primaries" -- is "equalization of...</t>
  </si>
  <si>
    <t>                                           Champion Rider                 JEAN LEWIS, America's Champion Girl Bronc Rider, will be seen in action at the big "Wildwest Rodeo and Hollywood Thrill Circus," :\i. Ponce dc Leon Baseball Park this coming Saturday and Sunday. November 11-12 with   held al. :i p ,m.  8 p. in.  days.</t>
  </si>
  <si>
    <t>                                           HEAT SOOTHES BACK PAINS! Meit    quickly, effectively. To k" welcome, continued heit relief, for davi. right it the tore , apply une biK Jolmign'i RED CROSS I -R -or the heavier, warmer Johniou'i Back ri.. The mild, active medication gently heat* the hack,  up blood  ,  ,  pain. Warm cloth covering  body licit, protect* luck  chilling, provide)  . .Try thi* clean, , proved  ot to "heal " Mtitpte backache ami other       - TODAY. (ln*     of chronic , htt your doctor.) Alttiyi  oa ih* GENUINE,  hy Johtuoa k JotinuKi. , red CROSS PIASTER  BACK PLASTER</t>
  </si>
  <si>
    <t>                                           Wed Seven Years                 SGT. LEONARD BARNES who observes his seventh wedding anniversary this month somewhere in the southwest Pacific. His wife, Mrs. Lottie Gntes Barnes, v.iu  at 194 Hnygood' Avenue, northeast, has expressed Lhe v.i.sh lhat his many friends write him :it H-a. 85Ct.li Engineer::, AVN, En., APO S28. care c! Postmaster, San Frnnclsoo. Calif.</t>
  </si>
  <si>
    <t>                                           Funeral Rites For Mrs. Susie Scott Monday At 3 P. M.                 Funeral rites for Mrs. Susie Ramsey Scott, who died here early Friday morning at her home on Thirklcld Ave., will be conducted from the South Atlanta Methodist Church Monday afternoon. November 20. at 3:00 p. m.. with the pastor, Rev. Adolphus S. DIckerson. officiating. Mrs. Scolt, who succumbed following an  illness, war. the former Miss Susie Ramsey, ami Is survived by her husband. Mr. Daniel Scol.t. two daughters, 1' and Lllalh; two sous. Daniel Jr.. and Robert, it. Other survivors include :i fattier. Mr. Ruljrri Ramsey Sr.. a sister. Miss Nidn Belle Ramsey, and four brothers a.': follows; Robert Ramsey Jr.. Phillip. Isaac II. :nul Marry I., . The body will lie in state at. home from Sunday afternoon until 2 o clock Monday p. m. Interment will take place at the Southview Cemetery.</t>
  </si>
  <si>
    <t>                                           EYE-CUSSES by Mail 1^16 DAYS'  SEND NO TRIAL OFFER VJ 1^3 MONEY!! Send for our Free Cat- ^M "^Hp^" Try our  for aloft  n.l Scientific Test K    ft 1 . U not UN S Chart to lest your own flr UOWpjete .   in     privacy of ^m 9 I Uirnt to us and we ll  flf  I refund your money,  night UMtrra. ~?     : I f^ F11 Repaire:24-Hr.Senice ^^_il Write Today/ U.S. EYE-GLASSES CO. DepL 1 1 U 1557 HDmtike* A*^. Cbkaco 22. UL I NATURAL PAGE BOY ATTACHMENTS YOU CAN HAVE YOUR HAIR PERFECTLY MATCHED FOR Jfc^ $^^ AA latest Creafioni /^~n ^J Eosi/y Affoehod    ;  I ^^^fc Human Hair- tV{\ I Aff Shade* *Wi\  QOUin SEND NO MONET  HCt POSTMAN SLOO tin' * Oitivwy.       Boy $7.50 All      Wig --.$35.00 Pompadour Clomoor ...17 JO Half W19    0 All Around Roll 8JS0 1st Quality Pas* Boy* 8.00 (A D*    20% It ItoqwilW  U TImm   4wW MSO PURS. WtOS AN0 MAIDS SATISFACTION *  NAI* JI JO ( SEND TOO* OKSft  Cany Ml lin OVBtWtCS-AU COlOtS laded!** Miu4  Vwr 507 FIFTH AVE. (Room 905) NEW YO8X CITY</t>
  </si>
  <si>
    <t>                                           LAST WEEK I heard E. Stanley Jones. It was one of those memorable experiences which will stand as a permanent milestone on one's road up to higher things. To read his books is like inking a spiritual...</t>
  </si>
  <si>
    <t>                                           Association For Blind Holds Charter Meeting                 Members and friends of the Metropolitan Atlanta Association i !or the Colored Blind are request- j ed k j be present lit the Charter meeting of the Association,  j at 8 o clock at First Congregational Church. A short program will pre- i cede the business session. i                 The Charter fur the Asocial ion was recently granted by the Ful- ton Superor Court. The Association j was organized in May, 1941 for thn purpose of promoting a program lor J thu blind und  blind or Metro- j  Atlanta. Its  is do i signed to offer  and roe-  opportunities fcr active I blind and near blind persons thru central training and home  services and part lime occupations for the shut-In blind and near blind. The organisation 5 op- j  to its students to parti- .in a r;orl; pro^ruiu whiel) is  by the  them- J selves. This  the students j .  and I , which has led to regular i I'inpluymcnc on private or public Jobs in sonic instances. Centralized classes arc held each l                 us follows: Monday, 1 p. in., 4 p. m. Zlon Hill Baptist. Church; (1st, 2nd and '1th. Tuesday at 10 a. m.. 4 p. in. First Congregational Church School, 105 Courtland Street. N. E1) '3rd Tuesday, 10 n. in. I  i.m, 33.1 Auburn Avenue, N. E., Carnegie Library. Wednesday, lr. ;i. m-iu , 215 Ashby Streeet, S. W. Wednesday, 1 p. tn.-l p. in., 211 Houston Stcct. N. E: Thursday and Friday, Home Teaching. .Subjects offered at present are: braille, industrial arts, domestic, arts, religious education and music! Oilier subjects will be added. Considerable* time Is ;: to Individual instruction both at the central rts.ss.vs. in the home.. O'.cr 100  -aud  blind  un; ri'^ for service 60 ntti-nd  classes' and ;2fV arc home students. .The" remainder are served In  ways.- These students hue made "Ud sold over 600 homo made ui- .since the program began. -Mud) of this work U (Continued on Tuge 4, Col. 31                 Association For (Cantlnued- from Page l) done by students who do nor.   for "Asslsirmro to the  They secure orders for these nrt- and mnk.- Minn under the supervision of  teachers until they  to rio a perfect job Then they are allowed to take out the raw  and do their work ;u home. They -.~v their articles and   sales to the school They are then paid n worker s com mission and a sales man s commission Those who learn to make the articles well, but cannot sell their articles, receive a workers commission and others wlio can sell  Ml find it impossible to make the  receive a sales mans commission. This money enables thesp  student ro buy a few more                 and gives them a feeling of prick' to know that they me able to earn something by their own means. Some of the articles that are marte arc leather belts, suspenders, purses, card crises, ration book holders and wooden door mats. Classes in chair canine and weaving are now underway. .Upon recommendation of the Association two partially blind persons were recently placed in private industry in Atlanta by the State Rehabilitation Division. Others have recommended for employment by the Associaton. Two persons were recently placed in comfortable homes with the cooperation of the Department of Public Welfare, the Family Welfare Society and. the Butler Street Y. M. C. A. The Metropolitan Atlanta Association for Colored Blind hopes to make Its program broad enough so that begging v.-lll no longer lie a necessity or an attraction, to the blind. Mrs. It. Taylor Jackson Is acting director.</t>
  </si>
  <si>
    <t>                                           Members and friends of the Metropolitan Atlanta Association for the Colored Blind are requested to be present at the Charter meeting of the Association, tonight at 8 o'clock at First Congregational Church. A short program will precede the business session.</t>
  </si>
  <si>
    <t>                                           AIDS' HEALING  HELPS NEW SKIN FORM Soothes and Protect? Minor Burns, Diaper Rash, Chafing:, Abrasions, Scratches, Simple Cuts Wounds. Oft This Pare White Petroleum      BOWELS SLUGGISH^ Feeling like you lost your be*-, friend - dull- all  of         ? Why put up with        ? Chew modem FEEN-A-MINT.      chewing-gum laxative. Chew -MINT tonight at bedtime, taking only in accordance  vith package directions. Next - thorough gentle relief, helping yo^ fee) swell again. Millions rely FEEN-A1*1 INT. Chew like your favorite gum.  . Try FEEN-A-MINT-a  family        only 10f. ____,^h^ 81 PAT O'BRIEN CAROLE LAND1S in "Secret Command" and "CAPTAIN  JEAN ARTHUR LEE BOWMAN in "The Impatient Years" and "THE PHANTOM"  IDA LUPINO PAUL HENREID in "In Our Time" LINCOLN MANTAN MORELAND in "Night Club Girl" and JOHNNY MACK BROWN in "Stranger From Pecos" HARLEM "SUNDAY SINNERS" with .mie Smith and An All-Colored Cast STRAND DON "RED" BARRY in "Apachi Kid" and "SMILIN' JACK*1</t>
  </si>
  <si>
    <t>                                           DuBois Says British Bar Colonial Action                 NEW YOnK CITY  S\   "The ! policy of Hie Uritisli Empire prevents the United Nations Irmi ; u definite Klalomeni.   poRL-war  ior  peoples."  Dr. W. E. B. Du Bois. "It ls'.not, Klmnlv the  of the. Brltith to-be                 reactionary." he pointed put, "but the spirit of nationalism is very strong. Also because the modern civilized-world has Invested heavily Iti colonist}, resources, it is to Uielr advantage" to -keep thc" in  and ignorance In order to realize a great return bn their Investment.1;. That, is part of the policy of "divide, and rule." This lecture was nne in the  "A World View of the Negro Question," public  offered each Saturday afternoon by the                 Onili'cHon of Nrgvo  of I lie No*' York Public I_Jhrnry. Dr. Du Bols  of the  of the- Hart- African Congress.' ji:st after. World Wat I and pre- '!iced a great  for an effective one after tills war so as to  comparisons of opinions and exchange of ideas of thinking peoples of""enl6rr He  a- very .  of colored groups all over the world,   Nigeria, the  colony of 20 million people. He nas particularly  . I he Gold Con.it and West Indes groups woud make ".1: heard In the postwar world. The next lecture In the series  1U be entitled "Measuring Negro Intelligence."</t>
  </si>
  <si>
    <t>                                           NEW YORK CITY (SNS)-- "The colonial policy of the British Empire prevents the United Nations from making a definite statement concering their post-war plans for colored peoples." declared Dr. W. E. B. Du Bois, "It is not simple the desire of the British to be...</t>
  </si>
  <si>
    <t>                                           !jONE8?~vv                 By I. IV REYNOLDS,-;                 Brother Bfil     folk*. {~ you can t. hand, a. ?'  It,; In Mid by your '</t>
  </si>
  <si>
    <t>                                           We iii*~ gelling hark .  ot Hie war-induced problems         solved, mill our c:ip:.v is nearly  il wuh in I'eacetime. We can ia!~c work for A VEW \E AV CUSTOMERS giving quality service in laundry, dry cleaning and rug cleaning'. L.\U!VDttV BARGAIN -T SERVICE Flahvorfc beautifully Ironwl-  apparel  deaD and Just damp enough fpr homo ironing. Men's shirts finished /or small additional charge.  LAUNDRY WAInut ,2 M. CAPITAL CITY- fy^^K^^^ AMERICAN LAUNDRY iSM^^kS  LATOfDRY llO^giP; DECATUR LAUNDRY          riED^           MAY S TROY LAUNDRY HEmlock MOO</t>
  </si>
  <si>
    <t>                                           "We have 4,300,000 jobs to do today" These are busy days for everybody in the telephone-' business. About 4,300,000 Toll and Long Distance .go over the lines in the average  day. (That's in addition to more- thon 100,000,000 doily local convers .V We appreciate you7i\* .especially /i^~fcs. when you re on a line-to a war-busy, center /~!       \ and the Long- Distance operator says wm( ''Please limit your call to 5 minutos." ^}   3sy</t>
  </si>
  <si>
    <t>                                           COUGH/ Sootlic irritated throats with ELL-DEE  '.EMULSION it s so-o-o  lo Irritated membranes. Offers prompt relief from annoying coughs. Get a bottle at 'LANE MAX S SQUARE DEAL  nd otW  Drud Storci Juit apply tut new Nix Lotion.      ' am at -. No  for clothe* or . Vat any time. Nix Lotion CTea"y   akin appearance in 3    active bleach  from beneath. Also aeu aj  powder-    . HclM 4ry up  .        . fad* . To )l(. No -ll bfl amazed. CauUon: Use only a* . Drug(lata * NIX.</t>
  </si>
  <si>
    <t>                                           DETECTIVES THAI VINO. SECI1KT  - F1 -      Mrlllod Sbort Tljne. Jly Ttirmtr Cutr't Uetectlvt  Travel Sr4 r?t Cnftr Booklet . Write IXTFHXATIOXAr. DETECTn'K SYSTEM, I7HI-W,  ST., N. K.. Wiishli.eKm. D. C. IX</t>
  </si>
  <si>
    <t>                                           FREE COURSE IN HAIR CULTURE ^^^^B^. Comttttimg tj CUBAN COSMETIC CO. Dept. S315-Y         , IIL</t>
  </si>
  <si>
    <t>                                           Beauty Culture offers you permanent employment, and it only takes six months to complete the course. We have connected with our school a Free Employment Bureau and those completing trie course satisfactorily can be assured of a position. Pay as you learn. For Further Information, Write or Gall kf) itli^^^M^^W(MyMMWii(^4ti(Mii'll1</t>
  </si>
  <si>
    <t>                                           Doughty 366th Joins 92nd Unit                 SOMEWHERE IN ITALY -~ANP) I The doughty 366th  Is now a part of the 92d division and has been in the thick of the fighting! in this area. Its members, whose names read like a cross section of! the Eastern seaboard, are a unit in declaring they would IDce to get hold of the Inventor of the advertising slogan on "Sunny Italy." They say that the foulest weather to be found anywhere is in Italy                 and that apparently the suu docs not exist In these tans. Co. B. commanded by CapL Walter Dabney. tops the regiment for individual honors. CoL Queen, commanding officer. Is said to be on his way back to the states, probably for reassignment or retirement. Wben the 366th first went to Enrope it* was used   for guarding air fields.</t>
  </si>
  <si>
    <t>                                           RUSSELL ROSE slowly rom his chair, ... wanted to know from whom Dan wished a divorce. He put his hand on his brother's shoulder. "Why did you come back this time, Dan?" be asked. "I want the truth. You must tell me."</t>
  </si>
  <si>
    <t>                                           Rev. W. L. Brown President Of AME Ministers                 Ill the regular session AME1 ministers of the city mid Big Ssthcl Church Dec. 2li, the    elected \or 1013; Rev. W. L. Brown, president; Rev. I). W. Wiggs vice president; Rev. H. C. Cuiswcll, secretary; Rev. C. C. Tialrv, chaplain:   ;v. W. Thornton, assistant chaplain;' Rev. M. Jackson, chorister; Kev. N. H. Brsdwell. ; Rev. M. B. McLcndoii. ; Rev. A. Roberts.  Uoi-.; Rev. A. A. Hl(!, llora'. treasurer; Kcv. W. Bovd Lawrence; critic; Itcv. D. T. Bnbccck.  - Rev. H. C. Cai-swell. reporter. The new  will bp Installed In a special meeting to be announced In January The special auditing   its annual report showing activities ol ihc union lor the past year.</t>
  </si>
  <si>
    <t>                                           And Nugent came back into the room, shook his head to the anguished question in Craig's eyes and sent for Maud Chivery. When she came, looking horrible with great dark pockets around her eyes and her face the color of wax, he asked her about the decanter of...</t>
  </si>
  <si>
    <t>                                           ^. MURDERS TO NAZIS                 FOt A FEW BftW OATS these women and children of Belshira  rri.-cdom when the Yanks marched In and liberated their towns. Bat the Germans have come back- and here they tie dead, victim* of !~OJ torture and murder, according to a Signal Corp*  The * ,.:i-: l.,!:.-n at SUv^Iot,  the German       -         '                      . U. S. Signal Corps . .~            Savmigjttfl</t>
  </si>
  <si>
    <t>                                           Seven soldiers from Fort Benning, representing that many units, are much the happier this week as a result of their all-expense paid trip to Atlanta where they were royally entertained by the Servicemen's Center which provided a blind date for each of the GIs to...</t>
  </si>
  <si>
    <t>                                           Notice      Hollywood Studio .-it Decatur St.. docs nrt. sell coupon";, and is not responsible for redeeming any that mav lip purchased from anybody. Notify pollen department in ease any attempt Is made to sell coupons. NYAl IRON 2~?2 YEAST        Two well known ^"^Ir fonics, iron and dried brewer s yeast combined in one tablet bottle of 100'". 59C Edgewood Pharmacy 468 Edgffwood Avc, N. E.</t>
  </si>
  <si>
    <t>                                           CHECKING AND SAVINGS ACCOUNT SERVICE First National Bank ATLANTA CAPITAL SURPLUS  $10,000,000 Member Federal Dcpoilt Insurauca Corp. BUY DEFENSE SAVINGS BONDS Second Mt. Olive Baptist Church The Famous National Independent Quartet will render a program Sunday Night November 5, 1944. At 8:30 P. M. Adults 30c Children 25c Hcv. G. W. Jordan. Pastor</t>
  </si>
  <si>
    <t>                                           FRIEND HACK IV CONGRESS                 WASHINGTON. -A IHenS of, the-PEPC  former employe there, hi. once ngalu  In Con'KTP3S. He Is Kep.. Frank. Hook who until April 21. 1044. -hod been director-tor, region Pour.</t>
  </si>
  <si>
    <t>                                           When Common Headache, Muscle Aches, or Colds' painful miseries strike The first,  of millions at the l)  '.". .Indued as your doctor .-i very first ua mine of  head- :i:-] clinically no    ;j)irin can  pain,  pains do ? for you. No wonder Si. tir colds' (winful  is St. .   : ,\        i.i tin; world s Inrn.ln.= Aspirin. Von can count on iv-t i 'Her at )0c. Ami you ti-t Hie il:i friendly ii nl when   S Mn UK)      .-~t  for only . Ftriko. Vcs, it noes ri^lit. work to Cjnalily, :=l .lli imd           !  !                 ?cry. Wlii'ti cn.'ir.     thr^ makor.-;. Vou'll  .St. .lo.- Aspirin's pain liri l m-miim;, ?   .    = Aspirin relieving  ("apes ^or(:^M^..s cf 11 ;  at little cost.. You can t colds'      :it    .   .c-   fl. n^t i. r ., so why  pay Jofnpli Aspirin handy, Instantly more, l.. ready tg.   trou- lie cure il .St,         Aapiriu,</t>
  </si>
  <si>
    <t>                                           IT WAS TEN days later Mrs. Reynolds lay in bed propped up a little on pillows it seemed to hurt leas when she was that way or rather it didn't hurt at all. When Anne read to her she could He very still and feel quite at ease and happy. Anne was reading The Good...</t>
  </si>
  <si>
    <t>                                           'BOWELS SLUGGISH? PerOog lik- yna lost your      -dull-aJI  of  ? Why put up with constipation ? Chew modem -A-MINT, the  chewing- laxative. Chew -M1NT tonight at , taking only I0  with package directions. Next EncminR-.  relief, helping you fro!  *. MUltom relv oa FEEN-A: MINT. Chew-like your  sum. Tastep Jpod. Try FEEN-A-MINT-a whole  supply       only JO^. MbX Buy NEGRO Soldier I CHRISTMAS SEALS  HELP THE FIGHT On The Home Front. FLOOD Uie mails with tills appropriate memento to. our fighting men a^ home and abroad. Don't wait unlU the Yulctlde use them NOW because they arc fighting NOW for .total democracy on all shores regardless of racs. creed or color. Proceeds to NAACP. general budget lo carry on the tight, In order  .  shall net ia.ye  in i-a!c  OF- 100 *1.00 Buy Iroin  local Branch or N. A. A. P. 89 Fifth Avonuc New York 3, N.Y.</t>
  </si>
  <si>
    <t>                                           SIOW WHITE HAH? 1ER h-lpi overcome    appearance to highly   - ^^           ^ , * hair that mort yoot  b*       by  and          . I ^^^~t^^*^ and . IN. fouf-oy Hot    ,~ DRAMATIC SENSATION Or BROADWAY U^Wto S^^^^SB Wp. * loo*.      ,vff K0l,^-,~mpo. HW)A  oB ^Jl^^ i-^^SI^ rsity . too curty- mnn ing Anno , *e fmt wor)   3         n. -   3~^S*      brint"  of n- hair. of      to hit     York'i Broadway,"  K^^ Irak tar hair 'Satin Smooth" SNOW  jy . Mln Simra. b       proud or hw ~^1?     [~~4^^^~H WHITE HA1S BEAl/! ond     Ihot "profes-  hair. to all a^KK^ SNOW WHITE PRODUCTS CO., Lynchburg; Va.    ^v T*^Ty2 ^l^^l^-^^- ^^^^^^^^H_^n^~^^^H^^^^^^^^^^ ^^^m Hatton't "FavOftt*1* Sard ^^^i^^^^^^^^^HPB VH^^F^^Ml^^HPl^^^^BI^BHlHv t'0^**' Expert Mmkkm, 1 ^J I I I I ^K j I I I l^H DKvi^H ^.BB^^Bm^mb CMBi^BI^BlW? Soa*f Odd Conposar. p n P S A IB AT AH   t ^^^^^ 25c Plus</t>
  </si>
  <si>
    <t>                                           SEbVEST MORE m^  E^ER^TH^ SEASON                 .left, white washable doeskin ; center, . pique sewn gloves; tight, hand-sown glace .J Clones- those small but necessary accessories- are more glamorous than: ever this *year; TJwre are 'many new styles and colors as well as a variety of skins for every type of costume. Long gloves ere very popular this season. The white calling  gloves, left, for formal moments or afternoon tre  washable doeskin In six-button length. The glazed heaver coot and Heart-shaped hat an-  by six-button, pique sewn gloves, center;  the upon a ~?nat of red, brown una beige  ...A.-M       u.    whi.'h a red  la worn, adds six-. nand-sawn  gloves for the                 ;hand accessories. These glove* are all assigned Uy Kl.. (Internationil)                 M</t>
  </si>
  <si>
    <t>                                           Hi "GOODNIGHT SWEETHEART" Jlnh MviiiKston Klllh Trrry and "MURDER ON  WATERFRONT" .Tohii Loder ROYAL 'WILD f.ILl/ KI.l.lO  ''Cheyenne Wildcats" and LAUREL  nd  in "Beau Hunks"  MAN I AN  in "Black Mairic" und ROY ROGERS Is Tellow Rose of Texas" LINCOLN CEOKGli ItAI'T in "Ituvkgrounrl To Dancer"  "DICK TRACT vs. (."  EDW. G. ROBINSON' in 'Mr. Winkle Goes To War" "SPV ." STRAND FRIiU SCOT!' in Kiirhlinj; Deputy"  "MOJf ..K THE COAST GUARD"</t>
  </si>
  <si>
    <t>                                           Our First WAVE Sworn In                 The first woman to be sworn Into the Women's Reserve, under the Navy Department plan  by the President, for the acceptance of Negro women into the WAVES, was Miss Jean A. Freeman. 'J2. of Roxbury. Moss. She                 wns sworn into the service as an enlisted WAVE at 8 p. m. Monday November 13. by Captain \j. D. Causey, USN retired. Director of the Office of Naval Officer                 merit at Boston. Mass. iNni y Photo from OWI)</t>
  </si>
  <si>
    <t>                                           THE WEATHER Cloudy and cool; occasional  rain.</t>
  </si>
  <si>
    <t>                                           Sixth Army Group, France--Member of a Negro Quartermaster Service Company moving close behind the 7th Army Advance in Eastern France, work long hours in cold and rain to aid infantry truckers in getting vital supplies to combat men up front.</t>
  </si>
  <si>
    <t>                                           Remove slur against fighting ability of 92NiH</t>
  </si>
  <si>
    <t>                                           IN DOUBLE BIRTHDAY Pfc. Anderson Tucker, top. and Mrs. Lucilc Tucker Downer, the son and daughter of Mr. and Mrs. A. D. Tucker of Rockdale Park, whose birthday anniversaries occur together, Pfc. Tucker observed his 20th birthday on last Thursday, Marcn 15. overseas somewhere in Oermany. while his sister. Mrs. Lucile Tucker Downer, who resides at 416 Elm Street. Atlanta. celebrated her birthday also on Thursday. Pfc. Tucker was inducted into the service June, 1943, and has been overseas a year. His sis- 1 tor nnd oilier relatives and friends join in wishing him many happy returns of the season and pray for him a safe and early return home.</t>
  </si>
  <si>
    <t>                                           I. : PriVUtC Firj.1. Class Calvin M. Jones, the son or Mr. :  ] Mrs. Claude Jones 'and husband ol Mrs. Frances Jones of 397 Peters Street, Apartment 09. Private Fire! Class Jones Is the l.-. of little Edward Allan Jones age four: and little daughter, Annette Jones, age 17 months. He is Rationed overseas  in Belgium ami celebrated his birthday anniversary last Thursday, January 25. Private First Jones lias niver yet seen their little 17 month-old daughter. He has been overseas since December, 1943. His many friends join his family mid .T relatives in extending to him -   on his !:iy  ami to wish hini an \uh-  .</t>
  </si>
  <si>
    <t>                                           Funeral Notices                 BIVINS. Rev. William Grant The Wends and relatives of Mrs. Rossle P. Bivlns, Atlanta; Mrs. Irane Jones and Mr. James W. Blvins. Boston, Mass.; Mrs. Leila Stokes, Grlffln. Qa.; Mr.' Willie G. Pitts. 'Savannah. Ga.; Mr. and Mrs. Harper. Atlanta: Mr. 'and Mrs. Silas Bivlns, Atlanta; Mr. and Mrs. William Chappel. Atlanta; Mr. and Mrs. Joe Coleman. Sr.. Grlftln, Go.: Mr. Lee Coleman, Jr., Army; Mrs. Vandella Blvins, Mrs. Splnola Smith, Mr. and Mrs. Roscoe Prothro. all of Atlanta; Rev. C. W. Prothro and family, of Sylyanla, Ga.; Mrs. Geneva Haugnbrooks, Atlanta; Mr. Leo White. Atlanta, are invited to attend the funeral of . William Grant Blvins Friday morning, January 19. at 10 o clock at Greater Mt. Vernon Baptist church, nev.' J. T. Dorsey and others officiating; and Shiloh Baptist church, Jonesboro, Ga., at 12:30 p. m.. Rev. E. M. Johnson and others officiating. Interment In City cemetery, Grlflln. Ga. MurdauKh                 Brothers. COPPAGE. Mrs. Lizzie..- of 425 Windsor Street, S. W.,  a local hospital January 16 Funeral  later. Murdnugh Bros.</t>
  </si>
  <si>
    <t>                                           Dr. THOMAS' FORMULA For LEG SORES Just think! The very first application Dr. Thomas' Ointment- a doctor s formula  quick palliative relief to old lee ores Um are Iwrd to heal, It's a, wonderfully  medicated ! Successfully used by Dr. Thomas in    own practice for many years. Will not In- I         with your tidily work. Don't delay -Order a jar of Dr. Thomas' Omtment I to-day. Senl In pl.im wrapper by return mall. Moo-y : if not . KHO NO . Pay postman J1.00            . Or  SI. axid we pay postage. Glenn  Co, Hoftokes. N. J. . s-K BOWELS SLUGGISH?. Prelim; H*- y*t taU         * rri*od* I.**     fty-   all bH-tUM1 of   bow* eU? Why put with               ^tvf Ch-w mod^n. -MINT. Uw    - ^            tM-w*  -~wn      #. Ch^w KRENA-MINT toot(ht at b-^e.         10   r,lb     *~ 4.     wm*mn- ^t). c^ntli* r*U*f. h^ CmI    Mn.    titans r*1v on PKtN-. Ch^w J:    * Kum! TWtAw rml. Try KF.KN-\ MTNT-  CwaO^ Mipply coat*</t>
  </si>
  <si>
    <t>                                           We make Loans as Low as $15 on Any Make Automobile, j walnut finance co. IM'/j Ponchtreo SU N.W.</t>
  </si>
  <si>
    <t>                                           3 wTu^irW?^Emar\Wmm BEEF o^H^,   CREAM '0' 1 1C J i  w\l V 1 \\nnr  l HI h. T ^ec _^ff^FC 3 tH Ml ^Agir^r' white   No'2 i*** 7 K    \i f.URN YOURS IN TODAY1 A points ^R 1 l*A^AaHl^Hr 4r .Miiy PEACH "tsss? 'a 23   jf^SrH MARGARINE v^r- a 17' jKS PRUNES   ?~ 26C$ Jl EGGS SPAGHETTI ~= ^c ^UgSSSSE VAN CAMP P-r 12    I6 A3^ SPAeHETTI 32 APPLE JUICE- 21*! 5 ^^mt^^^^^ "HILLIr^ beef soup c- 14      ;ia     .  te-  }~ ^b  BEANS 23C ^'r RELISH %8SL ~;^20et I ;S^h?5;^ SPAGHETTI w^r 9c u"NAl$E I MAZDA rf S, jy* I 3^20- "^AKE'Scii. aa...~^i J MEATS OF MERIT SUPER-SUDS  * Pk9 13C label label J Mcd. P!;g. Lorgc Pkg. /^ Colon.ol HO-  f CC COFFE* COFFEE PORK LOIN OR RIB END 9lAc 23C vMl^ur . BOu,ei*~ 2 b^49c 2 ^41C O/^A^T ^%i%^ 3f *^i= =T  C        I AC ^ === MTl 1 II ^% I 4 POINTS LB  CI 1C J octagon IVKAhTb per 10c syrup 15c Ov I 3 X4  SSEg1 ^"r:1!    -- =^32OCTAGON  dressing P,n, o/~c Kll't ^uc C^PAN  Type 2 33 7^2c NAVY BEANS li 19' SYR"P 3Oc  s., 40' J ocT^foN TOMATO ssc- r 7' JE.Lg=^2I0c T PIG LIVER  22C Tw BAKING ts? 'S22C Js%,Ji?NIL     ;u -s^r -Esja^ 2-9c DOG FOOD SJ 10c igc 79c STEAK ROAST ROAST I 0C2   " r^^n r-^^n r-T=K=n 33"~ 1 lb-  1^ - 1 I o2^!?; fe fel ^ . I GRANULATED SOAP 5-'-b5=? ,0-'.b. 25 SA 1 J W 1 -A J) 24^33. Plcg. 23 Lf^^rt^ I^E^^rt^ I to ^^-i      ^T* ^~h ^~P Poper *T-fe Mesh [J</t>
  </si>
  <si>
    <t>                                           Well, I was still shaky, my knees were unsteady. And I was so tired. Craig said then in a less terse way, "You'd better he down a minute, Miss Kcate. What about some brandy?"</t>
  </si>
  <si>
    <t>                                           Soldier Held In Miss. Jail; Killed Planter                 Jealousy Is Termed Motive For Slaying CLARKSDALE. Miss. 1ANP1 Cpl.     Arthur Casey. 2S. Is * held In an unnamed jail following his arrest in Helena. Ark., last week for the staying of Hal Parchman. 65--old white -planter, here, according to Sheriff W. D. Rasbcrry of Coahoma County. Mrs. Casey and her sister -worked on Parchman's plantation and he was bringing them home from town when the slaying occurred, reports say. When Parehman's car stuck In the mud. the two women went for help. When they returned. Cpl. Casey was 'there to meet them. While Sheriff Rasberry did not give a motive for the slapping, it is said that Casey ocean beating his wife for being: In the white man s car. Mrs. Casey fled and when Parchman interfered, Casey attacked him. Jealously- is-said  "" been the motive for Cpl. Casey's act, since he Is reported to have believed that Parchman  to be intimate with the women. The soldier was stationed at an army base In Man-land and was home on leave when the killing occurred. Hilda Simms Cited As One Of Nations1 Ten Leading Women NEW YORK CANPi Among 10   women cited for   tn 19-t* by Mademoiselle magazine, in it* January !     . Li Hilda Sbnms. 24 year ,old star of the Broadway hit. "Anna Lucaslra." With a  of arts decree to her credit, the article suited,  Miss Slm-'ns: "Klklj has (..--only  applauding fur the lush and moody quality of her beauty Hi well us t-,r the sensitive and elemental kind of  thai, she lends to her  of u girl on the Brooklyn waterfront." A Correction! The WORLD regrets that a line was  In the story appearing on the front, page of yesterday s issue reporting Mr. Prank McAllister's speech before a          at the Butler Street YMCA         . The quotation should have read: "But the Negro worker must Ret rid of his fear and distrust of the white workers and the white worker must get rid of his bias and opposition against The Negro."</t>
  </si>
  <si>
    <t>                                           L-f ^       ?l3M' Professional fln Up-to-date Hair-d6;in a Few Himrtes  g T)icy re the KagelLaLoadsFomp Bolls       JeSs let yoo make a real professional hair-do in do time at TiBIWhii  all- jost like you see in the latest fashion , 'VflgVBBcgsSr TodArtParfaFaahlonilsdlcalatbat their Wp.MWwWiprMd. ^}^^  ach. CHIGNON FimiidiiUcmUMlWmnrcre^MToacMl^rtr pf)MP Pftl LS  with mor own haE. JUST DRAW YOUBHAJft  KULkO THROUGH, cover  In . OmtnMmth. Sl.SO      .SPECIAL OFfEB- Both for Only S2.OO, ~*'~wer;Ii             .'     .          .OJ3,plb.       .tt75 MtTS"n SMndJwmplo of hair WltS your order. Both  nnr^l^te In:-  BlondciD Golden BViniio.       ).13Li^      .         .              La      . DcpC    OPomTiieB. SL5O Cask I BhK ^1 46OC*. M..       :         I ^^^y    CHliSao  i Ri. OP*$ZM I ^KS^^^W "~~ADDiras 1 CHIGNONS I "t      - I fl.OO Each L_ E       Artir . Color Pjtral 1 1 1 1  HA!!^^                      /^^s.      ^d ird you ll *       o(  ! tf^oe* //?^*s=^ALs=     'VNjN. ~.ih BMuiiful. Lotif. STR410HT-LOOK' It ^      ^j?         }- y\ ING Htir are attracted to each other, become 1 ll^Wtf ?^jj )I( V-'T jlw^ll I. the  popular In th*ir  rowd *wj ret if*L \-9L \H5to^^^5^ *)?J/A v1t'(* *ut m0   - P"1'1 or held bark by .     ^~U^T^Efi V^ja^^/j3 '0'iRh. . kinky Hair  is Ivid-Iookinr. WKt-v^^^^^^^al^ JusL mt(ie Ihu. * trst. Get a of BSsJlliV-S^^  GtORGIA  HAIR ORESSii' ^EN          ING POMADE a( your   .    . KMraSr'^ GeOTtfiaRjfcWWjBa  Vrimpy hair Irmporanly Uy      ''^/^"^fS fe^^eSf -LOOKINe, slick and smooth. j' XSbMT ^^1^       ' c"*" P"1*      red or iV XK9(    ^$frD0)f9@r       In any manner. So don l wait Get a "S^SsSjSSSS^^^' rf ="~'     of   BROWN R;: ^^^-gJ-^S-^f^ff Htia       :  ! ~-:-iir!;,   -^ty;:^a:'J-;. v</t>
  </si>
  <si>
    <t>                                           ~'umL LONG, SMOOTH HAIR '    ATTRACTS MEN! JHreSWffl 1)0 jT ~.m thr lo,,K. ~,rt. do.., hair Ihtl    'i^Jj  nd        you hnn Hi.           ta'       4JA   calp Qinlmcnts? JWl READ WHAT USERS SAYI  ',I1 tKn!or er'        breaking off and  tIKE ~/T.:....  "'WO- COSTf 3L\D,V3IE -. J)   .     . Bar U, Station J..NmrVorit'.S7,-.N.-r.         U3JJA.V. UnU       M,"8 '^^5~~,   3.V^ ~"d m*      i  of imr  e.lp OlnllMat. If I am.BotrftUchUd 7x1  IU I JO V 4Dc)    S2. YOU oir       . K^^^^?.^^V^B^^I }D     COD. f  1tl pty  1)  peKan. iK^^^^^Vfl [THmm        mid  )_ IHiAMIMBbI</t>
  </si>
  <si>
    <t>                                           NegroDemocratMayBeNew j Mass. Council Secretary j                 Boston  ANP) It Is expected I that a Negro Democrat may become the executive secretary of  Governor's council I as u result of the elo-tlon which Rives Uie. Council a five to four Democratic  when Gover- I cor Maurice Tobln  office iii j                 January.     job has been held by Nepro Republicans since 1924. and the position, which pays $4,500 h year. is now held by Joseph S. Mitchell of Boston. Mitchell succeeded Wtl11am L. Reed following the- tatter s death in 1943. Reed was the .son or a  who became a lawyer after studying in the  of the late Charles J. Innes. Be held the position from 1934 to 1943 being appointed by former Governor Channine H. Cox. Prom 188-i to 1943 there were three Incumbent* In the 49 year period. The holder of the position                 has no fixed term, but .verves at the pleasure of thp governor and council. Governor-elect Tobln b j reported to have a candidate lor I Mitchell's Job and it r*'tnts to Assbtaul Corporation Counsel Jcilin i H. Louden. 37. of Boston. The politics of the situation requires that the new Democratic  i and council appoint a Neiro. since members of that race  held the j position, since 1934 under Repuhli- i can councils, and the secretary should be a lawyer. Louden was          by Tobtti to the city s legal department in 1941 and was active in his gubernatorial campaign. Louden finished Howard University and finished I Boston University Law School in I 1934 Rnd is married. Mitchell gradu-  from Talladega College In 1913 and Boston University Law School. I He is S3. married, and has     children, including a son now in j the Army and n daughter who  from Talladega this year. Prior to becoming executive - tary is 1943. MtchcU was a member of the state parole board from 1939 I to 1943.</t>
  </si>
  <si>
    <t>                                           Boston -- (ANP) -- It is expected that a Negro Democrat may become the executive secretary of the Massachusetts Governors council as a result of the election which Moves the Council a five to four Democratic majority when Governor Maurice Tobin takes office in...</t>
  </si>
  <si>
    <t>                                           COUGH/ Soothe irritated  wilh ELL-DEE CREOSOTED EMULSION it s so-o-o soothing lo irritated membranes. Offers prompt relief from annoying coughs. Get a bottle "at ; .'.'MAY S '1 ^WtfAilE' DEAL 'I i and c.     qo od Drug Stores .1</t>
  </si>
  <si>
    <t>                                           Foday's Pattern MARIAN MAIlTlN Till slim Irc-nt  of this frock. Paltcri: . provides / l-    :' everv typo ul  as !)ct:       4 l.i size 48 as 1.0 !2. l- n::31. si/cs ;2. 14. Ifi. Ii'. 20: :m. :~.2. :h x. :~8. -i1.'. 42. "ii. 'i'!.  JB. Sizi1 S6. 2 1-:: yes s5-in. 1 yds. . Easy for beginner!:. Tliis  in. I.os2t- wli.li n  k p:l( for ]H'rson:il /ir '-.- . TWENTY CUNTS. Sim! TWENTY CENTt; in coin* lev l.hnsc ~);-ins in ATI, ANT, l^/MLY WOKl.L) Piitirni Oc\r '.~32 W-si iS[h 'c^t. New York 1'. K Y. Prii-.t plainly SI'^E. NAMI-l ADDRESS. STYLE NUMBER. .il ST OUT. 'Send Pilu.-C!i CenUs i !   .r our Marian iV artin Sprini; Hnttcm Bi"ok! E:u5y-to-m;;ke clothes Tor all. PRES Blouse Pal tern printed  in the- bool:. Send NOW.</t>
  </si>
  <si>
    <t>                                           Scorned 'Rear-Echelon9 Cowboys Proud Of Jobs                 Perform Dangerous Tasks Of Delivering Powder To The Front                 SOMEWHERE IN FRANCE (ANP) There's been a helluva- lot of  lately about "rear echelon cowboys" who allegedly enjoy the comparative ease of a back, ln-the-states garrison setup.                 Originally the sobriquet was leveled at QK truck drivers, those racy, daring patriots who deliver the stuff that creeks holes In the SDlgfrled defense wall. By popular conception, however, the 626th Ordnncc Ammunition Co. could be  by the slurring . The ammo huskies want it known that the guys--thc-guys-be- i hind- tlic-gun don't lead a - j oui Juudlc existence. All SOS units urc In there pitching, they claim, and axe exposed to Identical life or i                 risks. If the e'.tSUi in typical, and we re vociferously told It Is. the record is u glowing military rent. Since U-Dny phLs 30 the 6 RH hus handled an average of 800 tons of ammo each day. the ordinary quota being set by higher headquarters at 500 per: operated four forward ASPs supplying units of Lt. Gen. I George S. Pattern's smashing 3rd army; and run nine different other ASPs on a 24-hour basis. Besides on lour occasions the company has operated both ASPs and Important railheads simultaneously with enly normal company strength. Meanwhile it hus also lent assistance to sister ammo companies, mid its personnel bus been                 i urt.ivi: in :      (Siunum soli  disguised mk civilian:, behind j tno lines. AS. li usl  ul II*  !iu\c Sei'n  for i:omb;il ^Uvrs. The whole company lias been  exposed to .   uud   certain death when one urea was bombed off the mnp. by luckily having moved out. just hours before. Not since hitting the French benches has, the outfit been Idle a dny. Like front line troops  bazookas and carbines, this unit .~ and works through sloppy mud, Icy sleet, winter rains, nnd frosty snow, on the ground. They are not In the highly touted  cf day Farec. They're quick to admit they re "near echelon cowboys" but damn proud und Loastful or the Uowb they re heaving  tlie knock- j i out of the Wefan-. I</t>
  </si>
  <si>
    <t>                                           SOMEWHERE IN FRANCE -- (ANP) -- There's been a helluvalot of griping lately about "rear echelon cowboys" who allegedly enjoy the comparative ease of a back-in-the-states garrison setup.</t>
  </si>
  <si>
    <t>                                           LOANS TO SERVICEMEN S WIVES For     Betwees I ALLOTMENTS See Us for Quick Service WALN17 FINANCE CO Madame Rose       Who' Mrri-: 1* M W.'vj U^B             ,   nut) Iff %!!! .., Hn.l P^H^^^^ h r*rtt f   ' B^H^^^^i ft#~  ,   ***~rn .  4   ^T i  i.i.~ i.*  m t-.~i I... t. ..f   il        ^^^k/            in I** M  ^ ti.- .11 fin.! t.*~         n ri f- I- ^~*rt mmI m L 1 linn t^             im ii. WMl Huttflt Mill ItAMtl-        . M*~   r^ Im    ^ ft*" ~^   -Hmm^II Mill K4    *^r  U.V ml ~~~*~r.   ^*U Milt To.ii-,; r#~~*(  r</t>
  </si>
  <si>
    <t>                                           URC1ED AS COLLEGE HfeAP Profl- "W. H. Pipes, of    - faculty "I Southern University. Scotlundvillc} ta a Doctor of Philosophy and In a t i v c Miilssipplnn whose  ns President of Alcora CoIIckc    being widely urged and supported by friends of thf Institution throughout the state.</t>
  </si>
  <si>
    <t>                                           MYSTIC LOVE DROPS  .~.\ .I-i WIN THE O.VK VOl' LOVE Ins* cite        of Oil* . KfitnI'lrithi-  cull put tt BKU ; SPl;tj, nvi*r Ihe one jdu , who rnt.'t    ikj  brine !l.n lM._THK KEY TO . MOM V. I.UCK.  I .       .il drops  lu ln you MAKK A Mil- IX TlfK U.I.VK OK J.IFB AND I.  \r NOIItKRS          t^II      I. -'vc Jm-^ii. VoU'rf -nr'  i,(,,v ii Bl(; 1.I,. ,     l-'KK.l: . U1     to us..       ln lov*. STsNI) ~'   Mlivr.v: Full ll f bottle ~-llt In    \-    1          . I'liy  ml   UHi-  , or wild only S1.IHI !~     vv  iii.v IMklluri'.- Dno      :i: If Iv.i. .mli ml. MOSKl' HACK (il'.:~:. VKI.MO TO.. ai    t 4,-ilh Str.-rl.    -(.~. CtT-ZO. N. V. (lly.</t>
  </si>
  <si>
    <t>                                           Secret Love Powder MAGNETIC LIKE  TO WIN THE ONE YOU LOVE Try thU inra lo powder treatment fot JUS?      NIGHT   It ft I1     roar  one to  under u UKniTCUINO 81'KM. .    by  VO.V . 1'OmiKK. You mar Ixi  u  at the GOOD  too will \TLS \t rou KNOW HOW to like thU powder. Vnn'll BI.KfiS  I.I70KT HiU mi rct Ihla. If. like DKK.IM COMf TRCK. AL.SO  PRItKONAL UlKKCriO.NS ho.T in Ih1     win SEMI NO  rull  lie little  In 8  . I'ur  an deliver/ DUO       or ~(lid F1.0O aud    Imy . One        U 1          . 5    :h . TKI.MO CO.. n*  \. TO 37. 31 W. mill Si reel. N. Y. C. j I Beware Coughs I from common colds That Hang On Creomulsion relieves promptly because II.  rlt l.t to the seat of the trouble to help loosen unil expel t erm laden , and aid nature w soothe and heal raw, tender,  bronchial mucous . Tell your druggist to sell you a bottle of Creomiilslon with the  you must like the way It quickly allays the cough or you are to have  our money back. I  for Coughs. ChestColds. Bronchitis  Black-Draught Is u-; 'I J. Usually prompt ly 2-Usunlly thorough h': A 3-Always economical</t>
  </si>
  <si>
    <t>                                           AT  ffi Or. FRED Palmer's IIbHS mui this Anuimc 7 DAY TESTI A .      Ingr. In Or.  Polmtf'i  SKIN         ond   that i too dark tonn*d, , nod* coon* ami blotch? by Mtarnol .     you            Ihtl      . Gat a 25c     from Ihf . Apply I01I0M di/.a.d. U.. 7     , than H       .of         . YOUR MONEY BACK. Try, too. Or.  f 0 /~ii/  --i Skin OWTofil      ond yon;,).,n0 Cmm. 35c.  CO, BOX 3M. ,</t>
  </si>
  <si>
    <t>                                           MARRIAGE ANNOUNCED Mr. mid Mrs. I. M. Mathis, of Buena Vista, Ca., announce the marriage of their daughter, Miss Annie Porter, to Mr. Bruncll Barker Thursday, March 1. Mrs. Barker Is an ! of the Pilgrim Health nnd Ule Insurance Company. Mr. Baiki'r Is an employee uf the Allunlu Terminal and is - willi      Mlar Ciib C'Diniuiiiy,</t>
  </si>
  <si>
    <t>                                           *SOWELS SLUGGISH?. Pt-Ving lit*       yo.ir b*tl .rri*~id l-^adac ty-.- kll in"- no.* of *              / Why put up with   tu*~~ry? Oi*w      ^n KEEN-A-MINT.      - *Uvr*. Ch*v* FEF.NA-MfNT  at h*-~Itit^r, taking only in            wie. * dire^-. N^xi -, gentle relief, helping .    1  again. Millions r*ly on -. Chew like your  Rum. Tbite* Kood. Try FEEN-A-MINT-n - family  cotu only 10~.</t>
  </si>
  <si>
    <t>                                           The discussion on the effects of the Dumbarton Oaks conference upon the destinies of Negroes must give way this week to several excerpts from a letter a prominent white attorney wrote Governor Ransome Williams concerning the proposed appropriation for...</t>
  </si>
  <si>
    <t>                                           MADAM MINGY A C.nom. Pain;., ,nJ T_,. SOc Compl-t. Rr.din,. 50. Adriter i B ^BS w';       "Jtitj ~.T. Bigf*yg   "tion w;j  SBhS ~~-crrt d, HuffS *'r" *nd  ft/'K"! fail-rc  on al ^     *f.'itT3 of life, tea     ,                , bu^ort*. io      bo  wbat ;    pi       nay bo. Slop              * your lock. Cain           ,     want most in life. Se. h- tods, as this special low  nmy not be   0        2    *Bca ten        in Al     MADAM MlNGyi I           to you that ao  i reading or faster  can b. j obtained at any pric*, anywhere Readias* Daily   Sunday a. as. t3 10 p. as. 6S2 Me Doaavga    , *     from Frver I al PriMa. Tak. Pryor        Prbon     to  nJ of    . Look (or      Sir*</t>
  </si>
  <si>
    <t>                                           I"T Easter. Values' in HIGH S BASEMENT j Y0UN6 MEN '^P^^^ j^ Y0UNS LADIES WOOL SUITS  //Jr8T ^P I I FSfcS far SL^t^d^-fc  S^^~S p":=ts: d0/saE?d solids   . one aad- two- I J*to itT"' C^*' te^_a^"?^- 8 '^B ^^^8M ^8^ StreS.3!          13  H( Dress  in  bins or (sit "2T ^m a I ~^V^?^v IB Iff- -?     ill J - Mrir. in blue, -reen, BOV5' WEAR Ll           *$$$?%{! and brown . 6 14.  S  'm$ Pm%      ^~~l i I ^^^^K- UgM spring eaters! Fa? AH-Qeeaa'on Weer, .^''l i I ^^^BOYS' HflTS SpR!N0        \M^p 1 I\ Right for year-round ucor. Classic I W ^S ,{)'~'     -^_-i'' style mixed fe!   in blue, brown, tan.       '1 The kind of coat that goes well 1 I Wool. CoHon. Raye'i Mix!  1 iii^^^^w      T^f'"/ i e^ry*^; ''I   Woo! shet ands m classic "boy"  rM ~~~=~ A.n.n- nw.^^.  i^#^^1S a-"d Chesterfield styles. Nicely .'J: w%$s\9  WfE# b!           powder       aad V -J': Just the right weight for this kind    '-'i-f . 'Nicely  aad finished. **3          $F' CCAT* -V. MfB; Blue, (an, brown, and gray. 26 to 36. ^^""MJtjyjjBf       ':;i,'-7'B;:;</t>
  </si>
  <si>
    <t>                                           Atlanta's WSB Fails To Carry Press Efroadcasf                 Explanations As To Reason Are Extremely Vague                 I While the res', nf 1 he nation Sai-  afternoon was  to a  program via \t\c National Broadcasting network  the I18th  of the Npgro press, the (nice listener audience ot WSB. the Atlanta Journal's station in Atlanta, whether they      It or                 not. hnd to be satisfied witn c. set. of ancient recordings Interspersed with patent medicine commercials. The  fit WSB. which calls :lf the 'voic" of the South' to cniT.v the program might not have proved so disappointing h:;(l not officials a week before  r. ancc that the broadcast would be carried. REASON XOT CLEAR .last why the program wa.- not aired over the local NBC outlet is still not clear to many thousands of Atlantans. v:ho through this newspaper had been advised to tune in. Three versions were Hivcn reporters who called the WSB studios Saturday afternoon. The firs-, inquiry brought the ter.-e           that the program had been cut off by WSB. Another call revealed that "WSB wanted to cany the program, but it was not sent out by the National Broadcasting Co., and we simply hnd to fill In with records." HEARD IT ELSEWirERF. This second  was found not to have been true, since many Atlantans owning stronger sets were able to tune In NBC stations at Birmingham. Jacksonville. Nashville and in other southern cities where operators of radio .i are not so squeamish about carrying programs about Negroes of n laudatory nature The third and final explanation came from Mark Tolsnn. program manager of WSB. who admitted that he wns being hnn-issed by a (Continued on pace 8. col. 5)                 Atlanta's WSB (Continued from Page 1) large number of callers seeking tho reason why tho program was not broadcast locally. "It was just un error." sa'.il Mr. Tolson, "Thn program was never scheduled. We bad madia previous committment to broadcast a program for the Atlanta Youth Rally at l:4fi o clock  we simply novel" intended carrying the Negro Newspaper Publishers" Association broadcast." TOLSON  BACK '"But," reporters countered, "the I printed advance program you sent t.ut and . of your own staff had assured us that it  be carried." "I can t help that," retorted Mr. Tolson. a Flight acid tcne ; in his voice. "It was Ju.st an error." "But whose error was it?' persisted ihc reporter. "I don't ," snapped Mr. Tolson, " if I did I wouldn't tell you." The sound of the receiver casing back on the book was heard. I Radios tuned to WSB continued [to listen to records. But owners of sets  I enough to cune outside or Atlanta j were well rewarded for their efforts. They heard a brilliant proam featuring messages from presdent Roosevelt. Cieneral M a ci Arthur, Admiral Nlmltz, Jack Bcni ny and Rochester, Laone! Hampton, War Correspondents John Jordan -~nd Enoch Waters speaking from 'he Mediterranean and Mid Pacific war theatres, and a dramatization of the heroism of one Sgt. Waverly B. Woodson "above and beyond the call or duty" ; tho D-Day  on the Normandy beach. It was a great program. It was a democratic and American program. It was a pity that Atlanta, the community, who needs the  ion it , It was not allowed hear It.</t>
  </si>
  <si>
    <t>                                           While the rest of the nation Saturday afternoon was listening, to a stirring program via the National Broadcasting network hailing the 118th anniversary of the Negro press, the huge listener audience of WSB, the Atlanta Journal's station in Atlanta, whether they liked it or...</t>
  </si>
  <si>
    <t>                                           Save On Your Easter Needs At GRANT S D i-'t I Ui e' ^        Queen Anne Lace Hose ^^S  Special Purchase. After this1  i^bk. there will be no more for - ^^^           . ration. Slight irregulars. In col^^^^^^^fek^ ors of Burnt Sugar, Sherry and ^^p^S^^^^ Burgundy. If first quality our R fills,' M@W SuitS GOOD LOOKING tBB Non-Rationed  4        "-up"  straps Pretry style in shiny black  JfrSbortster Dress Suits A 6% Popular cro";~~r Jg JytiLg style design. Wear-tested soles. 1254-3. .Wool check or plaid long-        lulls in port ^F\ Jr^^St t .l l-^ i ll j i .,,- wool co.     .     . M.* MTM''- ,he e.llc l! UJed  or  JIne il..vtj Q no  on, , brown, q ^^~W^^T' .y this dainty "dress-up"  strop iqn: .^~Jo_l 2. OtjO Sltci 6 le 12. O.7O -.^v dol. I2H-3.' W. T. GRANT CO. 82 Whitehall street Save On Your Easter Needs At GRANT S D i-'t I Ui e' ^        Queen Anne Lace Hose ^^S  Special Purchase. After this1  i^bk. there will be no more for - ^^^           . ration. Slight irregulars. In col^^^^^^^fek^ ors of Burnt Sugar, Sherry and ^^p^S^^^^ Burgundy. If first quality our R fills,' M@W SuitS GOOD LOOKING tBB Non-Rationed  4        "-up"  straps Pretry style in shiny black  JfrSbortster Dress Suits A 6% Popular cro";~~r Jg JytiLg style design. Wear-tested soles. 1254-3. .Wool check or plaid long-        lulls in port ^F\ Jr^^St t .l l-^ i ll j i .,,- wool co.     .     . M.* MTM''- ,he e.llc l! UJed  or  JIne il..vtj Q no  on, , brown, q ^^~W^^T' .y this dainty "dress-up"  strop iqn: .^~Jo_l 2. OtjO Sltci 6 le 12. O.7O -.^v dol. I2H-3.' W. T. GRANT CO. 82 Whitehall street</t>
  </si>
  <si>
    <t>                                           THE A. C. DAILY CLUE will hold its third anniversary Jan.28 at West Mitchell street, C. M. E. Church at 8 o'clock, Mrs. Barker, reporter.</t>
  </si>
  <si>
    <t>                                           NO MORE GRAY. DULL OR FADED HAIR USE Jess/e Kare's IMPROVED HAIR DYE LOOK YOUNG? 4 (If] AND BEAUTIFUL*  UU IT WONT WASH OUT OR RUB OUT. VERY SIMPLE TO USE : l/SE OHir AS DlteCTCO OH LABEL SEND NO MONEY. PAT POST MAN SI. 00 plus . ea .      order today. Svtltlactlon or monty  JESSIE KARE BEAUTY PRODUCTS CO. 107 fifth A**.,     York City (~0S)</t>
  </si>
  <si>
    <t>                                           Posse Kills j Jailer Killer                 LaGRANGE, Gu.- (S N Si- Rub- ert Lcc, who allegedly  as-  Jailer Arthur Hnrrls and escaped Irom Troup county jail Tuesday, was shot and killed Friday by members ol n posse seeking him near Rock Mills, Ala. He was reported lo have admitted Uiu crime</t>
  </si>
  <si>
    <t>                                           Report Confession To Heinz Slaying                 After several hours of grilling by DeKull) County Police Chirr Loo Nahllk nnd other police officers, Horace; Blnloct. 30 ,of 1986. Simpson road, is -reported to  confessed Thursday afternoon lo the killing or Henry C. Helnz.  Atlunto banker, on the night of                 September 28. 1943, In the home of the slain man on Ponce dc Loon Avenue. Police officers to whom the confession Is  to have been stated thai Blnlock's confession to the killing was contained In n full statement, written In his own  In the presence of his wife and three  children, 11 girl 8, n boy 7, nnd another baby girl., 3. Officers added that Blatnck Informed them that he had thrown the revolver used In the slaying In the Chattahoochcc River from n bridge between this city nnd Marietta, nnd that he was to have taken tr.^m to the place where the gun was thrown later Thursday. WIDOW PICKS .niM Early In the day Thursday, police                 reported that Mrs. Henry C. Hclnz, widow of the slain banker. Is said to  picked Blalock from a lineup of eight men us the man she saw grappling with her husband when the latter was shot to death. On being questioned shortly after the killing, police Investigating then stated that she" described "the man struggling with her husband in the library of their home as being "either a white man or a - Neero." It was  stated several days after the killing that the slayer wore n handkerchief over  nf his fare as n nifl.sk. On learning of the confession by Blalock Thursday In the presence of Ills wife and children, the World dispatched a reporter to the Dlulock home for an Interview with Mrs. Blalock, who informed him that police officers had taken them to Fulton Tower where Blalock was taken after he had been suspected of the Heinz murder. She stated that she was permitted to talk with her husband and that he informed her he had. done the killing. Mrs. Blalock further told the reporter .that her husband was .permitted to talk with her In a prl(Conilnned on pare 6, col. 7)                 Report Confession (Cooilased From Page 1) vote room In ,the Tower, read the confession, written In his own In the presence of herself and the children and the officers. Fulton County police Chief C. H. Mllllaas, stated also Thursday that fingerprints of Blnlock had been officially declared the same us the fingerprint found on the Venetian blind of the window through which the murderer entered the home the night of the slaying. The final decision on the fingerprint comparison, the county chief said, was made by the Federal Bureau of Investigation In Washington. Fingerprint experts of the Fulton county police force and the Atlanta police Identification bureau, sold earlier this week that, the prints had many similar characteristics. FBI REPORTS It was staled by Chief MUlams j that u telegram to him from J. Edgar Hoover. FBI Chief, answered the long awaited question firmly In this manner. "Latent (print) Identical with print ol suspect Horace Blaclock." Thus a single fingerprint left oti the Venetian blind of the Helnz home and found by S. E. Vemoy. of the city police department, hart placed a confessed burglar oA. the scene of the . Alter  of the message from Hoover. II. was learned I hat Mlllans went to Fulton Tower, and again                 questioned the suspect, Blalock was arrested more than n week ago by county police after  an Atlanta lawyer s home. County officers, It was stated, then noticed thul he fit the description of the Helnz killer, whom Mrs. Helnz reported she saw struggling Kith her husband before he  shot to death.</t>
  </si>
  <si>
    <t>                                           After several hours of grilling by DeKalb County Police Chief Leo ... and other police officers, Horace; Blalock, 30 of 1986 Simpson road, is reported to have confessed Thursday afternoon to the killing of Henry C. Heinz, wealthy Atlanta banker, on the night of...</t>
  </si>
  <si>
    <t>                                           HAIR SCALP TREATMENT *--i-* USE THIS M SPECIAL W   \ OFFER 9BI  4Sl a CUM *J,  niw-  4  JAIt Oil 45c  Sill. JI.95 :N0 MORE ~~;?~{? hV",~. No Money! ^/-Tj^   JENOrOW ORDfR TO04Y SATISFACTION OUADANTliO Jessie Kare Beauty Products Co. M7 llh Av..(Rm.~03) N.w Ysrk City</t>
  </si>
  <si>
    <t>                                           "Every morn I bring thee violets." you play hear grandma humming that old song some day when she feels particularly gay and happy. In her young days violets were the proper floral selection. Violets are sweet and modest, as girls were then. The best feller sent them at...</t>
  </si>
  <si>
    <t>                                           Notice Tlic Hollywood studio ;it Deciitiir St.. does not si ll coupons, and Is not responsible for redeeming any that mav be purchased from anybody. Notify police department In case any Ml tempt Is made to sell coupons.</t>
  </si>
  <si>
    <t>                                           FOR VARIOUS JOBS GOOD PEACETIME PROSPECTS Eud of Luelde=State Bus Line 15 Minutes Ride From Five Points APPLY U. S. Employment Office 191 Marietta Street, N. W. f 3 }. And Ask For VW- \mx% Atlantic Steel Co. Eepreseimtaflvc ^.-~-'::-:;i V-1 ^'rr*' ?~  0?0 tV, .,-,iJ-.,-.--^a^*J^--</t>
  </si>
  <si>
    <t>                                           SOUTHWEST PACIFIC Cpl. Janu-.s S. JGtin.sr,n. i known 10 Ma friends :   Chf-Pki Is Matioiu-il sunn- where In tin- Soulli Wusi Pacific, whu is  especially  on this, his third Christmas anniversary in the service, by a friend, who also, Is wishing for him a safe and speedy return home.                 i rfl XMa.s  f:~il. bar-  .1. Li.-ll. .ll. v. liu I.- Mulliiui'tl somewhere hi the South Pacilii:, Cflebriiiicl iiis I'uiirih Chrl..s in the -d -.s. Hi.s many Ailanta friends join his  and sisters in extending to him the richest blessings of the . and happiness during the New Year. Cpl. Bell resides with his brothers ami sisters, 2CB Green Street.                 IN  CiUlNRA PfL-. Joe V; Smith. 1 1 ii- liu. uf Mrs. filii L.' Smith, UGH Green Street and the nephi-w of Mis. Mandy I- of ^49 Baker Street, who spent tho Yuletldt Season somewhere overseas in New Guinea. Pfc. Smith has been in the service nearly two years and overseas since last June. Prie'nds tn Ailurua join witli hLs wife and other relatives in extending to him fcf.st wishes and Ki'iiulm: happiness for Ihe New Year.                 BIRTHDAY ANNIVERSARY Pfc. James H. Booker, the son of I Mrs. Ella Booker. 470 Kennedy j Street. Atlanta, will celebrate his list birthday \ tomorrow i January 1. somewhere overseas In j France. Pfc. Booker has been over- seas since April. 1944 and has been' In the armed service since April." 1942. His :nany  back home join with his mother and  -In wishing 'for hlM many' happy returns ol -his  cc- and pray  3 fe;      speedy return home.                 IN ARMY 13 MONTHS -Private First Class Guy W. Morrison is     01 i/nou- of service men serving his country m the war. Before enlisting he lived with his wife, Mrs. Lucilf Morrison al 803 Playlane Street, in this city. Private Morrison has been in the Army 13 months and has been sering in the Southwest Pacific. He is the son of Mrs. Rosa Wright of 170 Haygood Avenue     . His many friends here wish him an early return home- to his family.</t>
  </si>
  <si>
    <t>                                           H Atlanta      ^ World E^~N;^    ^JMte Published Every Morning Except Monday /f {$ New$,, 'VOLUME 17.  137 -ATLANTa (^(^TsUNDAY. JAM".\- 1 I RICE  CENTS</t>
  </si>
  <si>
    <t>                                           ""2 8 iL '^JOt*9 hair_ depends on a ^^^^S  condition!*; i              bk!      uid fceb  ae UffiW 'P^SgQTX Bms Scalp OfaXBKflt U oar mfc lor 7   7~. H too    oaN '^~Dl u Tour B*lr b     bad condition- and you ve triad everything-                oi  money back guarantee and see If  ;         new. treatment can do  some good. SEND NO MONEY. i  Pmr onI' tJu* delivery. Bemcmber you mun    i'*MvfiftS*29m  or it cost* you .- It may be wbat you nave beta ,v WjHMKff-^ VAttlAg  or atong time. Write today to: ::].        MADAM LILLIAN Dipt. 3  7     t* Station J WE PAT TAX New Tork ZJ, N. T. ""2 8 iL '^JOt*9 hair_ depends on a ^^^^S  condition!*; i              bk!      uid fceb  ae UffiW 'P^SgQTX Bms Scalp OfaXBKflt U oar mfc lor 7   7~. H too    oaN '^~Dl u Tour B*lr b     bad condition- and you ve triad everything-                oi  money back guarantee and see If  ;         new. treatment can do  some good. SEND NO MONEY. i  Pmr onI' tJu* delivery. Bemcmber you mun    i'*MvfiftS*29m  or it cost* you .- It may be wbat you nave beta ,v WjHMKff-^ VAttlAg  or atong time. Write today to: ::].        MADAM LILLIAN Dipt. 3  7     t* Station J WE PAT TAX New Tork ZJ, N. T.</t>
  </si>
  <si>
    <t>                                           'TOGETHER. RECENTLY K,;-. i: :B...Ovcru,n. S-3c. ana Ma:. J. =.:si-- i ;are,^Su.-\ IGycQon : scr-. :Vlcei.Majr;ll1,-'lS43.l tooled his; basic :        .;ln JSorldJc," Va  six: weeks .la Uie-^phia JRu1 -ISchooLaltenvards-      ^*.to^. last, July  u                  i i (...ViV :wi:nv sue . fen n wci/.cs v. iL,, ;ium before l:r -ii' d u, ;-.i-:i Cuty. On Dx. ^2, Ovi-rt'-n nau;ii.M io "Lfmy Beach Navy I!n:,rni:i). -iv hi- is          -.;t^ 'V1..11 ;i .'..'.'l! I a.H;inTil. .fli.s      .-i:    v. Imn I a spc-.-dy .</t>
  </si>
  <si>
    <t>                                           HjPfl ^'^9^ COLORS CRAY ^^iV^^^BK^ TtMPORARILY LOOK 10 TO 20 YEARS YOUNGER SHSKj^UtASB Don't worry any longer about GRAY HAIR that flE9_9^^^  ^I^              you look old or  out I n Love. Romance, or a BQ^^^EuSql^^^^HH food lib. Get a box of SLICK-BLACK, tbn NEW, ='   MKB nut amazing DISCOVERY that  your HAIR ISiBgDSWV.     \    3sPTl STRAIGHTEN  aad Imparts a JET BLACK It5SHIn9            COLOR to your HAIR at the earns time. Take yearn l^Js!!~!        /V olT your appearance. At Slaty, Look Forty. At Forty, [\SIflfl55555HHR5S2 Look Twenty. Just follow tbe direction! on tho box. WHL.* I        No mess: no funs; no bother; change Iron bottle hair-  4.  -~GSJ I If 3"li dye to SLICK-BLACK. BIO        A- Plin ^C?V?9 K***3r Buy      BOX PnlJ 5OC Ta" ^~i^W l^g^^^ USE THIS CAP      ^a^             ^TTrBBMaMai         ^a^a^a^a^a^^^l^^*TiViPfaT^l^lT5 r^   ^^~B^^^^^^^^^^^~bp*^*^^^B"^^*    ^         3arJ^H KM^^^H FITS HEAD LIKE A GLOVE ^Sb^b^b^b^b^B PRESSES HAIR IN PLACE ^I^^^^^^^^^IHH^^^H ^^^kw Bere'k the way' to train ~^^^~BJH^BHBVa^- your Hair and keep it ~^^Bw=\ -^^~^3b^b\ k- looking.   A^BT "^=. ^   *^"~a Juat  to bed JwfiW M -7flB Comb ! Halr.ln      "MOB^^VNi W^T  VjL vw ^v -M     c*p- w.hill;  h*'r ^B^VI l MfX nt itaya  mud ta plait. ^rV      Vt Pillow will not get       . II C^_J7          (.Thrnw V. ^^T/V ,    away your old  cap -MaHH^UaMl /^AritA aod get thin  Cap. ^fg^l*^5--^ J-SHtu^                  ~^KsHBa\lB^^n^B^~^t^3         combination. Keep' w^Rff^afs !] X"~r Hoir                 , g^S^tj^j^ f J^BlBM            . GET SLICK-BLACK and SLICK-BLACK CHN at ALL  STORES</t>
  </si>
  <si>
    <t>                                           The A. F. Herndon, Division of District Ten, Atlanta Area Council, Boy Scouts of America, made plans at their monthly meeting for a citywide celebration of the Boy Scouts' anniversary in Atlanta. This celebration will take ... March 25. At this time Scouts will honor...</t>
  </si>
  <si>
    <t>                                           IT HAS BEEN our good pleasure to have been the minister in the Mt Calvary Baptist Church, Commerce, Ga., a Church successfully pastored by Dr. J. R. Barnett, pastor, Butler Street Baptist Church, Atlanta, and moderator of the Jereul Missionary Baptist Association, for 22 years, and during our first year much good has been done.</t>
  </si>
  <si>
    <t>                                           I HIGH S I May 1945 Bring the Safe Return of Your Loved Ones L For over 64 years we have watched Atlantians ring the old year out and welcom* i I the new year )r\. For over 64 years we have served and worked with I Atlanta people. And never have we been so proud of being a part of Atlanta as in     i I year that is now drawing to a close. Proud of the gallant courage of th* L young men who can t be with us now because of "important business" in Europe I c the Pacific. And proud of their folks at home for the way they have j stuck to their jobs bought bonds given blood. We consider it a privilege to have served and to continue serving such a gallant people. I* Bay More War Bonds to Speed the Victory in 1945 Shop Today at High's for Things You Need n Iflk ^r Y our self Y our Home- Your Family... IV i ~\W$ Sfore Hours 10 A. M. to 6 P. M. ^^U i //^S Store Closed AH Day Saturday, December 30th ^IVM^ \    \-^ December 31st and January 1st to give our faithful employees -Ally ^  ^p- a well-deserved rest. Store opens again at 1 0 A. M. Tuesday. M^mj^ J. M. HIGH CO. 'M ;\I^U^WV^) FoP Ol'ep *4 YettrM on Whitehall Street' (^vA^-M^i.</t>
  </si>
  <si>
    <t>                                           I ^fiBI^^^^^^BBfiB   .</t>
  </si>
  <si>
    <t>                                           E,nr Me.*, C.     Mooili, Pibliohod Evarr Mornlnp, Except Monday, at 210 Aabara Memberi 3. H..S. N. N. P. A. N. P. EatabU.hed Aug. 8,. 1B28  Became Dally March 13, 1*31 W. A. Scan, II, Foundar.Piibli.her, Aor. 5, 1928 to    . 7, 1SS4 TclepboDaa: Walnut 14S9 1460 EateraaV tai Poat Office at Atlanta (3), Ca^ aa .second  mail under the Act of Congreit, March 13, 187* C A.' SCOTT Editor and General Manager CLIFF MACKAY Managing Edhor Dallyi 1 Yar,  S.25  6 Month., (5.00) 3 Month*, 83.00 Saturday Only: 1 Year, $3.50  6 Monthi, *2.00 Cuadai I Yr. *4.S0  8 Mod. *2.7S, Foreign; 1 Yr. SS.M THE ATLANTA DAILY WORLD i. an independent new.. ,' non- and oon-parti.an, printing new. ab.   and   thing, it  to be to tha interact of it* reader* and  tho.e things *t the  ef U* . Addrei* ALL COMMUNICATIONS to and make CHECKS pay able to -ATLANTA DAILY WORLD, rather than to .</t>
  </si>
  <si>
    <t>                                           Special $1.00 Reading for 25c Your Ircky days and months   Free. yPg- Eva HlJtel' SHE GIVES               AND YOU 1^^* E ^K J\ .TS Boh. F H'SVorWi treate*!.   SBkJL' M:~ 7oo consult .all, otb* "*m*^""" coom nitb.   Inni lo MiJmi      nod nns dial  all. If you baTe  with  or wife .or Luck, be. sure and OOD10 at once. Ottlcn hoani p a* m. lo in m. DaUjr  nd Huojaj. 1018 W. UsrirttA HI.. N.  T.. AlUnla. On .nr.  Ih? Inniso Xartl 8                   Mtk--     air- conductor to lei roa off .two       on (be other sloe of Klnr I*Tnw Cn.t AtljtntA. O#4   1aw</t>
  </si>
  <si>
    <t>                                           Order Group To Move Out Of Coast Japanese Temple                 LOS  'A N P' Xeuro tenant* of the Hcnjuwani Buddhist temple *a*(to much alarm- cd las!, week wht-n a BuddhiM priest, serving as an attorney, noti- fied them that they would have to leave the temple because of a recent : decree which permits                 tne return ol certain evacuated i Japanese-American to the west ccmt. The tenants were (riven notice to vacate January 5. when their lca.'ic expires. i ENplair.mc that the building now houses more than 75 Necro ivar workers and ihe Provident Baptist i Church. Dr. L. B. Brown, president J of Providence Baptist Institute -said- I "We have made a $7,000 down payment, thinking that we were  the temple, and     have S25.0M to Tir.z down. V."e nrc r.r.:  .T.inam s.' :;. ;b;:i we . .-- n;ir.y u.f ou: " arf war workers, that we                 are entitled to certain cu:." The Buddhist . the Rev. Julius A. Goldwater. said he did not know whether Japanese owners of the temple arc returning, but he save the vacancy notice so the I temple would be ready if they 1 should come . i Paul G. Robertson, War R.-~oca- I tlon administration super.- Tor j I Southern California and Arizona [- there are S1.00O Japanese from J California remaining in eight re- I location centers: not all of these i however, will be eligible lor release. j he explained. The supervisor .ed that 20 and possibly :ii branch offices will be established in California to as- I sists evacuated Jananese-Americans I      wish :m. Aceording'to a i rit-ent :~rmy nJe. !~~y:il Japanese c;i:i ri-:uni their west coast! Jvimvs   -i;ir.n:r.'4 J..- 2.</t>
  </si>
  <si>
    <t>                                           LOS ANGELES -- (ANP) -- Negro tenants of the Henjuwani Buddhist temple were much alarmed last week when a Buddhist priest, serving as an attorney, notified them that they would have to leave the temple because of a recent army decree which permits...</t>
  </si>
  <si>
    <t>                                           VocalSupport Necessary For Early Action On Postwar FEPCj                 Individuals Are Urged To Write And Wire Congressmen                 WASHINGTON -~     Early i massage of a permanent FEl'C bill  y congress depends now upon vo:al national support for the mea;uve, according to an -nent lnst week by the National Council for Permanent  .                 "Prospects for early .t of our bill are still good." Hie organization , "but they now hinge on our success in mobilizing vocal support throughout the country, nn d doing that quickly." "This Congress is especially sensitive to opinion back home-, the FEPC council declared, because the voters were never mere articulate than in this past election. However, in politics "first things come first." council heads warned, and t h c  are invariably those that the voters make plain the:,- want to be first. URGED TO WRITE Individuals were wired to, write letters and send telegrams: o  should send resolutions to the chairman of both the senate                 and house, committees ns well as to each of the committee members urging favorable report of tha permanent FEPC bill at once. -Hold conferences with church, civic and labor leaders to explain the situation and enlist their aid in directing public opinion toward political leaders in the community to urge that they convey to their senators and representatives the need for aggressive action on FEPC legislation." Permanent FEPC bills are new in the senate and house labor committees. Here are the  to whom you may address your r. letters." telegrams and resolutions. LIST MEMBERS Democratic members of tlv; senate committee on education and labor are James L. Murray, Mont., chairman; David I. Walsh. Mass., Elbcrt D. Thomas, Utah; Claude Pepper. Fie.. Allen J. Ellender. La.. Lister Hill. Ala., Dennis Chavez. New Mex.. James M. Tunncll. DelJoseph F. differ. Pa.. J. William Fnlbright, Arkansas and Olin D. Johnson. South Carolina. Republican senate members of the committee on .n and Inner are . M. LnFolleHc. Jr. Wis.. Robert A. Taft. Ohio: Gcorse D. Ai'.icn Vt Joseph H. Bull. Minn. Forrest Donnell Me.. Wayne Morse. Ojvkoii. l.j  Sciltrnstiill. Mas.-:..                 and H. Alexander Smith. N. J. Democrats on the house  committee arc Mary T. Norton, N. j J. chairman: Robert Rnmspcck, G:i., Jennings. ^Randolph, W. Va., Jclin Lesinski, Mich.. Gorham A. Barden, N. C. Augustine B. Kelley, I Pa.. C. Fisher, Tex. James H. I Morrison. La. Frank E Hook, Mich., I Ellis S. Patterson, Calif.. James P. j Gcelan, Conn., William J. Green, j Jr.. Ph.. Ada:n C. Pov.'ell Jr.. New York, and Jesus T. Pinero. Puerto Rico: i Republican members on the house labor committe1.' nre Richard J. Welch, Calif., Fred A. Hartley, Jr., N. J. Gerald W. Landis. Ind., Clare E. Hoffman. Mich.. Joseph Clark j Baldwin, New York. Samuel K. McConnell. Jr.. a n d Sherman j Adams. N. H.</t>
  </si>
  <si>
    <t>                                           WASHINGTON -- (ANP)--Early passage of a permanent FEPC bill by congress depends now upon vocal national support for the measure, according to an announcement last week by the National council for a Permanent FEPC here.</t>
  </si>
  <si>
    <t>                                           30-DAY LEAVE St.~v;i!. Vati I First Class Brya'K- Osbwm-. an Atlanlan rif 75 !.:t"'H! P!;.cv NE.. I und IiLLsuund ill Mrs. Surah Os- 1 borne, the s.~n:i- -xs. fiu;. JiUit  to tli" ~.'lty i:''jm  iv.t- sca^ where he hud bct*ii   :i-  months, swim; I  iit.y of  t while in the war II.' u,   ;rv on a 30-day : \vi:li his family and friends, who nr-- iil^) to have rum. Osbanu- 1t;is I.i- :i in Ihr UnltKl St:iU-.-; Xav;. ii ih:.i; a yean. He -is tlw V.vr\: and Mrs. l*na OshrrTv (~;!     GforKia.</t>
  </si>
  <si>
    <t>                                           SOMEWHTitE IN FRANCE- Start i Sergeant Johnnie Jack-son, husband if Mrs. Marie Jucbvin and father of Brenda Diane, who in live months nld. sends hello to his friends. Sergeant and Mrs. Jackson are   ol Clark Collect*, i Urenda has nnw men hrr 1'; I daddy.</t>
  </si>
  <si>
    <t>                                           'f' 5^^53P In1 '^"8 8          Joe is L^K^^-' ^^^X^^~ffi " using tt^^S^^t^^SS^l LUCKY BROWN HAIR V^^^~   ??~~4M DRESSING. He's right in tho f^5 ^CAit. Tiff \Xvn      8 with the hide busier PS^^-J         *^^ when it cornea to  sending js[!^~*^ ^--^*g(*(pt\ now- B"' tho Bquaro with tho ^N^Tr"3^^ I?C*Tl--J^^f B'^0 'oo c nK in. -So why bo a ^^g-^i^Ss^ cd off by the -duper dolls. ^i5a===s^ Get a cau of LUCKY BROWN " CIVE f Alf HAIR DRESSING and become  51*iB %~      big-time operator ' SKjK5LKaSa535S FOR*1EJ I ^Sw3S2sW OHD^CSKt Ask Your DmggbtfeflUOnrf</t>
  </si>
  <si>
    <t>                                           ll\ a ;~!!~~$~       "Pablished Every Morning,. Except Monday, at 110 Aaban ^"~^'~v Member: S.N. S. N.'N.P. A. N. P. v/ M-~.            Auf.-S,.'i928; Became Daily       13. I Ml  v- *W.r:A.      , 11,-Foaficler-Publiifcer,    . 8. 19M to FWfc. 7, 1134 V^ TeUpkona.: W.. I4S9 1480      *d in Po.t Office at Atlanta (3), Ga^ at second clat* null onder the Act of         , March 13, 187  C.:'A.'SCOTT Editor and Ceneral Manager y ClilFF MACKAY Hanatin, EdHor DtUyt 1     , 59JS8; 0 Month., Sd.OO; 3 Month*, 53.00 i Satnrd.y Only: 1 Year,' *3.S0; 6 Month., $2.00 Canada! 1 Yr. M-S0  B Mon. $2.75; Foreifn, 1 Yr. $8.80 v -THE ATLANTA DAILY WORLD U an independent          , nen-. and non-parti.an, printing new. absolutely   and .Qpport'inf tho.e thing, it .. to be to the interact: of it*, readers and opposing those things against tha interest of Us readers. Address ALL COMMUNICATIONS to and make CHECKS     able to ATLANTA DAILY WORLD, rather than to Individuals</t>
  </si>
  <si>
    <t>                                           Partly cloudy 'wit h:V showers cooler. v .j... i-WvV.-</t>
  </si>
  <si>
    <t>                                           It Must Be Writtec There!                 ffi</t>
  </si>
  <si>
    <t>                                           Open Your Account Today iP gl LADIES' EASTER SUITS 4^       new Easter  l- 4* m nr  ors Jn.. ~~,cji. "B il 95  ft*      ?  end mannish  ~*     "V^\ . Siz.i 9 to 52 UP ^'T YOU CAN CHARGE IT! $*S?\f li ^"^9 f Coats to Match.' 24s! ~~-   1kS j On i:~~r Trrm. r VS ^S? Beautiful New    \ ~^4 Easter Dresses,-^^^^ ~^T3 They're  cye-  L1.7 F ^^S figure-flattering and punc- 8^    f $9k  iH ing. Midci' sixes 9 to 15 Wi J 4L^- Jlml Women's sixes 12 to 52 8       J^u NO CHARGE FOR CREDIT! ^^Kf IK I ^y Aiu          {t8        [~ \M/ I ^^^K-Men's Snappy New /^r1^ Easter Suits ^^^~Vfcf^W J"'" 'I" Easter Parade- buy 4fe ^9% Cfl Mtft^SffMjS       u t from us. Toilarcd tor J'tJS''^' ~^^~^^S lon9cr ond better looks. ^L OUP *%~*$~$~ ENJOY EASY CREDIT WB Boys' Suits 4 *)50 I (KhHHM OP for Inner- .Intl- H M ,.n ICBSItSI       -      .a. .silo A_ UP HtgBgHw a      n            . aaaA? 4gjs^g^       ^LKYLr-2B Open Your Account Today iP gl LADIES' EASTER SUITS 4^       new Easter  l- 4* m nr  ors Jn.. ~~,cji. "B il 95  ft*      ?  end mannish  ~*     "V^\ . Siz.i 9 to 52 UP ^'T YOU CAN CHARGE IT! $*S?\f li ^"^9 f Coats to Match.' 24s! ~~-   1kS j On i:~~r Trrm. r VS ^S? Beautiful New    \ ~^4 Easter Dresses,-^^^^ ~^T3 They're  cye-  L1.7 F ^^S figure-flattering and punc- 8^    f $9k  iH ing. Midci' sixes 9 to 15 Wi J 4L^- Jlml Women's sixes 12 to 52 8       J^u NO CHARGE FOR CREDIT! ^^Kf IK I ^y Aiu          {t8        [~ \M/ I ^^^K-Men's Snappy New /^r1^ Easter Suits ^^^~Vfcf^W J"'" 'I" Easter Parade- buy 4fe ^9% Cfl Mtft^SffMjS       u t from us. Toilarcd tor J'tJS''^' ~^^~^^S lon9cr ond better looks. ^L OUP *%~*$~$~ ENJOY EASY CREDIT WB Boys' Suits 4 *)50 I (KhHHM OP for Inner- .Intl- H M ,.n ICBSItSI       -      .a. .silo A_ UP HtgBgHw a      n            . aaaA? 4gjs^g^       ^LKYLr-2B</t>
  </si>
  <si>
    <t>                                           Atlanta jUi^ World      ,~     C.~rr Mvnmi             , Published Erery Morning Except Monday, at 210 Auburn Member: S. N. S. N. N. P. A. A. N. P. Established Auk. 6, 1928; Became Daily March 13, 1932 W. A. Scott, II, Founder-Publisher, Aug. 6, 1928 to Feb. 7, 1934 Telephone: WAlnut 1469 1460 Entered in Post Office at Atlanta (3), Ga., as second class mail under the Act of Congress, March 13, 1879 C. A. SCOTT Editor and General Manager CUFF MACKAY Managing Editoi Daily: 1 Year, $9.50; 6 Months, $5.00; 3 Months,$3.00 Saturday Only: 1 Year, $.').fiO; (i Months, $2.00 Canada: 1 Yr., $4.60: 6 Moa., $2.75; Foreign, 1 Yr., $6.00 THE ATLANTA DAILY WORLD is an independent news paper, non-sectarian and nun-partisan, printing news absolutely unbiasedly and supporting those things it believes to be to the inter eat of its readers and opposing those things against the interest ol tto readers. Address ALL COMMUNICATIONS to and make CHECKS pay able to ATLANTA DAILY WORLD, rather than to individual? Die WORLD expressly repudiates responsibility for return unsolicited pictures, manuscripts, etc., unless stamps afr</t>
  </si>
  <si>
    <t>                                           J^           PaUiihrS'tnir MoT*,           , 'Published Byery Morning Except Monday, at 210 Auburn i Member: S. N. S. N. N. P. A. A. N. P. -'Established Aug. 5, 1928; Became Daily March 13, 1932 ty. A. Scott, II, Founder-Publisher, Aug. 5, 1928 to Feb. 7, 1934 Telephone: WAlnut 1459 1460 Entered in Post Office at Atlanta (3), Ga., as second class mail Y under the Act of Congress, March 13, 1879 Cr' A. SCOTT Editor and General Manager CUFF MACKAY Managing Editor Daily: 1 Year, $9.50; 6 Months, $5.00; 3 Months,$3.00 Saturday Only: 1 Year, $3.50; G Months, $2.00 Canada: 1 Yr., $4.50; 6 Mos., $2.75; Foreign, 1 Yr.. $5.50 THE ATLANTA DAILY WORLD is an independent newspaper, non-sectarian and non-partisan, printing news absolutely unbiasedly and supporting those things it believes to be to the interest of its readers and opposing those things against the interest of its readers. ~"--Address ALL COMMUNICATIONS to and make CHECKS payAble to ATLANTA DAILY WORLD, rather than to individuals. The WORLD expressly repudiates responsibility for return Of unsolicited pictures, manuscripts, etc., unless stamps .'re sent.</t>
  </si>
  <si>
    <t>                                           By SULLIVAN                 -ByLyman^oun*</t>
  </si>
  <si>
    <t>                                           URGES LIVES OF JAMAICANS BE SAVED                 Sick Room Air Found loaded With Germs'                 Islanders In Chicago Minus Warm Clothing                 CHICAGO. ) Immediate  to  the Uves ot 52a Ja.  .workers here was urged lust week" as 51 their number lif .-n bv .                 The  for action rather than investigation' tame from Ml.  Mann sc-retary of the Chidl. following nn  Into Die causes of wholesale Illnru 'among the -workers who are f aid to be vie finis cf murans.        . pneumonia, flu,  nd meningitis. CLOTHING NOT WARM The men complaint d that in  nf the fact that they had come from n ironical climate  were given Insufficient warm clothing fa with* stand the icy  of zero they encountered in the United States, Mann sold. They told of shivering with eld  to and' from their work. 'The JiunK leans  brought hero nn a contract Uirouih Afcc TT.- States ( with the Intcrnntional Harvcsrcr Company. Hendlue a committee of ClO '  p  bv  nf tpe- Enfflphirnf .Vor)?' crs union pr the CfO In.    of the' men ore em-  Mann .i that ht found *S rots in one ro-im with not n .~ window open wlw.n they mad? an unannounced Investigation nf the. building: where hundreds of the men are quartered... '    air was fetid and hot." h* uM, ''and must     - been loaded  o-itk God knows what Sir.ri of germs Sick     wire In their beds with   and  with pain nrid misery. Tliesc poor creature*  thrown In with the rest of  he Inhabitants of that room nnd subjected to whatever sickness those i.- had without any        of Mnitary  In evl. dence." JUST OXF TOWEL "They told 1.8  tho.bnd linens .hart not Iwpn  since they cot ." Man continued, "and  t iry w^r' on'.v  one    tn use on their persons  and otherwise." Two bathtubs, one out of order,   for 100 men on that floor, the CIO secretary revealed. He said  "clothes were all  the place" and "there were no such          and privacy of any  In evidence there." Mann termed their condition a "disgrace to our community" when he  I thit 'the bur.c!   { in which the  quartered  u in  cf a  Individual who cer.  wax in no proper condition to maintain the custody and pro. porty of these stranger* in our country-" Minn's committee wb* .erected (Continued on pace 4. col. 3)                 -Siek-Room  if am page u from the building: but riot before we  seen enough to turn our stomachs as to the conditions in which these waiters were subjected He revealed  the. CIO. is not .surprised that 51 have been strick. rn. by       :i diseases and told of i warning iiw .\i:nc.or. .ir.' plight 10 days ago. Mann appealed ic the government  to act instead, of investigating their conditions</t>
  </si>
  <si>
    <t>                                           CHICAGO, (ANP)--Immediate action to save the tires of 525 Jamajcan workers here was urged lost week as 51 of their number lie stricken by discuse.</t>
  </si>
  <si>
    <t>                                           Power Of Prayer ir joo a n.tri iEn i.    of i.   , Ilraltli, IVjicv. Pru-p.rlty. Kucrou). ~~"~d fur THIi  nt.WKi: t.Klajr.       KN*ut  Honk must hr f:itl     nil trim *     . UDPn Just  Xnw, Jltf. Aildrw Rtlil 11V lo -r         -~.  , Dept. 1C-G .Mm 'J01. TlraM     . 8  . .%'. V. IS. N. t. A DOCTOR S PRESCRIPTION FOR THE SCALP The hair  AM In the scalp. The condition of your half do*s      depend heavily on the natural health of your .       mgo. Doctor Curnot invented a           tar       Carbonocl which is mixed with Sulphur, Rrsorein and Unliam of Peru.           is        h , powerful            and docs nuch fine work in  an . bumpy and externally Irritated scalp,  many doctors regard it  and prescribe it fnr many scalp .-^U your Henlp needs a double strength tnr formula.     ? for this Doctor's genuine scalp formula now. It will be nent to you all mixed and ready to une. Use it for 7 dayi. and If you arc not *J, your money back. Pay only SI.C9 on  Mivery. This includes tax and postuRe fees. Don't pay a penny more. You Ret it with full direction*. Uac the finest medicated tnr sculp formula your monty can buy. Your  and sculp  fino care. Write now.       no money. Just your name and address to GOLD MEDAL HAIR COMPANY Dcpt. ROP 337 Kings Highway j Brooklyn 23, New York NOTE- THIS FORMULA carries the 100?*  MeHalo  back *.</t>
  </si>
  <si>
    <t>                                           JEAN WORTH PSYCHIC  2a!!s jour name. Asi you no . Gives the object of your visit re!!s who you u aut to . Advises to e certainty. Helps you no matter what your trouble may be. All who are unlucky, unsuccessful ur dissatisfied, we have ;i remedy. Come today, tomorrow may be too late. Hours dully ami Sunday 0 a. m. to 8 p. m. Closed Wednesdays. Reception rooms for White and Colored. LOCATED AT 1269  HIGHWAY I Block rust C'tjr Limits at Anlbony Street, Almand Fnrl: or Riv- I it Car to Anthony Street. FAT G3 REDUCE 5 TO 3 POUNDS A WEEK THIS . SAFE WAX!   dteK strenuous . or dangerous drugs Girlfti If iud   nit can L -* w- Hrrnllon. Mtrrtimm* -Wi nr  * jmi ro cot               ! 1'nr now.  to modem m*-IOinJ, .Ton too, tan loco        . *. . Hcrc*5 the Whole Sccrtt Qara yoor            or (tapper. For ,          , confine  to on a ( of         T\Jtn tern, rafter, or  Jnlrr. T.ct 8               1     . -  *. A'on won t    t nil.,    (km much   ft* too . In ,  0      contain" Vltnmlon A.    BS, C antl P. nn well (m . .  nil Iroo, rou mar C't more       1 from Nolens thao froni   lunch**. Try  On.Onr No-Risk Money Back Guarantee Wp tire ma  tirn  onr" TO'i try * nr*. **  of        * Ine.  will hr.         (l  ftp  It can Dint* r In 3 our   we make fhl* ) no-ri^k offer* S*nd f^.Ofl (~*  .t for n 30-  of 9 or  C.O.D.  ^. Try U for (-?n  nt cor  If ynn Mr* nnt                 *^. If yna don't   n rf^clU^d ImDrorrmpnt In yoor ni P^~    *, In tli(~ way yon look  fwl. r*^     *li*        foil refund, ffn take all (  - . Uoa'l dalay! Don't      e=~      =eet of  cpw neU!!t -11    ^ !o=rf r. Bead -t =0" for flo!*n?. crd  at o=  - to * thr popa!a*!tT =nd i=:       !     !" that co=   fco=i =or=~! , BEAUTY AIDS. Dept. SGM R:t Mullmth Avr.,  17. N. V.</t>
  </si>
  <si>
    <t>                                           Administrator's Sale GEORGIA. FULTON COUNTY. By virtue of "authority granted by Fulton County, Georgia, Court of Ordinary at the February Term 1945. thereof, there will be sold before the Courthouse- door -of- Fulton county, Georgia, on the first Tuesday In March, 1845, to the  Udder' within the legal hours of sale, the following described land belonging to the es-  of LOCKET , JR.. deceased: AH that     *~ or parcel of land: lying and being In Cobb County. Georgia, being forty (40) acres in Land Lot Seven Hundred Seventy-Two (772) and .ten. acres In Land Lot Seven' Hundred-Seventy.One (771) off of the East Side of said lot running, .uniform width I all the way across the East 'side I of said lot- (771): said grantee Is to have an outlet on the South side line of said lot (771) wide enough for wagon or automobile out to the old road.. TERMS OF SALE: CASH J- H. Hanley As Administrator of the Estate of LOCKET EALEY. I JR. Deceased. A. T. Walden. Atty 428 Rcrndon Building Atlanta, Georgia</t>
  </si>
  <si>
    <t>                                           ON FURLOUGH HOME-Sai Fred Ciowdcr is ir. Atlanta sis the jut s'. "I his aim!. Mrs- Catherine Thomas, and his . Mrs. Adtliu M':Nral. both ul whom reside ;it. 707 Jor.es Avc. Sgi..     :der has just returned irom overseas . when; he. .-pent. '.I") Miuiiths in Hie  I'acific Fl'.1 is "ii ;i  I'liiouch and k ; his 'iir.c bi.l. his ri-.. and re. la tires Hi Ailunia and in AUanllc . Mew Jersey</t>
  </si>
  <si>
    <t>                                           Madame Rose I,~"k XVbt/n Jitrnl PALMIST t}**.         **- GnnraateM. T-IU your *nt\r? life, , pren*nt pori f i~'irc. Ankm no  bal t*U* yoa I  1   tic        . * nod    *~i BBJwffB  r ***. lore, , UkBaTjH MmJlr          M\* whom HHI^jn Jnu WIH  find wU^ttj MB^^^J Ivvtm , ^~II hab* B3fWB*T l(~.  block4  nd ^^1 luck of nil Uodf. Hk- I I R*         15  dally aod  a/ J 8    7, 8 a. m. to 10 p.  BHMmmI tu. You wlU ft ad her  Itian all . Til fro Ik no  to     or borne Ml dreary  I cannot            In It,  nt Jtuiclion of Dradr Arena?     ITowrU Mill       10C0 Howcll Si 111 . Bn euro to lake tb? one     Dotr^il Mill  car. Stop  t door,  Mill Trnllrr. front of Whlta</t>
  </si>
  <si>
    <t>                                           s '*''^BwM'** TWj^'"    3Bwg fl        *~ ^0/^                 ^~fij IjCCK um-voER.  9B3 3^Z^9i  Hoot In one I ^WfSPnS^4^^ ot th" neM * f ui *(/-i- LOCK . It U  by   a  curry I ni pair of. root* will new b* with j tint money,  nd will very I*PCK1 mil! SDCCICSSFtX. Many           !    *         that     root acta  h a wo- Ml l'O\     'Cl*  OlIAItM tot j ? KAineti  nd  In !nrr        , the   driven   In j   nd  oft baU lack. White    make no Haprrnatnnil eta I row, we   roots tu be uf the very hl^tiMt QOuHty. I-  l*~ root*,  $IJtt       or C.O.D.                *. Ord^r now. I  U'llli mcli   OH    Mirr. Imhc. Prophet Product Co., Oepl. SG nox 77, Stnfloit J, y fw YnrU, N. Y. I Do You Want Power, Love? l n   r to make job  In' all roo                   ~-  I'owrr. to ~*   ^f- l* la Knln      7 Pnwer to  nn7    follow 70*1? X will  ran Inromtxclmi which la (Up  or M* nw^Mrch. Tula  natt  llr** wit!   lM**        1              Influpurf^ Vou will (a  11         'e*~~. TF 1OV AI1B KOT DKiaonTKtr.-  iji..V l(       :i), Jsat ll-nd mr roar  mid , Pa/  an  M.1Q  bit d*        good atid  , or '* fi.oa rain or   ant I will I Par *. Write  1 FREE w1tb "nrT  TaBasaaalr 0 al of 1.011k la -rod     M KCTMtan  Paroammt. ITARRtS, I7S East Broadway Depl. S-39 New York 2, N. Y.</t>
  </si>
  <si>
    <t>                                           Secret Love Powder. JWAGNfcTir 1,1KB  TO WIN  ONK VOU LOVE Trr ihU         -~t bn ".bt ii.nc   mi      if u  rear      ! npf Im  fitt  ITR* WITClll.NO .I. Kj- Ihh WONUmir'in. .           ^   l      .VR   WIN ir  oit KNOW HOW I. n.- Ihll . Vnu'll 1II.R8S     l.t'('ir\' J..U Xft IhN.     Illio    DUK.VM (.O.MK TltnK. AI.XM  .NA1. .NH Imir In w-  ltU In win Intr.  NO .; Mill  lr.         M-iit In NKALRIt  HntptMT.  IMMt* mmi nn ^r Ifflf*   ftr ^nd $l.    nnH w* pnr         . Onr InMII* Plir.K ir .  HACK d . rm.lin C".. Depl. TC-1.1, 31 l.ilh Htrx-I. N.V.C. NO MORE GRAY. DULL OR FADED HAIR USE Jessie K ore s IMPROVED HAIR DYE LOOK 4QQ AND BEAUTIFUL*  ww IT WONT WASH OUT OR RUB OUT. VERY SIMPLE TO USE C4UTI0N: US( ONLT 4$ OlnCCTED ON LAItL SIND NO MONET. PAY POST MAN SI .00     /m m ^. Sand  . SofhfacMan  r       rmi**1tJ JESSIE KARE  CAUTY PRODUCTS CO. SOT HHh    , Naw Yark JBIty     )</t>
  </si>
  <si>
    <t>                                           M/ ANNOUNCED- Above is pictured Miss       Elizabeth Bailey. Mr. nnd Mrs. Harrison Bailey of 1711 First Street. South Announce the mortage of their daughter, Msiyme Elizabeth Builny                 to Corporal Garfield Molt, Jr., of j Franklin. Pn., who is stationed at I Hie Tiiskegoe Army Air Piloil. The j marriage was solemnized .11 I he j Post Chapel. January 23. 1345</t>
  </si>
  <si>
    <t>                                           AN .-TOPICS' By CHARLtS.AUm                 "What do yon want me to do, go to school all my life?"</t>
  </si>
  <si>
    <t>                                           Professor and Mrs. Earnest B. Kalibala will appear at St. Stephen, the Overcoming Church of God, 655 Whitehall Terrace, corner of Crumley Street, March 11, at 7 P. m. Hear Oils great speaker, topic "What the Necro Wants."</t>
  </si>
  <si>
    <t>                                           Hw*        fe Jf I GENUINE  4T  its 5 3 1 tw. noon knur KAorcnc 4          1  few* I. AIK3 Hr KOiAM wd              ...~    -   '~' .U. d             T lW-~~^~*'-~ PBiipi Yoor Lucky Day* FREE! Lncky Srmbol.  Zodiac Coins Ctarats Jitlping Jtanc/i  I0  1 aa  -i. md J "make MONEY! ATTENTION High School Girls and Boys College Men and Women Sell Subscriptions for Cheerio'" Grams 5,000 Wanted Organization Program Friday, April 27,5-7 P.M. BUTLER STREET "Tl" 22 BUTLER STREET  P. JONES Editor and Publisher</t>
  </si>
  <si>
    <t>                                           This newspaper shares the view and commends the wisdom of The New York Times in characterizing as false and unsound thinking, our "60,000,000 full-employment" goal after the war. Two basic criticisms seem justified against the use of this figure, observes The Times. In the first place, the total figure may be seriously challenged as being too high; and second, it places emphasis upon jobs rather than upon living standards made possible by jobs.</t>
  </si>
  <si>
    <t>                                           SPARTA, Ga.-- An enthusiastic crowd witnessed a boxing bout at East End School Main event was 10 rounds: Babe Lancaster was Dynamite Larrie, A. J. Washington promoter. The Annual Farmer's Conference was held at Macedonia Baptist Speakers were Pres. B. F.</t>
  </si>
  <si>
    <t>                                           j6 DIFFERENT WAYS TO CHANGE THE VERY LOOK PA PC OF YOUR /L Black and White Magic Mist Face Powder actually offers you 6 different ways to change the very look of your face. In cone, texture, clinginess, harmonizing , power to soften harsh lights and shadows. A touch of Black and White Magic Mist Face Powder renews the  freshness to your skin it offers you flattering loveliness. You'll thrill to the   with your own complexion. Be sure to ask today for Black and White's new Magic Mist Face Powder. Get the /"^"^get*^ economical large size, .25c, at all toilet goods '\S^/f counters everywhere. ^Ss4/L' **mtm ACNE RUIN GOOD TIMES picking at them can cause you endless embarrassment. When you follow such annoying, irritating actions, you feel .is though being with people is tlic last tiling you want to do in this world. Black and White Ointment, with its antiseptic action, promptly cases the soreness and itching of  caused, bothersome acne pimples. Hasily  as a dressing, its aid io Nature's active healing comes from its antiseptic ingredient. Black and White Ointment goes right to work, and the itching is . is discouraged. It also relieves itching, burning soreness of eczema externally caused. Use only as directed. Black and White Ointment, lOfi, large economical sizes 23[i, 50*5. Ac all dealers. For daily skin cleansing use mild, fragrant Black and White Skin Soap, lOji and 25(S everywhere.</t>
  </si>
  <si>
    <t>                                           Forty-six babies were born into Atlanta families recently, according to a statement released Thursday by the Department of Health of the city. The names of the parents, their addresses and the names of the young are listed here as having been born to Messrs. and...</t>
  </si>
  <si>
    <t>                                           Card of Thanks                 We wish lo thank out many I friends iind neighbors for their i kindness and sympathy, beautiful . and use of curs during the recent death of Mr. Wootcn Barnelt wh0 died In Washington. D. C. Also wish to thank Sellers Bros, for their efficient, and courteous services. Mrs, Susie Burnett and Family. Funeral Notices JACKSON. Mr. Reuben Tile friends and relatives of Mr. and Mrs. Reuben Jackson of 547 Hobbins Street, 3. W., Misses Ruby und Ruth Jackson. Mr. and Mrsf Frank Jackson. Pfc. and Mrs. Fred Jackson. Mr. and Mrs. Edwurd Jackson, Mr. and Mrs. W. H. Jackson. Mr. and Mrs. Hcrt Herrings. Mr. and Mrs. Arthur Carter. Mr. and Mrs. Emmcll Barber, and Mr. and Mrs. Longine all  f Atlanta; Pfc. John n. Jackson, , arc invited to attend the funeral of i Mr. Rcubrn Jackson today (Sun. flay) nl 2 o clock at our chapel. Rev. W. H. Hnmptrm officiating. i Interment. Lincoln Cemetery. Sellers Bros. JeALEY.MH. JAMES of Wnshinpton. D. C.. passed nway February 13. 1945. He is survived by hU wife. Mrs. Grace Ealey; four brothers. Mr. Love Ealcy, of Greensboro. Ga.. and Messrs. Clarence. Gus.  Scwltt Ealcy of Atlanta; two sisters. Miss Vclarla Ealcy. of Atlanta, anri Mrp. Daisy Wiley, of Philadelphia. Pa.; mint, Mrs. Florence Bostlc. of Atlanta. Funeral cervices will I be held In Washington, D C, today (Sunday) Feb. 18. 1945.</t>
  </si>
  <si>
    <t>                                           Favorite Of Millions To Play Auditorium Favorite Of Millions To Play Auditorium                 Jimmy Luncefonl    ! his bumf, one of tho i   al uw i-'K.' in l In- country who j will play here Tuesday n gilt, March 13ili, City Jimmy Luncefonl    ! his bumf, one of tho i   al uw i-'K.' in l In- country who j will play here Tuesday n gilt, March 13ili, City                 Auditorium, 7MB p. m. to ]lH,   p. m. Advance salt- $1.00 At Ilox $1.20. Tid(L-ts  now  prominent neighborhood locations. A Southeastern Attraction. Auditorium, 7MB p. m. to ]lH,   p. m. Advance salt- $1.00 At Ilox $1.20. Tid(L-ts  now  prominent neighborhood locations. A Southeastern Attraction.</t>
  </si>
  <si>
    <t>                                           PROFESSIONAL BLUED STEEL PRESSING COMB $2.98 HOST  BY MAIL Hns famous STRAIGHT fnn   .  3-. PRESS feature. *"UU order* Will not pul! or cut  $1#00 the finest !~air. + Sturdy  handle.  - fastened. Ctepoait. TAKE UP NUT on end assure? positive tightness. Heats quickly holds heal wonderfully speeds work. A smooth working:, well balanced, medium weight comb for Professional and home use. FITS ANY SIZE 'OR STYLE OF STOVE. NOTICE: Beauty Schools, Shops and Agents write for wholesale prices on 12 or more combs. ALVIN SALES COMPANY, Dept. XW P. BOX 821, CHICAGO 90, ILLINOIS</t>
  </si>
  <si>
    <t>                                           Negro Soldiers Treated Worse Than Other Dark-Skinned Peoples, Walter White Finds                 Hostility Amazes NAACP Secretary                 l., I*. I. (AN!1) The old remark about, "'hitos treating every - person honor than the American Negro was bronchi in  lasi      . in a fiory hy Waller While, now a w^r .-i.i for Hip York Posl. Kairt l.ho NAACP       "Difficult, to  al , the racial  of Amcri. cans urn  rn(~  -     \        , especially in i? nf tlj* Ph.'ific, v. ih.- --kin rr.lnr of -  ranges all Ihp way                 !~ the- oi1;;  nt the Filipinos with . of the Filipinos with Ilia I of [ho Amorl- can NVgrn. hf- Mild Hint only  do        ;in soldiers, sailors and m.-. oven cast an unfriendly  a Filipino officer and that most of them so out of their way to he friendly to these natives. Citlne an Incident in Guam when he saw a GI from Mississippi playing with n croup of dark-skin- i nod children. White remarked, "I wonder If you d be as ? to kids of Hint color back home?" the GI indignantly answered. "These kids (ire not niggers!" "NEGROES USELESS" He related another occasion when a officer told his soldiers stories about his Jrientlly experiences with natives ltf  "Pacific islands. He then launched Into a tribute to the  or the U. S. army to transform quagmires overnight into beautiful roads and airstrips. A NeCTO soldier passed while the story was still underway and the  lieutenant hitr. remarked "                 lire soldiers we  well do with- j out they re ^ ." White commented (hot the officer had IBnorecl      far'. . Negroes rind done much of the building he had been praising. In regard to Ihe OI's t  of Filipino soldiers, the NAACP hend reflects that Japanese had previously told the natives nil about the "zoot suit" riots in Los Angeles, when Filipino youths were beaten by mobs, but this propaganda he  hnd^ little effect since American soldiers were so decent in their regard for the natives. MUST BE ANSWER "There must be an answer to the question as to why our GI's admire, and Ret  " with .dark-skinned fol(?s. ,.here_ai!d_ continue to cling to prejudices" against dark-skinned -soldiers from home," Wolter While said.</t>
  </si>
  <si>
    <t>                                           LEYTE,P.L. --(ANP)-- old remark about whites treating every dark-skinned person better than the American Negro was brought to heat last week in a story by Walter White, now a war correspondent for the New York Post, said the NAACP head to understand at home, the racial attitudes of Americans are even more ... overseas, especially in islands of the Pacific, where the skin color of the natives ranges all the way from night brown to ....</t>
  </si>
  <si>
    <t>                                           Gov. Arnall To Address Solons                 CienrKtn's ( Mssrmbly  work Mmidr.y v/llh Frank Cross, ol Tncron,  ol ihr Bonnie1,  ut Mini  by his ^amip.s. :in(t Itiiy V. Hurrh;,  of the Ilou.st1, wlio  from AngilsUi.  to that position.                 Tile majority report of the day was ta!:en in opening ceremonies and the election of officers lor both branches of the assembly. Named president pro tern of the Senate was Senator Simmicc Crnyson. ol S.n annali. who expected ft contest from         County's Senator Everett Mlliican. who  that his  not, be presented, mirt who wu.s then named floor lender. Mrs. Jlenry Neyin ol' D:, whs reli cled  of the Imrty. BtTnn.sH nf tin' i- .1: In Hotels n lie'.  living (.-. hen1, Presldi-nl. Clrna aski il  till' session do its business in 'M day Instond of in liO  clays.  OK Sl'KAKS TODAY .Wilhinit any delay tile House  its or^ on  (Conlinued      4, enl. 4)                 Gov. Aniali j (Continued from      IU1I w- Speaker Harris sounding a warning HBolnfl'- lobbyists and calling upon the  members to work to continue the .M'v placed upon tup legislative branch of the government. With the organisations perfected the members are looking forward   In Ihf  to thr . Ixv..           - Arnall,                 whose message Is expected to be "I ? ImporUiiicc. Otlicr officers r. by Hie IlmKc  Re). Fred Hand, Mitchell comity, speaker pro tcm; P. T. McCulchcon. Jr.. Kulton ". clerk; M: Toms. Quitmal) county,  r, and Hush Striplin, Hcurd county, messenger.</t>
  </si>
  <si>
    <t>                                           Georgia's general assembly began work Monday with Frank Gross, of Toccoa, president of the Senate, renamed to that post by his colleagues, and Ray V. Harris, speaker of the House, who bails from Augusta, reelected to that position.</t>
  </si>
  <si>
    <t>                                           P^ 75c     AN S Jfi MAY S HAS' IT! I m'?i1FY *\AC I PINAUD S LILAC A "7c I PILi-S U^ I VEGETAL loe. BizsSf I 35c TOOTH I ever ready I POWDER I 8IH0LE  ^7^, I lrV''**"c'" 1 /C B BLADES 5 tor  i^^ female QQC 1 DISH CLOTHS  f Ac TONIC DmJ ,1 ~-*roe Check your A 1J iti^i^B^^ ^M^^^M^^ B ^8' ^ ROW 50c  1 ELECTRIC FUSES Cc BLEACH OCc B15' 20' 25 snd 30      - ^ ^.MULI.1 "VI"' ii i  T"""1 r^ 75c I IVORY  T "TRIQUE" I ^q^p I 35c 4 " ,1 ^Qc" :"~3fori7* ?DlIke 5e^ISK ;                  SALTS" EMULSION  Qc ,^bM    ,1,.. 03 IR0N (DracUrtt) Snnthcff Irritated  OA *4 "Vc  to common coughs. ."~*J B k  lo take loo. i  WV. i^ 100 /^r 30o r KREML I Bl TABS HILLS Hair Tonic  I TABS .'A' Special ^^^Z ^S2494. 14C -1^...59c $1.00 IRONIZED 1-25 S.S.S. Tonic 99c  35c Grove's Cold Tabs, 27c tabs 44  50c Caroid Tooth Powder 29c i 20 Schfck -Bigr- 69c   25c Simmons' Lp-n 2c AMMONIA 19c 35c Ammens' ~~"175  1 1  1Q0 Aspirin I'~: 11c  ii 40c Fletcher's Castoria ,31c RUBBING 1.25 Retonga^T" 1.09 .ALCOHOL ftc i.25Serutang^.T7gE; pint- 25c 666 Cough liquid 19c p.jii_   ul gOc j j 3aby .39  : I SACCHARIN \gm i I         '. 1 OciFi5c PUTNAM S^ ^L^.-.P'-vl-.Or..., .IX^IdyeS fief  i SUPER SUDS^ GERBER S I J-~, t*RaEk^^ -~"~iM:C 1 BABY nw. ftc 1</t>
  </si>
  <si>
    <t>                                           Ri Tell your TROl'BLES W ptW lo AMBPd V I I ill     '!~~!!'~  O-Jfl- V I  Initially t!'x'."!. V   :e ,! NOW! i i HIT THAT RHEUMATIC PAIN RIGHT WHERE IT HURTS Anil look at (lie Silver Lining in those Clouth of Coin The big idea is that you  lo  better. When pain     . your mind eases, ^~^~u get test that means deliverance. S" u"-c something thai Rets at the pain. C Z2Zi brings you pain-relieving help. .Now vou will feel as good a? others who enjoy     help, too. 6oc. and St. Caution:     only as directed. First', bottle purchase price refunded if you are  satisfied. Today, get C-222j.</t>
  </si>
  <si>
    <t>                                           A large crowd is expected at Ponce de Leon park 2:30 o'clock this afternoon to see the powerful never played here before in its Newark Eagles, a team that has long and colorful history, meet the strong Atlanta Black Crackers, Terris (The Great) McDuffle...</t>
  </si>
  <si>
    <t>                                           All set to officially open the season in the newly organized Southern League, Sunday May 6, at Knoxville, Tenn., the Atlanta Black Crackers will close their colorful series of exhibition games, this afternoon against the formed Newark Eagles. A record-breaking crowd of fans await this tilt, which will transpire at Ponce de Leon Park. The fact is, Atlanta fans are expected to pack the park after last weeks' thrilling tilt between the Crax and the...</t>
  </si>
  <si>
    <t>                                           SWEETHEARTS Write the I.os Angeles Lincoln             'iue Club, Box .:  3. Sta.. Im Tijcra, Lns Annclcs 43, Culifornla. Ilaxatbve?%, 7 Black-Draught Is V^I 1-Usually prompt l?r 2. Usually thorough    'j\ 3-Always economical Power Of Prayer IT .v.MI  rrk II.MT1KR f.lPK of ,        . l*          . Niirfcun. M^Mif fur  I'OU'l-Jt OK l ?lt . 'Tlila   Mo4)k . ho  t r nil Ini- I, ,11, I'*RI3K Ailil'M" ami m,' In  ^xp?nf-  . CljIIIANOK HOIISIi Wnpl. IR-O      Sill, Ttmrp,    . Kill.. X. T. IR, N. T. BV'!J2gS^S       '~~l n' Me-? A " i. I "f'"i7r '"'"i1 f""'f  r    .     ?fl t.U('K . II U    *~ Mini.,] I,, ,,,,,,,T   l!!t r  f Iliri,^      *0r will,. "ml  lll       r.v  H...I HljenCHSl'llI,. )lin.i  -         !f H^lli*!**'        mill i,    nn x    .fH]~. ihi co\ri;in i i. urn  toi   ..ml .        In       ,     t.lln-r  si  ^i          tll In Wlinl" ~'tr liml luck. Vllllil trii 4  in. Hiiprrniitiirnt . ltd Bimriiiili'i' II i.,,,i, i,, ,,f ii.i, r-rr .1 MtmlHy. Ijirk'i'  l?i* , only $I.~'i prr   ur C.O.O. plu* Witt*?. Vftrr now. I?     ' IVIIIi   .ln, on  ml   carrying Imff. Pronllct I'nidllct Co., Dnpt SO Ooj 77, Hlntlun J. ,Vrw Totk, N. T.</t>
  </si>
  <si>
    <t>                                           "MISS JABBERWOCK"- The coveted title was won by Mrs. Evelyn Slaughter, sponsored by Williams Tavern, shown being crowned by Mrs. J. R. Wilson, Jr.. president                 of Iota Sluma Chapter of Delta Si'4m:i Theta Sorority. Mrs. Slough, ter was presenter! a orw.. hundred  war bond</t>
  </si>
  <si>
    <t>                                           BIRTHDAY OVERSEAS Pfc. Hubert Lee Glass, husband ui' Mrs. Ilcttie Lou Glass. 2(~ Fort Street. Atlanta, who will observe his birthday on Wednesday. SV- 2B, )ci"C .zm In Fr:incc. ?fc. Oliiss hus  overseas for 10 month and has  In t he service since Sopi,P!. 1042. He is the sim-in-Inw of Mrs. Sarah h locum, vim  '/.i   . l'(i Fort {?   .'i;t iii Atlanta. His  and oilier relatives and friends  I'.ini n happy birthday and u s;)Cc;J/ mid safe return home.</t>
  </si>
  <si>
    <t>                                           SENDS B:i  GREETINGS TO DAD L: Mir A:::c!::! L/c.'crcs Shaw celebrated ii^r first bi.', February K. Her  M- i:; Mrs. Amelia B. Shaw and hov father is Seaman First Class AihUm.so;; M. Shaw, who is now .; .1  jii the Admiralty Islands. Mrs. Shaw ;~    her -r arc residing in AU;i:ii;i lor the duration and  wish for Seaman First Class Shaw  return home.</t>
  </si>
  <si>
    <t>                                           Stat e Department Color Policy Hit Two Telling Blows                 By HARRY McALI'lN                 Defying this practice, however, the Nntionnl Council of Neuru Women presented Senora Raquel Dclgado de Castro from Peru, editor of the review "Vida y Salud" to t group of Negro women at the Council Headquarters. Senorn do Castro has been- in the United Stw.es as a guest of the 'State Department and has  a tour of schools, observing elem*?    *v school . odist, child health, and public Echool . During the same week. the. Haitian , at ceremonies at. its embassy here, honored Dr.-Mor-  W. Johnson, president of Howurtl University, by presenting him the Haitian Honor of Merit. Haiti, was severely criticized a lit-'1 *rV-          by- a-SWfesVoN articles -.In the Chicago Defender for adhering to a strict color scheme -to the white side- in the diplomats and attaches it sent to American.' As result of the , the Amhassador, Andre Liutaud was called home for conference with Pros. Ellc Lcscot.                 V: WASHINGTON, Dj C-(NNPA)- Twice in the same week, telling- blows were struck at the State Department practice of maintaining: a gap between light-skinned persons from Latin America or the Carribbeun and the American Negro. For years the State Department has brought white-Latin-Americans to this country and putting them in touch with white North Americans, and bringing colored Latin Americans and putting them in touch with colored North Americans.</t>
  </si>
  <si>
    <t>                                           START THE NEW YEAR S[ IN A n* a FREE ACTION Spencer Support  j It will lift your tired abdomen-     \I support your weakened back! Pftaii MRS. ROSEBUD DIXON  13.t2 Booker SL. S. W. AM 2441</t>
  </si>
  <si>
    <t>                                           tfOR MEN ONLY? II ^fv 1WII U m rM 1J y?      next riag  jff Ajjn) with ihU rare cot ^^^rt vCJ ^cct Vo  f *     * ^~i*Lllj^~[ 4 COMPLETE   CARTOONS KW          SIiiuUwm Clrl PkMM Nil. dub Stuff AM Sluillo  M. J OK C S 1" ii Y OS Dtin*c wait I Supply .1. Scml ooty tl Unity nothing     tft*     for  Art Humor Bomnu. W*       (*. 1 BUYS ALL 4 BOOKS OrtUr your* motet Monty Lack If n*t Betlifini I./! BOOK CO. 42 W. 18. Dcpt.'l31-O, New York 11 j</t>
  </si>
  <si>
    <t>                                           f s 4 CUSTOM I 1 I lTf j; YVh^          .         eastern? that labor can   goods at possible moment with the starting of Gfipizet lower prices,  !~ thr consumer new ventures and the expansion of old to bay more. And that results in mere in order to provide more jobs for more BsakiaI620,iJ :OJ3   higher wages and fair profits i^opi^-'.n.-.-luding returning  winters- and  New England. \w and demobilized war workers, griped about lie- hot summers-ami .That s. the          - burn ut built the South, griping. Griping and a willingness to 1 1 proposes to put into workers'  cooperate. the most efficient tools available so We griped about die forests- and  a worker, by increasing his  them into wagons and bridges duction. may add still further to his and homes. We griped about Indian earnings, maine and invented corn bread and Right now we have the greatest . We griped about the stage- ductive capacit\rin all history. Much of To ir e ea^ opportunity Jot all to coach-and put the steam engine it was built for war-and will have to 6u^ business P^P0** t0 make Ml together. We griped about sailing be rebuilt for peace. of the *~~~~ "know bow'" it has around the Horn-and dug the Panama cumulated during the war to put on Canal. We griped about yellow - ,tfl  diniS mark*L tte f'^L    *"et* that = aad found a cure for iu   sure we will h,- abl,- ilt. fn.M^ at thr l0WliSt ?r,ri^ for which    6ui/ all the many things that our l(,ey can jjg . +~ +~" factories and farms can produce. It proposes to seek, through unending Were still griping. And      can be  "'- Xot "h .-tudy and research in the fields of  handouts-which result . and distribution, every possible In the array, the navy, the .air force- only in more and more debt. But by means for lowering prices still further Jwegnpe. The Germans call us the "I using our productive capacity to provide over the years, so that more of the good want to go home sold.ers. They re with more for our money in rhe things Mn^ of 1!fe enjoyed by more right. We  io want to go home- home we buy. so that we can buy z/io/r-- ami :in. I more of I ho people. j to. the best country on earth. That's thus create  and e:        i why we fight so hard. Fight and gripe.  proposes to encourage full and free 'fake Rome 'and Auchen and Saipao. i.tn petition I . I restraint of trade And gripe. J n"-s 's the '"process of prosperity."       ;,-,: better and hotter values. j Indeed, by making full uso nf ih'..; country s limitless energy and ambition. Back home we gripe too Labor gripes we can help lead the world into an era of This is business program for the future. because it wants more money Investors and plenty Rreater thun uny yel To brinS h about a'  P088"11^ gripe because they want more generous win rc(~ ~'our he!P- For itt . Consumers gripe because Two things are necessary to realize  will need legislative action- they want more for their money. Man- this opportunity. One Ls a liberal, for- =~-"t'~n tha'- ~*n encourage. Postwar agement gripes boca.w it s caught in ward-thinking policy on the part of busi-  that leave sufficient funds the middle and finds it harder and ness. The other is public cooperation. for . Laws that clearly prevent harder to make ends meet.    Amt A unregulated monopoly. Labor policies maw  meet. Business is pledged to do tU part-   L And  good. Because the sum of first, by increasing the opportunities libor md jn^^gg^^^ And business j, all these gripes represents our restless- for all to earn and. second, by increasing operation under toe instead of by -- , our dissatisfaction with things as the opportunities for all to buy. dictable "directive ^^a****""-**"- To^^Mallto If you to 5s .-  WTitcforthe free booklet. How I And that s how improvement is bora. ened wage policy, and the opening of Amerieans Can Earn More, Buy-More, For-in satisfying an the gripes, every P055"1"* avenue of  Hare More.' Address: Xational Indusmduding its own management raises for t*ie worker. informat;on" Committee, 14 West - mm    r. It proposes to proceed 3t the earliest 49th Street, New York 20, N. Y. j If TTiat 4a or*  to make  Ote steps lhat imat be taken to assure the American people of an I I]  oj abundance in the postwar world. They are  by the National INDUSTRIAL IsTOHJiATlON II I II Coiootteb of the National Association op Manufacturers, vhich  thousand* of different I k, It . large and small, employing 7S per cent of the vage  in the manufacturing industry. II</t>
  </si>
  <si>
    <t>                                           NEW YORK CITY--(SNS)-- Valentines "straight from the heart" will carry the St. Valentine's Day message of American women to husbands, sweethearts and ... overseas, if a suggestion made by Peggy Eaton, editor of "PROGRAM NOTES" meets the...</t>
  </si>
  <si>
    <t>                                           SJpU eel Race G ^e w$ H a nd I e Deadliest Fish in Ocean                 Feed Mighty Torpedoes Into Our Submarines                 , T. H. Tlie dc.' fish" in the ocean is entrusted tc  he care of skilled Negro crows at d -.lr.val ammunition depot, on this island in the Pacitic.                 The mighty torpedo feed-, on bic came, such as enemy warships, and require skill nnd delicacy in handling during its travels by land and sea to its short career In the water. To qualify for this work takes time. training and practice, but the men at this station arc no novices. Most of them  worked with  for along time j and were trained i;i il- before com- ins here. i Anione, these men arr: Gunner's Mate Second Class Robert Wells wlio.se home is at 1:001 N. 22nd St.. j Philadelphia: Torpcdoman Third Class Isaiah Murry. 38S2 Sylvixn St.. Detroit: Seaman First Class Edward Burcliell, 10 Arcadia Place Vauxhall. N. J.: Seaman First Class Carlton R. Brown, 1608 N. Homier St.. Philadelphia and Seaman Frist. Class Stanley A. Vivens 90 Hull St.. Columbus. AM of these men. after  in tile Navy, went to the: U. c, Nav.il Training: Center. Cheat LakeIll for recruit training. After that sumc of Miem v/^nt to service schools, while others went ovi to different stations set their train l.i;r while wor.. Alter  ur other stations In various parts of the United S'atcs they wero  fen duty '.e . limits und ure now  their skills to   worS for the f Lto at ECU.                 OCEAN S MOST DANGEROUS FISH Precision and delicacy arc I the passwords when handling tor- . Here Torpcdomen Third Class Isiah Murray of Detroit signals the  lo hoLst away                 while Seaman First Class Edward S. Burchcll of Vaux Hall. N. J., readies the cradle on the platform. Gunner's Mule Second Class Robert L. Wells and Seaman First CI.iss Carlton n. Brown, both of                 Philadelphia, control the swing of the torpedo while Seaman First Class Stanley A. Viviens of Columbus. Ohio operates the crane.                 (Oflidal Navy Photo from OWI)</t>
  </si>
  <si>
    <t>                                           OAHY, T. H. -- The deadliest "fish" in the ocean is entrusted to the care of skilled Negro crews at a naval ammunition depot on this island In the Pacific.</t>
  </si>
  <si>
    <t>                                           Dream, Workfor Better World, Werner Advises                 BV V. W. HODGES                 In a marvelous unu j. loving Founder's Day message her' Wednesday, Dr. Hazcn G. Werner, renowned religious leader and thinker and the beloved, pastor of Grace Methodist Church of Dayton, Ohio, warned .-or :the ^terrible, lessons of ^War,' 'Americans pre                 not yet awakened to a consciousness of their prejudices and p.: that the dream of equality for all peoples, the dream of the economic distribution of goods and services, and the dream pf the supremacy and sacredness of tho individual" must become a  and a way of life for America and for the world. Addressing the students, faculty alumni and friends of Clarl: Col- lego on the occasion of the mr.titu- tlon s seventy-sixth anniversary i exercises ,Dr. Werner paraphrased his printed -subject. 'Perfectionism and ProEress." with a sub-title. "The Soul's Imperishable Dream." which he made as real as is the chaos that engulfs the world today. ACADEMIC  Beautiful Davagc Auditorium -of dark College formed the setting for the Founder's Day exercises, which were preceded by an  procession, consisting of high-ranking officials, faculty participants on the program and members cf the 1045 graduating classes. The exorcises were presided over by Dr. Goodrlch C. White. PresiJcnt of Emory University and President of the Clark College Board of Trustees, who. before Introducing others for greetings, himself conveyed words of felicitations on .ll of others members of the Board of Trustees: "It is a privilege and n great honor." said Dr. White, "to have watched the Inspiring development of Clark College In cooperative venture ana p. being enacted by the Atlanta Institutions Is attracting the  of educators all over    ; country," the Emory President, said. "and the Trustees are proud to                 some small   111 it.." Miss Bernice Miller, member uf the class of '45 bore greetings from the student-body. Mrs. Sara H. Cureton spoke on behalf oi the faculty and termed the college as a "_light lor students of the past^-and -- wE.i'L:; S'mon.President of the National Alumni Association, 'called' upon the prospective graduates to "remember the  Rifts others  made in order that they might become torch-bearers, thus reaching back nnd helping to make possible a brighter day for their Alma Mater to help others in the same inspiring manner." Dr. R. E Clement, the President of Atlanta University speaking on behalf of Higher Institutions of Atlanta termed Founder's Day a "fitting and proper time to nurture our minds and spirits with the achievements of the past by this Institution in its  and noble endeavor to assist        men nnd women to gain' knowledge and wisdom Following these messages of greetings. Dr. Werner began hJs inspiring address by admonishing his hearers to "keep on dreaming about a world of enduring peace and moral righteousness; dream of government founded upon the will of the governed; of economic opportunity for all peoples, and of individuals seen nnd  as ends nnd not means." RECOGNIZE PERILS The Methodist leader pointed out that in spite of the contradictions of the present, we believe In this dream and the possibility of Its attainment: however, he said, we must recognize certain peril.; 'It will be necessary to do more than just dream of a better world. To begin with we must put tin. ideal down Into an imperfect . situation. "There is a peril In Perfectionism," declared the speaker. "It Ls the peril of demanding a whole loaf or no bread at nil." We lost the opportunity presented Ijy the (ConUnucd on page 6, col. 3)                 Dream, Work (Continued from race 1) League or Nations  grounds. "As a great world enterprise, the League was not' 'defeated because the majority of people were not interested. Rather, it was became the opposition was  enough to set us to throw overboard the whole plan .on the basis of. the weakness in one of its articles. The Ohio minister further warned that there is a different'; between a "make-shift"  of view which merely adopts what is "expedient" and the other' point ol  adherents press on the the. goal." LIVE..WORK TOGETHER In , the leader counseled, "the dream of a dream better world will come. For most of us no other world is possible When It comes, to the .question of race relations, both Negro and white need to. adopt the belief that living and working together Is creative of good for bath,. We need a a conviction that living at heart j of us that will cause us to move out in the enterprise of Justice for all. The Golden rule Is the basis for our hopes. here," he . Dr. N. J. Crolley, member of the Clark: College Board of Trustees and Field Representative of the Board of Pensions of the Methodist Church, read the scripture lesson. Dr. J: B. Haywood, President of Gamman Theological Seminary presented prayer. The dart Colleg-Mixod .Chorus offered music ffor the exercises. i</t>
  </si>
  <si>
    <t>                                           In a marvelous and moving Founder's Day message here Wednesday, Dr.Hazen. G. Werner, renowned religious leader and thinker and the beloved pastor of Grace Methodist Church of Dayton, Ohio, warned that in spite of terrible lessons of this war, 'Americans are...</t>
  </si>
  <si>
    <t>                                           The City Health Department announced this week the births of 52 babies in Atlanta families. The names of the parents, their addresses and the names of the newborns appear here as having been born to Messrs. and Mesdames:</t>
  </si>
  <si>
    <t>                                           Daphne Willoughby had thrilled North Wintridge when she eloped at 17 with Carlo Abruzzi, a concert violinist. For eight years, until his death, she lived abroad. Letters from her to Kate Dennison and other friends back home were masterpieces of romantic...</t>
  </si>
  <si>
    <t>                                           EVENT- Sergeant Hectert Hlghtower, son of Mrs. Aiinio B. Hightowcr of 182 Chestnut Ave i.ue NE this city is celebrating his  ifirst'  anniversary Somewhere In Italy. He has ttcn in the service 15 months. He is the husband of Mrs. Cal D. UiRhlov,-pr of Ili2  Street, NE, wlio Joins with other members of the family and the host of friends in .? him v.  birthday and a speedy return home. He is making a fine record for himself In the service.</t>
  </si>
  <si>
    <t>                                           The services of the American Red Cross in extending Rid to Negro servermen presents are described ... presented by the... Red Cross office last week.</t>
  </si>
  <si>
    <t>                                           Seven of E. Penninf's obtaining soldiers were sent to Atlanta, Ga., on February 17 in an all-expense paid trip and were royally entertained by the Servicemen's Center which arranged a blind date for each of the CI's.</t>
  </si>
  <si>
    <t>                                           MEN STRAIGHTEN IIN'IfiH V It Mil I'KltMASKSTI.Y IS  1  HAIR . Amuzlni; .  nlv month* mi mutt ~.            .     *   not  liM; . Ureulur  SI.IIO. Thrifty .lumbo , *?.00. 8*ot C.O.D. plu*          *.      - mar* . Acrnl, .tr.1.   COMPANT t!l            Act.. Brookl.rn 17. V. T Drpt. aw FOR MEN ? II  j^., Yo""" a rii" A. P^\ .% nr'~1  Mrly JK /v^y  5C$ VJ?; 1 Ittlion of .o,.l,i-li. ~/7i--- ..',i7!l i4s 13W3SJ     e.  . CAItTOONS        Ij.II. SiluulKiui Ciil M1OI6* Mlc O^.L Stuff Art Slu.lin clc. JOKES 111. ". . ani ! I* II O'l OS Don't : Supply Imulr.l.        61      : to pay for   ,i. Art Humor Ilii.anu. Wr  po-  I  ABX 4  Older  wum-.'  Luck if hoc  V. BOOK CO. *Z W. U. Drp(. 1Z4-O, New Tork 11 S l-Usualiy prompt K Bl S-VsuaJly     ^1 3- Always  y/s?~                 ^^^^S and Rough Coarse Skin. Dr. Kred Palmer's Skin 25c Wiiitenkr starts to work the minute it is applied. AT ALL New Days' trial offer must give satisfaction or  your Money Back. ISc at all dru^sts. Use only an arS directed. Calenol Co. Box 2 1. Atlanta. Ga. Mm^^BK I AUO TRY OK.   *KIN DrLICHT  OAP M. ^^^^.^~V J DR^f RED PALMER S ElaS  WHITENER</t>
  </si>
  <si>
    <t>                                           Ma con Wa r^Pl ant Hires Race Women Ma con Wa r^Pl ant Hires Race Women                 MACON, Gil.-      - For the first   It opened in. 1942. the huge naval ordnance plant hero has Negro women working on the production lines. Employment of the women followed a long and  fight led by the Macon branch, March on Washington Movement, aided by the southeastern regional office of the FEPC. which ordered W Lj. Shiver, manager of the Macon office. UCES. not to refer any more women employes to tht: plant until the application of hundreds of Negro women had been given fair consideration. MACON, Gil.-      - For the first   It opened in. 1942. the huge naval ordnance plant hero has Negro women working on the production lines. Employment of the women followed a long and  fight led by the Macon branch, March on Washington Movement, aided by the southeastern regional office of the FEPC. which ordered W Lj. Shiver, manager of the Macon office. UCES. not to refer any more women employes to tht: plant until the application of hundreds of Negro women had been given fair consideration.                 Ninety per cent of the plant s employes are women. Chlel opposition to the employment of Negro women, curiously enough, did not come from either management or the employes, but from white Mncon housewives, who feared  of the barriers would rob them of maids, cooks and nurses The number of the women employed was not disclosed because of security reasons, but Mr. Shiver revealed that they were members or the first class of Negro women trained Rl. the Macon Vocational school, which previously lind barred Its doors to them. Ninety per cent of the plant s employes are women. Chlel opposition to the employment of Negro women, curiously enough, did not come from either management or the employes, but from white Mncon housewives, who feared  of the barriers would rob them of maids, cooks and nurses The number of the women employed was not disclosed because of security reasons, but Mr. Shiver revealed that they were members or the first class of Negro women trained Rl. the Macon Vocational school, which previously lind barred Its doors to them.</t>
  </si>
  <si>
    <t>                                           Police Say Bug 'Gone For Good' Police Say Bug 'Gone For Good'                 "The bug" is on Its way o lt- nnd Atlanta is at last going clean no far as numbers and the lottery is concerned. City Detectives G. W. Dens, more and W Allen of the lottery sound, told a World reporter this week. I "The bug" is on Its way o lt- nnd Atlanta is at last going clean no far as numbers and the lottery is concerned. City Detectives G. W. Dens, more and W Allen of the lottery sound, told a World reporter this week. I                 They reported that there are still a few small Independent operators doing business In tne city, but with H continued press on them they would soon be listed among the missing. From all Indications the police are nut to kill the last of this city s vice rackets, nnd since the campaign on numbers  nd the lottery, known commonly In Atlanta ns "the bug", members of the arresting nnd prosecuting CToups have been highly commended for their activity in that direction. Police feel that practically nil of the big vice rackets operators have Konc in  until things "cool off" a bit, but Detectives Dnnsmore nnd Allen stated that there will be no cooling off periods,  nd that their efforts to wipe "the bug" from Atlanta, from Negroes and whites, will be Just as vigorous nnd relentless as ever before. Trtev feel satisfied  with the backing or Crimi. nal Court. Solicitor Llndlcy W. Camp, and Solicitor General E. E. (Shorty) Andrews, chief prosecutors In the lottery cases, they will be able to continue t. efforts to run every operator still doing business even U on the small scale, from the city. CLEAN-UP AGAINST ALT, There has been no complaint against a lottery clean-up here among one race only, but the drive lms been centered on nil operators, with color forgotten. Officers In making arrests have hauled In the biggest operators first with most of these being whites, who had i large numbers of Negroes hired In their Illicit trade.. No one or any number got the signal to continue to do business while other3 were They reported that there are still a few small Independent operators doing business In tne city, but with H continued press on them they would soon be listed among the missing. From all Indications the police are nut to kill the last of this city s vice rackets, nnd since the campaign on numbers  nd the lottery, known commonly In Atlanta ns "the bug", members of the arresting nnd prosecuting CToups have been highly commended for their activity in that direction. Police feel that practically nil of the big vice rackets operators have Konc in  until things "cool off" a bit, but Detectives Dnnsmore nnd Allen stated that there will be no cooling off periods,  nd that their efforts to wipe "the bug" from Atlanta, from Negroes and whites, will be Just as vigorous nnd relentless as ever before. Trtev feel satisfied  with the backing or Crimi. nal Court. Solicitor Llndlcy W. Camp, and Solicitor General E. E. (Shorty) Andrews, chief prosecutors In the lottery cases, they will be able to continue t. efforts to run every operator still doing business even U on the small scale, from the city. CLEAN-UP AGAINST ALT, There has been no complaint against a lottery clean-up here among one race only, but the drive lms been centered on nil operators, with color forgotten. Officers In making arrests have hauled In the biggest operators first with most of these being whites, who had i large numbers of Negroes hired In their Illicit trade.. No one or any number got the signal to continue to do business while other3 were                 run down The drive here has been on all and those who were caught suffered severe penalties, mostly sentences without fines. Tills is the one factor which had much to do with breaking up the operator, the World was told. Although pleased with the work already done In blotting out "the bug" In Atlanta, police stated that another of their enemies had stuck his head out and was making efforts lo grab i lie monies once used In the lottery. They said their gravest worry nt the present time Is the making and selling of  "moonshine" . which :s in violation of the law. Several Important arrests have been made in thl3 connection but police arc keeping their eyes "peeled1 for others who (Continued oil pace 4, col. 3) run down The drive here has been on all and those who were caught suffered severe penalties, mostly sentences without fines. Tills is the one factor which had much to do with breaking up the operator, the World was told. Although pleased with the work already done In blotting out "the bug" In Atlanta, police stated that another of their enemies had stuck his head out and was making efforts lo grab i lie monies once used In the lottery. They said their gravest worry nt the present time Is the making and selling of  "moonshine" . which :s in violation of the law. Several Important arrests have been made in thl3 connection but police arc keeping their eyes "peeled1 for others who (Continued oil pace 4, col. 3)                 I Police Say (Continued  pace 1) have forsaken the lottery and turned to bootlegging for their living. If there Is no letup police feel that "the bus" in Atlanta has sine to stay.</t>
  </si>
  <si>
    <t>                                           "The bug" is on its nav out and Atlanta is at last going clean as far as numbers and the lottery is concerned. City Detectives G. W. Densmore and O W Allen of the lottery squad, told a World reporter this week.</t>
  </si>
  <si>
    <t>                                           200 BEAUTY QUjEENS j Presented by the B.-T.--U. of JIT. ZION BAPTIST CHURCH Added Attraction Till; STARLIGHT SPIRITUAL QUARTET Monday,. Mareli 5, 1945 8:30 P. M. M. P. Bostick, Director Bey. J- T. Dorscy, Pastor j Special S1.00 Residing for 25c JPooiMntJky. s; md months Given Free pfM, Madam Eva Pi-~^ SHE GIVES *jP-S3^. -FACTS AND YOU KS^P GET RESULTS     lr^ World's CT*~~      . ft*W B M After jwi . nU oth* r?,!?^ j-*  w, come with        *        to Madaiu Kfa amf f^;.      knows  CL-1( .70a           with         "or  or T-ocU, be..  irf torn*. at obc*.. Of tier hoar*. 9 a.' m.~   10. p. -jn^, Dally and Bandar. 1015 -W.^        "8t.. N.-.W.. Atlanta. Bfl-iure to,takk- tht. Innuin Tdrtl etr^t car.-. Pleece      the car conductor to Irr yoli off two *      on      other  U* of Kln^-Plow Co.. Atlanta. Georgia. ^ADAM MINGY A Genuine' Fa'.-sist 2Sd Xrus Adrt=sr.  Complete Readings 50c n.  n *!i( asking a MnS .'S^8 Blc  slic Will g^j^raj tell  secret  and Krcalcsl aiu^~i S  and Iiqw lo    '~?_H sal" 'Owni. Tell never ^Y^!f-jS  advise on all      J! affairs of life, such ..  4  Bi .love, influence, ' matters, business, in fact, in mutter .what jour problem may hr. ^ a' loser,  y%uur hick. Gai.u."*the   ^anl . in-Ufr. 'See Jicr        as tins ^,: ;Imv!- price, may  br . .40.. years experience fen sears. MnV' Atlanta.- !s 1        'S:EOarantee  t!iat no better readies or faster results can Se  at any price, anywhere. BsaiE?   -Dally  Sunday !0 i    tl!: 10. p.- tn. i- 60S McDonough I Itoad^ across from Federal S*rison. I Take "Prjor Federal Prlsuii car to j cimI of HneT I/*    for Neo*t *'%%n.</t>
  </si>
  <si>
    <t>                                           To be admired is every woman s heart s desire And  can add more to your beauty than to have  which is smoother, lovelier, softer to the touch. And that s why Pluko is such a favorite of women everywhere. Itdoessomuchtobeautify your hair. You' will have hair "looks" that men admire  other women can t help but envy. You Can Depend On hi A genuine Black and White creation, Pluko really helps make your hair look lovelier. You can comb it out softer and smoother. You will be able to arrange your hair in so many flattering ways- all the newest styles. Your hair will glisten, for Pluko will give it a new lustre. And Pluko will keep your hair looking well groomed, smart and good-looking for hours. J\ Don't Forget % Romance iMM  has the thrilling /' fragrance of perfume. You JjA 7j\ will love it.'And men will -Cy*^'" love you for it. It lingers and clings to you irresistibly. Try Pluko today. You'll never be without it once you see how much this perfect hair dressing can do for you. And it s so inexpensive. Sold in big economy sizes everywhere. Amber 25c. White 50c  j Always be sure that you get  iii:ii H;travi;</t>
  </si>
  <si>
    <t>                                           Br. THOMAS' FORMULA for LEG SORES Jtut  Tha very  application of Dr. Thorn.!' Ointment-* doctor', formula briny  relief to old lee         re bard to bcal. It's wonder.  toothing medicated  Sueccufully  by Dr. Thonui In hi* ewn practice for many      . will nol Interfere with your dally work. Don't       -Order a J.r of Dr. Thomas ointment  o-   - Soil in plain wrapper hv trl.jm Monjy byck If nol / *       . Or endow  1 and we pay doi1   s Glenn ProdncU Co., Hoboken, N. J. Dept. 3-R. VOakCidi^SaMal bm* *  p*mrrm tm      MONET. RCCCZMl IOTH. 8S. U re*      w at iSn.       Blck  kta     ;     OU msr he *nl wkat    need. Cwlalat *      4    thr Loaqwrar Root H OO/HANTiacD rwU 4olr              oH.         la  ba BIUk.    *v       ~~"~     Hb fall       (l  mattes, only tl.tt             r 0.O.I) VIM D**    .     HIcfc John     Cm*  Rantnrian on     7    ^ fi       -t. mv ewi MM be MfoooX. Nature Product* Co. Dept 8OK   i w. wn      it n. r LET iBi hair PRomjcrs  ff-f Treatment IMPROVE HUT nn Y0"H Wv S2'00 HAIR RB  Uilr  Jlf r. Dex Mlt MoaenBinwr 5. Alabama</t>
  </si>
  <si>
    <t>                                           'jOn9 *la^  to6n depend* on a  scalp condition!  -9 b dry iS^Mllk-M tain Ml   aaaV n^BT ram           km and              P^^^^H^ Browa Scala Oinftacttl at oar rua tot 7 daji. H rim     no*} L ^TTT^    4  %         . tcad k Ura     IU joi l^n^A us* n /n -j nay TtllAI rou WMr M j^^^Hom MM VHI . MI4 ^^^^^^HcB If your Balr la as bad  mod you ve      - ^^^^~^^^1        ol UUa  back guarantee- and ui II thai f^S^^^^^KL D0W f* caa do your hair      good. SEND NO MONEY. fl^^D^^^^   Pay only S2.       .  you muat bo ^^^^^^^HB  or It coals you nothing. It may b* wbal you bava  V^^^^^HV^.  tar a  time. Write today to: ^P"aP*\ MADAM LILLIAN . 3         Btallon J TO Paor Tax      Tork M,       AT Att WO*          $*     $~9et</t>
  </si>
  <si>
    <t>                                           MR. R. HENRY REEVES, local null-carrier and outstanding churchman, was signally honored on his birthday on last Wednesday evening with a surprise party tendered him by the members of the Builders Sunday School Class of Allen Temple AME Church, of...</t>
  </si>
  <si>
    <t>                                           Arkansan Proposes Separate Primaries                 NEW YORK- (ANP)- S?n Jno. I. Moore of Helena' lnst week introduced a bill In the senate, which Is proposed both to secure white supremacy in Arkansas Democratic primary elections nnd prevent Negroes Trom voting for state . Should the measure become Inw                 Negroes will longer participate In  elections os they did -lost summer when several hundred colored were permitted to cost their 'ballots. Arkansas' Oov, Laney                 ore the net. According to Sen. Moore. tlio proposed bill would separate the primaries to nominate candidates for federal and  . Arkansas Democrats would, vote in enc election for U. S. senators. i congressmen nnd Democratic national  and  nnd In another for state (Continued on pace 8, col. 4)                 Arkansan Proposes (Continued from Page 1) i county and township offices. i According to the Arkansas  the bill had .s MiMiort especially from Eastern Arkansas counties where Negroes outnumber while: he said that 30 of 35 senators signed the bill with two absent. Another bill, n companion measure, was also Introduced: this  would provide that persons v.ho  falsely to an election judge with reference tc his qualifications v.-ould be charged w i th  guilty of n .</t>
  </si>
  <si>
    <t>                                           NEW YORK--(ANP)--Sen Jno. I. Moore of Helena last week introduced a bill in the senate, which is proposed both to secure white supremacy in Arkansas Democratic primary elections and prevent Negroes from voting for state offices. Should the measure become law...</t>
  </si>
  <si>
    <t>                                           TIRED 'ACHY MUSCLES I I YvS^SXspfoin* Strain* Brvists Stiff Joliitt I</t>
  </si>
  <si>
    <t>                                           LOANS We make Loans M Low as $15 on Any Make Automobile. WALNUT FINANCE CO, 1 4  '/z Feaclitree SI,. N.W.</t>
  </si>
  <si>
    <t>                                           CHURCHILL 1 I Stor Vocalist  font? CarWt lad I 1 Mf% Saow White. ^j-sm Try This New Amazing COUGH MIXTURE Fost Working-Triple Acting You Feel the Effect Instantly The King of all couch medicines for coughs or  irritation* resulting from colds to cold wintry Canada. Is Back* ley s "/' Mixture- Fast Working. triple acting Buckley's Mixture quickly loosen* and raises phlegm lodged in the  -clears air passages soothes  raw tissues, one or two sips and wont coughing spasm eases. Yon Ket results rut. Compounded from rare Canadian PintBaliam and other  healing Ingredients Buckley's "CANA.DIOL" Mixture ta  from anything you ever tried. Get a bottle today at  good  store. WUbiaiblllllS/^ri/OT For quick relief from  caused by . athlete s foot, . pimples nnd other  conditions, use pure, cool inc. mediated, liquid D. D. PRESCRIPTION. A doctors . Greasclcss and KUinlcss. Soothes, comforts and quick!/ : . 35c          .        back. Don't suffer. Askyoui  today for PRESCRIPTION.</t>
  </si>
  <si>
    <t>                                           FIRST DAY OF SCHOOL When the San Francisco Conference ends, the delegates' will have experienced their "first day of school" for the study of the complex problems of world peace, and for the develo]~ ment of a curriculum for a permanent school. Everyone everywhere should clearly understand that this Conference is the most important international meeting in history. We can be thankful that our nation is represented by wise and experienced statesmen with a sincere desire for peace, and we are sure the other nations have the same type of representation. The Conference will furnish the leadership and the plan, but peace depends upon the peoples of the United Nationsupon their will to peace, upon their sacrifice for peace, upon I their works of peace. 1 he difficulties are enormous, some of the problems cani not be solved immediately, and compromises will be made by j all nations in order to arrive at conclusions that will be fair to all countries. 1 he Conference cannot create an enduring peace. Butit will lay the foundations for a plan for peace to be put into  as soon as possible, and which we and future generations of the world must maintain. Let us be sparing in our criticism and generous with our encouragement and constructive suggestions. And above all let us pray that the thinking people of the world will take advantage of the opportunity afforded by the "first day of school" and build continuously toward an enduring peace. \J PRESIDENT INTERNATIONAL BUSINESS MACHINES CORFORATIOIt</t>
  </si>
  <si>
    <t>                                           Maj. Gen. Joseph D. Patch, t-; Fort Lewis (Wash.) Amiy Service Forces Iriiimn; center, ron^r:itu1     /5 Willie :~ls of Plamdealinjj, La., after shaking'       with Pfc. Virtfil HucImii'i, Jr.*() of- Holly, I.h. The men arc im- of the Il.'lnl Gcnoral Service Enjiiieer Kc^'. recently  a unit citation by the war department for work on the AIcmii Hichwav.</t>
  </si>
  <si>
    <t>                                           TO GET CABINET POST- It is rumored In Washington that Hugh A. Fulton. 36. may be  to the post of Attorney General In President Truman's cabinet or that he may get the post of top adviser to the President, a Job which Harry Hopkins held with the late Presl- dent Roosevelt. Fulton served as chief counsel  the Truman In. instigating Committee. Untenatlon. I ah</t>
  </si>
  <si>
    <t>                                           KEEP WAR BONDS J3AFK      Munr.r, Jtsnrlr). Innutalirx 1'*  STEEL SECURITr HOX . Unoliln luck -  IM linn, Almotlilrl.r . Hint rlr#~        ,"V.";'"' "H""11"" I" "~nil ^ri.. Nn I..O.1~.'~. Prim WEIL S CURIOSITY !' 1'rpt. (I. IS HlritiThiTfr HI,. Phllii. (I. CAC Tell  Troubles J) IB AMBRO I  j All -nix ,,i H- y [I il*- (. t I Sec A. NOW! i    WAiinit 4:{;;i ^T Here's The Simple Easy Way That COLORS HAIR JET BLACK ^. vou CAN DO IT nt     ' I '* no *; CAo ^   for  on/ EBOn COLORS HA1 IS STREAKED. aC^ J CRAY. DULL . BURNT AND JR5'-^_J - Thovpryfirntopplij(  of BLACK STRAND \/j Hair Cotertne        1jj^ tike jut black         to hair Unit "*/0^~i ifi         . Rray. .   y -colar. And or.cn your  y   ( ^ri. you will \m ] Umotlujw   sr IL In In Keen your hair  IrKikini;  ln . ^t.   it Otack Strnmt Dplication or touch. up qa . Full  lir-,   are with':ho Bluck Strand .ThA  U only 60c Get Black Slratid Hair Coloring XtsjaiypyrdtntrifltJind know the . of .'- Jvtltl;u-khair"hj, t,w  $nLu* or  buck  '^d. CAUTION:- Blnck Strand    to    fused  *f  on Vie label. BLACK STRAND  tr BLACK HAIR COLOUINa Black Strand Co.. Chicago. III. FOR  MW ONLY? II You'll 1    nl U ^J-X your next lai;        Jw5 /  ^tj) w'''* !'1'* r8re fo^' ^^^^D Vvif Ifciioo of    1ii*   ^~33ij]_*~iy       .         P i "i  Nir/i  ^/Kqj\(       400 Cxriilaj Ttjio CARTOONS    ] H?~       Siliialions C-i'l Fhnlw Mix Club Slult Art Slu'llo JOKES    tb* yaw*!            rt (        ( PHOTOS Don't wilt! Supply Ilinlterf. Scml only *1 today nothing    * to     for thh" 'Art Humor Booinu. 'We pay ;. I BUYS ALL 4 BOOKS Ordir   Monty hack if not  ,., 9OAK   . 12 W. 13. Drill. I.1I-U Nfir York 11</t>
  </si>
  <si>
    <t>                                           GRANTS Known For Values Dress Clearance Spring is almost f%v here! f.fC^1 You'll want 0~-f4  a Sheer! v   ^^ ONE GROUP C^/%\{:'-.'fi? formerly up to -I -~   Now /IfT ONE GROUP /vii^^ffl formerly up to TiV^S^y Su'fV'l'K?'! '$9.98 '^M^WM Now ^^:.^iM I i $4 00 You'll want several of these at this remarkable saving. Rayons and Spuns in solid colors and bright prints. Sizes tire broken but include Juniors 9-15 Misses 12-20 and Women's 38-4-1. W. T: Grant Co. 82 WHITEHALL STREET</t>
  </si>
  <si>
    <t>                                           LOAMS TO SERVICEMEN S WIVES For .Use  ALLOTMENTS See Us For Quick Service WALNUT FINANCE CO. 1-16 is I'eacMice St., N. \V. ~!F RHEUMATIC PAIN I HAS YOU  *ND HOPING i Tl-n ; f.j yourself  rhii. c//Be. rev''* w..r, crf, -c( i this msd-Jiic Opts   T\n  tct^-ard   !ivra!   others     enjoyed.     . up i cj:"  you re going tu u="  (hat Eits to  r?rk ih- pain. Y=,, ^jni h Ap j-eu can ft-!. 3o get C-;i;;. if  suffer from  p-ji'.i m"~Ci I !ar     . Don': be put eff with ifs 01 but: Caution: L's? ...nly ^n di"".-l Tim t=!!!e purchase pries  jVd H net  ati fi-d. 60c end Sf.~!. S!iC-: j N B^ Y CARTOONS YOU LL BE A RIOT AT i YOUR NEXT STAG PARTY i+h      tire cc  cf  I it tcc-f ]t               (-~  0 PAOtS OF BED HOT . CAR. ICONS. . CIM. PHOTOS. 1 NITE ClUB JTUrr. APT , M Irr ,-r. Cf'Fnrrt I P. HO T     1 J OK E "ST tin.. Dcni  ull Sopplf Afidltdr . Sni  41-   Ut Ftf- fof      tn honor tauna. Wt f? rc-~j-. cont      / $1.00 BUYS ALL- 4 BOOKS ^.Crdsr Years f fowl! Alto looks; ^42 WestY^ New Tori 11. N- T. Dept. AP.</t>
  </si>
  <si>
    <t>                                           ij$- :'*n^^^/-f -K \yfa BBJjlsSMi/ 1- c*\ f^  V-\\ *'.^"v/' ^'-' very M-arcc! Avnilnble ij .4-^^^~   f^t Wl d? 8*l_ *i "I \L  ty- ^^JmHagg supplies nrc  below )    ' W m\ ^^^t?  tt HOC, '     :'JHBl normal civilian require-   -Z-~  *     \ jr f j "A"*"' A_ gWW y^S38    8       8 moms. I* I case bring c^                 ^'^ff   , WHAT CAN YOU SPARK THAT "T J^.^^ Ten Pep* You (ip! ^^^^^^T^^ T1 Z^%?~1!~t !*^u.  *,L11~,POINrS, I SOUTHERN MANOR "^B^* ^i^TI^2^R "Rli STA" J x^z Si? Jm tft '/4pi;3b' Tfcc Miller's Masterpiece $ DRESSING 20c        TEA 23c i 87 /r- v I argo M3 B VS1 B  H pkg- *";~C Colonial s cT^k  4'^ 17c TETLEY TEA 25c i ^8onia" i^gsj J FLORIDA GOLD GRAPEFRUIT ^ '   ' %*~$~~~* Jpennma.d apple  R  TEA"C25C Scl f Rising Flour  t j SAUCE 13c SV8^8CK 2r* 14c   ^  JsiABiSCO 12c I TENDERLEAFtea -c 24c I ~;T^s^ I  -~s 17c I SS feW I 'I" LI BUY S m m 9'ur' 9C COMPLETE SATISFACTION OR YOUR MONEY BACK ~^J .I... 1 1 ii ~^5 I^W%fe^~ TELL AH sJ .^.2ScI Tyfc UA W :i SH^S^^^EI ^^^^P^^^^^ iH ^^^W v^^^^^^^^^V ^r^^^r^^^^Ri ^^ff^ff^^^^F ^^^^ ^^^r^^Wr^ ^^L^ 0 ARGE WELL-BLEACHED I g^g^g Lb5' 35C P  J QCetoy,^ , 13C fl BREAD TRiPLE-FRieSH fVi-Lb. 11 JCj i If Lettuce h- 13c 1 Sjjujg ^1: j .SandwlLh Loof Ii  I 9 lie 11 Lemons ZLbi*~**va [DL9IB I^S'-S^ -k n0 2 4 ^c*  J ^jf* 3 COFFEfe, Sb" 2 41 c I J 11 ***^l-~- U FA^Y KILN-DRIED S 99 H la all SIZ.ES I V A WIS \{ ^Bk n si . b  -l^-^.-.^^ I Q ORANGES I 25C JI^   Cleanser' Pk9</t>
  </si>
  <si>
    <t>                                           ManStotfo Death In City                 Willie Willinms. 48, Xi. 318 Corput street, NW, was -by police Thursday as Negro ' victim 20 for the year. Offljcrs stated that Willlams was shot imr times *lth a revolver shortly alter                 night Wednesday at his home and died almost                 20                 stantly. He was snot once In the left chest, once in                 the lower right side, once In the lover neck and the center chest, and was pronounced dead when  from Grady hospital arrived at the scene the shooting. Arrested by Investigating officers and held as a material witness was Mrs. Anna Stephens. 53, of the Corput street address, and said to be the  wile of the slain man. Wanted for the killing Us Alex Patton, of the same, address, who U said to have shot William* following and argument and fled the scene. :'j.j. TOOK UP ARGUMENT Officers stated that on arrival at tlie slaying scene toey-lound the victim lying on a porch apparently dead, and that after calling for aid from the hospital their Investigation revealed that the victim had been drinking, and went      and got Into an argument .with the Stephens woman. It was learned that she was also drinking and furthered the argument with WllI . Police said that during the fuss between the pair Patton come in and took part In the altercation. then   Inside the house, got tho Stephen; ^roman  and returned to the porch where he fired on the victim foar times. Pollen were informed that the suspect was alao drinking, und added that they found an ice pick stuck. In the wall of the porch near WlUams' body, but were not certain whether It had any bearing on the slaying.</t>
  </si>
  <si>
    <t>                                           Willie Williams, 48, of 318 Corput street, NW, was listed-by police Thursday as Negro homicide Victim 20 for the year. Officers stated that Williams was shot four times with a revolver shortly after midnight Wednesday at his home and died almost...</t>
  </si>
  <si>
    <t>                                           DEMOCRACY AT WORK This official Navy  shows, par' ol the editorial stall responsible for editing Uil* "Masthead," a very readable periodical published at Treasure Island, Calif. They are. left to right. Staff Correspondent Fred Drimmer,"" SK3c, a Phi Beta                 Kappa whu .Wiis in the publishing business in New York City; Assuclate Editor Robert E. Juluisun Y3c. lormer  editor at JiOrchuuse College;. Atlanta. Ga.: a n d Sports Editor  H. Pere;".. Cox. who formerly worked with the Los Angeles Daily News.</t>
  </si>
  <si>
    <t>                                           A pep breakfast at the Little Savoy Cafe Wednesday morning, formally launched the $l50,000 Colored YMCA Building Fund campaign.</t>
  </si>
  <si>
    <t>                                           The smooth-clicking Morehouse Maroon Tigers will be seeking their sixth straight victory tonight, when they clash with the 4905 AAF Base Unit, from Robbins Field, near Macon, Georgia. The game will get underway at 8:30 o'clock on the Morehouse College court.</t>
  </si>
  <si>
    <t>                                           ^^^^^^^^^^^^^^^^^^^^^^^B2ftK3B9V7^9!C9       5E^ ^V^^   ^^^^^v '4* Wfc ^^^^^^^^m **m^^i^^^^^^^^^m ^^^^^^B^^^^K ^^^^4</t>
  </si>
  <si>
    <t>                                           MME. LYDIA, Palmist Your innermost desire . SHSff"5p?HS Get help for your, Tsgn Ml ff-Ixxft 2 0 73 I'earlitreA^'^SvW^a Road, at Buck, jk- \JT B head, Georgia. Hfiak JB/\ ffl Brine this ad with yon. . Jrhat MADAM .7. Just Arrived In Your City 33 Piedmont Circle. N. E. PROFESSOR OLLIE PAi3nsT-        n  1   . tfv Sft Art* Yon HnlnfliyT P^HmP^ TrUa roil If .rif', EH3H B h^art true or tn\n*. V7V t^feff^^ Hi)  yea \^\ENfe2VfcJLTV  in. all       VTr* (   3 Complete Life V II*"1} V Reading 2So TffJ'a'' UWS Uemphlll ^^BcS^m'</t>
  </si>
  <si>
    <t>                                           An alleged fatal beating of Mrs. Mattie Debarleben. 46 of Route 3 Box 103, Selma, Ala., March 29, Deputy Clyde White of Prattville (Autauga County). Alabama and three Federal Officers of Montgomery, Ala., was reported to the Birmingham Branch of the N. A. ...</t>
  </si>
  <si>
    <t>                                           Singing to a vast audience with standing room at a premium, the 1,200 voice chorus under Mrs. Jessie M. Wartman thrilled the listeners with their Annual Music Festival on Thursday evening at fthe City Auditorium.</t>
  </si>
  <si>
    <t>                                           To Discuss Total Service Men's Program At YMCA                 An Important civic session Is            for tomorrow at the  noon day luncheon assembly of the Butler Street YMCA. end It Is asked that citizens In larRe numbers attend. The meeting Is set to start at 12:30 o clock. At the session plans arc underway to discuss the total Service Men's program In the city,  the relationship of the Hunter S'. Service Men's Center in the USO setup. There arc several Brave  which the race needs to face realistically. In relation to Its service to the men and women of the armed services as they pay visit* to Atlanta. It ls expected that the deliberations at the session tomorrow will aid In clarifying many of these problems. Dr. Hufth M. Gloxter of the National USO, the regional  here, and J B Blayton. member of the United States Council and War Recreation Committee, will be among the several speakers. Making the call for a. full assembly Is Warren R. Cochrane, executive secretary at the YMCA.</t>
  </si>
  <si>
    <t>                                           END MISERY! PETTI IOn IET THf [ CURSE OF DRINK ^Sagfr  your loved ones to ^-S'  n early       or spoil  ur chances for Monev. HaDDinesi,  Mltli  nd Success. Write to     HI whe knows how to break     l"~r        . Till  problem. P. Box TCI. Hollywood, Calif, NEWTON, Dept. 8CI</t>
  </si>
  <si>
    <t>                                           IN GEfUIANY     . Kusler Uw:s, Jr., .son ot Mr. and Mr.s. Foster Lewis, Sr.. is presently  with u (~:i.sirr unit somewhere in Germany. He entered the -d service .Inly 'JR. 1943, and has .served nvr-.s in Eniil.nnc  Fr:   "e. Rel: :ind friend* hope for him an early return home</t>
  </si>
  <si>
    <t>                                           81 BKLA LUGOSI in "Voodoo M;m" and .IOAN DAVIS in "BEAUTIFUL HUT BROKE" ROYAL ".1AM SESSION" with Louis Armstrong and "HAUNTED- HARBOR" ASHBY "BLOOD OK JESUS" All Colored Cast and DICK  bi **Dcvil*s Saddle          " LINCOLN "EDDIE GREENE S LAUGH JAMBOREE" AM colored cast "LIGHTNING STRIKES WEST" HARLEM "GANG WAR" with Ralph Cooper und "TEXAS KID" John Muck Brown STRAND ROY "ROGERS in "Hands Across the Border" and "DON WINSLOW OF THE COAST GUARD"</t>
  </si>
  <si>
    <t>                                           Be prepared Have a Coca-Cola r, or how to be ready to offer refreshment j^^EK^^l. The life  od sparkle of ice-cold Coca-Cola add life and sparkle to J^^^ ay . Be sure yoa have Coca-Cola in your refrigerator. IHult-         Ask your dealer for a supply. From home from to fighting fronts, ^BSffiHUz Coca-Cols stands for the pause that rt/r*ibes,-hzs become the high. ?^E^^^B^^                  / You J3^5. called by iu friendly  ^^AUIHOWtY Of IHI COCA.COU COar*    Y^ "Cokt-.BochiwwchequaUtyprod. v uct of The Coo-Cob Company^ THE ATLANTA COCA-COLA BOTTLING CO.             m i... i ?Jl!ifi*       _</t>
  </si>
  <si>
    <t>                                           UN-COVERING WASHINGTON UN-COVERING WASHINGTON                 General Makes An Accusation General Makes An Accusation                 By HARRY S. McALPIN COHHESI'ONUKN'r For  Oally World  N.H.P.H By HARRY S. McALPIN COHHESI'ONUKN'r For  Oally World  N.H.P.H                 AccoraniK lo Brig. Gen. P. W. Rankln (the last  Is very appropriate) the majority or white Ai;.;     .3 -a*e-- . lo accept scientific truth. lacking In humane . and fascist minded. AccoraniK lo Brig. Gen. P. W. Rankln (the last  Is very appropriate) the majority or white Ai;.;     .3 -a*e-- . lo accept scientific truth. lacking In humane . and fascist minded.                 He didn't use Itioso words to describe them. But he did say that the Army Is following its policy or insisting upon the separation ol Hie blood of whiten and Negroes In the Red Cross Blood Bank "because the majority or white Americans" object to having the blood of Ncgrocs Put  thc  of  soldiers. In almost the same breath he admits that thc Army Is aware and agrees with the findings of science that there Is no difference in plasma made from the blood ol whites and that made from the blood or Negroes. He admits further that It is foolish, incorrect. and superstitious to believe that use of- the blood i0f-.Kegtoai.Jnay.. cause future generations of whites to show Negroid features. "But in a democracy." he says "we must bow to the will or the majority,  wrong that will may be. That's what democracy means." OVER SIMPLIFICATION That, of course, is an over-8 . Of course, democracy envisions the rule of the majority. But it Includes, too. the protection of the rights of the minority, it countenances a national unity especially In time or war, and it discounts the "dreamed-up" attitude or the majority on the part of little  of men who permit the wish to become father of the fact. There have been no polls, no surveys, no vote on the question of whether the people of America are the kind of . dumb clucks, inhuman monsters and fascists that Gen. Rankln brands them as being. I don't believe the majority of the American people know that the Armv insists on this policy of separation of of blood plasma by white 8nd  . I don't believe they would vote for the continuance of this policy If they knew it existed and were told of its baseless foundation In science. I don't believe they would say "let my son die rather than put the blood of a Negro Into his veins to save his life." And who can Imagine the dying soldier asking "where did thut blood come from you are about to use to save his life.?" WAR DEPT. VIEWS But General nankin s views are the views or the War Department. It happens he is in position to make them so. He ls the adviser, to the Surgeon General or the Army. MaJ. N. T. Kirk. Specifically does thc Surgeon General rely on General Rankln for advice on the blood program. And to add Insult to injury, with the same Army shortsightedness that has been shown In some of the planning for strategic supplies In small arms. etc.. when factories were shut down only to be reopened again with a demand for greater production than ever nn assistant to Gen. Rankln as much as told a delegation last week that those who didn't like the Army policy could give blood If they wanted to or they could go to hell. He was a Col. Carter, and he said, with reference to the possibility of getting more blood by lifting this fascist labeling: "We are getting ample blood. Wo hare never failed to come up -with our quota of blood we have needed. It ls not a question of being desperately In need of blood. There has been a continued call only to keep the flow of blood what It should be." Of course, thc war Is going very well in Europe now, and It makes  ome people pretty cocky. For tho  ake of the lives of the men Involved, I hope we don't have any severe reverses, not even temporary ones, i .(Continued on pace 4, ool. 8) He didn't use Itioso words to describe them. But he did say that the Army Is following its policy or insisting upon the separation ol Hie blood of whiten and Negroes In the Red Cross Blood Bank "because the majority or white Americans" object to having the blood of Ncgrocs Put  thc  of  soldiers. In almost the same breath he admits that thc Army Is aware and agrees with the findings of science that there Is no difference in plasma made from the blood ol whites and that made from the blood or Negroes. He admits further that It is foolish, incorrect. and superstitious to believe that use of- the blood i0f-.Kegtoai.Jnay.. cause future generations of whites to show Negroid features. "But in a democracy." he says "we must bow to the will or the majority,  wrong that will may be. That's what democracy means." OVER SIMPLIFICATION That, of course, is an over-8 . Of course, democracy envisions the rule of the majority. But it Includes, too. the protection of the rights of the minority, it countenances a national unity especially In time or war, and it discounts the "dreamed-up" attitude or the majority on the part of little  of men who permit the wish to become father of the fact. There have been no polls, no surveys, no vote on the question of whether the people of America are the kind of . dumb clucks, inhuman monsters and fascists that Gen. Rankln brands them as being. I don't believe the majority of the American people know that the Armv insists on this policy of separation of of blood plasma by white 8nd  . I don't believe they would vote for the continuance of this policy If they knew it existed and were told of its baseless foundation In science. I don't believe they would say "let my son die rather than put the blood of a Negro Into his veins to save his life." And who can Imagine the dying soldier asking "where did thut blood come from you are about to use to save his life.?" WAR DEPT. VIEWS But General nankin s views are the views or the War Department. It happens he is in position to make them so. He ls the adviser, to the Surgeon General or the Army. MaJ. N. T. Kirk. Specifically does thc Surgeon General rely on General Rankln for advice on the blood program. And to add Insult to injury, with the same Army shortsightedness that has been shown In some of the planning for strategic supplies In small arms. etc.. when factories were shut down only to be reopened again with a demand for greater production than ever nn assistant to Gen. Rankln as much as told a delegation last week that those who didn't like the Army policy could give blood If they wanted to or they could go to hell. He was a Col. Carter, and he said, with reference to the possibility of getting more blood by lifting this fascist labeling: "We are getting ample blood. Wo hare never failed to come up -with our quota of blood we have needed. It ls not a question of being desperately In need of blood. There has been a continued call only to keep the flow of blood what It should be." Of course, thc war Is going very well in Europe now, and It makes  ome people pretty cocky. For tho  ake of the lives of the men Involved, I hope we don't have any severe reverses, not even temporary ones, i .(Continued on pace 4, ool. 8)                 Un-Covering Wash. (Continued from      1) and find ourselves faced with ever Increasing casualty lists of human  In need of more blood than now satisfies Gen. Rankin and Col. Carter.</t>
  </si>
  <si>
    <t>                                           According to Brig. Gen. F. W. Rankin (the last name is very appropriate) the majority of white Americans are damfools too dumb to accept scientific truth, lacking in humane sympathy, and fascist minded.</t>
  </si>
  <si>
    <t>                                           JEAN WORTH PSYCHIC READERS j Calls your name. Ask you no ques- . Gives the object of your visit Tells who you want to know. Ad- j vises to a certainty. Helps you no matter what your trouble may be. j All who ore unlucky,  or dissatisfied, we : it remedy. Come . tomorrow nmy be too . Kuiira  and Sunday. 0     m. to 8 p. in. Closed Wctlm- j KeccpUun rooms (or Wlille hnd Colored. I..D AT 1269 1)  I Block  City Minlln *l Anhuny Bltert, Alihand Park or Klvtr Cur to Anthouy UUfrL</t>
  </si>
  <si>
    <t>                                           HELD OVER! Holiest Inside Story Rver Told! "HOTEL BERLIN" with PETER T.ORRE Capitol Now</t>
  </si>
  <si>
    <t>                                           WIN DRIVER BADGES Six WACs1. assigned to the QM Motor Pool were recently awarded quali-  Badges for excellence in j driving  maintaining motor                 hides. The names of the five pictured above are from left to right, bottom row: Pic. Mildred Johnson T 5 Inez Clayton and Pfc. Tinsie Brazlel. top row. T.'S Priscilla                 lor and Pvt. Frances G. Barnes. The other recipient of the Driver's Badge. Pfc. Johnnie Mae Irvin. was on furlough when the group s                 was taken. Apache Sentinel] Photo). I</t>
  </si>
  <si>
    <t>                                           ROME Ga.,-- Pvt and Mrs. Hubert M. Samuel, Pvt. W. W. Derrick and wife. Cul. Irma Samuel Derrick spent week-end with parents and relatives. Seaman ... McCombs of New Orleans is visiting his parents. College students home for Easter holidays:</t>
  </si>
  <si>
    <t>                                           TUSKEGEE INSTITUTE--(ANP) Rev. Harry V. Richardson, chaplain Tuskegee institute, annual Founder's day address in the Institue chapel here Sunday afternoon, moved an audience of more than 2,000 persons when he emphasized the teachings of Booker T.</t>
  </si>
  <si>
    <t>                                           EASTMAN, Ga. -- (SNS) -- Under the leadership of their county supervisor, W. L. Ellis, the Negro Tenant Purchase Borrowers of the Farm Security Administration held their annual meeting in the Zion Hill school this week The committee in charge of the all-day session was...</t>
  </si>
  <si>
    <t>                                           Power Of Prayer ir you m 11  Ikh i.rnc ur i.~             . IVtirf.  v. SiH'ei"**. M-nil fur Tin-:  or' rit.Yvru . Tl-4^ uri-ut Httlo Ilnnk **r Itn  I17 nil I run . FREE 'Illsl "ncl          (     lit ^p * OUinANCK HOUSE, Di-pt, Ifi-G Hoi sill. Time* H(~. Kin.. N\ V.   , N. V. Do You Want Power, Love? Power to miks Toa'^ la 'all foil undertake! rover to make people     rower to earn  Power         1' to make  follow  I will Mod mu   la t)ie  or M- . Tills  and directions will help jou  more  anil  greater Influence. I'oa will be able to break '     . IF YOU AKE NOT DKI.IO11TKD. TOTO MONET IM3    BKl'VSDED,    / Mna mt roar name and . Pay         .OB  tt.l* wbu he  -anti written , of enclose H.O*   or  order aatf I W1U Day VOCtace. Write,  FREE w1lh m*" BlltMiti Seal of Laek In Mood-red  rm KsTTptlasi' mottle! PanhmeU, , 175 East Broad war Drpt. S-40 New York 2, N. Y.</t>
  </si>
  <si>
    <t>                                           May Whip Jim C row In Ten Years, N. Y. Editor Says                 Wflkerson Urges Hearers To Support Peace Proposals                 WASHINGTON (ANP) It Is entirely possible that In the "brief span" of the next 10 yean, the main features of Jim crow con be wiped off the face of. America, according to Dexey Wllkerson, executive editor of the People's Voice of New York and former professor at                 Howard university, "The wartime coalition on nation. 1 unity which has  broad and In which the Metro to a more and                 more Integral factor," he declared, "will have to be extended and strengthened in the period ahead It American workers can find jobs and In which Negroes can move (orward. In the achievement of such objectives as represented by the Dumbarton Oak3 proposals and the Bretton Woods , the struggle of the Negro people must play the decisive part." Wilkenoa addressed the Capital'                 Press dob last Wednesday and related the cause of American Negroes to world developments. Briefly he reviewed the plight of the Negro following World War I and  that the present represents "a much contrasted picture." He as. serted that things arc In the process of change and "In the direction we wont them to go." "It Is apparents," Wllkerson stated, "that If we achieve such a postwar world and set up an enduring and stable peace, we will create thereby the conditions necessary to prevent the kind of post-war reaction against Negro people which followed the last war."</t>
  </si>
  <si>
    <t>                                           WASHINGTON--(ANP)-- It is entirely Possible that in the "brief span" of the next 10 years, the main features of Jim crow can be wiped off the face of America, according to Dexey Wilkerson,executive editor of the People's Voice of New York and former professor at...</t>
  </si>
  <si>
    <t>                                           INDIANTOWN GAP, Pa. -- Pfc. Anderson Goodman, husband of Mrs. Daisy Goodman of 202 Hay good Avenue, S. E., Atlanta. Georgia, has been awarded the Good Conduct Medal at the Indiantown Gap Military Reservation, Pa. Pfc. Goodman entered the service...</t>
  </si>
  <si>
    <t>                                           BIRTH REGISTRATIONS OFTEN PREVENT  In proclaiming May l Child Health Day, President Roosevelt stated that many physical defects which handicap adult citizens could be prevented or corrected with proper care                 during childhood if detected in time. Tha baby above was born with club foot. The defect was discovered through information given on the baby s birth certificate when the child was registered. Now.                 through treatment at a public health clinic, the club foot will be corrected and the baby will not have to co through life with that                 handicap. (Labor Department photo from OWI.)</t>
  </si>
  <si>
    <t>                                           MEN STRAIGHTEN UNRULY HAIR  DC  TKRATHKNl  ft- .  art ilf month, on malt      . Dm* mt .     . Bdhiter (1.00. Thrittr .lambo KM*. ~*ml 0.0.0. plm       . MuuT-- saal^ ~~{~.       .  STRATE COMPANY (f PUUnuh Ar*_ ltr.~     IT,     .  W</t>
  </si>
  <si>
    <t>                                           PRAYER Miracle* are thr result of prayer. Have von a problem? Are you  or worried? Have yon poor health, money troubles, lonely or discouraged? Would you like more happiness, success and rood fortune? If yon have a problem, here In good new8 for yon. Send your name and address and 3  stamp for full Information to the new Glory Fellowship, Box MX. Bridgeport, Conn.</t>
  </si>
  <si>
    <t>                                           If You Are Between The Ages Of 18 And 60 There Is Essential War Work For You At DeerSield Packing Corporation BRHXiETON. N. .1. Standard Wage Rates Music While You Work Transportation Cost Advanced Low-Cost Housing Y' Recreational Facilities Clean Work IK YOU ARK NOT NOW EMPLOYED  tf ESSENTIAL INDT STRY- APPLY AT THE 0, S. Employment Office I'll MARIETTA STREET If ITruler 21 Bring Proof Of Age</t>
  </si>
  <si>
    <t>                                           L*tok Your Very Smurteis on This y jpr'!  :!!S**^ JeSfe t?~ Easter Sunday! jvi  gf A Start spring off right! Feel smartly dressed  family goes ^^L^^  ^SteBte. W* I' Easter ,r l jHS^_/r^ l^k^i j cress )^l     'Si SS^ -^1 4  8B '"d de ntr ( rt'* d"" W"~' for -^Si*OT^ 1 H TC r; ^Mfc^^Tv ^w^l I       floral prints on coo/. Easier colors ol lima, I  H r*V y^g ^%; v:. J ^J I ^ blue end . In sixes horn 9 to 15. ^m. j M 0  A/*^f] t \^m B'oimcm'*   *~~rr 2-~~icc#r S i -AS v u^*^!^ fi:To if R .1 ir^OSB P^Jj^O^ 'jj^yT^^wB ^^-'/y^^*/  priced, cool, crisp  in slimming dot*. y^ ~"v-' V a*      V'^^v^w^" fj^ ^t^^tr Hrocdcl length slee*cs,  pique  finished ^3 'v'~ tt \"^^PSSf *^^V\vvS^   -B%s'~$Sm Wl''1 'ol'~'  '    - Summer co ors or rose, blut and  P** Attitisiito Voltie.' Low Price! IHstinpuithcd taster Bci(j Barrttu Kt      aJ. \^.-=*~'  g Better Suits Hats I /oui buy  or /ly women.' (n plenty n   ^i'^'tf^'B* B^iVl"S# rl Sketcned is iust one of our  hats JMLiCAkS ~/    JH-J im. JB.     9 M i-?.y of limt /of foster too. All wool fabrics in- JVj %'r eluding suedes, twills, crepes, flannels and Jewelry is to on foster outfit what frosting is to on Angel Food Cake! Sterling jad  p Shetlands. A budget buy! Pastels, black, outfit. Choose yours to match or contrast. ,,7re/.    ,  to match or these classic, smooth sterling . Com*  1$ novy. Siies 9 to 15, 10 to 18. 35 to 45. We will help you select the right hat. see our nice collection! Budget priced tor your pleasure! Efl $*''~' H</t>
  </si>
  <si>
    <t>                                           FOR NtGRO'COLUOiS.. M.G.M. tinging ilor, proudly           lent lo UmleO Wegto       '  ij, -llj:.-.; ~-'-'~!t Williom      *Jr. (led),  Kcreiary ol the Fund, and Ihomoi A. Morgon (), president of the Sparry Corporotion and national chairman of the , accepted the . Miij Home will  ot member of the Hollywood committee doting the United Negro College fund t current national appeal lor 1.550,000.</t>
  </si>
  <si>
    <t>                                           Aggie hurried along and, presently, he was in the main cellar.</t>
  </si>
  <si>
    <t>                                           I Madame Rose I.mik Who's Hem! PALMIST l"^.          '~pt- CiiuruiilreiJ. Tell,   .,  uia(.     fiu unil future.             ui*~1       but loll* yuu J *** nU  oil UMiit In  KirA^R      KiniifN.  am]  94*B.5 "r '"'"I"""      . health, H4     . Ml* whom M y  "HI  untl  BSi^^W             , *    ^ I   ltt.  vll IiabSS^   , Mumblliir ' and I J I  I'ick of nil . ^l I I Hvitdliic!~ Sfiu (11117 and ^V/ 1 Nu.Hli.y, H n. m. In p. ""TlMlla r m. You   hor  Hum nil tillie a.        \n no  ho unit ar * un  Hint ,-            in l.^alr.l nt Juncllou nf Itmilr *  l"l Ilimrll' mill Iti.n.t 100(1  Mill II, in,i. ii,i Miro (,i Ink,' Hit irnr eur UiMirll Allll  rur. Klun nl  . Inn-nil .11111 TnUli'r,  of IVlllto     - *      C . I .n:sr '.ii- i.! j I  OLLIE PAi^nsT-Miyn .KK.\   :it  j .\rr     ?  9  In nil Kiunra. \^^^vft^  i.ir "llin i Vi.ur r\'i?miX Trnulilc** END MlSeRYT Wll DON'T LET THE       CURSE OF DRINK K1^~p^  your loved one* to A^y nn early grava or spoil' 6 ar  for Moncy.HnppinjM. alth and Saccew. Write to tt4 man who know* how to bruk a*  i{   - X?!1    your . NEWTON, Uept. SCI JP. Doi SGI, UDllywood, Calll. r</t>
  </si>
  <si>
    <t>                                           4f$@   ^ MEN 4s,. Clc CJend !cr Aq-nl n Pri*:-* Fre* Sampl* cI our Heat) ol Atabz p4t(uma odor. 81 CARY GRANT PETER- LORRE in  "Arsenic And Old L.itc" "TIGER WOMAN" ROYAL ",IRLS" Ar.a Sheridan Jack Catsou " HAWK" ASHBY "ARSENIC AND OLD LACE" Cary Grant Peler Lorre "TIGER WOMAN" LINCOLN HOOT GIBSON  MAYNARD in "Arizona Whirlwind" and STRANGERS IN THE NIGHT' HAnLEM MANTAN MORELAND in "Chinese Cnl" and TEDC IUTl'kiU in "Slnif Cowboy Sing" STRftHD 'WILD BILL' ELLIOTT i-s "Return Of Daniel Booue" and THE BAT MAN"</t>
  </si>
  <si>
    <t>                                           HAIR SCALP TREATi^f Pun mis SPECIAL 5jk OFFER $159 7\V. 3    . V-s HAIK POMADE              1ARCE NEW 51NG OUNCE JARS OIL lit  SIZE JI.95 NO MORE IKON-, BROKEN, iiu   hair. Send No Money! ?'"'  ; UM. (We Pay Po%tage] ^ YOU)! ORDER TODAr SATISFACTION GUARANTEED'-' Jessie Kare Beauty Products Co. 507 5lli    .(Rm.9O5) N.w York Cily</t>
  </si>
  <si>
    <t>                                           I Atlanta JSw^^World E^~p Published Every Mornins Except Monday VOLUME 17, NUMBER 163 ATLANTA (3),. GA., WEDNES1JAY, 1-EJiKUARy 7. 1!)J5 i I RICE FIVE CENTS L</t>
  </si>
  <si>
    <t>                                           PROFESSIONAL BLUED STEEL PRESSING COMB $2.98 POST PAID BY MAILHan famous STRAIGHT PRESS feature. rnn rt_J_~. Will not pull out or cut  *  ? (he finest      . send $1.00 Sturdy wooden handle, deposit. securely fastened. TAKE UP NUT on end assures positive tightness. Heats quickly- holds heat wonderfully-speeds work. A smooth working, well balanced, medium weight comb for Professional and home use. FITS ANY SIZE OR STYLE OF STOVE. ALVIN SALES COMPANY, Dept. XW P. BOX 821, CHICAGO 90, ILLINOIS</t>
  </si>
  <si>
    <t>                                           DAILY CROSSWORD                 ACROSS 1 Lone. narrow mountain ridge (Geol.) S. Greasy  9. Citi    fruit 10. Size of type 1 2. Turn away 15. Snake 14. Girl's 1 nickname 16. Loiter 17. Close to 18. To contend 21. Groom (Bengali 34. Coin Peru i 20. LAnd- 26. Trouble 28. Insect 30. From 32. Tatter 34. Gam* of skill   7. Young      40. Argent .i 41 Anger 42. Reference department (newspaper! 45. Musical instruments 48. English author 49. Musical study 50. Domesticate: 51. River lEur.l 52. Snow vehicle                 DOWN 1. Fickleness Kureboilmg Morning (poet.) 4. A caper 5. Decorated first letter G. Past 7. Article of furniture S. Layer 'J. Priests (Tibet I It. Anxiouf 10. Goddess of dawn 19. Crowd                 20. Cake of tobacco J2. Calcium sym 1 2.".. Irclaml 27. Roman house god 29. Depart :i0. Fruit (It. i 31. Wildness JC^'Cl ;:  . Praised :;6. Liberates 38. Goddess of beauty ;:9. Civil wrongs 4.".. True                 Mlurtlay'K Answer  14. Sport 46. Any fruit drink IT. VaryiiiR weight (In J.I                 \     ST? R EjlA k L EP ggnc TjAgiorraml RgjBlxlMkplSlE                ^ ISIEiNIT I  TlAlLl  A 0 NUS AISipM 0D 5"    5~?      U -7                 it f in i ___ II15 _1_L 111" i" II" _ll^_lll Hi llUll 41 _H" ll " w 1 I 1 Wr\ 11                 A cryptogram quotation I C C .1   I C C .1 .1 V B G C P S B A H S A M V A I. A S B K T A Z B C X LfSMI'.lZ H W M C T Saturday^ ~.'           : HE WHO  TOO MUCH WILL. PERFORM UTrLK -. Di;'.       by Kmi; Kvatures S:. inc.</t>
  </si>
  <si>
    <t>                                           Contends Negro Can Reform Old G. 0. P. Party                 Judge Hastie Expresses View In N. Y. Talk                 NEW YORK CITY  8NS1 Wtsfl and strategic political planning by Nprto political leaders could wrest leadership from the "old guard" faction of the Republican Porty, declared Judge William H. Hartie. Saturday in his lecture, "The NeKro In Politics in the                 United States" at. the Schombiirg Collection of the New York Public Library. l Judge Hastle was speaking In the i weekly lecture series. "A World View ot the Kegro Question." OLD GUARDS CONTROL Judge H'litle pointed o;u Ihnt. j' In' the Southern states the - Mean Party machines  ti ed. by a- few. 'old' guard" RenubllI cans.-; TKesc.;pp.             !~S":im Influence: In the national  which I?' based upon the total population of the Southern states i though these states may have few voting Republicans.. It would be I comparatively' easy, through strategic planning, for .Negro political leaders in these Southern states to  Negro voters as Republicans and  control, of the party machines. These party machines would have great influence In the natonal conventions and In selectIng the candidates for President and Vice President, of the United Stales. In the body of his lecture Judge Hastle traced the political development of the Negro In the United States from pre- war days when almost all of the states. North as well as South prohibited Negroes from voting. He then chart ed political participation on the part of Negroes from Reconstruction times up to the present and indicated the four chief barriers to full participation now: (I) ExNbeenmbt  tra-legal violence and Intimidation, both physical and economic; (2) the revival of the poll tax; (3) the imposition of special qualifications for voting, coupled with "grandfather clauses;" and (4) the more recent white primaries. 1 PRAISES PAC 1 Judge Hastie said that he did not 1 think that the reported statements I of Truman Gibson, Civilian Aide I to the Secretary of War, on. the abilities of the Negro  would have any political effect. He praised the work of PAC and the Southern Conferjnce for Human Wc1. Next Saturday afternoon, Dr William H. Dean, Jr., will lecture on "The Economic Position of the Negro In the United States."</t>
  </si>
  <si>
    <t>                                           NEW YORK CITY -- (SNS) -- Wise and strategic political planning by Negro political leaders could wrest leadership from the "old guard" faction of the Republican Party, declared Judge William H. Hastie, Saturday in his lecture, "The Negro in Politics in the...</t>
  </si>
  <si>
    <t>                                           VISITING MOTHER Corporal James D. Sims, who served 33 months in India and Burma, is back in the city visiting his mother. Mrs. Liria B. McWhorler. 33 Daniel Street. SE. He will leave around March 28 for Atlantic City Cor a redistribution station. His many friends in the city have made his stay enjoyable.</t>
  </si>
  <si>
    <t>                                           Madame Rose j took Who", Here! PALMIST       , Happlam- Guaranteed.      roar entire life, put,  mat *t*?          net tetU m     rot   dr. MVlB lnr , date* and       ^B4*CJB         . loie, , BmM  attain. MIU whan Blftj     will . and : KM^^Tafll overcome , .    ^-J toven   t11 hab K INkC   and V*      of all Hod! Ba. I Iteadlno ?3e  aad ^^^1 J Sunday, ft a. n.    10 p  BBaaaaflav To. will nnd    .  all         %~n la a* heart M aad  r  m     7 ibu I           0 la Located at Jaacttoa at Brady        nil Howeli HIM  I0W HuwrU 1111 Road. Re tore to take tha one eat -       Mill Road car. Ston at door  MtU TraUrr.  at Wblta Pr* ' .</t>
  </si>
  <si>
    <t>                                           Keep a weather eye on old man Time; he bodes you no good. Keep on blooming; don't forget that birthdays may bring one to the sere-and-yellow-leaf period--even then you want to be gay, upright, young-looking. There's no such thing as old age, if you step lively...</t>
  </si>
  <si>
    <t>                                           The 46th Annual Statement of North Carolina Mutual Life Insurance Co., of Durham, North Carolina appearing elsewhere in this issue indicates the company continues to maintain its record of growth and unquestioned financial stability.</t>
  </si>
  <si>
    <t>                                           ANTISEPTIC v rl LVCi Used by thousands with satisfactory result*- tor 40 years six valuable ingredients. Get Carboil at  stores or write Spurlock-Ncal Co.. Nashville, Tenn. TvB^l THE CHOICE OF Ijl*",^, THOUSANDS \CV. V S T X E Drpt. -in!),- -Memphis. Tflnn.</t>
  </si>
  <si>
    <t>                                           Navy Commissions Another Negro                 CHICAGO- (ANP)- The number of Ncrto naval commissioned  look a rise last week when Henry Ambrose Martin Jr.. 37. was named an ensign in the naval reserve. An enlisted mnn, Mnrtln was chosen honor man of his company at Great Lnkcs two years ago nnd was sent to a navy service school. He served as a specialist lri the oil testing laboratory at the naval frontier base at Stolen Island. N. Y., when lie was commissioned an . Martin's family now boasts of two officers: the 'other Is Ensign Martin's brother',' Lt. Robert L. Martin, now stationed with the army air forces in Italy. The new officers, at the time of 'Ills Induction 'into the navy, was employed by the Common wealth Edison Co.</t>
  </si>
  <si>
    <t>                                           First Race WACs Arrive Overseas                 WASHINGTON. D. C. (      The first unit of Negro V/acs to be sent' overseas arrived !n Birmingham. England this wees. The war  confirmed Tuc-sday The G8G service women composed Hie first all Wtc. Postal unit overseas, fit- GeriV-' CO!.- JLce, .JicaU. of the army -service force in the European theater,' flew  Paris to be on hand lo greet, the new . They were met also by Chap. Iain Captain Beverly Ward, of Harrisbun;. Pennsylvania. The Wacs may later hi; sent to the European continent,  to a Reuters News Dispute'.! from England. Tliey will increase number of Negroes serving in the European Theater which Is now  C than 300.000 servicemen. The eldest member, of the Wac unit is Privntc Arma Pifcr. of ChicaBo.d - year old grandmother. The youngest is Private Hilda Wood, of- Philadelphia, who Is approaching her twenty-first birthday. Her  is in England but is. unaware of her coming. Also in the group is Jennie Moton, daughter the former head of Tuskcgce Institute, f?t. R. Moton. Seek Restriction Of Ark. Voting LITTLE ROCK. Ark.  A bill to divorce Arkansas primary elections from regular elections tor state and federal  so Di to restrict Nesio voting was to be Introduced in the state senate Wednesday. The move is an attempt to counteract a United Stutcs Supreme Court ruling that Negroes could not be barred because ot color from elections Involving federal . 92nd Suffers High Losses In Drive HOME.  iS N    Elements of the 92nd Infantry Division were consolidating their lines ii few miles .~south of Miissu in the western  section after buffering "relatively high" losses and "no net sain of terrain" made. The 92nd Division .spearheaded tho t  Army's drive In the sector.</t>
  </si>
  <si>
    <t>                                           T x#       5i^)yii= Published Every Morning Except Monday ^^-f !t /s News" i5     ?(r   in  VOf, 17. NltMBKR 210 ATLANTA (:i). CK'~;(.IA, i i V, A."::il. :i. I!M!~ i KICK VW V.  ,1</t>
  </si>
  <si>
    <t>                                           Jut apply (Mt-acv Ntz Lotloa. Uihtns at one*. No create (or clothe* -or . Um any time. Mis Lotion    ait,    la 3  mult active  Insrcdlcnt work* (ram . AIio acts            *i -baie. Help* dry up  * . loose n UukMadt, (~de . To ."  klo. No waiting. rou*lt    . Caution: Uie only ai Jlrwud. DruffUU guarantee NIX.</t>
  </si>
  <si>
    <t>                                           SENDS MESSAGE Corporal Jako Jackson, son of Mrs. Fannie Jackson. 178 Hilliaid street. NE, Atlanta, who is now stationed somewhere in Belgium has sent a mess:ine of courage to his mother nnd Iriends, urging them to hold fast lo^.ln. and . His mulher and friends  lor him a .speedy and sale return home.</t>
  </si>
  <si>
    <t>                                           -.Sl.PO Rpsriing.fnr 2Sr. Toot lucky day* and month* Given Free S Madam Evs SHE GIVES FACTS AND YOU GET RESULTS World'*         ' After yon commit all . com* with  temi    Madaoi Bra   1    one thM know! sJL If           with         or  or Lndk*     morn and tome at .       , a. ra. 10 p. m. Daltr  Suda/. 11)15 w. Marlntrn St.. N. XV.. Atlanta.          to       th)~ Inman Tard      * ear. Plraae Hk the car conductor to lilt 70a off two  oil the other  M of Rlac Flstr   . AUaata. Ooorda. AIDS HEALING HELPS NEW SKIN FORM Soothes and Protects Minor Burns, Diaper Rash, Chafing, Abrasions, Scratches, Simplo Cuts- Wounds. Oet      Fare White Petroloam      i.MH:^m:ijH HAIR SCALP TREAfWfcHT a  ^Hl  tSc   3t  NEW  4  JAR* Oil 41c    i?j NO MORE I"~UM%Tyr-H'Alr."M'i Send No Money! ^XTo.^':  YOU*  TODAY j                      (ID^  Beauty Products Co. j 107 Jih    .(*m.?05) Now York CHy</t>
  </si>
  <si>
    <t>                                           Mr. J. L. Wheeler, the man who won't quit work, has been in the harness for many years and still plods on. He is seen daily on the Street waiting for the mailman for his company, a company that is able to employ a messenger to get the mail of some of the lesser...</t>
  </si>
  <si>
    <t>                                           CONTEST WINNER Barbara Allen was a contest winner in the Crusade For Christ Contest sponsored at Griffin Circuit Methodist Church, Rev. C. W. Bridges, pastor.</t>
  </si>
  <si>
    <t>                                           Tour  Deierw Attention Visual Training Consult DR. JOHN* KAUN tt iGH sl OPTICAL DIPT.- MBIT FLOOR I</t>
  </si>
  <si>
    <t>                                           The American league champions, the Birmingham Black Barons, and the Kansas City Monarchs two leading baseball clubs of the Negro American league, will play here next Wednesday afternoon in a twilight game in Ponce de Leon park at 4:30 o'clock.</t>
  </si>
  <si>
    <t>                                           IN HOSPITAL STM 1,'C Nataniel Frazler, husband of Mrs. Beulah Frazier. of 1194 West Avc, S. W the former Miss Beulah Lovett, is in the hospital in Sun Diego. Calif. Relatives and friends wish him a speedy recovery and         birthday March 13.</t>
  </si>
  <si>
    <t>                                           The big basketball attrition between the eagers from Washington High Day and Evening School will be played tonight on the YMCA Court with the Girls' game slated to get underway a 7.30 o'clock. This game was erroneously announced for last night in Friday's World...</t>
  </si>
  <si>
    <t>                                           SOMEWHERE IN ITALY     ;c-:xnt William Davis, son of Mr. ,.:itt Mrs. John Davis of Tucker, C.:i., und brother of Mrs. Lula R. i";  of 210 1-2 Baker street, i* s'. Somewhere In Italy, v.-here he has been for the past 14 . His parents, fix sisters, .uid tour brothers,  with friends in  for hLs mto  curly n- home.</t>
  </si>
  <si>
    <t>                                           MADAM MINGY A Ofnulne PalmUt anil True Adviser. Me Complete Readings 'Me H Without asking a gle question  will tell your secret  and greatest ambitions and how to gain them. Gives never falling advice on all affairs of life, inch as love. Influence, money matters, business. In fact, no matter what your problem may be. -Stop being a loser, change your luck. Gain     things you want most In life. See her today as this special Inw pries mar not be extended. 40 years experience ten years In Atlanta is MADAM MINGY S guarantee to yoa that no better reading or faster results can be obtained at any price, anywhere. Reading!) Dally and Sunday 10  x. m. til 10 p. Bi. 652 McDonoagh float], across from Federal Prlmn. Take.Pryor Federal Prison car to end of line. Look for Neon sign.</t>
  </si>
  <si>
    <t>                                           Rev. Jordan will preach at both services. Choir Number 2 will render music at 3 p.m. Easter exercises will be sponsored. The public is invited.</t>
  </si>
  <si>
    <t>                                           Look your prettiest if you want to get in on the TwfflW^SfisSRt big money these days. To get your Tanned Dark    Il}8V Skin lighter. Blackheads loosened for easy re- \(~S8sl*'moval, and PIMPLES of outward origin lessened,       ^il ^SwKoL depend on Dr. Fred Palmer's Skin Whitener. *rw "     ^^jHb Get 25c pkg. at druggists and use as directed. 7 C/ Sgi** JsSHSWNSJr' days test must fully, satisfy or your money back,     ^f ^%W^^^    Calonol Company/Box .264, Atlanta Caorgla ^^^^^^^   'r', Mi iiin^ii^j j^TTOfflSSB    *r H'! BHHHinnHHIBHBSsBH-: pen ITftrowMona^     Dr. Fred' Pajjubr's Skik WHTriwERnt 2Sc  tV  ^ bb'- H" . Why pay more? AIM try Dr. Frko Palmfp's Skin Driiuht Soap, Skin' B1 Deii^ht Vanishtng Cruin,' and Skin Matching Nut Sbade      Powder  H</t>
  </si>
  <si>
    <t>                                           The observation of Citizenship Week among colored Atlantans is the one program to which everyone of us can make an invaluable contribution. The campaign, which opens, here Sunday and which will culminate in a big mass meeting the following Sunday afternoon at Big Bethel AME church, is under the sponsorship of the Atlanta Youth Federation, with George W. Freeman, Program Director for the Butler Street YMCA, as Coordinator. Dr.</t>
  </si>
  <si>
    <t>                                           Clark Raises $1,100 For Race College Fund                 At this week s meeting of the United Negro College Fund cam- paign. President James P. Brawley turned over S1.1C0 os the  of Clark College to the local drive. Another contribution of $761 was made by Spelman College, j which brings the total amount fTom I                 Atlanta Negroes to dote up to 56,846. Three thousand dollars In collectable pledgees has been made to the drive by Individuals and other Atln.-.m colleges, . places Atlanta campaign up to approximately two-thirds mark at this date Lorimer D. Milton,  of Citizens Trust Company, is chairman of the local campaign among Negroes; and President W. A. Fountain of Morris Brown College is director of the entire Atlanta campaign which has been set at $25,000. Ten thousand dollars is to be raised among the white citizens of Atianta. The United Negro College Fund campaign, sponsored by 32 private  for Negro youth" throughout the co\atry, has the  ol                 many nationally prominent men and women who know the value ol and educated citizenry. The goal of the campaign Is $1,500,000, and  amount will be distributed among 32 colleges, seven ot which arc located In Atlanta. John D. Rockefeller, Jr., la  of the National Advisory Committee, which Includes among  Will W. Alexander, vice" president ol the Julius Rosenwald Fui.il; Marian Anderson, distinguished concert artist; Bruce Barton of New York; Harry "W. Chase of Now Yorir. University; LewU H. Bro^Ti 'it Johns-ManvUle Oorporatlon, Not; York City; Mark P.. Ethcrldje the Courier Journal; Samuel  of Hollywooci, CnUIctr.i".. Kenry K. Luco of Tlmclnc ur.d Charles P. Talt ol Washlnet'".:s, D. C. For everyone, the. United Ncgr^ College Fund provides an opportunity to holp  :.  better , v.'ho  in turn male? America a better  tor all.</t>
  </si>
  <si>
    <t>                                           At this week's meeting of the United Negro College Fund campaign. President James P. Brawley turned over $1,100 us the contribution of Clark College to the local drive. Another contribution of $761 was made by Spelman College, which brings the total amount from...</t>
  </si>
  <si>
    <t>                                           SGT. PAUL SHERWOOD                 S-SGT. CHARLES SHERWOOD                 SERVING OVERSEAS The two sons of Mr. and Mrs. Thomns Sherwood. 301 Fort Street, N. E., :~rc serving their country overseas. Sgt. Paul Sherwood is serving in l*, a-sgt; CTTurTCg  is serving In Sicily Relatives and friends wish for them an early return home. I</t>
  </si>
  <si>
    <t>                                           F^ff^HSsP, ore*? WJasCl-        . MsErosL/fl      J0K11    "Oou. IllS^Sf^T^W  Hoot    JT3555 I.UCK BOOTS. .It .taj   ,,,lle...  oue r.iot act. "fr*T; I.SII      po.Cimla W O.O.I)..      .        now. I' Itfct     )         ...n- Troplii-l Product Co., DepL SK Hut 77. MliiMon J.      TorL. W. T. The l^idy With Tlic Uadio Mindt MAHAM  A $3.50   FOR ONLY 5(lc Sixty  experience. X will give you  facts and Immediate rf.. not Just promises. If^other Teaucrs nave TaTifu you a hu  i promises and predictions did .not come true. It Is  they  t ihK  power and  that I am gifted . 1 wlU tell you morn In ten minutes than any other reader could tell you In days, necks or even months. Stop being alarmed and learn how to win the things you Want most In lift- Hours: 9 a. n). to 9 p. m. dally and Sunday. 1701 Lakcwood .Ave nue. Lalccwood car stops at door, Tellx Yon Your Lucky And Unlucky Days No Better Kiuiltiifr Could Be flad at Any Trice Limited Time Only Special $1.00 Rending for 2(ie Your lucky day* anil month* (Jlvon Fre* QSf'PSlMaciaitt Eva nfi^M SHE GIVES  facts and you WG*    GET RRSUL'rS Hw?  F*B,World'   . ^K n After yoo  all otb" TtSbtM'1 S'~rir,      witb        VaOwV i  to AfAditni  and    ua that   1L It ,M h*n IrouLIn witb  or Witt or Link, br- ami      at nn. (Mia Damn. a. m. to in p. u. Dallr aad , 1018 W. Marietta 81.. .N. W., AUanta, Ba  to  the. Inman Yard StreM .car. l*lft(M aak tlie ear           ta trt jrm off two  top. ou the  do* tt Kim Plotr Atlanta.        .. We make Loans om Low as $15 on Any Make Automobile. WALNOt FINANCE CO. H6~/2 I'cachtrec St., N.W. 2 Siiine-Tingllng Features! "The Falcon In Hollywood" ALSO "When Stranger 8 Marry" CAPITOL</t>
  </si>
  <si>
    <t>                                           VISITS WITK- Pk- arc Cpl mil Mrs. Tummle Porter. Cpl Porter spent a fi-day furlough recently i . h's wife, Mrs. Sallio Porter, i 1V-i CtirliT l"'!acL\ He hp., iv. lo his .amp :u Fi. I. WasniiiR'011. Cpl. Porter is :i member of Vft. Siniii baptist church.</t>
  </si>
  <si>
    <t>                                           EASE YOUR  THESE THREE  ^^fci      ~^     *B99E9h^ y^ (ii0M^^2^Hr 1. fitch red Mood flow 2. Medication  3. Vaporf help you helps break up local  and relieves breathe . as congestion,  pain at  ends. phlegm loosens, chest  soreness. You feet better. coughing lessens. Wlicn 'ii""lias you feeling" ail to  parts faster, to .il: lip ," i-  arc sore from local congestion. Muscles relax, eho.H   ', andthey arc tight  ache: muscle tightness and aches are cased. .ou- need I'cnetro. Tt works fast on J'hlcgm loosens and coughing lessens, ~' s old reliable idea, using Its soothing vapors help you  .nutton suet to help carry medication easier, too. And for hours, Pcnclro 10 do its pain-casing. Only, Penctro keeps on working in a natural way to i* Grandma's idea mode even Iwtter make you feel better. You rest more     science. That'a why people every- comfortably, especially at night, when- count on Fen'ctro. Tlicse are reasons so many people You nib Penetro.on chest, throat are using Penetro, and why your  back. y\s its. medication reaches' gist so  recommends it- only 25c. nerve ends in skin, pain eases. And Double Eijc 35c. Be sure you get I'e'neuo draws more warm red .blood stainless, white, easy to^ Pepetro.</t>
  </si>
  <si>
    <t>                                           Atlanta Scouts To Parade With Elks Sunday Afternoon                 Sunday, May 20. over 1.000 scouts find cubs will parade with the Elks. Scoutmaster John Oalther or Troop 178 has been busy making plans for the Scouts and Cubs for the parade. Every troop and pack will bring their own flag and will, meet at     Street, near' Hanley Funeral Home. M. R. Austell. Commissioner for the Herndon Division, announced that the Scoutmaster Round Table will be held at 4:15 at the Y. because of the parade. Evry commissioner and Scoutmaster to asked to be present at this Important meeti. Ing. The program will be centered around advancement In the Herndon District and summer program. Region six announced that on Tuesday, May 23. Scouter* from four states will meet at Camp Orr for a training session in camping, under the direction of Dr. Stanley Harris of the National Office. Many friends and visitors will be at the Camp during the six day session. Dean Lee will hold his Court of Honor. Tuesday, May 22, at Butler Street Y. at 7 p. m. The public is Invited.</t>
  </si>
  <si>
    <t>                                           MARRIAGE TOLD Mr. and Mrs. Vqn Brown wish to announce the marriage of Mr. Brown's sister. Miss Clnra Mae Brown, to PfcHenry H. Cunimings. on February G, 1945, at 7:30 p. m. Mrs. Bohnnnon was bridesmaid, and Eddie Armour was best man during the ceremony which took place at the home of Mr. and Mrs. Van Brown, 65 Llddell Place- The marriage was performed by Rev. E. C. Arnold. The bride plans to make her home In Dnytnnn Beach. Fla., where the groom Is stationed.</t>
  </si>
  <si>
    <t>                                           Tortured man gets help! t Lemon Juice Mixed at Home Relieved RHEUMATIC PAIN soys Sufferer! j "I have used AT. for several months. I could hardly walk on account of my knees. But now those pains are relieved. I can go like a race horse now," Mort Shepard of Ohio. Don't be a victim of the pains and j aches caused by rheumatism, lumbago i or  without trying this simple, inexpensive recipe you can mix at home. Two tablespoons of , plus the juice of l/* lemon in a plass of water. Your money back if not entirely satisfied. Just 85  at all drug . Huy AU. today. Acid Indigestion Relieved in S minute* or double your money back When  mi*  icld  . *  tour  and heartburn,   DtMcrlb*           -*  known for  MlUr-  Ilk*  la B*U-~U Tablcti. No Ulkllta. B*U-~oi Drloft comfort to ft JllTj or doubl*  (     (  to ui. 2it at ail drug .</t>
  </si>
  <si>
    <t>                                           Government Officials Praise Women Of Harlem For Answering Urgent Appeal                 1,700 Register For Factory Jobs                 NEW - (ANP)- The successful four-week campaign carried on in Ihirlem to recruit women munition workers for the Pieathiny Arsenal :at Dover. New Jersey, received the praise of army officials and representatives of the war manpower commission last week during a  women responded, to Die urgent call to work i.n the Picatinnv arsenal.                 "We ore grateful to Hr.," said Mrs. Anni^ M. ;. \V. IS. C. regional director, "for showIng that New York ran do  i community job no matter hov; large the city is." Then, she paid tribute to the work of Co!. W. E. Learned, commanding officer of Picat'.nny arsenal, "whose faith and appreciation in the colored worker.-, had encouraged others to join anil which should serve as a lesson to those who show less enthusiasm for employing Nesro workers." At least S.703 additional workers are needed, suid Brig. Gen. Stewart E. Relmel.  representative of army service forces. Other speakers were Lt. Col. Charics W. j Ballen. chief of the labor, ft anch I of .the 'Army's second service- com-' I maud: Henry K. Craft, executive secretary of tlie Harlem branch of the YMCA and Morris J. Kaplan, assistant area director ,pf tne W. M. C. Kaplan presided over the luncheon and meeting.</t>
  </si>
  <si>
    <t>                                           Special church service and gigantic youth mass meeting to be held at Big Bethel AME Church, at which time Dr. E. Franklin Frazer, eminent sociologist from Howard University. Washington D. C. will dliver the keynote address, are to be the features next...</t>
  </si>
  <si>
    <t>                                           Madame Rose Look Who's Here' PALMIST Micw.,, ,. Guaranteed f^BSV J" "ant to know       2 SUh m1"~.        and fort* {Kf-f-CB "f . love, Lealih. Ka-t-i I family affair*, tells whom  ?"n will  snJ : 7%B overcome , . lover* *,  tI1 ^^Q?      "^"   H     lack of all . I JUudlngii    dally unit KM^X. *i"~"~   . n. m. to 10 p. ^T^^*^  n. Voo will find  ^r  aU others,  U no  ud or home    lrt*    that I cannot   lu     (~,l at JnneUon or Bradr          nd  311)1 Koad 10 O HoweU Mill Hoad. I\r owe to take the one car   Mill RiMd rar. Slop at door. Unwell Mill Trailer, front of Will!* ITn.  CompAnjr.</t>
  </si>
  <si>
    <t>                                           TRACK STARS GREET VETERAN COACH at the Chicago Relays staged in the Chicago Stadium. I Seated. L to R are Mel Walker, for- I mer Ohio State U Olympic Star mid World hi^h jump champ. Northwestern U'.s Veteran Track Conch, Frank Hill, who directed                 thf1  and Dove Aibritton, also and Olympic Star from the Buckeye School. Standing!, to R arc Elmo Harris of New York, who  tlio grea: Jimmy Hrrbm iti winning thf      y:ird run in :N; and Bari:i y Ewe!) of Camp                 Kilmrr. N. J.. who was the   nf the mor-r witl; wins in  40. SO. and SS yard dashes; and Hprberi Tlioni-mon  A ihi- Ciiast. Oiuird. v:)-.n j;i.r .:--iv,miI  il:n:c                 in :ht* sprint, . Albs ;,Vwspiioto.t</t>
  </si>
  <si>
    <t>                                           A VITAL MESSAGE TO MEN ONLY Why feel old at 40 or 60 or more why   -tli#~ - of "the "older - not retrain the rim rend vitality yoo { once enjoyed? If life apparently has lost It* ze*t. yoo  mny be- able I to enjoy life    you did In jour . It added yearn have tilow*~d down  i rim, vitality ntid youthful *. here U a simple, Inexpensive method that may   whole outlook on life. Try GI.ANDO-PLEX. n  medical discovery, thin power PitESCRTPTION type tonic . Take thene *  until yon feel yon hare regained th* pleasure* that made .  a thing to * . lie-! Rain the. zent of n   man- Het GI.     -PF-EX .l  whnt (t GITES. In 1e*n then twenty-foor  It ran  to art. There - i fnr  In thene . non-baMI I forming. Toar mon^y      If not poll- j    !~  100 .  mailed In plain wrapper. Send for it yon have nothing to lone,  to Rflln. There 1? eo HnMtltate.  el.oe the same. SEND NO HOSEY. Simply  end joor name and j . Introductory site bo til* of 00 tablet* $3.00. 100  only S5.00. Too MTf post a (f and C.O.D, fm+ If yoo wl9h to  your  or money order I vi wr pre-pny nil *. MEN, Til 19 I IS IT-  KND FOR IT - NOW!;  PRODrrTS TO.. newon Hill i Station. P. Dox 8-510?. Ban Antonio 1. 1 Texas. I A DOCTOR S I PRESCRIPTION I FOR THE SCALP j ^^s^^HBr^^al Tonr hair root it are In yoor scalp. Tra j condition of your hair       often depend i heavily on the natural health of your . YeHru     . Doctor Cnniut Invent* ed  tnr formula culled Car* , which In mixed with Hulphur. Retorctn and Balaam of Pern. Chtbonoel In *ncb a ,  antiseptic and doen mch fine work In  on Itchy, bumpy and extern*  Irritated Mcttlp. that many doctor* regard It  nnd  It for ninny M*alp *. If  neap need* a - tar . yoo      ft tart  Carbonoel, which Is a doctor s  calp formula.    hood as ?oa iret It from your beet dm* . C*~t It for 7 dayn.  If yoa are not satisfied,  dollar back. Too Carhonoel with full directions. Use the fittest medicated tar scalp formula jour money can buy. Toar hair and calp  fine care, Too can set a jor ot Cor  al the Best Cat Bate Drojr Store on 201 Mitchell St., S. W.. for one dollar. It I Is all mixed and ready for     to ose. Mth fall directions on  Jar. I Gold Medal Hair t*~      J Devi, tt-fl 13? Klnn HUbwaf I Brooklyn tS, New York : Tim 1.A carries toe 1M l*+ v*ui *            *~f      **. j</t>
  </si>
  <si>
    <t>                                           ' City Primary Rule Irks Race Atlantans                 Map Plans To Challenge New City Primary Rules                 Meeting Of Leaders Called For Monday Night At Butler Y                 I A wave of Indignation swept  Atlanta's Negro residents Saturday with the unnoticed plan to bar their  in the city prl.  election scheduled for Sep1 tember 5. The primary Is tantI amount to election.                 Moving to challenge the newly- formed city executive committee s rule restricting the primary to white voters, a meeting of the ex-   s of the Citizen'* Democratic Club of Fulton County hox been called for Monday night, I it was announced by C. A. Scott, j president. The meeting will lie held at. the Butler Street YMCA at eight o clock. Stressing the fact that the meetIng will embrace leades of all poll, tical faiths, Mr. Scott disclosed that an invitation has been extended C. L. Harper, president. Atlanta branch. NAACP: Mrs. Julia Putt Borders, president. Atlanta chapter. National Council of Negro Women; John Wesley Dobbs. president. At. lanta Civic and Political Lengue; J. C. Long, president. Youne Men's Republican Club of Fulton County; Warren Cochran executive secretary. Butler Street YMCA, J. H. Cnlhoun. president of the Atlanta Pan-Hellenic Council, in addition to members of the Democratic club s executive committee. Chief resentment of Neuro  voters centered around the ob.  efforts of the news committee to circumvent the clear-cut decision of the United Stutes Supreme Court                 outlawing the so-called white primary. The new primary rules drawn up by a special sub- of the so-called city executive committee, (Continued on Page 8. Col. 4)                 Map Plans (Continued from page 1) I omits any reference to  designation. The sub-committee s header1 by T. Elton Drake, -who Is attorney for the City Democratic Executive Committee. Post to be filled In tiie primary include those of mayor.' city attorney. 2 recorders. IB aldermen and councilmen. and 6 board of education members: A belief prevailed Saturday that the announced intention of the city executive committee bar participation of one third of the city s population in an election to name 'officials who wlll_ rule over nil of Atlanta's residents, was a clear violation of the United States Constitution, and would be so ruled if carried to court.</t>
  </si>
  <si>
    <t>                                           A wave of indignation swept over Atlanta's Negro residents Saturday with the unnoticed plan to bar their participation in the city primary election scheduled for September 5. The primary is tant-amount to election.</t>
  </si>
  <si>
    <t>                                           BIRTHDAY IN NEW GUINEA Private Walter Cole. Jr., is the son of Mr. and Mrs. WiUter Cole. Sr.. and husband of Mrs. 'Maude L Cole, celebrated his twenty-third 1 birthday anniversary  Somewhere In New Guinea'.' on Sunday, March IH. His friends und relatives join in wishing him many more happy birthdays  a sale and speedy return home. Other relatives of Private Cole are children, little Misses Ocraldiiie and Mnudrstitir Cole: sister, Mrs. Josephine Cnlc. Amns and , all who me \     known Allanlans.</t>
  </si>
  <si>
    <t>                                           CELEBRATES BIRTHDAY- Cpl. James 5. Cooper, brother of -Mr*. Juanlta Wnrd of of Atlanta, celebrated his twenty-fourth birthday anniversary on Saturday. March, 31, Somewhere In Buma. His sister and friends wish him a safe sod speedy  home. I</t>
  </si>
  <si>
    <t>                                           A J!i2 JuyT look  aM^ JOflftC.      fij6         iHT JilK^B* f Jy OWES IT AU. TO IvlilWiliHB      ^b*A^A# Ef ^WJ^~-?_\ SWEET         I TviB StCffwWiw r^  0 riL /w/WMPa k\M i/AiBiipxeeijjrPAatiia</t>
  </si>
  <si>
    <t>                                           IT IS HUMAN to complain when the going gets tough, or when denied the things we have been used to and expect. Everybody has his or her special gripes at inconveniences and disadvantages. But...</t>
  </si>
  <si>
    <t>                                           Wff^^^^t% -Wherf  /c!onf         ^l    " *~,t jdy Jie 3NOW ^MR^K^q  and Snow While." ^C-'~w^^^^^~jCSD 'n*w Wh'!" PradottT   ;</t>
  </si>
  <si>
    <t>                                           STATE TOURNAMENT, HERE WE COME. Capmin Jesse Clements, center, raised the sectional trophy high over his head in the spirit of the Maroons' 44-38 victory over Danville Friday night while around him gather the men who will he hacking him_,\ hi leads Champaign agains! Morton next J . I'rnin left lo riehl. Assistant Coacli                 Harold Ji-.. John Mi-.Drrmoll. Dick Palnrsnn, Pelr. Mclclicr, TVd Be:ic!i, Clr.?, FtTarl Harrison. Frrd Major, 0r\ Ciiiurcll. Jim (.". ;! Comli Harry Cornhrs.         Coilrdl. ;i!'-~l  mil. is Dick Kelly, and in front of Clcmcnls i:-. MniiHaer Burl Kelley.</t>
  </si>
  <si>
    <t>                                           JEAN WORTH PSYCHIC 8 Calls jour name. Ask you so questions. Gives the object of your visit Tells who you want to know. Advises to a certainty. Helps you no matter what your trouble may be. All who are unlucky, unsuccessful J or dissatisfied, we have a remedy. Come today, tomorrow may be too late. Hours dally from 9:00 a. tn. to 8 p. m. Closed Wednesday* Reception room* for White and Colored. LOCATED AT 1  *  HIGHWAY I Block Fast City Umlta al Aahaaj 8treet, Almand- Falk  r VJtf r Cmr to Anthony 8treet. COLOR HAIR JET BUCK! hfl Know UMloy of     Bitch Hmlr\ '[V "By        "-        hair 1  . f     . ..       or   nd U         yoa to      out in love, romance mad  ".HERE S ! Now.for onlv We. yoa can Ret the   STRAND Jet Blacii Hair Celerins from rear. . Se*                  ...8M howthe very f trat application colors yoor hair smooth,  aril! 1   1it with jet black       whether it a  just to touch-opt your hair at roots, temple*, parting- or . m how        It la to keep your hair         . jet black abade with BLACK STRAND JET BLACK HAIR . Mon*y Back Guaranta* ^^^~S      STaAND.iCT BLACK ~^^S^9*  win cot- rSf^tiJ,. MtdnuxlK- ^MclnC (oT of           our ;-by ," /Sr52?SJ{( lea ^ia. /S ^^ JCT BlACIt HMR  ft    ?     CA17T1ON:- BatvatStrmodUtob* J^~%BB BUcft Htnuid Caw ChloaffO,. Ill i</t>
  </si>
  <si>
    <t>                                           CONTEST WlNNEfV-LiUle Patri- :ia Ann Kilgore. of Marietta. Ga., was declared winner in" a baby :, recently. Little Patricia is j the daughter ol Mr. and Mrs. i Thomas Kilgore. The contest \     held at Turner Chnpcl A. M. E.I Church. Rev. p. B. Wright, pas- j tor. and she raised $116.19 for top honors.</t>
  </si>
  <si>
    <t>                                           Electrocution Decreed Youth In Liquor Store Robbery-Murder                 An all-white jury returned a verdict of guilty of murder against Elonzo Jones. 13, of 125 Yonge Street, southeast early Thursday  and was immediately sentenced to be electrocuted on March 9, 1045. The youthful At-  was tried In the Fulton                 Superior Court all day. Wednesday nnd part or Thursday for the Sat. night. last December" 30 slaying of Peter D. Verge, liquor store operator In the  place at 435 Edgewoort avenue. He Is said to have been the trigger man In the slaying when Verge Is  to have surprised him and two companions, the latter who will face trial soon on murder charges. Imposing sentence was Judce Virlyn B. Moore, who did so shortly after the verdict wns returned. The jury wns out making up the verdict 45 -minutes Time or the execution at the Rolsdvlll,-; State prison wns set by the presiding Judge. Prosecutln? were Solicitor General E- E. (Shorty) Andrews, and his assistant,  Garland. SAID TO BE FRAMEUP Shortly after sentenced wns pronounced Defence Counsel, Attorney Jesse B. Simmons, stated that an Immediate motion would be made for a new trial for the1                 defendant who he claims to have been n victim of a frame-up of other defendants In the ease, and  killers or Verge. He stated that if the new trial motion is denied him he would take the case to the State Supreme Court, and If the appeal there is denied nnd the local court s action upheld, he would take (he ense to the Supreme Court of the United States "I see my Innocent client burn In the ." Attorney Simmons mentioned the facts further that after the verdict was returned a member nf the jury walked over and shook  with the prosecutor and the widow of the slain liquor store operator, which he claimed showed bias and prejudice, and that his appeals would be based on these and other facts. During the trial mast of the taken hearing testimony given by police, officers making the arrest and Investigating the case nnd from ballistic and firearms experts (is to the Identify of the revolver lised in the slaying und the bullets which are said to have killed       . Also used for the slate were medical attaches nt Grady IiosdItnl, who gave the cause of death, to the issue, and defense witnesses,, (Continued on pace 4, col. 3)                 Electrocution I (Continued fram page 1) and other medical facts important wh0 testified that the youth was not guilty of the slaying. The trial attracted many persons of both races. j JONES ACCUSED. JOHNSON i ABSOLVED The defense claimed thru Jones was arrested by city detectives about 3 .1 m. the morning after the shooting ill bed in his home, and at (hat time denied that he was implicated in the killing of Verge and knew nothing about it. and during the trial witnesses were produced who testified (hut Jones was not at the scene of the crime at the time it.     reported as having occurred. ft was stated that the young men men were at a house on Auburn avenue heatedly discussing the division of a sum of money. Officers were dispatched to the scene and the trio taken to headquarters. Approximately $1GO was taken by bandits who held up the liquor store and fatally shot Verge police said then. A revolver of the same caliber used In the Verge killing was afterwards found in the police patrol car. police related. At that time police officials revealed efforts to implicate George McKay. 24. of 4G2 1-:: Dccalur street. S. W. George Johnson, alias Robert. 22. of 204 Forrest- avenue. N. yj and Jesse Creighton. 22. of 23 1-'.' Fort, street. N. E.. tn the slaving of Verge : the Edgewocc! avenue store holdup. Jones was not mentioned at that time as a suspect, and Johnson was later charged with robbery and absolved of blame in the Verge killing. McKay and Creighton are the other two who must face  of murder, and Johnson went to trial Thursday morning on the robbery Incident  him. j</t>
  </si>
  <si>
    <t>                                           An all-white jury returned a verdict of guilty of murder against Elouzo Jones, 19, of 125 Yonge Street, Southeast early Thursday afternoon and was immediately sentenced to be electrocuted on March 9, 1945. The youthful Atlantan was tried in the Fulton...</t>
  </si>
  <si>
    <t>                                           WASHINGTON, D. C.--(SNS)--Served hot or cold -- plentiful, economical cabbage and apples makes a good springtime team.</t>
  </si>
  <si>
    <t>                                           REYNOLDS, GA. -- Mr. and Mrs Neil Bennett, brother and wife, Jacksonville were guests of Mr. and Mrs Arthur Guice Sunday Mrs. George Harris. Miss and Mrs. Harris little granddaughter are spending sometime in New York Mrs. L. Dent, of...</t>
  </si>
  <si>
    <t>                                           .s CONKED. J C Brown ih ID Sixm Congrcssion- al district cli:;m or the 8. C. j PniRrpsslvo Democratic Party of j Florence. .S. C. talks  !  In Thcrcwi Hotel in j with Mr. Rua-t as the two mot] recently in the Thftrcsu- Hotnl in] New York City. Mr. Ruwe. - j In? the  of being the oldest! Demoenit in tin: state of New York, is reported to be t Wing Mr. Brown of South Carolina, newest                 Xi'^i't D'.- iu tlm , a word "1  on how thr party rims. Chalniinii Brown tins devoted practically all of his time  hi,, nini'  In his district for the Progressive Democrats. Last, week lie wns appointed State Deputy of Elks by the Hon. J. Flnley Wilson A businessman, he hus contributed generously to all charitable and civic movements in and around Florence.</t>
  </si>
  <si>
    <t>                                           FEPC Bill Is Headed Toward Senate Floor                 Reveal Truman In Favor Of Its Passage                 WASHINGTON (    - The senate coalition bill to establish a permanent PEPC headed for floor debate when the education and la. bor committee, by a vote of 12 to 6, reported the measure over the objections of five southerners and one republican, Senator Robert                 Taft, last Wednesday. Meanwhile, the discharge petition In the house picked up a few more signatures and had 103 on Thursday. Following a visit to the White House Thursday morning, Rep. Mary Norton (JJ) of New Jersey, sponsor of No. 2232 told reporters that she had "the Impression that President Truman favors a permanent fair employment practice committee." She did not enlarge upon her talk with the President, but' exuded confidence In what was said. SEEK COMPROMISE The show of the week took place In the  group where Senators Pepper, Hill. Pulbrlght, Ellendcr and Johnstone sought to block the vole by the committee. All week Pepper reportedly had been .seeking some compromise which would have made the measure more acceptable to the south. When the time come for the vote, EUender tired to make th"c bill Inoperative unless the governor of a state by proclamation or the state legislature declared that the bill In acceptable. Thin was defeated 10 to 4, but Ellendcr promised to offer his amendment when the bill comes to the floor. On Thursday afternoon Senators Bilbo of Mississippi and Chavez of New Mexico attacked and defend. (Contented on Fife S, CoL 3)                 FEPC Bill Is (Continued from paec 1) erl th" measure. SABBATH SICK Statements earned l'~ the local pre.ss earlier !n the week quoted certain southern congressmen as  that the rules committee vould not vote on the measure there. Rep. Sabath (D.I of 111. was still  and sessions were being conducted by Rep. Cox of Georgia. Mrs. Norton expressed                 merit at the statements since "the majority of Republicans  north, ern democrats In the house has publicly committed itself in favor of legislation of this nature." and  "this small segment of the house has set itself up to dictate the defeat of the bill." She expressed confidence that the bill will be  nnd passed. Mrs. Norton u:is planning to speak on the house floor  Monday or Tuesday on her bill.</t>
  </si>
  <si>
    <t>                                           WASHINGTON -- (ANP)--The senate coalition bill to establish a permanent FEPC headed for floor debate when the education and labor committee, by a vote of 12 to 6, reported the measure over the objections of five southerners and one republican, Senator Robert...</t>
  </si>
  <si>
    <t>                                           Birthday Party Of Music IN HONOR OF I. P. REYNOLDS National Independent Quartette AND 5 Echoes of Zion Quartette AT Wheat St. Baptist Church TOMORROW (Monday Night) at 8:30 : Advance 50c: at door 60c</t>
  </si>
  <si>
    <t>                                           Says Fines Don't Halt Fraternization With Huns                 Bv GEORGE COLEMAN MOORE                 SOMEWHERE IN GERMANY- (ANP) Non-fraternization as a military policy is an excellent idea although directives on the matter should not be necessary. Nevertheless such directives are and have been issued by SHAEF.                 Penalties lor violation of the order are swift ;ind severe. Fines of S65 and more plus punishments of various sorti. ore imposed. However the non-fraternization rule Is not beins; adhered to in the proper spirit. One warrant officer has already been lined $390 and an untold number of enlisted men suv paying sanctions for skirting the j law. Men are drinking with Ccr- man civilians, cavorting with will- j ing, fat frauleins and passing out chocolates and chewing gum to the kids. POLICY NOT WORKING j These violations arc so wide- spread that it may be said that the                 non-fraternization policy is not 1 working. i There appear to be only two courses left for the Americans Either increase police activities with respect to Yank conduct in Germany and be un- in courts-martial penalties, or with draw the directive In order to save i face with the enemy. Americans nsa group are - j ed by Germans as weaklings. -jeI- loping sap= and drooling sob sisters. Any act of kindness or ordinary decency is  with contempt. It is  proof of our gullibility and sleazy - i tion. Our leaden: have declared that we come to Germany as conquer- i crs. We arc in a life or d c a t h situation. These people are our i sworn enemies. They must be treated rough by tough GIs or otherwise let s stop fooling ourselves.</t>
  </si>
  <si>
    <t>                                           SOMEWHERE IN GERMANY-- (ANP) Non-fraternization as a military policy is an excellent idea although directives on the matter should not be necessary. Nevertheless such directives are and have been issued by SHAEF.</t>
  </si>
  <si>
    <t>                                           The close race in the Negro Southern League is geting warmer and warmer as the days go by. Asheville who set the pace in the first week of play. lost a little Ground with her return series in Chattanooga with the Choo Choos. They will not be In hot water when...</t>
  </si>
  <si>
    <t>                                           The Les Grisettos put the finishing touches to their spring party scheduled for Tuesday evening. The Business and Professional clubs join in the affair.</t>
  </si>
  <si>
    <t>                                           The Allen Hotel SO  GRILL        51.00 up; Weekly J6.00 up !5IB W. Madison. Lntiisvillo 1!, Ks f Bt ME IV   oy    v CARTOONS YOU LL BE A RIOT AT YOUR NEXT STAG PART1T .ilh  me collection of  it i ' books.  eh - -100 1'ACtS OF RED HOT LAFFS. CARTOONS. SITUATIONS. GIRL PHOTOS. NITE CLUB . ART POSES, M. Alt for the Onc'Ptite! P.HO       iJ K E S^ I Ii'j Uic       .  kIk1 tlon. Dcn'l  iit! Supply  limited. Stud  41-      pt-     ~!    in  .    jx; j FMUst. DOtTT DSLAYt $1.00 BUYS AIL 4 B^ Oder  Now!/ Mcniy tatt (f    .          Alto Books, 42 WMtift*: ew York 11, N. V. Dept. AF.</t>
  </si>
  <si>
    <t>                                           It was on the after-noon of May 14 on hallowed ground of the South-View Cemetery, that the Dean of Turner Theological Seminary, Morris Brown College, pronounced those fateful words which some day must be pronounced over all. "Earth to earth...</t>
  </si>
  <si>
    <t>                                           JEAN WORTH 1C HEADERS  Jails your name. Ask you no     . Gives the object of your  Tells who you  It . Adfcses to certainty. Heips you    natter  your trouble may bf Ml who are unlucky,  r    .vuU-stH d.  e Uave a rt:     ""     !s,"     -   (iw  hr fo1st?. Hours daily from 9:00 a. Oi. to 8 p. u. OIuMMI    .-~    .ia;. nl.,  'd  /   13(13 1  nlm K r.-l (In I.I...1U   Kt'f-fl. Aluianil I'^rt  r Id* Jl.l/o lU- fur ZS. Vfmr fui-~y      ] nl        Kirt $    (iain Eva MjUJjBf KAt'lS AND YOl ^wB  .TS C4 p AflH  Mtyiksli  h Akft aSL^ i rr;    pro*.         (lull U4tt(  u. ti fM    .  Hill  ur at Lank Kf  ami un  t     . Olflo boar* m. I. H jo. Dalt7 and )      W. Mattett* 81. N. tV.. Allwu                     I*      TnrO     ** sr, P1eA*~ ft*k tka  Ar  *i 1~- m     two  im tka  m if      Itoir T*.. AlbMa. Otwda.</t>
  </si>
  <si>
    <t>                                           Vote Lists Closed For Gen'I Election^ Slated For August                 Attorney General T. Grady Head  Monday .lt Is too iatc for any Gcorcinns ~:xcept members of til'.- armed forces to qualify as new voters for the referendum mi the new state constitution' In the' August general election.                 In conformity with an old  through a  act. voters' books nr.e closed six months before the dates or  elections, Mr. Heiid .. The  further pointed out  mother section of the Georgia code providing that tax collectors shall, j six months before every election pother. than a general state. election 'close his books for said election  and within five days file a list ot .qualified voters with the county registrars. "In view of the foregoing It Is my opinion that any person who registers for the first time in Georgia [and. who docs not owe any back i poll taxes must have been a registered qualified voter at least six !S before the August, 1945, general election hi order to vote lii "~'(CostlatitA on page 5  col. 2)                 Vote Lists K'nnl       pace 1) fh;il election," (lie Attorney Gcnrr:it . pointing mil dial "the only .ion Lo the above ruling Is the provision made in the  of llic General Assembly approved January 7. 1 9-*-1 for registration and voting by members of the military, who may be certified at any time."</t>
  </si>
  <si>
    <t>                                           Attorney General T. Grady Head ruled Monday that it is too late for any Georgians except members of the armed forces to qualify as new voters for the referendum on the new state constitution in the August general election.</t>
  </si>
  <si>
    <t>                                           In Memoriam                 In loving memory of our denr husband and father. Rev. B. V. Thornton, who left, us May 28. 1341. You have left us   In this cruel world to wait and moon, but somr- dny we hope to meet you where parting will be no more In that heavenly home. SRdly missed by. Mrs. M. B. Thornton, wife. Mrs.' B7  Jr Ff ." ." Chaplain H E Thornton, and family, son. In Memoriam In loving memory of our denr husband and brother. Mr. Monroe Putnam, who passed two years ugo today. May 27. 10~. Gone but not forgotten. The Family.</t>
  </si>
  <si>
    <t>                                           The itching, bum- ffi^KK^^Sl ing, stinging, Jj^^^^^mKM smarting of minor B^^HRM^^H skin troubles, chaf- ^V^^^^    ing irritations, sim- i^Si pie rashes, aro cool- "    cd and relieved f,  jH. when you sprinkle Mfc,  on Mcxsana, the Wg  Wmf$ soothing medicated jPf^ Sl^SI powder. This 40-rj^   . 3SI year family favor- wT^^P/ ltc is great for  baby s diaper rash,  dK59 Psfl too- used regular-  f'*~  ly, helps prevent it. Viii^aHBa Saw in large sizes. ^^^^^HS MADAME LEE NOW  CITY FOR THE FIRST TIME IWI.MIST AND CLAIRVOYANT  Bfmlfr uml AtlTlvr. Ruurnntrril to rmd your entire life, pant,  noil . Will   ulu\t j-oii  tn jfT^R . KlTlDjr       and ^luH  of . 1*tv. STfflB h"~lth    ^I^B . T^IU who job Ki%^m^E will marry umd . ^HJL If the anv yon lore I* VI trap or     ^. OItcm ^^B^v^ daya, cau^e        will tappy           . I remore all  and bad luck at all kind., l.~ all".   mad           of all . rf yoa  w  IkmUT Iroublro commit       wbo will  Ivp         on all affair* of life, mod or bad. I will tell jou the tretli. OlTe hrr a trial and bo  m* her  work. Each  con* . RtttlNfnrtton .       to   alw. OPEN DAIM- AND SUNDAYS. a. m. to 10 p. m. Tl'oltUur room* for white and colored.  far bMM- at 1MB        tree Road. Take Baekhrad or             trolley U Atlanta. Ererj Rndlac OaaraatMd.</t>
  </si>
  <si>
    <t>                                           Embree To Speak At Atlanta Univ. 78th Graduation                 Edwin R Embrce. president of the Julius Roscnwald Fund, will address Uic graduating classes of the graduate and professional schools. Atlanta University. President Rufus E Clement announced this week. The 76th commencement, will be   ?ld at G:00 D m. Monday, June 4, in the Library Quardrangle on the University Campus. Commencement functions a', Atlanta University will begin at at 6:30 p. m. cu. Saturday June 2, when the  meeting of the Alumni Association will be held In the Exhibition Room of the University r . At 8:00 p. m. the President": of the affiliated institutions will be host at a Reception the Graduating Classes at the University Dormitories. On Sunday June 3. at 3:00 F. M. Dr. Edwin Ewart Aubrey, president of Crozcr Theological Seminary will preach the baccalaureate sermon. Monday June 4, at 8:00 , the University commencement season will be climaxed with the alumni banquet. MAY POSTPONE NEW YORK (ANP)- Although a new Broadway show starring Ethel Waters nnd Josh White, was scheduled to open at the Bclasco Friday night of this week, some observers expect a delay on the grounds that Miss Waters arrived In town only a week ago.</t>
  </si>
  <si>
    <t>                                           Brotherly Eight Dance Set June 7                 The Brotherly Eight Business Club will present its Summer Dance Thursday night, June 7. at the Top Hat Ballroom. The affair will last from 9 p. m, to 1 a. m. Mifitc will be furnished by the" Ambassadors. Advance tickets to the affair will seli for 75 cents, while the cost at the door  be 85 cents. Don't i forget the place, The, -Top Kai. This wiil be the Brotherly Eight's big dance of the year. i</t>
  </si>
  <si>
    <t>                                           Jli Why Be Skinny? j^^^GAIN WEIGHT /NPliy an*                 * UfflaSg^Q r   V^^K men admin. 2bSv1 7O" . . aa* BritxSk  doe    Door     **I7-J petite or lack cf  VgMnS         ? Dn'i txl Let ;  a   ed   to rani Wv01 oot  h           Intended them t* be. MM E^aff * well developed* ^v          7 moulded . PiSSf Poor appetite and lack ot     ^9  many  9S3           .     utf eat three K9 meaU a daj, yet be  I5ea and mineral  . Beanty 1M Form-Tabs  Tltlaal ulu A. Bl, C. D aa* \SfgL (BS)( pine  paata^9 . . Ml Iran- which mar be the  ani Blaeral  70a  (or that Improved appetite and 1 weight that  * ad4*d   a yav f^vre. a weH . .      ore , Iniplret. and       lead* to leve and romance. Ule the 8RAC/TT - to help yon gain normal weight,  often transform. Ing roar figure into    *.  wtta    Spoelal Or*ohare an HOW TO IMPnOVIi ina . at you OHXaTf aad , Order the BeaotT rva Mmaad    .  Oat =~~. PMtpalA If   order.  r C.O.O., plaa     tga. Try U (or 1* due .t w risk. Xaa aW be        -d ar  a *** refu4 tout nt^e-*r. HAIR STRATE CO. 8S FUtbo.h Are. Dept. 888 Brooklyn 11, N. I.</t>
  </si>
  <si>
    <t>                                           HEAT BEATERS! Straw hats for cool heads leather-light in your favorite styles and  start at $4.85 EXPERT HAT CLEANING PARIS HATTERS 231 Mitchell St., S. W.</t>
  </si>
  <si>
    <t>                                           The Membership Campaign Committee of the National Association for the Advancement of Colored People has announced the first partial report of Atlanta Churches in the current drive. The effort of the churches has been extended in time so...</t>
  </si>
  <si>
    <t>                                           BIRTHDAY OVEKStfAS SlnlT Si'rge.-uiL Phillip A. Slinw, Hit- sun (if Mrs. Fnnine Shaw ill Marii'llii, Gcurijia.  his birthday anniversary on Friday. Murrh l(i. ' miT.swis In ihc Soutli I'iidlli:. Ssl. Shiiw i- d tlK!  services in I!MI ami has bi cn i  three yi-:ir.s. His  re- -s mid fiii  join his  :iud -hi-'. Mr.  Mrs. , Gay.  of Marietta. In i  him many more happy birthdays and a safe voyage home.</t>
  </si>
  <si>
    <t>                                           g?3S^ j^-m^jBH is St. Joseph Aspirin. There's no  4^ ~^~rf  pirin faster-acting. Clinically, as your ^^~JMI^Sy^?W^"''^~'^^^W^B doctor  aspirin, no aspirin can ^Qtt_ d^^ -"SSW" ^V j0 mori, f(lr      \ j)ay ? p^^- ^st ^P I^ St. Joseph Aspirin, world s ^ISll- -JroMrfl^lk Juiw-st Boiler at 10c. 10(1 tablets only ^^^k. jSf8**^ '^^~J ^'lCt ^t- ''' Aspirin, unil bo ^^^fi^    n-ady u hun that warning p"~n strikes.</t>
  </si>
  <si>
    <t>                                           WE WERE GLAD to meet him. He was busy carrying on the work of the Lord, as he is wont to doing. Our good friend. Brother Billie, is a sincere minister, and is not... out trying to pull all the money he can out of the people. In his opinion there is no deference between a preacher who exlpoits his people than any other type of people.</t>
  </si>
  <si>
    <t>                                           A young minister who is making good as a chaplain in the United States Army, since leaving his work as a clergyman for war work as a chaplain, is Chaplain David S. Harkness, stationed "Somewhere in the Philippines" and who since being there has written several...</t>
  </si>
  <si>
    <t>                                           Three whoops and hooray for the perfectly wonderful times we have ben having this week! The LUBFs started the ball rolling with a unique backyard party. If you happened to pass the YWCA last Tuesday evening, you probably heard the hearty ... of the Lawson...</t>
  </si>
  <si>
    <t>                                           MYSTIC LOVE DROPS! RfSCIIKT AROMA -8 WIN .THE OVK VT1U       oae drap *r Un,  I .NO SPBTjr. nvw the inr too     , wao runt  Isvtnx which  US5K"T-T18 TO HUCOinK MOJfKY. LUCK, anil . TW Tl;.* '"v' wni h'~~ ~*   A HIT IN TOR  OP LIFT. Ajm NI- .f  Mrr. I'll ho.v I.     . iH-.n. You'ro rrr OUc plan pool***, or  (1.00 and  mlw. On. * FltSK 1'  BACK OMT ^^,^.~     ^: MADAME ROSE Look Who's     !                . Hnpplnrw Haanuilrnl. Trill   .r ,.     II . Wwi.       no  kot Ulb JT  ou want to Unow Kiilnm  and       ami  of . lore. hr.lth,  .  whom yon will marry and .  ,       .  .   U .. .t., MotIw and bad luck or all . JUadlw IKr  aoa Suadar. 9 a. in. to 10 p. la. will find hrr  Ihas all .*tn, Tlirrr U no  M ud or   that I    In It. Ixiratr.l at Junction of Bradr Atlas* "OH'~ M"~  0 0 HowtU Mill Koad. Br  arr to       ta* aw. ear  Mill Road car. stop at daer.         Mill Trailer, front of Whll. VnilHlon .</t>
  </si>
  <si>
    <t>                                           f GlAMOfiOt/S /M//?7\ i  if* ire -   j\,u are with ..  our       must l.-ol: Hi loveliest. V.xj l-iIi ti.. i.~nt ..          *:Uei.    --i.     lul: that lends      -- t:..'l 'lij' Av\lil t'-""""f' ,    women        .   -i.-  ic .- t;!~ su much i.~n Hluko. A  SUUTiTKR For mc-ie  1'i-.s I r niu Y'luUo. u - Ul;uk  While cfc^. For i    U;ts  y Mir  us it Ueifa jou tit c-jtr.li it out               :int: tolt. Hair care-J for  Pluko i-I-ii.Dressing become* easier        /. really behaves beautifully, and st,.) a "set" . You'll rin.l it -.an i  fun to "*do" your hair in m-.i I.L-art-winning ways, while this i n:    dressing keeps it well-groomed shining and smooth for many  MEN LOW K t Plulto ha: a fragrance men love. It:                                 . because the perfume-like .scent of it lingers irresistibly about you all through, tl.ase precious night hour* And although Pluko brings such added lustre to your hair,  i it ha* such exquisite qualities, Plul:costs very little to use. It is sold by dealers everywhere in generous economical-sizes. In Amber, 25c. , SOc. Try Pluko once,  you ll never be without it. Demand</t>
  </si>
  <si>
    <t>                                           JACSON, Miss. -- A great amount of light and understanding of the question that is of much concern to Negro as well es white citizens of the state as well as of the entire South, the feelings and attitude of the returning veterans are revealed in a letter from Somewhere in...</t>
  </si>
  <si>
    <t>                                           H f -BySuIIivan                 TIM TYLER By LYM YOUNG</t>
  </si>
  <si>
    <t>                                           Today is to Ka Field Day at ponce De Leon Park. It begins at 1 p. m. and will last through the afternoon. lickets are on sale at the School and may be purchased from almost any pupil of David T. Howard School, the sponsors of this grant's project...</t>
  </si>
  <si>
    <t>                                           WHAT JHN LEFT- This is all the Japanese left ol the beautiful  01 Mrs. Edith Lovini: in I hi' I Ermitn sector in Munihi. wht-iv  I husband the  Lt.. Cn Waltw j H. Loving,  d Nt'^ro  and lender of the Philippine Con- j Ktiibtihiry Bund  sal com-                 - Ills original and  . The Japanese lived I hi-  us Aiiu'rlcim troops corm l fd llu in ill ihi" south side ot llu" i-ity. A  of Iht* ruins disclosed no Ivaco nf the body of Ihc ;  l. Mrs. Loving will       lo tin- United Slates                    take up her old  in Oakland. Calif, tin- son, Walter, now In OIHcit Candidate School at Pi. UciuiltiB. Oa.. awaits hi r  :       Hie liberated  lived from      ramps by           .s. Ruins of .s ini Ot'wcy Boulovaid may br st-on ill the background</t>
  </si>
  <si>
    <t>                                           Throngs Greet General Hodges                 General Courtney H. Hodges, leader or the First Army which spearheaded the drive across Eu- I rope and the defeat of Germany, I Thursday was welcomed to Atlanta by thousands who thronged streets from  Municipal Airport to the Georgian Terrace Hotel where he was quartered with other heroes. The Atlanta, downtown area saw thousands on (he streets over which flew formations of fighter planes, B-17's and B-l!9's. The top Georgia hero thanked Atlanta for the fine welcome given him. General Hodges' entourage moved down Pcachtrcc Street through a veritable snowstorm of confetti, ticker tape and paper hail. At Five Points, swarms of M. P.'s supplemented the regular police, seeking to keep back the crowds which moved dangerously into the path of the parade at times. At Five Points the Negro band attached to the Naval Air Station played stirring, martial tunes. The Booker T. Washington High School band played at the Whitehall Memorial Drive, Spring Street intersection, while Colored Boy Scouts were on duty in that vicinity, helpIng to keep back the throngs. Governor Calls "Term" Session An extra session of the Georgia Legislature will convene next Tuesday morning to amend the Constitution so that a governor of Georgia can serve more than one consecutive term. Governor Ellis Arnall issued the call to the legislators Thursday after a petition of 131 members of the House of Representatives and 35 members of the State Senate had been filed with him. Support of the proposal has been promised by members who did not sign the petition. IN FIVE DAILY SHOWS LONDON - Josephine Baker has appeared In five daily shows Mnce her arrival here recently from Prance. She Is scheduled for a special show ut Cumbrldgc theater to aid the Association of Friends ;soon.</t>
  </si>
  <si>
    <t>                                           West Hunter St. Factions Agree On Settlement                 Members of the West Hunter Street Baptist Churoh. split Into two bitter  factions effected an  settlement of their grievances Thursday' .\n the Fulton Superior Court after holding  and group conferences of faction leaders and- legal ^counsel                 for nearly five hours. .Tbe court with Judge  A. Hooper, Jr., presiding, consented at the outset of the hearing to suspend and have the two church factions make attempts' to effect " type of an agreement whereby the- church doors i may be reopened '.for worship as early as Sunday coming and all litigation pending In court be dropped. HUNDREDS PRESENT With .several hundred members of the church present In the courtroom after the*. lengthy delay In having the  signed by both factions, one led-  the pastor, Rev. Samuel L.v Pettagrue, W. ,H- Hutchlnson.R. W. Vtctrum, J.~ H Butts. R. p. Green and Edjyiir Turner, .as plaintiff and the oth*f faction1 led by Prank Blackshear, Ollle McDanlel and James Eijtzmlnger and others of the  minority," as defendant, Attorney John H. Hudson, counsel for the pastor and his .group, announced' that an agreement had been ef\ reeled to the satisfaction of both church divisions, who were making their fourth appearance In court during the period of the past  months. f Attorney ^Hudson stated to the  that the agreement had been reached in a spirit "of",  and friendship and that the doors of .the church had been  immediate worship, combined* with the fact that all litigation pending in the courts had been withdrawn, and thrown out of court oh consent of the^ pastor s faction 'and the Blackshear. ./contesting group. He made a pie* that a spirit of peace end harmony t prevail and added that the agreement had been adopted on a spirit of give and take basis to rthe full  that the church is  more important than any. individual memBer or group of members. He closed by staling that the legal counsel for both factions would appear before a .conference of the church on (Continued on page 6, Column S)                 West Hunter (Continued from Page D Tuesday night of next week, July 3. to have the agreement read, adopted by the entire church body and placed Immediately Into effect. CALL PASTOR. DICTATOR While the lawyers were making efforts to smooth out matters which have kept the church before the public gaze because of court fights on previous occasions, due allegedly to the dictatorial acts of the pastor, members of the faction opposing him were busy branding him as the pastor who has made attempts to take over the running over the church to suit himself, while his supporters were claiming him to be the ideal minister and pastor. The two factions were about evenly divided and during the fire hour period  at the courthouse only one or two Interested persons left the premises. It all started like this, according to court records: Rev. Pettagrue, together with the duly constituted officers of the church, in a cross petition filed In answer to a similar petition by a purported unofficial Pulpit Committee represented by Blackshedr. who claimed himself as chairman, sought the old of the courts to test and establish the validity of their conflicting claims. The pleas were filed In Fulton Superior Court on June 16, and cited Blackshear. Ollle McOanlel. and others of the church u defendants. The petition was signed and duly sworn to by W. H. Hutchlnson, et ai. The facts as set forth in the Pettagrue petition were: That Rev. Samuel L. Fe'., at a specially duly authorized church conference on December 29, 1944. ordered by Judge Walter C. Hendrlx, of the Fulton Superior Court and presided over by Dr. Louie D. Newton,-* 187 members-.of the church voted to retain the service* el the patter, while                  to dismiss him; that notwithstanding this conference and the. vote thereof, together with the report' of the special Moderator," the minority faction continued Its efforts to set themselves up as the church, although they were in a minority of two to' one; that Raid minority insisted upon taking over the church property and funds, which now amount to  than $3,000 In cash and a total valuation of $45,000. as well 'as attempting to take over the pulpit by appointing what is known as a Pulpit Committee: that on Wednesday night; June 13, this unofficial Pulpit Committee forced themselves -a duly -constituted church meeting and- disturbed the business. and that at -one point Blackshear threatened t0 stage a filibuster to break 'up the, session The Pettagrue' -'-faction also contended that Blackshear. and his crowd made attempts to declare the pulpit vacant. In an ouster on the pastor, and that the group 'conspired with Mrs. Evelyn 'Harris, to have her declare that she was assaulted and battered by Pettagrue, and that she did have him arrested on the charges claimed false and Jailed. BLACKSHEAR CROWD REPLIES The signers of the- .Blackshear petition in court allege that on the night of June 13, at a regular church conference, the pastor- empowered them-.as a Pulpit Committee to look after the -best interests of the church,' to select the pastor temporarily for regular services, protect all 'financial matters and- church property: that this said . the pulpit vacant; discharged Pettagrue as pastor of church, voting him three months salary at the meeting. Other facts set forth In the Blackshear petition allege that the pastor, struck one of the members of the church at the said meeting in anger, and that as a consequence police, protection was called by the church and the pastor was taken into custody* on Thursday, June 14 and bound over to Criminal Court on a charge of assault and battery. Both factions  obtained Injunctions by thecourt, which resulted In the church being locked more than a week ago, and both sides' were ordered to court on Wednesday, later to Thursday, to show "cause why each should not ;be permanently enjoined and restrained (Torn  Interference at the church. No disposition has been made so far relative to the criminal charges against Rev.. Pettagrue, but It U believed that should the agreement go through for. adop tlon at the Tuesday night conference by both factions: that the ease win be hoi pressed, or placed on the "dead docket. Attorney. Kelly represented the' Blackshear group  Hudson the pastor s crowd. Following- the Thursday- hearing Rev: Pettagrue made an attempt to have the legal counsel decline to Issue the; agreement to tot Press, Insisting that the caie needed no I further .-'.  zi.</t>
  </si>
  <si>
    <t>                                           Members of the West Hunter Street Baptist Church, split into two bitter warring factions effected an amiciable settlement of their grievances Thursday in the Fulton Superior Court after holding caucases and group conferences of faction leaders and legal counsel...</t>
  </si>
  <si>
    <t>                                           ^M         flo0 1 ccT' I EuRoS  Cud" CO"'* '^^^^mJ i(MH Try  IW ^^^^^j^MMjl</t>
  </si>
  <si>
    <t>                                           Borders Speaks On Frisco Meet                 An illuminating report on the current World Security Conference at San Francisco, was made to Atlanta Sunday night by Dr. William Holmes Borders, chairman of the National Baptist Convention's Delegation to the conference and pastor nf the Wheat Street Baptist church.                 The program was held in tnc Wheat Street Church, starting at 8 c , and featured on the program with Dr. Borders was Dr. Ernest B. Kallbala, professor of Morris Brown College, and native African scholar of Ogangn, East Africa, who spoke on the colonial situation of the world today. Both speakers were  In their presentations and their talks were of Breat educational value and farreaching In effect. The spacious .church was crowded to capacity for the event, which was . Mother's Day, National V-E Prayer Day, and report day on the San Francisco meet. In the report by Dr. Borders, he spoke of the peace that was lost at the end of the first World War, and through the remainder of his discourse he spoke of the alms and purposes of the World Security Conference, of Italy, Japan, of the British Empire and of Russia and her place In the world of today and tomorrow. The speaker stressed the Importance of Russia In the world today and spoke of the statesmanship of Commissar Molotov and Premier JoseDh Stalin. NEGRO ROPE WITH WEAKER PEOPLE "The hope of the American Negro is tied up with the weaker people," (Ccatiazsd on  5, col 2)                 Borders Speaks (Continued from page 1) Dr. Borders said. "The specific  "   " hns  in the Security Council, only insofar as it mny be related to a world problem. The economic and social council under the general assembly, might consider these factors in its deliberations Dr. Borders declared. "Equality of peoples and races, An International Bill of Human Rights and a Trusteeship for Colonials." He added that if such amendments were made to Dumbarton Oaks, they would add to the same extent power to the Negro's argument for justice in the south. Under international labor, the Negro might ask for equality of opportunity. While the Negro Is asking that justice hold.1; sway In the international arena, and spread to the smallest village of Mississippi, he needs to do all in his power to redeem himself. The economic order will shift gears alter the war. It will be neu_trn l_fjr n       - It is going        high to low. We will find ourselves where we were when Roosevelt became President. We, as a group had better save our money. Let us get all we can out of this capitalistic system, before It dies, and be ready for consumer co-ops, for they are likely to take the day. Dr. Borders also touched on the importance of the Negro using the ballot and recited certain sections where it is being used by the race to a great advantage. He also urged that the Negro get all the education he can, and said in concluding "next , parents should put emphasis on education for their children. Leaving insurance, property, bank accounts are good but education in most cases is better DR.  BRILLIANT Dr. Kalibala spoke interestingly on the historical background development of the theory colonies are administered and controlled on the ground that while the land of Africa belongs to Africans, It is a foregone conclusion that the Africans arc incapable of exploiting the material resources. If the western world is in need of such materials, and has the ability to exploit them, then she Is satisfied lin  so. V The speaker said in concluding. "What is needed today is a thorough study of the colonial problem by an International Commission whose membership should include                 the colonial peoples in order to arrive at a  conclusion. If this commission could be empowered with the same authority,  it would be a great deal of service to all peoples. Giving music at the service was the William Holmes Borders Choral group of the church.</t>
  </si>
  <si>
    <t>                                           An illuminating report on the current World Security Conference at San Francisco, was made to Atlanta Sunday night by Dr. William Holmes Borders, chairman of the National Baptist Convention's Delegation to the conference and pastor of the Wheat Street Baptist church.</t>
  </si>
  <si>
    <t>                                           IV Star Vocalist with fanny Carter's Band I</t>
  </si>
  <si>
    <t>                                           MRS. EARL HOLIDAY                 CPL. EARL HOLIDAY                 BIRTHDAY IN PRANCE- Cpl. Earl Holiday celebrated his birthday Mar. 22, somewhere in France. Cpl. Holidnv is the husband of Mrs. Florine Holiday. 117 Chapel St., Apt. 4. Ho is the son-in-law of Mrs. Nicie Smith, of samc address, and i tpn ..f M-" Mi" (-i- 1.12. Ichnpcl St.. Apt. 10. He has been iin the service 1G months. His wife j and family nrc praying for his safe und speedy return home.</t>
  </si>
  <si>
    <t>                                           In Memoriam                 In loving memory of our dear . father and son, James Henry Jackson who left, us one year ago today, June 2B, 1944. "Bleep on and take your lest. We loved you but God loved you best." Mrs. Rosa Jackson, wife Mr. and Mrs. Thomas Jackson, son and daughter Miss Bertha Mae Jackson. daughter Mrs. Fannle Jackson, mother</t>
  </si>
  <si>
    <t>                                           OFFICERS INSTALLED Otlli-ers of the Golden Dreum Saving Club were installed on the occasion of their Fifth Anniversary, oil March 6. at the Silver Streak Dining Room. Mrs. Rosa Jenkins installed the . being  by Mrs. JLtzzic Maltox. Piclured are the following members of the club and guests: Mrs. Rachel Johnson, president.: Mrs. Rosa Meadow, vicepresident: Mr. Charlie Meadow, treasurer: Mrs. Essie Williams, Horn! treasurer: Mrs. Minnie Lee Butler, financial secretary: Mrs.                 Rosa Leo Carter, recording ; Mr. Henderson Johnson, business manager; Mrs. Jullis Carter, critic; Mrs. Alice Adams, program I committee; Mr. Willie Hull, ; Mrs. Sophia Johnson,  of tlic sick committee: and Mrs. Carolina Johnson, reporter. Members Include: Mrs. Maltic Lcc Dunkm, Miss Juanila Hawkins. Mrs. Mary Joe Freeman, Mrs. Eslella Brown, Mrs. Bessie Ruth Freeman. Mrs. Sadie Milbrooks, Miss Christine Smith. Mrs. Lucv Williams, Mrs. Francis Thomas. Little                 Miss Rollia Cluirdi, LUlle MIks Elizabeth Smith. Little Alice VlrSinla Lee. Mrs. Eva ~.ee Johnson. Mr. Robert. Willlmns, Mrs. Amiiu Jackson Altrel, Mrs. Glori'l Evans, Mr. and Mrs. Henry. Mrs. U'liu Hill. Mr. and Mrs. RoadKC. Mrs. Salonia BurrLs. Mrs. Mnrle Foster. Mrs. Helen Mitchell, M r s. Helen Barton, Mrs. Mozcll Williams. Mr. and Mrs. Jesse Few. Mr. Joseph Duniel. Mr. W. D. Johnson. Mrs. Mario Epiw, Mrs. Rcbcccn Eason, Mrs. Ossle Rogers. Mrs. Eminu Dunn. Mr. Ocnnlc Burke, Mi-s. Dixon and Mr. George Frccmiui.</t>
  </si>
  <si>
    <t>                                           Embezzlement LaidTo                 COLUMBUS. Go..                 (SNS)                 Prof. F. I*. Lnmpkin wus arrested Thursday,  with embezzling school funds. Chief of Police John G. Newbcrry stated                 thai Lnmpkln's accounts :ii Spencer Hijjh School were about $1,500 short.                 II was reported  large portion, stated to the City Commissbeen paid by Prof. Lampkin and that he promised to make good another shortage that might be uncovered. Mr. Robert \f. Arnold, president of the Columbus Board of Education, stated to he City Comisslon. ers Tuesday that Prof. Lampkin had been discharged and that Prof S. P. Charleston had been acting principal of Spencer High School. A large portion of the shortages is said to be from the funds"~ by out-of-town pupils, while some is said to be from the funds for supply teachers. Mr. Lampkin is reported to have used students to help and when checks for their services were received, he is said to have asked the students to endorse them nnd then to have given the students a portion of the amount the checks called for. Prof Lampkin had been at Spencer High School about 15 years, and during that time had held the chairmanships of many com- i munity drives for worthy causes. A large number of citizens. Including teachers, ministers u n d business men arc reported to have signed petitions asking leniency for Mr. Lampkin.</t>
  </si>
  <si>
    <t>                                           Prof. F. R. Lampkin was arrested Thursday, charged with embezzling school funds. Chief of Police John G. Newberry stated that Lampkin's accounts at Spencer High School were about $1,500 short.</t>
  </si>
  <si>
    <t>                                           INQUEST TODAY MAY CLEAR HARRIS DEATH CASE                 Inquest Today In 'Skin* Harris Case                 The cloud of myster;- which since Friday has shrouded "the death of Donis "Skin" Harris. Westside sportsman and World War II veteran, may be lifted today when an inquest will be held, it was announced Wednesday.                 Hiirrts' -riddled body was found in his automobile on East Mercy Street, a white neighborhood, in College Park late Friday night. Friday night. Sole witness to the slaying. It was learned, was Charles Johnson, whose address was given as 407 Maple Street. He has been held in the Fulton County Jail without bond since his arrest by College Park and county police Friday night. Numerous rumors about Harris'                 death have floated about the city since his body was brought to Hanley's Ashby Street funeral home Friday night. Thus far substantiation of any of them has been found. Mrs. Oonis Harris, widow of the slain man Wedneday. disclosed that she had been  by the coroner. Mrs. Paul Donehoo, that she could proceed to complete funeral arrangements. A coroner s jury. Impanelled Satu:day at the Ashby Street funeral home, viewed the body, but no evidence was taken by Mrs. Donehoo, who said she wanted additional time to investigate the mysterious case. The wounds which proved fatal to Harris were believed to have (Continued on page 4, col. 4)                 Inquest Today (Continued  page II been Inflicted with a sawed-off ^_Qfl!!'_     -.Jiy--. police as riot weapon. The character of the wounds. It was learned from reliable sources, indicated that they wew not inflicted with pistols as was first believed. Seven .slugs entered tho man s body. The inquest today, it was dls. closed, will be held in the coroner s office at the Futon county courthouse. The exact time of the . Snbpnpnos to the inquest  ei 1:20 p. m.    time for the hearing.</t>
  </si>
  <si>
    <t>                                           The cloud of mystery which since Friday has shrouded the death of Donis "Skin" Harris, Westside sportsman and World War II veteran, may be lifted today when an inquest will be held, it was announced Wednesday.</t>
  </si>
  <si>
    <t>                                           Veterans Return In Increasing Numbers To U. S.                 Engineers With Points Above 100 Head Home'                 MIAMI, FLORIDA- Negro overseas returnees are lauding nt Air Traiwort Command's Miami Army Air Field in Increasing- numbers as the Army's jUday plan to return fiO.000 men a month, to the states' by. air pick* up momentum.                 "Moat 'of the alr-  veterans land at Mlnml Air Xleld which has become one of tne world s          ond busiest air terminals, with a huge, transport from. Europe. Asia, Africa or .South. America landin? every 45; minutes of a 24-hour day. rrom here-  "-vt J"rT"''"! arp KCn^ to Canra Blondlng, Flordla from which they go on to separation renters near their homes before  given . When       furloughs ore over they return for either reassignment or  from the service, ENGINEERS WITH POINTS ABOVE 100 IIE4I) HOMEWARD -RS. 376lh Engineers, France- With   rating scores ranging from 110 points to 121 points, -three  men of 37Cth Engineer Battalion arc about to  the European Theater for the United States and eventual discharge. Members of a unit which  ns  nt Camn Polk, Louisiana In June 1942. under command or I Lieutenant Colonel Carl A. Dahlgren, Fort Worth, Texas, these men hae been overseas for 26 months. The unit has received four 'bottle participation awards and numerous commendations In the campaigns through North Africa, Italy and Into France while serving with Mediterranean. Eastern, Peninsula, Continental. Delta B;ise Se?, Elaht POE the Fifth and the Heventii Armies. High ro nt men In the group are Private Willie Jackson. 2111 Hopewell Street, Shreveport, Loulsana, \Uio lias a Purple Heart, four battle stars, two years overseas service, three years of service and three children for 121 points: and Private Woody Johnson. Sr., 511 (Continued on Page 7, Col. 5)                 Veterans Return (Continued from pace 1) North 1st Street Waco, Texas, who has four battle stars four  of service, two years overseas service and three childrn, also with 121 points Prlvate Leon Riley. 1502 Wood Street. Monroe, Loulsana, with four buttle stars, two years  service, three years of service and three children. Is      man of the group with 110 points.</t>
  </si>
  <si>
    <t>                                           MIAMI, FLORIDA--Negro overseas returnees are landing at Air Transport Command's Miami Army Air Field in increasing numbers as the Army's R-day plan to return 50,000 men a month to the states by air picks up momentum.</t>
  </si>
  <si>
    <t>                                           2i)TH BIRTHDAY Pic. Curlloll Stephens, son of Mrs. Willie M. Stephens, of 31U Currier street :   !  of Mrs. Mattic Jewell, of the . . li;is  s(ivin^ j '- IB  and  his tv.--: birthday  on Tuesday. March 20. Friends nnd relatives wish him a safe and I early  back to ills home. I</t>
  </si>
  <si>
    <t>                                           Atlantan Claims He Knew Every Tree, Rock On Run                 ATLANTIC CITY, New Jersey (SNS) Corporal Claude Conyero, of Atlanta, Georgia, drove an Army truck over the same 60-mile stretch 500 times or more. "Got so." the Negro AAP engineer said at the AAP Redistribution Station No. 1 hero. ''I knew every tree and rock between our base tn Burma, and Ledb, Assam." He made the trip almost every day during his 19 months In the India-Burma theatre, regardless of weather, or road conditions, neither of which was ever quiet right for driving. During dry season the road was so dusty the driver could hardly see the truck in front of him. and often  found himself driving of! the side of the road. During rainy season It wns so muddy and slippery he had to take precautions against sliding oft the Bide. "All of which added up to a pretty boring time,' 'he soys. "That's why it s so good to be back In the U. S. A., where you can drive all day and all night, and never sec the same scenery.                 Corporal Conyero is now awaiting his next assignment, at this station, where he w'.il be examined by doctors and interviewed by personnel specialists to determine his new job in the AAF. He Is the son of Mr. and Mrs. John Conyero 998 Mayson Turner Road. Atlanta. Georgia.                 INSURANCE MEET. POSTPONED NEW YORK (ANP- The 25th annual anniversary meeting of the Notarial Negro Insurance  wa not held here last week as scheduled because r D T regulations that limits traveling accommodations for delegates The decision to postpone the meeting was made here recently during a special meeting of a joint committee which Include members of the local planning committee nnd officers of the National Negro Insurance association.</t>
  </si>
  <si>
    <t>                                           NO MORI  RAY. DULL OR FADED HAIft USE Jessie Kare's IMPROVED HAIR DYE LOOK         {)0 AND * IMW rr wont wash out OR RUB OUT. VERY SIMPLE TO USB i CAUTION: USI .M OlAICTfO ON LAIIl SEND NO . PAY POST MAN SI. 08      * . %ami timt      .        *i  r  r*1al4 4 JESSIE KARE BEAUTY PRODUCTS CO. 1ST MM   *m N.w Y.r* City (fOS)</t>
  </si>
  <si>
    <t>                                           In addition to visiting in Buffalo, N. Y. last week where he spoke on Sunday under the sponsorship of the Department of Public Relations, Hadji Temple, No. 61, of the Ancient Egyptians Arabic Order. Nobles of the Mystic Shrine and its auxiliary, Hadji Court No. 62...</t>
  </si>
  <si>
    <t>                                           Enthusiasm High At YMCA Kickoff                 Enthusiasm ran high Sunday afternoon when workers for the gi-  $15,600 YMCA  campaign assembled for the kickoff meeting of the drive, which has been launched by the Association in nn effort to raise $8,000.00 for the Installation of                 an elevator and $7,600.00 to be applied toward the current expenses of the agency. A great majority of the approximately one hundred persons who are working In Ihc campaign were present at the important session which was presided over by Attorney A. T. Walden, general chairman of the drive. R. D. DeFrantz, nationally known campaign - tor, who is in the city to direct the effort, took charge of the meeting and directed a very Inspiring workers conference. Following the conference, several of the members of tho campaign made statement: with                 the regard to their determination to sec the drive through to a successful conclusion. On Monday, the executive committee for the campaign met at the YMCA. At this meeting several outstanding reports were made which will be announced later. In order to make it possible for more mem1 bcrs of the committee to be present at Its noon gatherings, the ' decided to meet at 12:00 o clock, as has been the case. Wednesday's committee meeting will be held at 12:00 o clock and will last for one hour only. The next meeting of the complete campaign organization wilt be held at the Butler Street Association to-' morrow night at 5:59 p. m. YMCA Time. Campaign officials urge that all workers be present for the meeting which Trtil last for but one hour.</t>
  </si>
  <si>
    <t>                                           Enthusiasm ran high Sunday afternoon when workers for the gigantic $15,600 YMCA financial-membership campaign assembled for the kickoff meeting of the drive, which has been launched by the Association in an effort to raise $8,000,00 for the installation of...</t>
  </si>
  <si>
    <t>                                           CELELtiATLS BIRTHDAY Ki:l ( McWtlliarns RiMji rl.-;. :-"ii Mrs. A. McWillijini:-. "I !)K!i .Joyce Street, celebrates his 22ml bn'. Tuesday. May 1.1. "tj' ~:tit:\.*i*(* in the South Pncilii:." He rr-a  111.  training at C;      LnJetmc N. C. Hi' has bi-i'M in tin.' M:      Corps t.\vu .i iind seven  iind overseas ninr . S^t. Roberts was a su. ai Booker T. Washington  school prior to his  the  s as well as active member ot FHp;~er   .' AME Church. His many  I join with relative in  tor  a  birthday and pray for j him a speedy and safe return home</t>
  </si>
  <si>
    <t>                                           Atlanta JB3   World Piloted E.k, Man^t E. Mod,, .Publiihed Erery Homing Except Monday,  t 210 Aubun Member: S. N. S N.N. P. A. A. N. P. Established Aug. 6, 1928; Became Daily March IS, 1982 W. A. Scott, II, Founder-Publisher. Aug. 6, 1928 to Feb. 7, 19S4 Telephone: WAlnut 1469 1460 Entered in Post Office at Atlanta (3), Ga., as second       mail under the Act of Congre:*, March IS, 187a C A. SCOTT Editor and General Manager CUFF MACiAY Managing Editor Daily: 1 Yesr, J9.C0; 6 Months, ?6.00; S Months,$S.OO          Only: 1 Year, $3.50; e Months, $2'.0O Canada: 1 Yr., $4.60; 6 Mos., $2.76; Foreign, 1 Yr., $6.60 THE ATLANTA DAILY WORLD is an independent news       , non-sectarian and non-partisan, printing  absolutely  and supporting those things it believes to be to the inter  st of its readers and opposing those things against the interest ol its readers. Adoresa ALL COMMUNICATIONS to laid make CHECKS pay i We to- ATLANTA DAILY WORLD, rather than to individuals     WORLD expressly repudiates responsibility for return at unsolicited pictures, manuscripts, etc., unless stamps  re sent</t>
  </si>
  <si>
    <t>                                           THRIFT CENTER Wom POrt" I PANTIES QF ATLANTA WEAR 3 'or $1 S3 SORRY, NO MAIL, PHONE OR Slight s.cond. c Q D 0 0N CLEAR- 4'95SM ANCE MERCHANDISE,       a generous pantle PLEASE! A        collection In thU  from these   r0  ) of ,,  nuke second... In        only.  4nd hpm  4port,. Women's regular sizes. Thou wtar SUgkl         ,, of are really smart buys. FOR WO MEN I . m.ke. A thrifty buy!  .SI.IPI KKS. miscellaneous troup. bro- km sizes, originally I.li!~ I.I 'J.2!l 49C 111 KAYOS' SLIPS,  and white, biji. cut. Smart Fabric broken -it/.*?..   2 in customer- 2    - l.OO Printed Plnafora 18   1', slightly tolled *%~ tea4  *  #k r0"e ra.vnn Panties,  sl/es. vnr In a    - f^ GLOVES ioc         I PAIRS MIIMtlKF PAJAMAS, spun ra.ron floral prints, broken nixes. one to a  l.OO tt^ 1  HANK BAGS, slightly nailed  leather. J_ A_l ~{~_i originally 5.9S l.OO p'u  *~a-     WOMEN S . counter to.~ed, sherr Jab- Hsirularlw 1 SS Orig. 1.39 to 1.9S    . Uee- styles 2 for l.OO          I WOMEN S .  thirds, size* 8' Your , . .f lo W/'     1- " and chic tn  Tabrie  Al WOMEN S BEACHWEAR and two-piece chambray 'he rest of the . Clotht* this low price becaue thtr n. ?'"~i$J *.!? ty elt *nd colon- i"*"' j^j- ln blue- "d: b"W"1 Uihdr .oiled. In i.~ Greatly reduced! 2 tor 3.00 green floral . Brok.n  Uei. colon. Broken . Houaedreu Department FOR MEN! MEN S STRAW HATS, originally 1.95 09c Famous          RATS    Hon.Rat,oned         RiASE'De MEN S STRAW HATS,  2.9S i.95 DIAsr    3  HEN S SPORT SHIRTS,  or short sleeves, cat- Pi Ai^S tons, rayons, gabardines; sizes small, medium, VtawU9      , Irreitulars 1.59 to 3.49 2~_A MEN'8 KNIT SHORTS, elastic back, seconds:  O9 O0_ small, medium,  2 for 1.00 QQ. MEN S SOX, seconds of a famous make,  ^J^Jif Six* 3Ox3O ; blue. tan.  or white; size* 10 to 12 25e Rogularly 1.9  For your baby s ! Those MEN S SPORT SHIRTS, famous make seconds: 1  Red Diamond Birds- short or long sleeves; rayons, gabardines; solids eye diapers that are softly mb- checks: small, medium and large. Ideal to wear at the , sorbent and very durable. Only *-99 to swimming pool or into th. dozen per customer,. . MEN S SLACK 8UITS. broken sixes, rayon and shower  t home. Coojf ana cotton poplins: blue, tan and brown: originally casual feeling for  to 8 35 3.98 to 5.98 dayal A smart buy! 't I __-B MEN S PAJAMA PANTS, grey oxford cloth. 3d- 1 1 -beU i.CO 1- Qonuin* "Bstacen" BLANKETS FOR BOYS! -mpi. * SLACK SUITS, blue and tan poplin. Sizes  o..'_._i_.~_i 4 to 8: originally 2.19 1.98 LINGERIE 2"f#~ BOYS' SLACK SUITS, overall and Jacket suits. -ibs^ sj t ^7 too: fine quality; blue and crash: sizes 6 to 10: I originally 3.98 3.49 I Animal Pattarna BOYS' PANTS, wash. long. in neat pinstripes.   7 I Animal        Wue Un and _ g (q tg; orff_  t39 I   *i.,h. ik .i,.m   i BOYS' OVERALLS, blue and khaki; originally I include one of these thrifty cot- 69 Mf.          OrOUB I ton blankets in your layette. BOYg, roLO SHIRTS b,,Khl  combination. Clever animal patterns in col-  n stripes, juvenile sizes 2 to orig. 1.00- 59c on of pink and blue. BOYS' WHITE SPORT SHIRTS, slub broadcloth famous make sample*!      for dress or strictly sport; blue and tan sheer advantage or these low pries*   "ons also: 8 l6 *-15 and lovely linger!.. SUps.                      " BOYS' WASH SUITS, sites 1 to S. originally 4.49. gowns and  la this low priced group. -v 300 ToddUra' SMALL BOYS' SHIRTS, snort shirt* for sizes t to 10 85c DRESSES = r Originally 2.95 V"^. V I 1 ^, pretty little dresses for ^5"T Mlfw' I T { J S 'tf the very young lady,     . 1 *$*\ ^JM.\^m/^~^^ J '^S^4 fX. Slight Sacond* 'r^^_~^ I ^^ Seconds t much better shirts. _m_WQ5__~Bfl ^K^^/^V^K Fancy patterns in colors of     {~ t'~i'.v:**:';3f''Jftj , blue, tan or grey, leg- - Wfroavttt- j ^'V'^t"^/?'-" "'v J j  collar . Sizss M                J lv***''~:'''v'*/li***5 to 17. A thrifty bay! ^^^_sSB__^  W$''0f*XW __Bi_-I__aBa________ Junior MIM9S1 Mlssas' and Half Six* DRESSES) DRESSES Printad Tabla V cloths 2.98 i h 3.98 Delightful styles for the  figure In f Seaaonabl* boys for thrift]! ! Csif-    1 69 "*Ck      c^. *4 too checks.   la to*  U gingham. Assorted colors. SlMs-S-to-ltr- 1 -tto*t*.--ahn-it-  -40,-    **~**\  - I</t>
  </si>
  <si>
    <t>                                           Council Adopts 8 Resolution For Negro Welfare                 PHILADELPHIA A N P 1 Eight resolutions, all ; the welfare of Negroes, were adopted during n recent session of the Pennsylvania Stnte Negro council. The resolutions, covering both state and national Issues, stressed the mobilization or "all available leadership for a cooperative effort to secure for the masses of Nc- 1  b fair share of both jobs and housing throughout, the commonwealth." The council resolved to use all available facilities 'to keep "the Issues and the needs of Negroes before the public by press, pulpit, radio, labor ,  of all kinds, special leaflets and In other ways to be determined." The stimulation of Negro enterprise and , an appeal to President Truman for FEPC appropriations and the backing of a state PEPC, were Included In the resolutions.</t>
  </si>
  <si>
    <t>                                           MEN! STRAIGHTEN VNB. HA1E  IN ONE  WITH  STItATR. Aniiulor  taut nix  on mom  .       not  . BojTiUr nil* fl. Thrifty JaulNi nils.      C. D.,  Dontms*.  CQftnntre.  HTILATi: CO., Uept. Hit W       .h Ax'iiuo. ]      /u N. T. IFOR MEN "O1VLY? t^au U U riot al jour text    ; pony  ilh  rue cot  of             -UI ^COMPLfrrLBOOM tack AiO'fM 400 Ewkiac fifa, CARTOONS B*d Hal Laffs Silu.lion. Cirl Ptiota* N)H Oub Stuff Art S( etc .-L5*2ti-JL  Vtt*  i   rt*           ' PHOTOS UKM*l mill Supply . Smxl only SI *7 Dolliing  la pay for this Art Humor ItonanKM. We pay  I BUYS ALL 4 HOOKS Ordtr yours note! Money hark if not Math f ted LAItCII HOOK CO. West 18,    . 1S4-~I. NVir Tork</t>
  </si>
  <si>
    <t>                                           Doyle Clark's Baccalaureate Speaker, June 3                 Dr. Bertram W. Doyle. Dean of Louisville Municipal Coileje of Louisville, Kentucky, will deliver the Clark college baccalaureate Bermon on Sunday afternoon; June 3 at 5 o clock. On Wednesday June 5 beginning at 10:30 a. mthe commencement address will be '-delivered by Dr. Alien E C-axton, pastor, Broadway Temple Methodist, church, New York City. Other events on the commencement calendar Include a Candlelight service on Sunday evening, May 27 by the Ida H. Goode Department of Home Economics. Thayer Hall; on Thursday evening May 1. the President's Reception to the graduating class and Alumni In the Annie Memer HalL On Friday morning, June l at 10 o clock the final convocation will be held and awarding of prizes, etc., will be made. Monday, June 4, tre following services are scheduled: 10 a. m. senior class Day exercises; G p. m. business meeting of the Alumni Association and at 8 p. m. Alumni Reunion.</t>
  </si>
  <si>
    <t>                                           A large audience of parents, children and patrons of good music turned out to the Bethlehem Church of God last Friday night, cheered and applauded the music students of Gamewell Valentine in their 11th annual concert.</t>
  </si>
  <si>
    <t>                                           OVritSEAS Pvt. A. A. Prestop. husband of Mrs. Mary Grace Preston. 240 Linden Avenue and the father of HUle Mary Dorothy Preston, is observing Mother's Day overseas "Somewhere In 1-Yance. Pvt. Preston was Inducted Into the the  services May. 1944. Ho ii.'v  i.., six months. His vv.fe' and  l:  ?      und other  an:l friend? extend warm atid  greetings to him on Mother's Day and wish for him u safe and early return home to them.</t>
  </si>
  <si>
    <t>                                           Sidney Toler as CHARLIE CHAN    "THE SCARLET CLUE" also "IDENTITY UNKNOWN" With RICHARD  Capitol "P*1 1</t>
  </si>
  <si>
    <t>                                           II I 81 JOHN , In "Air Force" nnd LAUREL nnd HARDY In "Pariion Us" ROYAL  FLYNN in "Objective Burma" and "HAUNTED " ASHBY ANN MILLER In Eaille Was A Lady"  "WILD ," ELLIOTT In "Sheriff or Las Vegas" LINCOLN "\\F.'Vr. COME A LONG WAY" with AH Cdored    ) intl "TEAMING LEAP" with Kfn Maynard HARLEM  SIREN OF THE SOUTH SEAR" :iml "THE LAST HORSEMEN" STRAND THE SINGING COWGIRL"  lth Dornthr Pal** nnd LENA HORNE ill "Boogie Woogie Dream" Da You Want Power, Love? Fowrr t*  uti m  u  n t-  Cower to      *  ml     la nn     '     rr to nla Kxnteritr Iml.Tnn u         Htl wla-ial  "Uch u     malt at  . Thl.    4 BTMttou  W  b*-m, an          aa4   *     win be able to break , . IP TOO ARB NOT DELIGHTED. TOCTt    BKTt.NDED. JU MBd aM tost bmm aad . Far   wbn k*  ne4 aM)         , at  Ml  m  t  aat I wID par . ITrlto aow! FREE   al a( X^rk la  t*f tak aa XgmUa  . , ITS Ernst Bmdwa* DepL S-tt New lock V N. T.</t>
  </si>
  <si>
    <t>                                           81 "PRISON BAIT" i Louise Beavrns and j "CAM, OF THE JUNGLE" ROYAL EDWARD ROBINSON in "Woman in the Window'' and "HAUNTED HARBOR" A8HBV i '"OF ONE "BLOOD"' All Colored Cast 1 and ROY ROGERS In "Sons of Nevada" I UriCOLM I COUNT BASIE in i "Hit Parade of 1943" I and "DICK TRACY VS. CRIME" I HARLEM .JOHN WAYNE in "In Old California" and I.ast Chapter 'SPY "  LKO CARILLO in "Unseen Enemy" i and "MASKED MARVEL"</t>
  </si>
  <si>
    <t>                                           Commissions To Combat Hatred Formed In Chi                 Varied Phases Of Problem To Be Acted Upon                 CHICAGO- 'ANT)- Six .'Moiis wit,, formed (luring tne third  "f Hi1: Chic. Confcr'tice on Hcmc From unity, sponsored by I he Mayor's Committee on K.-.cc fi , to deal with racial problems.                 The  will handle employment, housing, education law  order .recreation, health and welfare. The principles of the .sions  .nr.ed by Thomas II. Wright, executive director or the mayors committee. -There :,h:.l' l:e quality ot ." he , "including the opportunity tc participate in rnl.iant uPi'. or. the basis of skt" ability mid . TIicm  shali be open in all industries trades a:id services without - to r.cc. color. creed or nati(~nal origin. Our aim to a. tl:f rights of all our (, to 111c liberty and property without any nu ~'~Uin whatsoever. Theic  br an - c-]ii) y t'~ obtain livins space anywhere a person can to buy of rent. The public schools of ChJcnco .should provide adequate and equal  for till of Chloaso's children Any form of segregation of schools or ' .ncl because of race, color or creed Is unsound public policy in a democratic . 'Running from top    bottom and permeating all Instruction in our public and private schools should bo n  of Intcrcultural ." The six commissions win bo drawn from  of the  on homr front  and will have thj power to conduct  ^s on  . j</t>
  </si>
  <si>
    <t>                                           CHICAGO--(ANP)--Six commissions were formed during the third session of the Chicago Conference on Home Front unity, sponsored by the Mayor's Committee on Race relations, to deal with racial problems.</t>
  </si>
  <si>
    <t>                                           Given Star For Com bat Heroism                 GENERAL HOSPITAL, CHARLESTON. South Carolina (SNS) For leading his men under withering enemy fire over heavily mined terrian to defensive positions along the face of u hill in Italy, ami for personally supervising the evacuation of two casualties, First Lieutenant Aurelins B. Miles, Chicago, Illinois, has been awarded the Silver Star.                 Company commander with un infantry regiment of the 02nd Divislnn. Lieutenant Miles won his medal Tor heroism on February 8, 13'IR. lit Forte dl Mftrml. LEADS MEN HiF citation asserts trial the "  a counter-attack  Lieutenant Miles' company as it was moving into a new . t-lon on n hill under cover of darkness. The pressure of hostile -attack forced the company to withdraw and brought much confusion to five other companies which  the hill. "Lieutenant Miles realized the situation and Gathered nil the men. whether In his company or not. j nnd led them under  fire i over heavily mined areas to defensive positions along the face of the bill. All night he personally checked the positions along the rector of foxhole during the artillery barrage to personally supervise the evacuation of two casualties." The lieutenant maintained his command post in a foxhole twenty  from the frontline. When a. mortar shell landed there. Lieutenant Mile, was blown out of his foxhole, sustaining wounds which necessitated the amputation of his left leg. GETS SILVEIt STAR. He received Immediate attention from Private First, Class James Cooper, a medical atd man in his company. Sent to ft hospital in Leghorn. Italy. Lieutenant Miles was presented with the Silver Star while f. on the operating table by the commanding officer of the j hospital. The presentation of the medal took place March 1G before an audience of nurses and doctors. Lieutenant Miles tells of the time i when he had a German captain as hi* prisoner. Apparently, the Nazis had u RroBt fear of the Negro troops because the captain kept screeching and asking when they would take his head off. Lieutenant Miles has been In ser. vice since March 1042. He received his basic training a* an enlisted man at Fort McClellan. Alabama, and remained there for a year as on Infantry instructor. Hi- attended OCS at Port Bennlng. received his commission in July 1043 and went (Contiued on page 4, col. 5)                 Given Star                 from PaRe win: TKAOinis His parents. Dr. and Mrs. J. L. Miles, - :i( .S21B Michigan .We. Dm:. Cliinauo. His wile. Mrs. Etlie! Mile.s. is lc:'/ :it till- OfniKlns  . Piiviitc FiiM Clttis rn:iM ~..iy mill In the Snuili P:n itiL-. Tlie -oic   i Nurihwi'SiPi-ii Ihiivcrsiiy  was ;i ! cI.m k    !or(; he ' into the Army. He was returned to the United States   tlie'~ Hospital Ship Uirk-, was pro- -cl  .Siark Gen.-ral Hos. i pital. and is now at Percy Jones Ornural Hospilal. Uattle Crcok. I Mlrliiisui.</t>
  </si>
  <si>
    <t>                                           STARK GENERAL HOSPITAL, CHARLESTON, South Carolina - (SNS) -- For leading his men under withering enemy fire over heavily mined terrian to defensive positions along the face of a hill in Italy, and for personally supervising the evacuation of two casualties, First Lieutenant Aurelius R. Miles, Chicago, Illinois, has been awarded the Silver Star.</t>
  </si>
  <si>
    <t>                                           Notice You can call In and make  for a Taxi at the United Car for Hire, Day and Night. Call JA. 1411. NOTICE j United Car For Hire rales for the first zone, 60c. 85c. S1.00. S1.SS. If the driver charges over the United rate, the passenger nay caH JA. Mil. the Doited central office I ^nd their money will be . The Allen Hotel M BOOM8 . Daflr or Weekly Ulf W, Msdhwn. LonbrUfo 11, Kg Telephone 8H. MM S-BEL1EVE IN LUCK7-S ^*fiv\\*l')^ Ctrrr stir of       ^Baitsiri2feH3  *ao.                     9^^^KiwE*I'M*ad . Oetttlt HtSfl^HH^^MRfiOricatal  art-*-- $sp4r* SjSynBMflHBSitlUMUlT        tw*  OtaA Iwk la      . QtMm, In*,        . Vark.  U.. tte Miir t* " lad luck.     , ZtU.        .     ,    . I Stlim la Lnekt Caztt Tilr of   I     4M       WM Xlra LvdMtsBMl   - j auk* a*  . ll.n TotwW far U. two, with all .  1 7 ui; I          If 0.0.9. SitUftctln OOAiAJT. MtTTl ar Xnn         . Oidar     . 1T0WI I  CO, Dapt. SMM. Main P. Box 7S. BROOKLYN. N. V.   aa an  V*  Oar   ta.~ Tra wast.     *Eil - . nx, Dsawnia,    uo-         *4!      1   1T.J.Oa. SWEETHEARTS I FOR EVERYONE Write the Los Angeles Lincoln Correspondence Club, Box 355, Sta., La TJJera, Los Angeles 43, California. ^.v Sterling; Simulated  Diamond Rings ^W ^J Embomrd Wrddlnx Band", ^p!^ Them*               thr  of morit^SBSf rrn science. Man)' axial iKp^ IradVr*,  and ^p^^^^^~our finest people wear Tfci__J      and   hUh^*^P priced     8      I      . SDbirrt  to ment I fl^k. any kind of     . COMrAUK W^^  WITH YOUR OE\^L.^~ VINE DIAMONDS. SEE IF ^^J YOV TAN . TUB BIF.  F.      only1 $I.S* or both Cor $:.~ and percent Federal tax. Semi no money with order.      name nnd             . Fay on arrival, then S .3U wear  A       on mon- ft-  -k .           PlS St.5 EXCEL JEWELERS, Dept. C8 61 TKBXTOJf ST.; I^, . HOLLYWOOD PROFESSIONAL COMB -$2.95 STEEL THRU STREAMLINE Harawood Handle Make* Manipulation Kaaler Sanitary and EeoaoralcaL WU1 Laat A lifetime. Dealers Inqnlrea Inrlted. Marcel Iron, aad Beaten lo Stack.' StalnleM STEEL, Teaapoona. 11.M DM. We Par        . II C.O.D. Yon rar Poatase. DAVID ASTOR. Dept. 12t W. 8th St. lu Asola* 14, Calif,</t>
  </si>
  <si>
    <t>                                           EXPERIENCE OP THE past three months shows that, railroad travel is increasingly difficult. With the new governmental restrictions on reservations and the shortage of railway equipment the situation will get worse. Due to overcrowded trains a lot of people are being</t>
  </si>
  <si>
    <t>                                           Trade Association To Meet Tonight                 The Atlanta Business and Trade Association will hold Its regular monthly session  from 7:30 to 9 p, m., In the Butler Street YMCA Building ond all  are asked attend because of the Importance of the matters to claim the attention of the group. New  are Invited the executive secretary, Robert R. Reed, stated JCwdcya.</t>
  </si>
  <si>
    <t>                                           Victory Lodge The regular communication of the Victory Lodge No. 581. F. nnd A. A. Y. Masons will be held this Thursday evening. May 17th. at 8 p. m.. Masonic Temple. 277'i; Auburn Avc. N. E. Members nre urged to be present. All qualified brethren fraternally nre Invited to meet with us. By order of W. E. Rl5h, W. M. D. Bowcn. Secy.</t>
  </si>
  <si>
    <t>                                           AT Till! AUDITORIUM MONDAY NIGHT Tile-  nl 'Houls- x er T. Wii.''.uiM IiIkM  Mimi'.s Cilcc C'luU. u liu. with mem-                 luMs ol Ihi; band :  .s til lilt' .slr      !IU.-Ilt. wilt M-iKi' r Mint- ;iii)iii:il  m the Mntijt ip:il Aiittitnrium. Mnintuy                 . Mn.v 21. :il n::!0 p. m. Tin- 1 f lll-nil ;       (m i.s 'lOc. .SI udi tll.'i 2r.c.</t>
  </si>
  <si>
    <t>                                           SOX SAfJk* v#l; CAiV Bl/V j Wflr  T at MARCUS' ^y^  f    ?-War Price*.' V Elastic Top ;r;i Anklets ~'Xl^'^piw' (~uo'''y White Anklett'Wtth ^1 "Banner-Wrap" ^^^^^H KAYOiN HH long ; [^H 2 PoiVj 1.25 ^^^^I^^^H L         # patterns, .^^^^^^^^^^^H  of colors. ^^^^^E^^^^^^^J Restriction ^^^^^^^mr on t) UK^^K^T    Lor.q at  Lost.' W^t^^^^W Noif SoU lo dealers t^BK^^T MAIL 1 Pi KffE JBIMl orders MffiSfflfflW-BJISSWfiSfBBs J FILLED MARCUS CLOTHING CO., j j 62 PEACHTREE ST., ATLANTA, GA. J Enclosed $.'.'..'. for  ol . J 2 Quantity j Price Size j Color I C"1'Z I NAME I ADDRESS J -i I city 5 o^v.</t>
  </si>
  <si>
    <t>                                           THE WEATHER Increiislnr cloudiness with little  is temperature.</t>
  </si>
  <si>
    <t>                                           Warn Democrats Negro Vote Can Turn Them Out                 Conference Of Party Leaders Held In Capital                 WASHINGTON (ANP) Demanding to be "an Integral part of the planning and machinery of the Democratic party," Emmet S. Cunningham, president. National Council of Negro Democrats, set the tenor of the two days of meetings here of the organization in his                 keynote address on Friday morning when he reminded the party that Negroes are not bound to It and will not remain constant unless It fulfills the role of giving equal Justlco all and special privilege to none. In a speech reflecting the ire I of the men and women from across the nation who have come here to discuss politics. Cunningham took on* his gloves and asserted that "when Negroes came into the Democratic party, they did not make any marriage vows to stick  until death do us part.' He threatened that "It it fails to keep the faith and veers from the progressive course chartered by . we will help give It the same kind or spanking we have given the Republican part; the past four elections." SPEECH APPLAUDED He agreed that as members of the party Negroes should give financial support, and that the  should work for the enlargement of he vote, but he recognized obligations which the party has to them n.i well. Applause greeting his remarks as he went on to say that the party workers require  representation on the staff of the Democratic National committee, more Negroes In key governmental positions and federal Judgeshlps. They responded favorably to their president s call for enactment of leg Islatlon establishing a permanent PEPC, eliminating the poll tax end Ing lynch law, granting federal aid to education and health, and extension of price control without crippling amendments. Since Ne(Coatlaced on      7, Coi. 5)                 Warn Democrats (Continued from page 1) groes would be Important beneficiaries he cited the need for expanded public housing facilities and the extension of social security laws to cover domestic and farm workers. Cunningham cited the fact that In many Important cities Negroes had vote from 70 and 80 percent for the Roosevelt ticket and warned, "Let us make no mistake or delude ourselves the death of President Roosevelt Is going to have a profound effect on the Negro vote." Without equivocation he declared: FOLLOWED ItOOSEVELTS "During the past 12 years the Negro vote has followed the Roosevelts. This vote has been attracted and held in the Democratic column by the broad programs advocated by Mr. Roosevelt and designed to benefit the common man. Because oi the open and personal interest of both the President and the First Lady in the problems of Negroes and other minorities, the credit for the good things done by the administration has gone to the   rather than to the Democratic party. As a result, the Democratic party as such has never been sold to Negroes. "If the party wishes to retain control of this crucial vote," Cunningham concluded, "It is Imperative that specific measures to be taken promptly t0 sell the party and Its current standard-bearer to' Negroes." In his warning of a possible trend away from the party, Cunningham leaned heavily upon the overtures Republicans are making to woe Negroes back to the GOP, citing particularly enactment of little FEPCs In three states with Republican governors.</t>
  </si>
  <si>
    <t>                                           WASHINGTON -- (ANP) -- Demanding to be "an integral part of the planning and machinery of the Democratic party," Emmet S. Cunningham, president, National Council of Negro Democrats, set the tenor of the two days of meetings here of the organization in his...</t>
  </si>
  <si>
    <t>                                           Jackson Is Cited As Bond Champion                 By SPIKE WASHINGTON'                 Back in his home town highly i elated and refreshed from his trek of last week to Washington, the i nation s . where he was given a salute and a rousing as well as a warm welcome by President Truman, Secretary of the Treasury Henry Morgenthau, United States                 senators, congressman, ana  national officials, is Navy Chief Petty Officer Graham Washington Jackson, of the Georgia Naval Recruiting Station. That smile of the patriotic and loyal Jackson, well known to At-  and people of all sections of Georgia, was even broader when he stepped from a fast train at terminal station late Wednesday and moved off hurriedly for home at C Street, the madam and the two pups. He was loaded with photographs of various members or Congress, autographs from each who gave him pictures, and the John Hancocks of those who were not able to furnish the Atlanta accomplished musician and entertainer, and other prizes that are much cherished by the Navy                 cialist, who has much to his credit in the war effort. SHOOK HANDS WITH TRUMAN Odlccr Jackson, who has done u most remarkable Job, and who has been acclaimed nationally as Georgia's number one war bond salesman for individual effort, on his having sold more than two mil- i lion dollars worth of war bonds through his entertainment programs, was called to Washington to spend a. week at the capitol with the various governmental dignitaries at the White House where he was' lauded highly for his war work by Pros. Truman, and where he was presented his sixth citation for outstanding work in the Sixth War Loan Drive by Secretary Morgenthau. Jackson has several Illustrious firsts to his credits, and prides in tho fact that he was the first Negro to play for the President In the White House. He also brought back an autograph of the President and proudly showed three pieces of stationery from the White House which is done gold on white. He autographed one In his neat (Continued on Page 7, CoL 5)                 Jackson Is Cited (Continued on Page 2) little home and gave the writer, presented one to his madam, and kept one for himself. Atiartt^'c fpn^ffr^ ^" i-s-s-. There were speeches, , and a whirl of reception activity that dimmed the fanfare surrounding Washington, a place during this time of war. Jackson, the late President Roosevelfs favorite musician, stayed in DC more than a week and while there he was kept busy here and there playing the piano and the accordian and signing for the many distinguished figures with whom lie came in contact. On last Monday he gave an hourlong concert to a large group of Senators and last Saturday night                 he entertained the .President at a farewell buffet dinner affair given by newsmen to former Presidential Press Secretary Stephen Early. Be? fore these observances Jackson was awarded another Citation of Merit, his sixth, by the Secretary of the Treasury, for services rendered In connection with the several War Loan drives. Sandwiched in he found time to play for a group of Washington officials on the piano and the . ORDERED TO CAPITOL Jackson, who appeared In more  a score of performances before the Hate President, was ordered to DC last week by his State Recruiting Commander, Stanley A. Jones, with headquarters in Ma- j con. Jackson stated thut President Truman shook his hand at least, seven limes and that among those he was happy to greet was i Georgia's own Senator George, who presented him with an autographed painting of himself, and Inquired of him how things were back In Georgia. He played "Old Kentucky Home" for Senator Berkley of Ken- tucky, and for Senator Bilbo of Mississippi he played "The Last Roundup." He played In the office of Senate Secretary Leslie Blffle, and also has a photo of him, he1 played In the offices of Senator George and President Truman was so overjoyed with the Atlantan's playing that he requested him to pay the Hungarian Rhapsody by I Utz as a special encore, following his performance at the Early farewell dinner party. I He is back home now resting, a bit, but will be off sometime today or early tomorrow for his headquarters in Macon and from there he will be out selling war bonds, giving programs and recruiting additional Negro youths for Navy duty. In his effort to boost his bond  up near the three million dollar mark. He is an honor to his home town, his race and his nation.</t>
  </si>
  <si>
    <t>                                           Back in his home town highly elated and refreshed from his trek of last week to Washington, the nation's capitol, where he was given a salute and a rousing as well as a warm welcome by President Truman, Secretary of the Treasury Henry Morgenthau, United States...</t>
  </si>
  <si>
    <t>                                           IN S. PACIFIC Cpl. Sonniu U Head of 591 Frjscr Street.,  his birthday en March 10 In tho South Pacific Hi- was -'a in the Arrr.y on June 25. I94:i. :ina n.sa  overseas 18 months. He Is the  of Mrs. Cliarlotie Famoro I and -James, Fred Arthur and Cur- tls Head. His rei: and menus pray for speedy nr.ad sale .</t>
  </si>
  <si>
    <t>                                           COLOR HAIR ^1 !^! Know the Joy of Jet Block Hair '\\A mBy Tonight*'- It your hair 1* dull.  f faded,  d.  or discolored ond Ifai* jng yon to  in love, romance and  ^THERE S THRILLING NEWS! Now. for only Me. you enn  the  BLACK STRAND Jet Black Hair Coloring from your druggist. ScehoweasyitlAtoapply...~      tho very f. hair  . soft and        with jet black beauty whether It's oil your hair or just to -up your hair at root*, temples, pat-tin* or streak*. MO  it Is to  your hair looking a ToathfuL jet black shade with BLACK { black hair coloring. Money Back Guarantee tsa^gga* HAIR COLORING for only 60c from ^^^f^ Ct . If too don't know the WitAcCTt Of j TCluk hUr "by .".      !  ft*t yoot  back .' am^3N ~)7M ^P JCT BLACK HAIR COLOR1NQ i\'^;~'    CAUTION:- BUek Strand ia to    aW%.V*%a3anl OMd only m      label. gZs^t. Black Strand Co^ Chicago, HL P^PHP    Be GltKAT \JKfiwTm I-^'CK BRINGER. /1 nitch John the Con^~~    ^B   Root in one     ,-n.". ssys-1      KUumntei! these root- to be of the VW tl.JB per pill? postpaid or C.O.D. plu. . OrtVr now.  With  :           vm H KHiJi       1 carr}1nB ta* Prophet Products Co., Dept. SOP     77, Station J New Ya*k it. N. I.  Bj^^^ BLACKHEADS? ^^KH ? ^~~BSKiin^t. (EXTERNALS tef  Wj^^*W SKIN WHITENER V^*f 3 Whether your complexion is naturally dark, medium or , if it is tanned too dark as well as weather-beaten, coarse, blotchy or  by blemishes (externally caused), here s Rood news: The , genuine Dr. Fred Palmer's Skin Wiutenkr helps lighten and brighten tanned too dark skin. It starts to work the minute it is applied. Also loosens blackheads so they can be more easily removed. Learn why thousands use Dr. I Fheco Palmer's Skin Wihtener every I year. Get a 25c box from your druggist and use as directed. Insist on the genuine. Use for 7 Days. IE not satisfied. Your Money Back. GALEN OL CO.. Box 264, Atlanta, Ga. A1.O try Dr. FRED Palmer's SKIN DELIGHT SOAP today 25c m</t>
  </si>
  <si>
    <t>                                           New Special Formula Made with Slllntllli- Rikam  f Pi.ni f:.~    Oil. I^. Bcthanaphlol. and IVtrolcum Jelly (I nil ict III*.      ".t  hair rlo"er KKKK) T..o  Ih.1  raa drr gal lh.  .hI I,i  our hair.      . It dry. Imnl anil . IT IH NOT XATlltAI, FOR IIAm TO CRACK .\         ,\T TIIE .  * Hnil       . does . f.ir dry       . .                  1111111I..T is - of KI'MTtVlt. UlNOUN. PKTROr.KU.M JBI.LT. CAS. TOR CUT.. -HAM OF , ind m-.. Tlii.. of      . .11     hln. Hn,~   Ihli Ir.Hlni-nt fnr Itrhy m:~   . and      I. Mr. Vour laUr      Him. KrH-   lth the new Imprw  il  Mmtuln  aad Hair            .   1~.       Mniifi-    :  oxi.y voun name 11I1.I .SS. Wlim you  rt    . lalo Ireiitmctit  V, with full *   CTnrant.c pu      nnl 11  . ThU  1 I!"!1TU,1    1 "           I  1 1  Imlr (lower (rfe. with  Jar I ut M.dul.. Irmlmrai  II mint  you or  cent . M . NOW lo IT" OOLn        HAIR CO.       lll*    , Dept. SX9 Hroolilyn ^3. N. Y.</t>
  </si>
  <si>
    <t>                                           Atlanta JlUfe, World Published Every Morning Except Monday, at 210 Aubura Member: S. N. S. N. N. P. A. A. N. P. Established Aug. 6, 11)28; Became Daily March 13, 19SZ W. A. Scott, 11, Founder-Publislier, Aug. 6, 1928 to Feb. 7, 19S4 Telephone: WAlnut 1459 1460 Entered in Post Office at Atlanta Ga., as second class maij  the Act of Congress, March 13, 1879 C. A. SCOTT Editor and General Managei CUFF MACKAY Managing Editoi Daily: 1 Year, $9.6T); 6 Months, $5.00; 3 Months,$3.00 Saturday Only: 1 Year, $3.50; 6 Months, $2.00 Canada: 1 Yr., $4.50; 6 Mos., $2.75; Foreign, 1 Yr., $6.60 THE ATLANTA DAILY WORLD is an independent news paper, non-sectarian and non-partisan, printing news absolutely unbiasedly and supporting those things it believes to be to the inter est of its readers and opposing those things against the interest its readers. Address ALL COMMUNICATIONS to and make CHECKS     able to ATLANTA DAILY WORLD, rather than to  WORLD expressly repudiates responsibility for return of unsolicited pictures, manuscripts, etc., unless stamps nre sem</t>
  </si>
  <si>
    <t>                                           Race Combat Units Serve In Austria                 WASHINGTON (ANP) The war department was riot prepared to say last week which units in Europe are going to be deployed to the fighting In the far east, nor was it ready to say anything of the order In which any of them might, be brought home. The                 partment did disclose, however, the Identity of the great bulk or Ne. gro units that are now In that theater. t Perhaps the largest outfit of Negro soldiers is the 92nd Infantry i division which Is now In Austria with the Fifth Army. Operating from this area also Is the 332nd Fighter group under the command of Col. Benjamin Davis, Jr. Apart from the 366th Infantry regiment or Negroes, the department has Identified three Infantry regiments comprising Negro and white soldiers nnd two similar companies. The former are the 309th, 310th. and 311th -.ents. with the 78th Infantry division. There is als0 one company with the 66th Infantry regiment and one with the 38th Infantry regiment. So-called combat outfits of Ne-I'  Include five tank destroyer                 battalions, two tank battalions, five field artillery battalions and one anti-aircraft battalion. There are 28 engineer regiments and battalions and eight ordnance units, 18 port companies, 2 ordnance companies, four chemical smoke generating companies, three, signal construction battalions, two medical sanitation companies, and one company or detachment each of the following: amphibious truck, general hospital, medical service detachment, transportation and special service.</t>
  </si>
  <si>
    <t>                                           WASHINGTON -- (ANP) -- The war department was not prepared to say last week which units in Europe are going to be deployed to the fighting in the far east, nor was it ready to say anything of the order in which any of them might be brought home. The...</t>
  </si>
  <si>
    <t>                                           WASHINGTON, D. C.--(NNPA) Resignation of Associate Justice Owen J Roberts from the Supreme Court of the United States, according to close legal observers, represents no loss of the Nego and other progressive groups. Mr. Justice Roberts submitted his...</t>
  </si>
  <si>
    <t>                                           Why For Men Only? WOMEN. TOO. GET A BIG KICK MOM THIS GAY FUhV RIOT, V ^S^L Yoa*ll be m  ^P /r5\ d your next stag party r-JS (6*1:5 -llh IhU rare *ot 1^7  33 '   ^on  f * ^p'^.^  aoe*~) ij i Mil  different VSi(9*^H 500 Exrilin.     ) CARTOONS fieo" Hoi LalU Situation* Cirl Pholaaf --Chib-SlDg- -Art-Sturfk.    . JOKES ITa Ifc*     'a  an  PHOTOS Don't wah! Supply limited. Send ) 98  today-  to pay for  Art Humor Bonanzr. We pay     *c,l 98c BUYS ALL 4 BOOKS] Sent in  *~   4 wrapper "7 Order   Uem*  i LARCH Book CorDept"l34R 42 W. 18 St, New York 11, N .Y P-^^jPE-ltt^~i\  PropbctR * ***'-^h *^^^ii^l Soot         * Toywtlc* power* to briar 3. 8COCK88. . UAi1. If yon Uck *ny of these,      a  John the Conqnero* Beccomlon Oil   7    Jnat what 70     4. Contain* genuine Ulrh John the Conqorrur Hoot In  r*-~l Coly type occult anointing oil. aa men  In the Utbla. Larxe Klze  complete  full confidential Information, only #1.JO  or C. 1~. plat . (    Illph John the Cooinvror Keccniilon Oil far 1 daji. U not '         ,  mooey will Prophet Products Co., Dept. SOR 3S1 \V. 125 St. -  \r York 27, N. V. Notice United Car for Hire rates for the first zone, GOc, 85c $1.00, $1.35. If the driver charges over the United rate, the passenger may call JA. 1411, the United central office and their money will be refunded. LOANS Auto Loan AS LOW AS S10 Your car does not have to be paid for to get a loan from us. i I  j FINANCE CO. 146 H Peachtree St.. N.W. I</t>
  </si>
  <si>
    <t>                                           FELIX THE CAT f r 1![ -By Sullivan                 1 By LYM YOUNG</t>
  </si>
  <si>
    <t>                                           BIRTHDAY TOBiW- Opl.- Rubert. J. Smith is ; his twenty-sixth birthday anniversary May 6. "            in Frniipe."..Hei is the husband of Mr-,/ Cecelia Smith nnd nephew' nr Miss Muiy Smith, of 546 Myrtle* street;- NB, i his city. He has been In the  in , tr\rvc ot.'    ) hns .-pent overseas. May Ood keep  mid !i-ml his SilTely home In. us is his wife s everyday ..</t>
  </si>
  <si>
    <t>                                           At Last in Answer to Many Questions And The 6 6 6 MARK t BEAST -Of The- __Who is the Hearen Marked Man with the Mystic Number of the Beast? Hear Evangelist Fordham count the number of the Beast-See it Yourself on the Sereen.^*   "  jmOl HI K'     !^hB W. W. FORDHAM y -At The- I Bible Crusade Tabernacle .-Ashby and Hunter Streets I , JULY 22nd at 8:00 p.m. f Alt WELCOME SEATS FREE</t>
  </si>
  <si>
    <t>                                           S. M--This is what I Wish to know I am in love with a married man and he and D. have quit several times but we have; gone ban together. Does 'he love me? He has a wife but she is not in good health but I, don't want him to quit 'her because she and I are good friends.</t>
  </si>
  <si>
    <t>                                           RHEUMATIC tow Walks Without Sticks  NO MEDlCltte I        .    mi Ifl- I      I MiM              * I ful  I vat  If I wtlk  2 Itlfkl. Niw. I I tit 4* my pirt  t  or I itMk.   m tir      I 1 tat", you. wo. air   ( fli irf. dui to RHEUMATISM* I SCIATIC*. ABTHRITIi, HAU 4 CnCAM. No   tul-UiUm  u     Vsu  tub IhU .       SiU .nl mil Ulir. f,~l.          .ui MlUI  Nil MAO 4  II '*pila-"          It lit#, . tin [*          In           "~1       miii uita ui        mu i.ei in  it. bun ttn to       ol inn     . li'~ i.. in n. .        0lO tou air Iff tippy  lir lutt  tar lav VuLl'silt ~"of NAB 4 6    ,   END Na UC1NEV. \ttf lour  ~~.00  W  ACK GUARANTEE. OltDEK NOW!     . 803. NAD SIFO. CO.. 108-W         Bin!.. Coroas, BT. T.  GOOD TIME^ picking  c cherry     /^KIa cause you endless  . When Lypu jP A follow such anno) filing, E^i^ irritating actions, [you B\ I i eel as   Jfcs^. 7 with people is the last tiling you want to d jo i"  world. Black lift'' White Ointment, with its   action, promptly eases the * and itching of those externally cau vj^~ bothersome acne pimples. Easil'^^^S plied as a dressing, its aid to Nature'*^ active healing comes from its antiseptic ingredient. Black and WJiit= Ointment goes right to work, Ikw ilie- is-relieved^- is discouraged. It also relieves itching, burning soreness of eczema  caused. Use only as directed. Black and White Ointment, 10)!, large economical sizes 25)!, JOff. At all dealers. For daily skin cleansing use mild, fragrant Black and White Skin Soap, 10)$ and 2% everywhere. r</t>
  </si>
  <si>
    <t>                                           Atlanta's livers and litterbugs jacks can be down with it bound with it and around with it Tuesday night, July 3 when the "biggest entertainment bargain of the year will be offered at the city auditorium.</t>
  </si>
  <si>
    <t>                                           SW E E Y S^?~^^ BROWN ^~~^P Ar yoi/~ Dnucaier Top*-/ '-AZjji SKIN IMPROVEMENTS Begin in a few days HELPS BRIGHTEN, LIGHTEN. SOFTEN. CLEAR OFF DULL SKIN. LOOSEN BLACKHEADS Why wait any longer for help your 9kin and complexion can si easily have? Enjoy the added loveliness and the desirable beauty-aid complexion Improvements that Black and White Bleaching Cream can bring you. An eye-opening, hope-awakening reward, which begins In a very few days Is In store for you if you have been relying on ordinary beauty or all-purpose creams for your beauty enre. Neither you nor any other Woman can expect such creams to lighten and brighten your skin the way Black and White Bleaching Cream does. It brings you a different looking, , lighter complexion through I the action that Is special and ex- j elusive to bleaching. Start using Black and White Bleaching Cream now just as we tell you and you can expect and enjoy a pleasant . Caution: Use only as directed. Larger sizes 25c and GOo it all dealers. Be sure to demand</t>
  </si>
  <si>
    <t>                                           BUFORD, GA.--The Echoes of Zion Quartet sponsored a program Sunday at the Popular Bill Baptist Church. Mrs Ada Milton of Byronville has returned after spending sometime with Mr. and Mrs O. W. Milton, Mrs. Vallie Mae Roberts and children left...</t>
  </si>
  <si>
    <t>                                           NEW YORK--(SNS)--NAACP Secretary Walter White charged Guam authorities Monday with conspicuously failing to reveal the long series of unprovoked and unpunished attacks which led up to the courts-martial of 43 Negroes attached to the United States...</t>
  </si>
  <si>
    <t>                                           IF RHEUMATIC PAIN; HAS YOU  AND HOPIfK Then prom to / what live  you can ft now with thin medicine Open your own way toward  others have enjoyed. Make up your mim you re going to use something that gen to work on rheumatic pain. You  help you can {eel. So    -2Jij, if yoa suffer from rheumatic pain or muscular aches. Don't be put off with ifi 01 bun. Caution: Use only as directed. First bottle  price refunded if not Mtitfied. fee and $1x0, (ct C-.</t>
  </si>
  <si>
    <t>                                           I WHY "{3m B ir:^^"T' .1 ttK3 fry ~'Jnd Cup" ^^^~^W^Bl</t>
  </si>
  <si>
    <t>                                           DAILY CROSSWORD                 -ACROSS 1. Water vapor G.Ukethe head of a spear 10. Remove*, as dirt 11. RegTets 13. Torrid 14. Earth as goddess 15. Stuff 16. AJoft 17. Pronoun 18. Rock 19. Measure 21. Music not* 22. Compass point {abbr.? S3. Keel-billed cuckoo 24. Curious scraps ot literature 26. Music not* 28. Indefinite article 39. West. sUU (poss.) 32. Maxim 34. General secretary (abbr.) 35. Cry of pain 3S. Terrible 37. Chapter  abbr.) A 38. Open ffi (poet.) TS 39. Mix  i -40. Made amends for 42. Wearing slippers                 M. Put forth effort DOWN 1. Body of water 2.^ 3. ScottishGaelic 4. Exclamation 5. Businessmen 6. Slant 7. Caress 8. Subtle emanation 9. Apportions 10. Pal                 12. Merganser 17. Collection of animate for show 18. Kill 20. Tantalum (sym.) 25. Rough lava 26. Crazes 27. Mine entrances 30. Wished for 31. Lean-to 33. External seed covering 37. Sleeveless garment                 38. Undivided 41. Foodrtfus*' exchange (abbr.)                 w/m\ r r r r ppp III. _lii 1; L H_ ll II l: i__ v IL_IJ1 ll15" -Ml LII LLlI_i" L31 31 II W I 1^ li IL_:^ I41 _1 I w/M'\ I I I fe^^                 A cryptogram quotation M E R Z   ^) ( G E M Q A L B I U B W V B 0 A B PMBVXa         *~             : NO TIME TO BREAK JESTS      HEARTSTRINGS ARE ABOUT TO BE BROKEN- . 'w fc,,^;-, .v.WlWWM br.Klag FwtUTW 8       .   ^.~</t>
  </si>
  <si>
    <t>                                           The Atlanta Black Crackers tightened their grip onto first place here Sunday in a brilliantly played contest which exhibited fine pitching and a burst of power on the part of the favorite local team. They return here Wednesday night to play the Black Pelicans In the...</t>
  </si>
  <si>
    <t>                                           Elk's Outing And Picnic WEDNESDAY, JULY 4th -AT- HANLEY S FARM Barbecue-Chicken-Fish-Drinks 9 A. M. To MIDNIGHT Plenty of Fun For AU BALL GAMES And DANCING Trucks leave 21 Bell St. N. E. Every Hour Admission SOc The 'farm ir.'a y fee reached by .g out Memorial Drive to Candler Road, ..Turn right-on Chandle Road to the Oak' Knoll Road where you will cross a wooden bridge which leads to the farm.</t>
  </si>
  <si>
    <t>                                           TIM TYLER By Lyman Young                 FELIX THE CAT -By Sullivan</t>
  </si>
  <si>
    <t>                                           Eat At Peaches Cafe j 110 Walnut St. S. W. GOOD HOME COOKING Mrs. D. E. PERRINO, Mgr.</t>
  </si>
  <si>
    <t>                                           I8^iii8fiii A A ^M mwu^HSw \a\ ~^r mm I I Y  g; Atlanta JP^^ World ^j on ^^pp:^^ Published Every Morning Except Monday Effata^?! it IS' NeWS  T"T"T ~~^~J VOLUME 17, NUMBER 291 ATLANTA (3), GEORGIA, FRIDAY, JULY 6, 1945 PRICE FIVE CENTS^-</t>
  </si>
  <si>
    <t>                                           BIRTHDAY IN ITALY Private Charlie Starks is celebrating his twenty-third birthday anniversary today. May 2, 'Somewhere In Italy.1 His wife. Mrs. Allene Starks of 178 Davis Street and his mother. Mrs. Ellin Starks of 4801 McDaniei  t.. Atlanta, join with friends in wishing for him a happy birthday and I a speedy return home.</t>
  </si>
  <si>
    <t>                                           30th Spingarn Medal Awarded To Paul Robeson                 Outstanding Actor Awarded for Work                 Also Active In General Field Of Racial Welfare                 NEW YORK (S N- S) Paul Robeson, Internationally famous actor, concert artist, and athlete, has been awarded the 30th Splngarn Medal It was announced April 26 by Dr. John Haynes Holmes, chairman of trip award committee.                 Mr. Robeson received the award for his outstanding achievements In the theatre, on the concert, stage, and In the general field of racial welfare. The latest triumph In his long public career Is his appearance In Margaret Webster's production of "Othello." Mr. Robeson has appeared In numerous legitimate plays Including "Emperor Jones," "All Ood's Chlllun," "Porgy." "Black Boy," "The Hairy Ape." and "Stevedore." In the .s he hag appeared In "Emperor j n es," "Showboat." "Saunders of the River." "King Solomon's Mines." "Jericho." and others. BEGAN IN 1925 He gave his first concert performance as a singer in 1925, and made his first concert tour of America in 1929. His concert tours of Europe occurred In 1926-28, 1931 and 1938, with a memorable tour of Russia In 1938. Mr. Robeson ls a graduate of Rutgers college and Columbia university. He ls a member of Phi Beta Kappa He was a four-letter man at Rutgers and was allAmerican end on Walter Camp's team In 1918. He ls married and has a son who Is now a sophomore at Cornell. The Splngarn Medal was Instituted by the late J. E. Singarn, for many years president of the N. A. A. C. P., to go to the "man or woman or African descent and American citizenship, who shall have made the highest achievement  on pate 4, col. G)                 Outstanding (Continued from  1) Ing tile preceding year or years in any honorable field of human endeavor" Tile  to Mr. Robeson Ic considered the Spingarn Mortal for 1944. The award Is customarily presented at the annual conference of the NAACP. but on account, of wartime restrictions the conference hu.s been cancelled this  In - of this circumstance the medal will be formally presented at a date and place to be announced Inter.</t>
  </si>
  <si>
    <t>                                           NEW YORK -- (SNS) -- Paul Robeson, internationally famous actor, concert artist, and athlete, has been awarded the 30th Spingarn Medal it was announced April 26 by Dr. John Haynes Holmes, chairman of the award committee.</t>
  </si>
  <si>
    <t>                                           1 i II i  i* ji "    -_^J -i i I i j i^L W Jl C5  ^T jL^I Keep Cool on TJte*e W^'jr^^ VD /% JD1 1%/J "B? TV HT Uot Summer Day* in fcl  L/';: ''^~;iw,. Loic-Priced Pinat ore*.'. I^B .-i^Pv-  - ThriU Center Jpm ^Spf^ of \ '''~:-''-y^.^^^^Mv$'':^-' JpBh-:"t:"?:-  p*~      ....--i^  ^p^l'^ I ~^    .^L^^tir*.^^^^^^ Siyh 6i9l -I. .Hoppy Home. Step.'mto this fresh -young pind-rc^ HT if. iffi ~^^^~!j?p?    $~Sf  feel carefree again. Byeiet trim,'.full skirt; 'large f I 7 I ; buttons down the bock. Blue or ton. 'Sizes 12 to. 20'. V fl rat}*?OM'* '.'Basement Hottsedre** Itepartment Demure Rutiled Genj r"m-cil          'S BASEMENT Mlanto^'Ga. Please send me the following Pinafores-r 2.98' f'.). Pinafores Pui5w- I *q^,!,,':. s^--ra^i-ia:^'-1" ^as -i.im P-'_j j.,!j-^-^: 6^6. Sonrfy Kay. Be dainty on the hottest Style 5029. Dickery Dare. Your  *ill bt ~"le     day in this full-skirted pinafore with sweetheart a heyday accented by this colorful print. Full Address   7  r -I neckline, large pockets, self ruff les. buttons to skirt, large pockets, eyelet trim. Buttons to Add I Oc postage on prepaid orders waist. Red, blue, green, brown. Sizes 12 to 18. waist, ties in back. Blue and red. Sizes 12 to 18. Cash C.O.D.f) Charge j J^BK^PP^^^JBBBMlBEB. *M" or 2'win Bed Size gM^^^^% Llieniile spreads.:.:BK ^f     $J*jF?} j? '^^-^^^BjmSt r'1?--f  bedspreads, thickly tufted, fluffy chenille en  cotton fabric, will mSi JSn-'^^^?^' ^^~^^%             $^ brighten your room with a new sparkle of harmonizing color. V/ design, pastels on Wj!: H%%?^f t 'Crf'^Sl s.^    v.v/'Ic. colors of rose, green, blue,  with white. A thrifty buy!</t>
  </si>
  <si>
    <t>                                           ftf ?*?c.e of  .Inspector , European Theater of Op*T. tiona, addressing the officers and men itf the newly activated 477th Composite Grou$ a fighter-bomber , at Godman Field June 21. He ia tBe father of Colonel Benjamin Davis, Jr., former                 com man a er of "the 352   ? Group in ItoIjC who was" named tn  thi- tT^h. At left hre Lieutenant General Im C. r^Xei, Deputy Commander Army 4ir Forces, und Mr. Truman K. Gibson, Jr., Civilian Aide to the Secretary of War. Colonel Davis is at                 right (Army Air Forces Photo).</t>
  </si>
  <si>
    <t>                                           AN ACNE PIS A. ...especially when soreness and i telling WHlffft^ are present. Relieve y^HElA these troublesome A *QBl symptoms of externally f/  S*3B caused pimples with I /iB antiseptic Black and V ^~dB5r White Ointment. Thou- ~^H sands of satisfied users have found that ? Black and ^Vhitc Ointment through its 6 antiseptic action- eases itching helps nature j in healing. It also relieves itching and burning soreness of eczema externally caused, and simple ringworm. Try it! In large economical I sizes, 50(S, 25(S and lOff. Use only as directed. S^ Ilighly recommended for daily HfTTIfiTPg ^ - Hirt    IfliM and fragrant Ulack and White Skin Soap, 10(i and 25p, sold everywhere.</t>
  </si>
  <si>
    <t>                                           WANTED UNSKILLED LABOR For essential War Work in One of the Largest Steel Companies in Pennsylvania. Transportation paid by employer. Housing available. 48 hour work week. Time and one-half over 40 hours. Representative will hire at the United States Employment Service of the War Manpower Commission 79-89 Marietta Street, N. W, Atlanta, Ga. July 16 Through July 21, 1945 Persons now engaged in essential industry will not be considered.</t>
  </si>
  <si>
    <t>                                           ATHENS, Ga.--Marion Johnson, Jr., STM, 3/c of Bainbridge is visiting relatives. Clarence Edwards, Anna Parks, Roy Thornton, Robt. Bunkley, Anna Scott, Nellie Smith, Ada Starks, Nettle ... and Annie Jones are ill. Mrs. Mary Moncrce has as guest her daughter...</t>
  </si>
  <si>
    <t>                                           Your Syu CUttrtx Attentfem Conmit DR. JOHN KAHK III H S art (OAL     -      Edward G. ROBINSON in "Barbary Coast" also "Kid Sister"  Roger Pryor Capitol MWI</t>
  </si>
  <si>
    <t>                                           81 TOM CONWAY In "FALCON OUT WEST" and BUSTER CRABBE In "The Contender" ROYAL "HOTEL BERLIN" With Fay Emerson-Raymond Masses anil "HAUNTED HARBOR" ASHBY HUMPHREY BOGART In "DEAD END" and- "OKLAHOMA OUTLAWS"  "VOODOO MAN" With Bela Lugosi and- "SPY " HARLEM LOUIS ARMSTRONG In "Atlantic City" 2nd "CLUTCHING HAND"  JACKHOXIEIn *VIA PONY EXPRESS" and- MASKED "</t>
  </si>
  <si>
    <t>                                           SKIN IMPROVEMENTS Begin in a few days HELPS BRIGHTEN. LIGHTEN. SOFTEN. CLEAR OFF DULL SKIN, LOOSEN BLACKHEADS Why wait any longer for help your skin and complexion can si easily have? Enjoy the added love' liness and the desirable beauty-aid complexion improvements that Black and White Bleaching Cream can bring you. An eye-opening, hope-awakening reward, which begins in a very few days is In store for you if you have been relying on ordinary beauty or all-purpose creams for your beauty care. Neither you nor any other woman can expect such creams to lighten and brighten your skin the way Black and White Bleaching Cream docs. It brings you a different looking, brighter, lighter complexion through the action that is special and exclusive to bleaching. Start using Black and White Bleaching Cream now just as we tell you and you can expect and enjoy a pleasant . Caution: Use only as directed. Larger sizes 25c and 50c it all dealers. Be sure to demand</t>
  </si>
  <si>
    <t>                                           Notice Tilile Mae Jackson,  of Griffin, Ga. Please write to Mrs. Lois K. Nichols, Fiscal Division of Fourth Service Command, Re-  Center, Atlanta. Ga. -(Adv.) Notice We will open for business July TS: Old clothes look new  by us. Thanks for your patronage. Milton Hall. Pro?. Cleanwell Cleaners, 605 Edgewood Ave. and 515 West Fair. JA. 8444. -(Adv.) SKY-HIGH THRILLS IN "High Powered" with ROBERT LOWERY PHILLIS BROOKS also JIMMY ELLISON "Hollywood And Vine" Capitol FLAYING ^   .</t>
  </si>
  <si>
    <t>                                           j=    -gr) Published Every Morning Except Monday it I hi \S5?4\ VOLUME 17. NUMBER 339 ATLANTA CD, GEORGIA. FRIDAY, AUGUST 31, 19-15 PRICK FIVE CENTS L</t>
  </si>
  <si>
    <t>                                           if FOR MUto5**    *JmF/ .11 BURNS-CUTS^**- CAM B? THE* GIRL OF -HI S DREAMS That man in your life will dream about you more often if your hair is soft, smooth and lovely looking. Pluko Hail Dressing wilt give it this new beauty look. For years, Pluko has been the favorite hair dressing of thousands of smart women. Vou will be delighted with it, toot Wise Women Knotv Pluko, a genuine Black and White creation, brings an appealing gloss to your hair. Gives a lovely softness, smoothness. And so your hair combs out easier. It stays set longer. You know you look your best during those wonderful hours you re with him. t Something More Pluko has a fragrance all its own. Perfume-lile. Teasing. Irresistible.' And it clings to you for hours. Its sweet scent invites romance. No wonder Pluko is a preferred hair dressing. It does so much to beautify your hair. And It's so inexpensive, Sdd at toilet goods counters everywhere in big .Ainber25c.White50ic. You'll never want to be , once you ve tried this way to lovelier-looking hair." Always demand</t>
  </si>
  <si>
    <t>                                           866th Port Company Selected As Best At New York Embarkation Post                 Unit Award Plaque Given Unit With All-Race Personnel!                 NEW YORK. ) Recognized as the outstanding comany attached. to the New York Port of Embarkation by having been selected by a three man board of officers for the first Unit Award Plaque granted the unit of the month, the 866th Port Company, with                 gro personnel, has added another honor to the already long list It has won since its activation at Indlantown Gap .Military Reservation on November 20, 1944. The award marks the 19th commendation received by that Transportation Corps company, a record never before attained within the corps within so short a perlo d of time. The company Is stationed at the Fox Hills Terminal of the . The Unit or the Month Award was given upon the basis of the company s having contributed 15106 man hours of work at stevedoring and like, tasks on the piers of the Staten Island Terminal, as well as having amassed a high total score during Inspection by the officer s board of such varied activities as physical fitness, military courtesy, appearance of personnel, barracks and grounds execution of orders, care and preservation of equipment, convictions by courtmartial, company punishment, and devotion to duty. Consideration was given the company for having had the best close order drill squad of any company at the Fox Hills Terminal, and the fact that during the first six months of Its activation it had no soldier reported absent without leave. The company also holds the Port record for  loading of ships. FINE OFFICER Open of the factors responsible for the excellent record of the company is Its staff of officers. The commanding officer, Captain William A. Williams, of Indianapolis, Ind., was a pharmaceutical                 i 1st and an employee of the War Labor Board prior to volunteering for officer s training in July 1943. He served in the Chemical Warfare Corps prior to assuming command of the Transportataion Corps company at its activation. Leader of the 1st platoon, 1st Lt. William G. Pegg, was an                 ant and a cattle-raiser in Omaha, Neb., before he enlisted for Army duty. Platoon leader of the 2nd platoon, 2nd Lt. Josepn P. Tandy, 01 Detroit, Mich., was a pharmacist in civilian life. He has served overseas for 18 months. Assistant platoon  are 1st. Lt. Bernard W. Smith, of Greenwood, S. C; 1st Lt. Albert Barr, of New Vorfc City, also an overseas veteran'; and 2nd Lt. Uiysees S. Ricks, of Washington, D. C, who wears four overseas stripes.</t>
  </si>
  <si>
    <t>                                           NEW YORK-- (SNS)-- Recognized as the outstanding comany attached to the New York Port of Embarkation by having been selected by a three man board of officers for the first Unit Award Plaque granted the unit of the month, the 866th Port Company, with...</t>
  </si>
  <si>
    <t>                                           LEDO, ASSAM, INDIA--Cpl. ROBERT E LEE, son of Mr. and Mrs. Norman Banks of 508 South 11 Street, West Memphis, Ark., recently completed a trip over the Stilwell Road from India to China in convoy carrying supplies to the Chinese. He is a member of...</t>
  </si>
  <si>
    <t>                                           Los Angeles America First Meet Picketed By Tense Citizens' Line                 Demonstrators Seek To Stop Gerald Smith                 Langston Hughes, Wallace, Chaplain Hit By Rouser                 LOS ANGELES- (    - A tense picket line, composed of whites and Negroes picketed an America First meeting here last week outside of Philharmonic auditorium where ?erald L. K. Smith, regarded as ane of the nation s leading race  and rabble rousers appear-                 ed. Smith, who denounced the late President Roosevelt told 3000 listeners that the Rev .Clayton D. Russell, pastor' the Peoples Independent church of Christ Is guilty of 'un-American activities. The same, chants was leveled against Augustus P. Hawkins,- local assemblyman and co-author of the California FEPC, as well as against Herbert Sorrell. actor. DISPLAY BANNERS. ,3^e.v demonstrators, "both Negro and.-i^te,- ca^         ^te an"d' ' bearing the! : "Fight.; Racial Discrimination" "Smith Stands for Jim Crow and PoU. Tax;'1 '-'America- First-Is .U. S. Fascism." Smith's talk, which exceeded an hour, Included these remarks: Wienthe New Deal shot Hucy Long, they knew who they had to kill .to be re-elected in 1936. '.'I hate to say it, but Mr. Roosevelt wanted to be the President of the; World. He promised too much. "Not one nickle for Joseph Stalin until he helps us whip the Japs. "America is ^loomed unless we place, the cross beside the flag. HITS? WALLACE "Kneel down and thank God that Henry Wallace is not  United States of America. If. Mr. Wallace thinks Russia is so great, why doesn't he run for vice president under Joe Stalin?" The pickets, estimated to number many hundreds, swelled the crowds at the auditorium entrance. Smith used considerable time to comment about to fight to prevent him from speaking here and castigated Charlie Chaplin, famous movie star, and Langston Hughes, noted poet. Chaplin, he said, was the heaviest contributor to the Communist party In 1922. while Hughes was described as' a person who should not be permitted on a college campus.                 EXAMINE PROPAGANDA CASINOS Ordnance soldiers examine casings of shells used by Germans to scatter propaganda' leaflets over                 Staff Sergeant William Lacey. of Louisville, Ky., shows Cpl. James Qlvens, Charlotte. N. C, one of the shells  v?hose story evidently was ,wasted'0n*66ys.  casings                 are salvaged for their brass content. The two soldiers shown are members of the 266th. ordnance                 battalion, Shatres, "Prance. (Signal .Corps Photo.)</t>
  </si>
  <si>
    <t>                                           LOS ANGELES--(ANP)-- A tense picket line, composed of whites and Negroes picketed an America First meeting here last week outside of Philharmonic auditorium where Gerald L. K. Smith, regarded as one of the nation's leading race oaiters and rabble rousers ...</t>
  </si>
  <si>
    <t>                                           A DOCTOR S, PRESCRIPTION FOR THE SCALP Toor hair root* are hi  seal* The 'condition of yoor hair doe* often defend heavily on the natural health of your Rcnlp. Yeura ago. Doctor Carnot Invent* ed n medicated tar   Curbonoel. which U mixed with Sulphur. Renorcln and Balaam Of Pern. Carbon*et tm  nch  . powerful            and doc .uch fin* work In helping an *  and externally Irrttnteil , that mmy doctor*  It  nnd            It" for many  catp . 1C         rt - tnr formula,  can tart  Carbonoel. which U ft doctor s   calp formula, at toos. ytB.~a.~rt it. from your      Cct Rat*       . Cm It tot 7 d*  . e=d If Ton aro sot MttoftMl.  do!lar     . Ton set Carbonool  fall'  Ureetlos*.     tho             tu    ..    . hahr and  calp       eare. Yon caa *rt a Jar of OartMMoet at any. trf .the Beat Ott H*U Dnc.UorN for on dollar. It Is  U mixed  ad      for yva to use,  Ub foU  on toot   ?.</t>
  </si>
  <si>
    <t>                                           'BACK^HOME AFTER A JOB WELL DONE.GEN. EISENHOWER RECEIVES JHE HONORS AND PLAUDITS OF A CRATEFUl NATION)</t>
  </si>
  <si>
    <t>                                           MADAME ROSE Look Wbo1,*'8T Ouraatew t* IInmI         .     .      . * Auk* BO * hot        Lj9MB 7   all  to kno* IhSVW (Hint * and     *~  SfT%S M facia -M.    '. BHhCK   .IIh.  *      . I'll* HftJUa^B  loa will  aod !SK__ "'S .               .   V^UtaBki ,  ,  iU K*PVM '. .* olor^p K     and had lurk or all kln.1~. 7 I KowIIbo     WaK r 0       If a. ro. to Ift u. m. Too will and her  than all -^IVn h'M twt n  ad or-  M  that I    IL       1 at JajKtlaa *t KnAj *    . kixI Bo-rli Mill nni      MU1 Read.     lit lake tif ea' Bawell M!H        sr.      it  to*'      MUI TtaUtp, (    ^ of  Th)   ~^      --         ; XUaxtK</t>
  </si>
  <si>
    <t>                                           WANTED I TIRE CHANGERS Good hours and pay. Draft Exempt Firestone Stores Spring at Baker Sts.</t>
  </si>
  <si>
    <t>                                           the new ROBrirr s. tres-~ WELL CLUB in the Philippines established by the American Red Cross and named by the men in honor of the Negro air ace, is toast ed-ln cold fruit !-hy Heft to right. LIEUT. WILLIAM E. MADDOX. JR. Swarthmore, Pa..: AVERY SMITH. Red Cross club                 rector, 118 Ashley Ave., Peorla, III.: 1ST. SGT.  ROCHELLE 6108 Prairie Ave., Chicago, 111.; 1ST SGT. LEON CARTER, 4002 Avenue N\ Galveston. Texas and RALPH LONG. Red Cross club director. 849                 Fair St., Atlanta. Ga.-  Red Cross Photo).</t>
  </si>
  <si>
    <t>                                           California Governor Names Negro To $10,000 Position                 SACRAMENTO, Cal- (ANPl Gov. Earl Warren last week named Atty. Walter Gordon of Berkeley as chairman of the Cal'fornia Adult Authority . the supervisory authority over all  adult inmates of state prisons. Atty. Gordon has been a men.ber of the three man board since I its operation a year ago. He sue- ceed3 Lewis Drucker, white, as chairman. The California Adult authority established by the governor last year serves as an advisory board to the governor in parole matters; and has complete authority in the classification of duties of adult male prisoners. The annual salary for board members is $10,000. JAIL HARLEM PLAYBOY AS  PEDDLER NEW YORK- (ANp) Playboy Tommy Wrench, one of Harlem's most popular cafe society figures, was awaiting trial in federal court1 this week following his arrest as an alleged "reefer" peddler.</t>
  </si>
  <si>
    <t>                                           A DOCTOR S. PRESCRIPTION FOR THE SCALP Vuur  root* ur*~ In   ur M-ulp.       f      hair           *n depend li*       tin      '  *t*Hh of your ~.. YenT . Otic tor Ciirnot Invent* nl a -Mted lur formula- culled ~*~. Whloir UrJ^JxAdT'ultli Hnlphur. KfMuntn HrKt"^   ^;iJf I'irii.             In BUcli'stt'^,  ''untl* Mitllc nihI dom        In 1ie!  !~K an Itchy, /  rv(t* IrrtInfnl       , (hut    It h Ik lily ami     - It for many MSilp  ir .~oor. MCtilp       it - tur , you cini Ktart  Curbunocl, which h a  m   , ttw noon at* 3 u can     It from your      Cat Itnte  Ktnrp. U*w It' for 7 day*, nod If you  re not       *d. yoor Uolhtf back. You ret Oarbonnrl Itb fall dlr^*. IV                       4l tur Y*ur hair and    *enro floe caro. Voq can cK a far of Cnrhonori at any of the Itmt Ont Kate      Storot (or one dollar. It In all      find  'or you to uc, with full  lion* on /our Jar.                 Girls ST Girls 'ActUfti Ct*at       v^^             01 Charge ..''^j^^L'y': oos. Glumnrous LJvtn* r-^^^^v  UrMthlt* *^'B^B?; nig.             Outln M- ^^^B V Ucn  is -,^^^^B'oaslcrpttcr of Umio '~~^^HLv id* WVfllotM. sou win Im  uy Uiett .^'^~~'H Dtwiletiing e n n em ^mt^mM.'4m FMtd  .you ~^~C^Al '. m*y  ^H.:;-?J      * to iiv*  wi ~*v.^^^K*jK t fi.DO tot  '^^^^V.jv-1 tt.  SiwHki Bar. :'^^^B^ tain AsMftntml. ^^I^H^* Aduiu ; -** ^B;^ or      ^*li_U.   .t Cl.A*  V^ Uoi AW, Merchnnhlllff.                    KAUTirtlk NOtt-INFtAMMAaLK M*~OUK  ^^^.^"A] i RtLRUKL^^/iiv action w*i*a     -       $5.00 .m   r   i^      * HCO0 04                 CO,~~.~.~-~"     Dept AT j</t>
  </si>
  <si>
    <t>                                           STOP! Have you Insl all Pep, have no energy- nothing- but a tired, draggy- and lazy feeling? Do you suffer from Backache, Sore Muscles. Headaches. Stiff Joints, Dizziness, Upset Stomach, Bloat. Ing. Gas, Coatnd Tongue and constipation. MIN-LIN will help you or It nill cost you nothing for MIN-LIN is Guaranteed. PRICE 51.50 After taking- one bottle of  according to directions if you do not feel and look better than ever before just  back the empty bottle to tu and we will gladly refund your money. We Only Sell In 3 Counties Pulton- DcKalb- Cobb Write or Call JAckson 0404-R J. B. White 528 Martin St. SE., Atlanta, Ob. We Deliver MIN-LIN to Your Door</t>
  </si>
  <si>
    <t>                                           ^*~*W^^-^'Bf ^BK^^^^^m ^I^^^^^^^^B ^s^^^^^_- ^^^^^^^^^^^^^^^^^P^^WB^M^^^s^^^5jHum^mt^TSlfTH w ^Afro   P?P A huge farm-help shortage exists In -'~flW  this area! Our crops must be saved Get a farm job- spare time, week-ends, Sundays, 4,000,000 volunteer farm workers will have to help, during your vacation. Help feed our Armed Forcea, you can do uo more patriotic act than help bring our fighting Allies, our civilian population. in th(J food You,u enjoy the   The war effort needs every scrap of food grown. life; and you ll be paid prevailing rates as you Yet- if the 1945 food crop ix to be saved, serve your country. m ^- II J^,^ J ^T IN YOUR AREA ff^LtlowJaM See your County Agent (In Atlanta, Mr. 3. "^^^IIlall D. Truitt, 901 Courthouse) He will explain NATIONAL SPOKESMAN FOR AGRICULTURE how you can help harvest Tomatoes, Potatoes and Fruit. Workers are needed from A  publication June- 24th to August 7th. TJO. campaign U on* of   .ored by The CurtU i Don't Delay. This Is an emergency. Act now. PublUhing- Co. in  qf     iw  . it u being placed in * throughout the country by Comity }^:. ~~"^r G**an a* a  * to Agriculture.</t>
  </si>
  <si>
    <t>                                           Men!!! No Coupon Needed Far uteri y Httiianeti Leather Shoes JVott? RATION FREE ^^V^ One Loic Price     fe^ ALL STYLES!  ALL SIZES!1 ^Bsf^^      Browns, Tans, ^~3     Leather Uppers ^^BJg^H^^ Leather Soles j ^N^^S^SK Dress Styles ^^~i^ 0 Work Shoes t I P. A. Release No. 107- RATION  August 17th to September 29th J B "^FAMILY SHOE-STORrp^^^K !i</t>
  </si>
  <si>
    <t>                                           MW Ike Home trail' ^ur ''n9 '!' ""''A i7s mOi modern facilities and  Mr beautiful furnishings, mSj\ offer;: every facility for ^~M comfort and [or  '"?'}'  Mill *M ""~*'vt   t PSjl  COST Fa^ ln5          ^</t>
  </si>
  <si>
    <t>                                           Four thousand years ago a hungry man started "inflation" when he bartered away his birthright for a mess of pottage. And Esau never lived that down. Likewise, if the Americans insist upon gratifying our desires by trading our plentiful dollars for industry's scarce supplies of consumer goods, we like. Esau, will barter away our birthright of economic stability in the post-war years to come.</t>
  </si>
  <si>
    <t>                                           SYLVANIA GA.-- Mrs. Bertha Kelly died at Millen Hospital Friday. Prof. J. T. Lacy of Augusta spent a few days in the city on business last week. Mrs. Bertha Ackers and children of West. Va were the guests of her uncle. Mr. Jake Williams, Sgt. P. J. Williams...</t>
  </si>
  <si>
    <t>                                           McDONOUOH, Ga.--The Youth Fellowship of the Griffin District held a fine session here June 25- 26. Rev. W. C. Dorsey in preaching the opening sermon, challeged youth to follow in Christ's steps, which was preceded by devotions conducted by Rev. H. L. Burney,</t>
  </si>
  <si>
    <t>                                           j ^^rr^SES^^m MINOR BURNS i Vf PETROLEUM ^*~^    \ 1  LARGEST SELLER AT SySffc/ri   S TIMES AS MUCH FORl \f/2 I HAIR RUINED?  V.A1A' R1CKI 1 1   7 Irnn-Barntt ?            Thra throw  ll  halt  tat .ct -H Bair . lor . l.    .u.               uao VltrotHnlmcot. A Utllii Vllro-Olntmcst              -      mid ~*~'P   it lisa        m.nj overcome  ocb ..   1l. roar.,11 to  lr.l*r b           of Vltoo-OUImMt Voa^t Snl"*'   8,nt O.O.I.. pl=. late. 8                      or      -d.         HAIR STRATE CO..     . TO  9 FUtbtlah ATeno*. BrcoUlm</t>
  </si>
  <si>
    <t>                                           bse g^ ' Z^^^fe ^Vj-^^WiTstrJoscpiiAspirin. There's iio asS^iB  i^ ^BHJr^il^M pirin faster-. Clinically, as your ~*$       ^^~2     !:~      doctor  aspirin, no aspirin can fe^li '   *^ -~*s*^ w jo more for you. Wiy pay more?        -^s^^ m j)enl!lnj gt- Jojcp), Aspirin, world s s^fet- _^     _~;v) ready when that warning       strikes. YOU CAN HAVE YOUR HAIR PERFECTLY MATCHED FOR       JW fos/fy Attached JSt B ^k Human Hair- Tm fl %^ All Shades ^ BEHER QUALITY- SEND NO MONEY  Jvs* find * of your / or * .  ^ PAY POSTMAN tt.OO P/ui Poifog. on Dtllnry* Glamour      Boy $7.50 All Over Wig ..^.^....^SS.OO Pompadour Glamour 17.50 Half Wig 19.50 All Around Roll 8.50 1st Quality Page Boys 8.00 (A Depot* of 50% if  with Tfiua Oidtn) AUO PUFFS, WIGS AND BRAIDS SATISFACTION GUARANTEED GRAY HAIR JI-50 EXTRA -SEND YOUR ORDER TODAY Wt Cany a FttD lino of -AU COLORS Including    .d Oray SS888SS88SS8SSSS3S8SS88 JESSIE KARE BEAUTY PRODUCTS COMPANY 507 FIFTH AVE. (Room 905) NEW YORK CITY</t>
  </si>
  <si>
    <t>                                           Borders Reports On Frisco Meet                 By permission of D-. D. V. Jemison. president of the National BapUst church, and Dr William Holmes Borders, pastor of the Wheat St. baptist church, Chr.. National Baptist Convention Delegation to the World Security Conference at San Francisco, will be heard from his I                 pulpit on Sunday- night. May 13, in a report to Atlanta on the world confab. Hie service will start at 8 o clock. There will be similar reports In various sections of the nation by others wh0 attended the sessions. j Sunday, Mother's Day. has been I set aside by President Truman as a day of national prayer for the Allied victory in Europe, and In the Ifcht of this V-E Day observance, this program with Dr. Borders as the featured speaker has been set. I  FINE SPEAKER In the report Dr. Borders will I tell of the  and excitement of the conference, and will pny special attention, as well as place special emphasis on Commissar MoltovC the Russann people in the world of today and tomorrow and the question of colonization. Also 'appearing on the program will be the noted scholar and theologian. Dr. E. B. KaUboba. of the faculty of Morris Brown College, native African, who is acquainted first hand with colonial problems, who Is an Interesting speaker, an outstanding scholar and a keen thinker. He. is widely known, has traveled extensively and studied in the larger colleges and universities of the world. It is certain that he will Interest his many friends tomorrow night in his discourse on the international situation. The William Holmes Borderi ^Continued on page 5, CoL 3)                 Borders Reports  from Pacr 1)   will sing, rind there will follow ii question period sifter tho messages by Drs. Kallbolu and Borders.</t>
  </si>
  <si>
    <t>                                           By permission of Dr. D. V. Jemison, president of the National Baptist church, and Dr William Holmes Borders, pastor of the Wheat St. Baptist church, Chr., National Baptist Convention Delegation to the World Security Conference at San Francisco, will be heard from his...</t>
  </si>
  <si>
    <t>                                           WANTED Kitchen Pot Washer S70.00 A MONTH. PORTERS AT $75.00 A MONTH SALAD GIRLS AT $30.00 A MONTH, MAIDS AT S75.00 A MONTH RANGE COOKS MALE OR FEMALE WHO KNOW JEWISH STYLE COOKING. SALARY STARTING AT S160. PER MONTH. MR. WILLIAM . PROGRESSIVE CLUB 1050 TECHWOOD DRIVE. PHONIC VERNON 1757</t>
  </si>
  <si>
    <t>                                           Ten final divorce decrees were granted Negro Atlantans during the latter part of this week, according to a statement made by the Clerk of the Superior Court of Fulipn County on Thursday, all having been heard before Judge Frank A Hooper and all white...</t>
  </si>
  <si>
    <t>                                           Engineers Who Pushed Across Alps Decorated                 Crossed Three Rivers in Germany Proper                 NORMANDY BASE SECTION. Prance At Its first and last formation, 12 members of the 549th Engineers Light Ponton Company were decorated with the Bronze Star Medal for meritorious service In connection with the successful crossing of three rivers In Oermsny                 pnd the Alps : with the Seventh Army. The company, one of two Negro Ponton Bridge units in the ETO has established a .remarkable record during its three months of action. Operating as platoons, the unit s first operation, seven'        j their initial landing in France, via to furnish 75   to the 70th and  3rd Infantry Drfsions to ferry troops across the Saar River. TOOK SAARBRIiCKEN After getting the Doughboys across, the men of the 549th followed them into Saarbrucken and there, along with elements of the 69th Division, helped to take the town. During that' month they erected 1.084 feet of Bailey Bridge and Infantry foot bridge, over the Saar Biver. From Saarbrucken, the 549tb I moved' on to Wurzburg and on April 3 helped In Its capture with the 42nd Division The drive swung south from here and during, April they - up 1.400' feet rpf bridge over the Main ond Danube Rivers. Once again, on April 22, near LouIngen. Bavaria, the 12th         Dlvtson called upon the 549      ferry the second and third waves of the'' assaulting troops across the Danube. BRIDGED RIVER Aftpr the ferrying Job, the company was assigned the task of bridging the rive at Wurzburg. To get the Wurzburj bridge up to the Mte and In place, the  worked three days and nights under constant fire. They erected a 570-foot Triple bridge, strong enough to handle the heaviest train load. Before [General Pattern reached the climax of his drive to' Berchtesgaden, the German redoubt, ithe  were attached to the 12th Armored Division. They were In the vanguard of the 101st Arbome Divisions' drive Into Berchtesgaden through the Alps. On V-E Day. the Co. finished a 190 foot bridge near Ba Relchonthal, Germany, that proved to be the gateway for the French First Army and 101st One platoon, then com- mander by. First Lieutenant Geo. A. Grier. white, of Forest Hills, Maryland was in Hitler's mountain home only a few hours after the redoubt was taken. I</t>
  </si>
  <si>
    <t>                                           NORMANDY BASE SECTION. France -- At its first and last formation, 12 members of the 549th Engineers Light Ponton Company were decorated with the Bronze Star Medal for meritorious service in connection with the successful crossing of three rivers in Germany...</t>
  </si>
  <si>
    <t>                                           Negro Marines In Combat Action All Over Pacific                 Saipan, Guam, Pelelieu And Iwo Jima Cited                 3E IN THE CENTRAL PACIFIC THEATRE (DELAYED) (ANP) Many Negro marines whom have teen action  t Solpon, Guam, Pelclleu nnd Iwo                 Jlma have experienced man; Japanese strong-points of resistance against our combat troops on those                 Islands. On Salpan, near Charan Kanea. enemy resistance had been very stubborn, then, they staged a . ty counter  and 16 Negro marines were thrown into our threatened defense line and they all kept advancing until the counter attack was halted. JHN DUG IN On Guam, largest Island In the Marianas group, the Jnps were well dug In along the bench. Dotted In the vicinity of our landings they repulsed many of our attacks and                 Negro marines became awakened to the fact of being unck-r  artillery and mortar fire was halted. Pelelleu's "Bloody Nose Ridge" held firmly against our advances and Negro marines, once again caught hell from enemy field guns hidden In the wild and rugged terrain of that -. Heavy shell fire at many  was concentrated in their area as the Japs were giving our combat troops a hard way to i go. During the early stages of that struggle, many Negro marines "cleaned up" Jap  in order to put an end to their harassing Ore In their area. Near "Hot Hill" on  Iwo Jlma, rated at the present to be tile Marine Corps' greatest, battle, 40 Negro marines assisted combat troops to help hold or lines against repeated Jap counter attacks and they stuck until the period of "con.  red" was over, according to Marine Corps  correspondents there.</t>
  </si>
  <si>
    <t>                                           SOMEWHERE IN THE CENTRAL PACIFIC THEATRE (DELAYED) -- (ANP) -- Many Negro marines whom have teen action at Saipan, Guam, Pelelieu and Two Jima have experienced many Japanese strong-points of resistance against our combat troops on those...</t>
  </si>
  <si>
    <t>                                           Sumter Teachers Get Equal Salaries In Voluntary Action                 SUMTER, S. C- Beginning with tKc September 1945.4s school year Negro teachers in the Sumter school  will be paid Hie same salaries of the white teachers, their classification being determined by scores on the  teacher plan.                 Disclosure of this voluntary action ordered by the Smler School Board at Its meeting May 22, was tiven to W. H. Saw. city superintendent of Education. Mr. Shaw said that tile Board's  I"""' that the city system would extend the new state aid plan (contained In the  plan) to cover whatever supplementing funds the city and county may add lo the state s portion. The Suniter plan, therefore Is that supplements for the system will be apportioned In g r u ps A, B, c. and D as the stated portion and that these supplements will be paid, without deference to color to each teacher attaining an A. B, C/or D rating under the certification examinations. Mr. Shaw said (he plan  climaxed six years of endeavoring to eliminate pay discriminations In the, system. In 1938 he said, Negro teachers averaged $150 per year. In 1944-45, they averaged slightly over $1,000 There are 36 Negro and S3 while teachers In the system.  HAILS ACTION In Columbia, J.-imcs M. Hlnton, state NAACP president, Informed of the action, expressed pleasure that "Sumter has shown the way for the other counties and it would be a fine spirit of democracy were other districts to take the  Sumter has taken." By a co-incidence, the current fight for equalization of salaries began In Sumter where the first funds were raised: an organization perfected for the battle,' opened by Osceola E. McKnlne. The first cos? -was expected to bo brought in Sumter but at the last moment was switched to Charleston where the state s first decision was obtained In February of last year. Were other districts to follow the Sumter plan the possibility for further equal pay suits would be removed.</t>
  </si>
  <si>
    <t>                                           SUMTER, S. C.-- Beginning with the September 1945-46 school year Negro teachers in the Summer school system will be paid the same salaries of the white teachers, their classification being determined by scores on the recertification teacher plan.</t>
  </si>
  <si>
    <t>                                           Whitc Women Aid Drive Of Council                 PITTSBURGH (SNS) Mrs Marshall Field of Chicago, Mrs. Agnes Meyer ot Washington, D. c. both wives of newspapers publishers, are among those who have made Initial contributions and pledges totaling 12500 to the National Council ot the Negro                 men in Its drive to raise $55,000 Mrs. Daisy E. Ltunpjdn, campaign chairman, announced on Saturday, and we feel confident that we ll go. over the top comes July 10." Mrs. Lampkln said. Other women who have made substantial pledges and contributions are Miss Marlon n. Ascoll and Mn.-Onelda Cockrell. both of Chicago; Mrs. 'Mattle Dixon of California;- Mrs.- Mary Church Tex reH, Mrs.. Kay Johnson and Mrs. Saiared.Altxaaaer all Wa*h:                 ington. DC; and the Apex Beauty College. One of the chief sources of Income, Mrs. Lampkln said, are the Five Hundred Dollar Clubs which have -. Members of the club have either given or made themselves responsible for raising Mrs. Lampldn revealed that there are 97 such clubs now organized In 15 states and the District of Columbia. The State of California leads, she added, with 68 clubs. Illinois is next with 7. Washington,. D ,C. has 6, and Pennsylvania has five- 'Mrs. Eleanor Roosevelt and Dr. Chsrlottee. .Hawkins Brown are leading numbers oX the advisory           .</t>
  </si>
  <si>
    <t>                                           PITTSBURGH -- (SNS) -- Mrs. Marshall Field of Chicago, Mrs. Agnes Meyer of Washington, D. C. both wives of newspapers publishers, are among those who have made initial contributions and pledges totaling $2500 to the National Council of the Negro...</t>
  </si>
  <si>
    <t>                                           In Memoriam                 In loving memory of our dear wife arid mother, .Mrs. Ophelia I Taylor, who departed this life one year ago today July 10. 1944. 1 Froim this world of pain and sor- j row i Tc a land of peace and rest Cod took you there, dear one, for eternal rest. James Taylor, St., husband Cpl. James Taylor. Jr., son, overseas Card Of Thanks We wish to thank our man; friends for their kind expressions of sympathy, use of cars, beautiful cent illness and death of our daughter, mother and sister, Mis. Cornelia Moon. Especially do we thank Rev. M. A. Roberts and the members of Greater' Bethel AME church and the Hanley Company for their efficient and courteous service; Mrs. Ida Bell Rucks, daughter. Mrs. Bell Mo?*, mother. Mr. and Mrs. Joe Evans, son and daughter-in-law. Mrs. Mary Bland, sister, and three brothers.</t>
  </si>
  <si>
    <t>                                           PACIFIC ABLAZE WITH "FINISH WAR" ACTIVITY                 Negro Soldiers, Sailors Right In Thick Of Things                 Loeb Discovers Friends Among Camp's Mess                 By .KS II. I.OEH NNPA War Corrcspondcnl                 GUAM- Your correspondent has iust spanned the 1500 miles of Pa:tnc Ocean that separates Manila from Guam. There's plenty of  north ol here where our  naval, land and air arms are knocking on the threshold of the Jananese mainland, and as usual.                 Negro soldiers and sailors arc right in the thick of things. When I departed Luzon for this theatre I regarded the Island or Letye scene ot our first Philippine strike, as merely a stopover point in my hop by air. I hadn't figured I that I would  nearly three full days in a casual cmap  - ban while move Important - 1 with higher priorities were sped on their vital missions. Having neither the stomach for the casual camp s traditionally mediocre mess, nor the disposition to share a squad tent with a  sad-faced gents in my predicament, I decided to spend the time in pop calls on Negro units In the vicinity. MEETS BALLARD Before striking out from the camp I bumped into John C. BalIard, 1214 Lamont St., N. W. Washington. D. C. newly-prompted Field Director for the American Red Cross, former member of the faculty at Tennessee A and I College at Nashville... BaUard had flown up from FEchaven and was awaiting' air. transportation to Manila where he will Join the rapidly increasing number of Negro Red Cross workers coming into Luzon to administer the welfare and recreational needs of Negro troops. Ballard Informed me that Miss Clara Wells. 1105 Rusk St.. Marshall, Texas, was at a nearby casual camp, als0 enroute to Manila where she expects to assist in the operation of the Robert S. Treswell Club directed by Ralph Long of Atlanta, Georsia. After 22 months of Red Cross service in Australia. New Guinea and the Netherlands East Indies. Miss Wells still radiates enthusiasm for her work. While hardly a glamour girl type. Miss %Vclls is one of the most popular women workers on  side. She has Hie open friendliness that makes an Instant hit with GI's  she goes, but combines It with a - and dignity that commands Instant respect. She hud arrived at Leytc only the day before, but had already visited several units nearby. Word of her presence had spread via the army grapevine like . und as I talked Lo her 1st Sgt George (Continued on page G. col. 4)                 Negro Soldiers (Continued from  i) p Hinton drove up in a Jeep with a dinner invitation from his outfit, the Invitation extended me was a pure afterthought. EATS FRIED CHICKEN The -de-resistance was Southern fried chicken which I  on devouring while Miss Wells was being devoured by' the  glances of the entire company. At the conclusion of the dinner my sensational Rastronomic performance brought out the following men to gaze at me with awe and at Miss Wells with unconcealed rapture. Company clerk Richard L Cog-, dell 426 King Street. Fayctteville, North Carolina; Set. Judge H. Dixon 5400 Vlllcrie St.. New Orleans. Lu- Motor   . Clifton W. Bell. 116 Washington St.. Baton Rouge. La- T/4 Rlclmrcl J. Brown. 1640 Bcreen St., Brooklyn: Set. Henry R. Walker. 3 Qulncy Place. Washington D. C: Set. Arthur A. Jones 1310 Howard St.. Sgt. Albert Curry, 3225 Thalia St.. and Cpl. Herman Chapman. 4100 Thalia St., all of New Orleans, La. Miss Wells was the first American Negro  many of these men had seen in two years, and her reception would certainly have been a morale booster to those thousands of brown "left behinds" in the States who have been apprehensive over the effects of their favorite Tan Yanks' exposure to the Filipino . J After dinner, I visited a Quartermaster Headquarters detachment of 14 men who are doing the administrative paper work for some 30odd Quartermaster units stationed around Tacloban. Learning that I was a Clcvelandcr. Sgt. Major Rlcer Ray Leathers of St. . Me hastened to call in one of my old friends. Sgt. John Hubbard or that city. ANSWERS ALL MAIL i Hubbard. I discovered was in better touch with Cleveland events than myself, being one or those conscientious fellows who answer every letter received out here promptly. He is the son of the late Councilman John E. Hubbard. and brother of Nate Hubbard. news distributor for the big national weeklies in Cleveland. His mother Is I Mrs. Gilbert H. Ambrose of 2215 E. ~!ncl St. Sgt Leathers also introduced me to the following men: T/Sgt. Robert Dinsmore. Kansas City, Mo.; T/Sgt Samuel A. Jolly. Topeka. Kans.. T'5 Chester Warren Oxford. Ohio; T/5 Thomas WUison. Norfolk, Va.: T/5 Marlon ,Cheatham. Detroit: T/5 Alien C. Thomas. St. Louis. Mo.; and privates first class Kenneth Barnes, Brooklyn Milton Murrcll Los Angeles: William B. White, Atlanta, and Robert Barham, Atlanta, Ga. It was beer ration day. and the boys shared generously of their new issue. On the docks :il Leyte I was Introduced to one of the most  Negro commissioned officers in the Philippines, Lt. James H. Hopkins of '.!3H N. 5th St.. Kansas City Kims. Lt. Hopkins was in charge of crews  a big transport leaving for the States. With him was Lieut. Chester "diet" Thomas, former Cleveland E. Tcck and Ohio State track star. Both men were officers of a company commanded by 1st Lieut. Frank Marshall or Helena. Montana. i Lieut. Hopkins, approaching baldness, and chewing on a cigar, was full of tall stories and rare humor. A veteran of four campaigns since he was dumped off in Australia. shipped to New Guinea and subsequently to the Philippines, he Is unabashed by the fact that he Is still a second lieutenant. I</t>
  </si>
  <si>
    <t>                                           GUAM -- Your correspondent has just spanned the 1500 miles of Pacific Ocean that separates Manila from Guam. There's plenty of action north of here where our compoined naval, land and air arms are knocking on the threshold of the Japanese mainland, and as usual.</t>
  </si>
  <si>
    <t>                                           Johnson Describes Souths Debt To Race                 BV V. W.                  -Without- the Negro tlic South j would have no nice problem,  the race problem southern  would have to be mechanized, If southern agriculture become modernized It would depress the price of cotton to five cents, which In turn would force five million                 white southern workers to a  restricted living scale or upon the WPA. rolls," declared Dr. Chnrlcs S. Johnson. Chainrmn of the Department of Sociology. Plsk University. The , who is also director of the Social Science Institute, appeared as thr noon hour .speaker before the members of the Hungry Club Tuesday, under tho auspices of the Butler Street V. M. C. A. The distinguished sociologist :ind author quoted figures froni a study which he had completed, saying In addition, -the southern Negro                 '.~ponds I'M billion  annually for uninhabitable, run-down shacks all of which would have to be torn down in the event that all Negroes were moved or migrated North. All these little southern businesses would have to close up, thereby drying up the source and fabulous sum df two and one-half billions dollars, which Negroes spend each year In keeping them In operation. "Moreover," continued the speaker, "a total absence of Negroes from the South would mep.n Immigrant, labor would have to be Imported to the region, thereby pitting themselves against the leisurely  white worker, making it only a matter of time before these immigrants would own the South. In other words, if Negroes moved North, the poor working white man would be in the same position In ten years' time which the Negro (Continued on pan 4, col. })                 Johnson Describes I Continued from Page I) j finds himself in today." 'he . SPEAKS ON PREJUDICE T Dr. Johnson chose to speak on i the subject of "Race Prejudice." He warned the luncheon guests j that race prejudice 'is irrational" and docs not lend itself to reason: that our "social and cultural prejudices are generated in our society" j because our social and economic or- ganizations are always causing individuals goods and services he is I incapable of attaining, and that these "frustrations" in turn, mast find "discharge" in some other di- rection. "Americans and every I school child," continued the speak- er, "is taught to believe he is living in a society of equal opportunity: that everyone may achieve power, wealth and luxury. But in practice. the two arc in conflict. There is a conflict in American society on the one hand, of humility, wealth, power and , and as a result we have conflicts taking the form of mental disorders. In such n situation, Individuals find some o  on which to relieve his feeling: such as the German attitude toward and treatment of the Jews." The speaker concluded by  thar. the Negro in the South has been used as an explanation for all sorts of excuses and failures of the South, and that one of the greatest tragedies for the South would be for nil Negroes to migrate elsewhere." I Dr. Ira DeA. Reid. Hungrv Club I President, presided over the meeting and  Dr. Johnson, who i? also visiting professor at Atlanta University and guest of its department of sociology for the next day or two. Precedinc the formal presentation of the guest speaker, he acknowledged tlie presence of a number of guests, including Captain Sarah Murphy of the Women's Army Corps; Thomas L. Jackson, brother of Mcnelik Jack- son; Mrs. Sarah Saxton of the office of the Southern Regional I Council. Wilson Hubert of Savan- nah and H. W. Pope. National USO with headquarters in New York.</t>
  </si>
  <si>
    <t>                                           "Without the Negro the South would have no race problem, without the race problem southern agriculture would have to be mechanized, if southern agriculture become mechanized it would depress the price of cotton to five cents, which in turn would force five million...</t>
  </si>
  <si>
    <t>                                           1 Notice United Car for Mire rale* fnr the first zone, one 85~:, $1.00. J1.35. If   charges over the (Jiillrd . thr ^r may call JA. Mil. (he Untied central office and their money will bo refunded.</t>
  </si>
  <si>
    <t>                                           Contingent Of Valiant 24th Returns From Saipan Battle                 Several Atlantans Among 303 Men Reaching Ft. McPherson                 Three hundred and  Negro veterans of the 24th Infantry Division live of Atlanta, several  from various 'sections ot Gcotciu. and the  o6th, who spent lone    l the Jopniii*r! defenders on Saiiran, ana other parts of- the South Pacific,                 me  in tne slates  a I 20 day uip from overseas. I There -war  United States defenders, some who have also conic  the Army's Reception elation at Fort McPhcrson. Ua.'.   nnd Saturday of this week The   ar..  lo be back home nnd near home and all. with the possible exception or two or Ihrce told the World they were ready to^go home lor keeps after such  and hard tour ot duly In the several battle zones These are the first Negroes irom tile Pacific to be processed at .tne Fort. MOST HAVE POINTS.' It was learned that most, or Hie men at Port McPhcrson have enough points for discharge. Whether or not thoy will be sent to ' Center In the f.inv;  of the Atlanta post for  system release was not -immediately known, foul  Satiir day afternoon It .vas considered they                 were returnees for gcod. With but few exceptions, it was revealed, that these men some with various types of citations, have experienced at least too close lor comfort battles with the Japs. These men told the press through the Public Relations Office at the post, and to World reporters directly Saturday as they stood in and around Theatre No. 2 awaiting the next step in processing. They still wore the od uniforms, and were sweating Ml. out on one of the ' afternoons of the summer. The b'~ys made themselves com  and chatted willingly as they told of their  experiences as fighters for Uncle Sam.. The men have ban back in the states lor two .weeks or little bettor, but they have Just arrived  Fort Mack Personuel Center, it was learned r Several boys, especially those from Atlanta,  stated that they were, nt last home again, but yet (Continued on page 7. col., 5)                 Contingent Of j (Continued from page 1) so far. but. they are of the knowl- 1 edee that it will take some time before some of them can be sen; home for good. They know that! they arc in the Army and must no what the Army and Uncle Sam wants them to do. The youths,  most- uf "them young- - trained fighters, were not just ser. vants. I Most of them were  and                 was interesting to see how  i  with, chatted and "ran I on" with tl.r lar^e numbers ot white returned soldiers, some li oin various Georgia. Florida. Alabama und other southern * and towns. The spirit is line In relation '.0 tho -lien of both rare*, who have long since realized tnat they all j have been fighting under heavy lire, strain, stress, and many times iit great disadvantages, for the same principal that preserving democra- ey for all. HOYS TALK. LONG AM) LOUD Then; arc many restrictions lor newsmen at Lhn various installa- i tions because of military reasons j ;md for Hint f;'Ct only so much In-  in regards Ui the soldier activities could be obtained for newspaper dissemination. The Atlanta boys who  the nearest t'.~ their homes were the most talk-  and after a hearty dinner in j j which thousands of both races 'mixed  to talk to the; j Center's Public Relations Officers and the Ncaro pro: they talked j  il their gratification In being spared j to be back home safe, sound and happy   from so many j  .tns, and coming back t.i thn *.       I                 These are some of the AtlanUtns v/ho aro l;ark: Pfc. Chester C Ciirr. 41 Peacht:-ce road, first machine gunner, who helped 10  n cave lor HireE weeks before the 35 Japs dc- I  J to do something. Then they! rame tearing  one by one and ty.ade a bce-hne for      ocean at 'S.. Those Japs who wer; not shot were drowned. Carr said. "We wen; on the other end of the horn last Christmas night Jap bombers gave us a terrific pasting from 6   - m. until 12 a. m. One homo dropped about 40 yards from the tent I was in. It Kind of snook us    )," Carr added. Carr has been in the Army four  and overseas in the Pacific -'8 months, i                 Another A'lantan interviewed was Pfc Robert Mitchell of 457 Kunter Street, who h;'.d to quck Jap ^sj      "gun lire on ~"l" near Saipnn. Still another was Cpl Abe Murphcy of 223 West Hardwln Street, a squad leader, who personally accounted for three Japs with an M-l , and Ktalf bgt Jesse J. Howard, of 382 E. Avenue who was pinned for four hours under enemy fire machine guns. He managed lo relieve h'.mself wnen he fired his way out. He hiid 37 j months over. Another Atlantan wlib had to f ght his way out from Jap lire I was Pfc. Willie Brown of 603 Carter I street, an assistant, machine gunner, j who told (if how he fought the Nips hack while he- was taking a message I to another fighting unit He sail he got two Japs and got his message through without a scratch. bu- I many scares. Brown was in 37 months s-Iso. The o her lads  from other "sections          other j parts and other GiXTjlans were Staff SRt. Joseph B Harvey, live years In with 37 months over, ot                 Bucna Vlsla; Set. Felix Lani;. Uv- years in the Army and 37 months j over nho hails from Columbus; Start Serfjeunt Edward Brown of i Macon,</t>
  </si>
  <si>
    <t>                                           Three hundred and three Negro veterans of the 24th Infantry Division live of Atlanta, several others from various sections of Georgia, and south, who spent long periods shooting at the Japanese defenders on Saipan, and other parts of the South Pacific...</t>
  </si>
  <si>
    <t>                                           WAR TALES -Corporal Cleophas Walker Is coralled by four Interested listeners to hear a few tales of his adventures "from Casablanca to Cairo," during the Intermission of a dance commemorating the opening of the new Negro Service                 Club at Midland Army Air Field the AAP Training Command's bombardier training hub at Midland Tex. Standing (left to right): Pvt. First Class Naomi Smith of Salisbury, North Carolina and Pvt. 1st Class Laurence Moore of Westpoint,                 Ga.; (seated) Corporal Walker of Charlotte, North Carolina, Private First Class Joyce Ccates of New York City and Private Wardell                 Cockrell of Columbia, Miss. (Official AAP Photo by the AAP Training Command)</t>
  </si>
  <si>
    <t>                                           Amidst all of the turmoil that is in the world today one is able to find a ray of sunshine in the Stygian blackness. Through good will and thoughtfulness of others the world is constantly growing smaller. These deeds, so expensive and yet so priceless are the forces that keep men going.</t>
  </si>
  <si>
    <t>                                           Special $1.00 Reading for 25. I       days and  GUen Free j S Madam Eva SHE GIVES I FACTS AND VOI GET RESULTS WflrH'a *r*~t!Mi -r After yen tun!) all       f, cos*  rov e?o* !~na t* Mftdaa* tts=* krow*  n, if V *n*  boo"        t!~ Honit.,' I0H w. M..~.-.. N, w__         .or. i.  , T(lrt      . l ttr. Pino, . i     toi in  h. *  m tf Rinv l"   . n^Ar^ia MYSTIC I.OVE DROPS SECnKT AROMA HKI.r.S WIM TUB ONE VOC LO\TB I JnHt     drop of tbU     mn pal n BB1T1TCII i fNO 8PKM, ot*p thi* one yon Tot*, who can t       loving: jnn which        - THT. KKT TO  . t.L-CK. nod .           ^fol       drop %      run  LAK' A niT ix the  or r.rFE and . NTMIlEKf) of  Olfr.  hoo L0CKT  wt hern. Teo'rr j ore lo      BIG - AI*r  PEItSONAL      to     tbU to win 1   .  NO !         nt (s plain  , Par  on drU*~ trj 9Se plan * or Mnd onl7 ai.aa and     pay . One Ivottlt  ff twn           BACK Ot'AH A. VCI.MO CO.. Drot.  iTM. 51 IVr.t 411b IHrrcl. N. T.     . HAIR SCALP TREftMNTl M0gto use this M SPECIAL fl -3  5I ,j. OFFER I^~) $150 ^^B  Uc  tit 1*1101 NIW  I OUNCf )~H Oil 4J( I SI 93 I Nfl MORF ikon-. , I nv murt           . I Send No Money! %.'%"?.%~~ j UNO        roo*y Jessie K^are Beauty Products Co. 107 5th Avt. IHm.VOS) N.w      Chy</t>
  </si>
  <si>
    <t>                                           PFC. WILLIAM B. JULIAN                 MRS. EUNICE JULIAN MARK WEDDING ANNIVERSARY- Pic. William B. Julian and his wife, shown above will celebrate their third wedding anniversary today. The couple was married on July 9, 1912. Pfc. Julian is the son of Mrs. Henry Julian, this city. Mrs. Julian is the daughter of Rev. and Mrs. W. J. Taylor of Evinston, Pla. Pfc. Julian has been in the armed services since October 5. 1942. serving most of the time in Hawaii Island and is now stationed Somewhere in the Southwest Pacific.</t>
  </si>
  <si>
    <t>                                           ira ^Aira  helpers I^^P      6  y Boys Girl^M?*^^^55^5^5^^^^/ 1 IS- Gti 4 FARM  A huge farm-help shortage exists in V a this area! Our crops must be saved! Get a farm job-.paro time, week-ends, Sunday., 4,000,000 volunteer farm workers will We to help, during your vacation. Help feed our Armed Force*, you can do no more patriotic act than help bring our fighting Allies, our civilian population. ;a the food. You'll enjoy the healthful, outdoor The *ar effort needs every scrap of food grown. life; and you ll be paid prevailing rate- a. you Yet if the 1945 food crop is to be saved, serve your country. Iht         H0W- JHounlrg 1H Y0UR AR!! M, s  See your County Agent (In Atlanta, Mr. 8. -v^,^* D Trultt, 901 Courthouse). He will explain national spokesman f6r AQRlCULTURt June 24th to Allgnst 7th. ThU campaign U on* of  .pon. by Tin CurtU Delay. Thtlan'entergency. Act now. ^              1.             V*.^~~ w*    to AgHeuitur*. j -y</t>
  </si>
  <si>
    <t>                                           TALK SOLDIER TRAINING- Discussing the training of Negro Troops at Fort Bennlng, Ga, are left to right.. Brig. Ota. William                 Hobson, post commander; Jesse O.I Dedmon, Jr., of the NAACP, and I A. Col. Ernest Welch of the                 I  School. Dedmon Is a former                 Aimy captain. (Signal Corps Photo.)</t>
  </si>
  <si>
    <t>                                           NOTICES WF.~ A.M. AUBURN AVE.~ MLL1ARD ST. \V. C. Thomas Lodge No. 112 meets Monday, Aug. 20, 8 P. M. The Entered Apprentice Degree \vill be conferred. VI. S. Itollomon, W. M. Jefferson Taylor, Sec'y. St. James Lodge No. 4 meets Tuesday, Aug. 21, 8 P. M. J. E. Acey, W. M. L. B Dfckerson, Sec'y. Gate City Chapter No. 48, E. S. meets Tuesday. Auf 21, 8 P. M. Sirs. P. B. Eichelbcrger, W. M. Mrs. M. E. Edwards, Sec'y.</t>
  </si>
  <si>
    <t>                                           SUNSET CASINO DANCE Ladies Night To Be Featured Tonight, Thursday 8:30 P.M. Until? MUSIC BY TROUBADOURS Admission Ladies 35c Gents 55c M^HBPv^E'^^ put over a grand dam- ~\f$^^     W  the fine quality of ~\*JJgWv^/    bodied flavor it apparent to T^m /V /^C?*.*)**^         $ I till    *2?- Yft ~/*~~        , and 1/1 Urna,</t>
  </si>
  <si>
    <t>                                           SEVEN TERRIBLE, FINAL DESTRUCTIVE PLAGUES SOON TO SMITE THIS WORLD HHBkP* '^H An epidemic of incurable boils; poison water as the blood of a dead man with nothing else to drink: heat wave killing millions; terrible universal war; worst earthquake of history; destructive hail from Heaven, each stone weighing 56 pounds. On Whom Will They Fall? When Will They Fall? Hear Fordham Now Without Fail! Sunday Night, July 15o At 8:00 P. M. Fordham Bailey Bible Crusade Tabernacle ASHBY AND HUNTER STREETS, N. W. 1000 FREE SEATS EVERYONE WELCOME EXTRA! FURMAN F. FORDHAM CONCERT ARTIST WILL SING .Mr. Fordham returns by plane from New York in order to appear on the program for Sunday night.</t>
  </si>
  <si>
    <t>                                           NO MORE GRAY. DULL OR FADED HAIR -! HAIR DYE look 4fln AND BEAUTIFUL*  uw IT WON T WASH OUT OR RUB OUT. VERY j SIMPLE TO USE C/: USt ONLY AS I DIRECTED ON LABEL SEND NO MONET. PAY POST HAN SI. 00 plat posto*) delivery. Ssnd order today. Saflsfsctloa or   JESSIE KARE BEAUTY PRODUCTS CO. 507 F1H* At...     York City a   OS1 L  The Estrngcnlo Hormtma BUST CREAM     Oalr Cnui Contalatnc Frantm' Kaeh Jsr contain! 80.000 Iat. TTntta of         * {K"       0             that       . ,   hat ma]-     : bj thr akin      . We make no claim*, prom* 1  * or  of anj Un4             for  . TVe waul VOD h M lit  Jadxe of what L  mar do FOB TOU.     CN00N AI.LT that U ros an oot riell*     after im L'0a.M0.V"E.    will -  the  price* 2^dB7 * wHll foil . In  wrapper, ram*  Incladloc Federal tax and , ool7 $S.0O with . or MJO O.OJD. L  CO. ttO Broadirar. Dfpt.  Maw Tork 1. K. X. *     Mart.</t>
  </si>
  <si>
    <t>                                           BIRTHDAY MONDAY Corporal George L. Spear, shown . will celebrate? his 3Gth birthday Monday June 18. "Somewhere hi England" Cpl. Six-nr is the husband of Mrs. Margaret Snenr. 303-B Holcomb Strret. East Polnf. Onor?in end brother of Mr. Robert nnd Courtney Spear.</t>
  </si>
  <si>
    <t>                                           Wfiyt/OT THIS   COMES P                 James Johnson</t>
  </si>
  <si>
    <t>                                           I WILDER THAN EVER! The East Side Kids "Docks of New York" i "Bull Fighters" with LA I.' RE I, AND  j Capitol  w- j r\0?na#zce 1 i Smoother, lovelier hair. Softer to the touch. Women want it. Men love it. You can have it. Just use Pluko, the famous Black and White creation that lovely women everywhere have depended on for years to help them have more glamorous looking hair. Have. WhatYou Want You don't , straggly, hard-to--in-place hair without doing something about it. I Pluko will soften your hair. Help it comb out softer and smoother. You'll be able to set your hair in so many attractive ways. And Pluko will keep it set and looking well groomed. Best of All Pluko has a fragrance appealing to men. Sweet, lovely, lingering. It brings such added lustre to your hair, a shiny, radiant gloss. And it is so inexpensive. Sold in big economy sizes everywhere. Amber 25c. White SOc. You won t ever want to be without it, once you ve seen how much it can do for your hair. Always*Jemand</t>
  </si>
  <si>
    <t>                                           Lanier Universal Choice For Minister To Liberia                 Expect Vacancy To Be Filled Within Few Days                 BY HARRY S. McAJLFIN                 WASHINGTON-. D. C. ' n. OUara Lanlcr. former acting president and dean of instruction at Hampton Institute and now a special assistant at . has the backing of all factions of Negro leadership tor the position ol Minister to -Liberia, the NNPA has                 learned this week. President Truman Is expected to fill the position, vacated by the resignation of Lester Walton, within a few . The name of C. C. Spauldlng. president of the North Carolina Mutual Life Insurance Company of Durham. N. C.      was recommended to the President for consideration. He was backed by J. E. Mitchell, of the St. Louis Argus and Claude Earnctt of the Asyocluted Negro Press. Mr. Spaulding's name, with his consent, has  withdrawn by his . however, and they are now backing Liinler for the post.  ENnORSKD Lunicr has been  find urged by Coner-sisman William L.. Dawson. Mrs. Mnry McT.^cot' Hcthune and Dr. Chnnnltip H. Tobias. He was the first Negro  of Instruction at Hampton Insti'.uti' Formerly, ho has been In administrative positions at Tuskegee Institute, Florida A. and M. College, and at Houston Municipal College. Before  to Hampton, he was assistant to Mrs. Mary McLcod Bethune In the Office of Negro Affairs of the NYA. When Dr. Malcolm M. McLean resigned as president of Hampton Institute, Lanlcr was named acting president and was at one time considered for the presidency of that In . Ho served as the first Negro head of the Institute from January 1943 to February 1914. NORTH CAROLINIAN He Is a native of Winston- Saltni North Carolina, married end the father ot two daughters. He Is a (Continued on pace 6, coL 8)                 Lanier Universal (Continued from Page 1)' member of the Alpha Phi Alpha Fraternity the National Vocational Guidance Association, PI Gam- ma Mu, Delta Zcta Chi. Phi Delta Kappa, and Alpha PI Mu. The President Is expected to withhold action In nil:ng thr Uberlati post until after the new Secretary of State Is named to nil tlie vacancy created by the resignation ot Edward R. Stcttlnlus.</t>
  </si>
  <si>
    <t>                                           WASHINGTON, D. C. -- (NNP)--R. O'Hara Lanier, former acting president and dean of instruction at Hamoton Institute and now a special assistant at UNFRA, has the backing of all factions of Negro leadership for the position of Minister to Liberia, the NNPA has...</t>
  </si>
  <si>
    <t>                                           H Atlahfa^^ft World  moN MnT" i^ ~^^^^^^^ Publbh^Tivery Morning Exc^tM^nday "NeWS WM/e^ VOLUME 17, NUMBER 274 ATLANTA (3), GEORGIA, SATURDAY, JUNE 16, 1945 PRICE FIVE CENTS L</t>
  </si>
  <si>
    <t>                                           PELELIU VET NOW MURALIST- Marine Private First Class Vincent T. Cullers, 21, son of Mrs Lett:c Cullers, Chicago, a veteran of the vicious fighting on Peleliu Island, "keeps his                 hand in" on his avocation of painting by decorating the walls of a mess hall at base where his                 fit is naw stationed in the far Pacific (Marino Corps Photo from OWI).</t>
  </si>
  <si>
    <t>                                           BREEZY By 7. MELV1N</t>
  </si>
  <si>
    <t>                                           NEW YORK CITY -- (WDL) -- Reminiscent of the stand of Sgt. Alton Levy in 1943, is the story of a Major in the Army who stood successfully against the segregation of soldier-patients at a hospital in the South Pacific area. The Major's story was told in the May, 1945...</t>
  </si>
  <si>
    <t>                                           Tells How His Brave Captain Died In Combat                 Gandy Awarded The Silver Star Posthumously                 U. S. GENERAL HOSPITAL, CAMP PICKETT. Virginia- 'SNS) It's hard to got Sergeant Roscoe Thompson, of Norfolk. Virginia, to tell you how he got wounded fighting with the 92nd Division in Italy, because the husky Virginia Union graduate always ends up by telling                 you what a Brent guy Captain Charles F. Gandy was. CRptaln Gandy was Thompson's commanding officer In Company P ol the 370th Infantry Regiment which was -the first unit of the 92nd Division to cross the Arao  last fall. For his "gallantry in "        i leading Thompson and hJs company. Captain Gandy was posthumously awarded the Silver Star on March 5, 17D45. WAS BRAVE MAN 'Captain Gandy was a brave man" spoke Thompson admiringly. When he got killed, he was 75 yards out In front of the company. He always took the lead when we were at. (Continued on pace 4, col. 3)                 i Tells How His i j 'Continued Irom rage i) . A sniper got  first with a ride shot and when we started up to gel him. we got pinned down with  fire. The Jerries turned a   on him as he lay there on the ground- Just to make sure they had him." The citation accompanying the .award of (lie Silver Star to Captaui Gaudy provides official con- I j currence to Thompson's eulogy. Keleased today by the War Depart- nient, the citation, in part, reads as follows: .MOVES  FIRE i "Captain (~.-.-.i-  as ordered to deploy hit i-.-.... i-ay in reinforce-', nient of  i:(.Miu::,ny jn posi, j tion on difficult ~.u -.. terrain. He . I i,is com. pany     i;i bn..,Ki u    ,. iin(j through .t- ii i-:   ,:inci' und bv pfi.ional -;;,n.pK. and lead- ci-. succeeded in  hi- j entire company across a canal, n-itl: an  Uelvc-lco; wail. This i was ;ucc: in r,iin and un- der  Mivinelv heavy enemy lire I Halfim: :i,i-  at its 'inter- mediate objective. Captain Candy I went lom-ard alone to recon- - Hid route of Uk. next move- ment. While  in thia - vity. he was mortally wounded by enemy machinegun fire. Hiv out- o. gallantry and leadership I :in combat exemplifies the heroic traditions or the Untied states Army." Vou cant forget the medics, either "hen you me talking to Sere cam 1 Thompson. -Thote guys really de-   eiTe a lot of credit," he ass". i  come  up in tlie  w.icre the bulle'.s arc  and nien out. Tlie day I Sot hit I                 u medic drove a jeep  up on that  to tlie front and got me, and ill 45 minutes I \vas :it. the  aid station netting treatment." "How I sot hit? Oh. it was just one of those things. I guess,'" said Thompson. "'I left my foxhole 10 go down to the command post lo Set the password for the night and was about three feet from my foxhole on my way back, when the Jerries fired n. mortar from the  side of the hill. It landed next door to   ." HIT BV SHELL Sergeant Thompson was wounded by shell fragments in his back, chest, throat and legs. Convalescins at the United states General Hospital ut Camp Pickett Blackstonc. Virginia, the former employee of the Norfolk Navy Base is looking forward to his first  in Norfnlk. The son of Mrs Viola Walker of 910 Hanson Ave nue. Norfolk. Virginia. Sergeant Thompson entered the sen-ice in March 1943 and went overseas in July. 1944.</t>
  </si>
  <si>
    <t>                                           U. S. GENERAL HOSPITAL, CAMP PICKETT, Virginia--(SNS) It's hard to get Sergeant Roscoe Thompson, of Norfolk, Virginia, to tell you how he got wounded fighting with the 92nd Division in Italy, because the husky Virginia Union graduate always ends up by telling...</t>
  </si>
  <si>
    <t>                                           MOTHER GOOSE POT PUglf si\p2$     po3rr\dll?;; "Well, .1 \l\ey ate, I  add a .g f r ji 5 U.    each.      Item."</t>
  </si>
  <si>
    <t>                                           DAILY CROSSWORD                 ACROSS 1. Fool 6. Destroy r 11. Talk (archaic) 12. Shrink 13. Open sore 14. The elbow (anat.) 15. Wishes IT. Remnant 1 IS. Wall recess 1 20. Cereal grain 1 23. Tungsten .1 2 24. Fur piece S (or the hands 23. Worship 30. Discoverer of radium 31. Game or chance 32. Exclamation 33. Boy's nickname 34. Type of architecture 37. Chiim 40. Simple songs 44. Solitary 46. Sayings of a religious teacher 47 Now. this day 48. Entire 49. Percolates 50. Writing tables DOWN 1. Potato (dial.) 2. Wan 3. Grampuses                 4. A fat Ichem.J 6. Pure metallic Iron 6. To bluster T. FMtener 8. At one time t. Sacred picture t Rum. ch.) 0. Furniih 6. Shield 9. Ostrich-like bird O.Tre* 1. Any fruit drink                 22. 2.000 lbs. 35. Vase with a pedestal 26. Expression 27. Nourished 29. Pole 30. Cooled 32. Constellation 35. Compiles 36. Aromatic SplM 37. Caresses 38. Genus of Illy plant 39. Mineral deposit,                 Xtntrin't Aniwtr, '41. Grow* Old 42. Dagger 43. Speaks 45. Short Bitty                 I 5 h 9"~ 7 8 9 1O         "T" IT 30  7 SS  9 Up  l my,                 CRYPTOQUOTE- A cryptogram quotation  CFU 8 . ZB MKI IJ  .F W_M X L J U. Yesterday1* Cryptoquote: WHERE TRUTH DEIGNS TO COME, 1JKR SISTER LIBERTY WILL NOT BE. FAR- AKENSlDfci, PUtrlbuttd by Kins TMXmu . Ins.</t>
  </si>
  <si>
    <t>                                           Hie Home ji Our fine; home, with its U modern? facilities and M' beautiful furnishing*. Si offers'* very facility for '   comfort and for  ingly impressive Ml services.      H IHfRIilivt SCHVieCAT</t>
  </si>
  <si>
    <t>                                           FORT BENNING -- (SNS) -- Thirty-five prospective gridders reported for the initial practice session called for the famed Reception Center Football team this past week as the RC Tigers underwent conditioning for their coming season.</t>
  </si>
  <si>
    <t>                                           New ORLEANS--(ANP) -- Decision to publish a magazine devoted solely to business and economic questions was reached here last week during the steering committee meeting of the National Negro Business league at which reports from officers showed the league...</t>
  </si>
  <si>
    <t>                                           m f**~            book ihtl you   * EB tn pi*"  nuf home for       (. ^H H        ou  thr  . ^B Bfl loom hi . Ifnm the planned laundry ^H BH ~!ih itt automatic  in l)it ' ^^J jM rrn - . bath* and HH BH It        ou    add  ^B ^J air            (.          modem -in ^B MH  and *      boa dr*~*f      , ^fl IBB   (* mJ booked)** cja W      H HH (be  aU%. It Motsuu   t  NB el alt 1ht*r . a* )*8 cm         H H  lui  ni       mil be M.c. I H V r.*    -                       ) I  9  cap Ira -^l JJ j Pnlrt'ft Nnk and AJdrew Urn j *1     wml me )Mtf mw U-     ObatrattJ , j ni^. Ho Ik         - I  2Se Ct S"'~ MOKE TRUTH THAN : Years uro Mark Twain, the Great American Humorist, In anc of  comments on current events, said, that "Everybody talk about the  but nobody docs anything about it." -MORE  THAN HUMOR We can control thr  in your home or place of business. .Service on all makes of heating system and stokers. Shepherd Heating Company f Steam. Hoi Water and Warm Air Atr Conditioning and Ventilating: Ic9 Griffin Street, N. W. Wo. 2070 AUnntn, Ga.</t>
  </si>
  <si>
    <t>                                           Facing each other here Sunday afternoon, May 27, in a doubleheader baseball game in Harper's, Field, will be two of the state's strongest and most colorful semipro clubs. The initial game is scheduled to start at 2:30 o'clock.</t>
  </si>
  <si>
    <t>                                           FIRE 10,000th SHELL AT NAZIS- The second section of a Held   operating with the U. S. Third Army in Germany                 poses with the 10.000th shell to be, tired by the section, since it has been in operation in the Europeau                 TUcver of Operations. (U. S. Ar. my Signal Corps photo trom Bu. man of Public Relations.)</t>
  </si>
  <si>
    <t>                                           ^       ^         JI'riiphetN  Ell -teM MwKa^Sil J      ever*n h*    *'0   ftj^L jl %~}^7 -lohn thr Comiupror  '  to bHn, 3I0NKT. . I-OVK- IlAI'PINKSS. If you Iftffk n uy of    *~*~. tn? I'rnphct'n Hlirii ~'ohn     -            UvcrONlon Oil nin.v       3  n nt*d. Contain*  IMictt ( ('if Contincrnr Hoot In nc^VJtANTKKU reel Unly ty\     oil. u* mro Moiifil In the HIM*. 1. lip  -tf* \ full  (. only 91, Zl*    .       or D. plun *'.     FIIcli Jolin the ConUU*ror Ittrceniilnn Oil for 7 day*, [f not  .        h" "*). Pophet Proilucl!* Co.. Oepl. SOP 3V1 W. 1   tM.           7. N. T</t>
  </si>
  <si>
    <t>                                           Miss Schelysture Edwards of the Avenue is back again after being ill for quite awhile at her home with the Ave., missing her pleasant smile for all whom she...</t>
  </si>
  <si>
    <t>                                           Sterling Simulated I j^^. Diamond Rings ^IW. j Kn.-.-.l Wrcl.        . i lra'.l.r'~.  mill W^^*%,,  - flin-t      1~*   T ~,i u!t'~ 'snl i'-fl   . "il  r t,~t.  T1IK.SK U1TII VOrit VIiV'An tki.i. the        i .NCK!  : only  l.r,   or both r..r $2.-.'.  n.l 20 I";"*" ,,rr. i,,,t ,,,.,n- ''"= -"I C(J  Ur. 111. ?.1. .  li.i. S .0" wt lir     )M on       "-"2"7or"^., ^.l*r now. l lii* t^T.  JEWELERS. Dept. C8 CJ TltENTON  T.. l..\WntKXC.-K.     8.</t>
  </si>
  <si>
    <t>                                           MARSHALL, Tex --(SNS)--Three new coaches in the Southwestern Conference are stirring up a lot of interest in the coming gridiron campaign. Billy Nicks at Prairie View, "Iron Head" Posey at Sam Huston and Buddy Allen at Arkansas, are the three newcomers in...</t>
  </si>
  <si>
    <t>                                           mm goose dot  Fa fook tef lest    ^gute could 5       replaced  a j?' --pi i ar o3 3*</t>
  </si>
  <si>
    <t>                                           I FOR ^~i*/ BUlMS-         1' / ARE You 0NE OF Those 4 FORTUNATE FEW '  HAVE AMAZINGLY BmE^wt HAI H? ^^T '^9H1                                     7 n front It to /SStlU HaliliH lo^ LONGER Md Doa'tletdir.BHlRli^f Kf1^ b^^^'Ual     r!'/^*?.  OmditionerflJot t^^'S-g ,6-lLr  Jost a  bot *  ?t^?:WfflBR adef lmt. h.~,ta . bSi- n^HD . lovelier. Hair Appears Conger nd more  when  h^ mro  and tho dir. brittle 5^             . StUo NO MONCVt 1M.                       9(          ^ft with your  w)l!    7^ti!~~  ty and              Ij blown ( U10 .  CO, J377MIIw,_     , j Dept. 5IU Chicago 22. DL I                 [HAIR SCALP TREATMENT ^~fek USC THIS M SPECIAL w HP\ offer 99)  Ml CREMI    U*~l NtW MtStlNB 4  JAM Oil 4    (in tl.M MO MORE UON-, . Send No Honey! UNO VOUK *  SIATItFACTION OUAlANTfID' essie Kare Beauty Products Co. MT SA  t.(t!~,       Ywk Cky</t>
  </si>
  <si>
    <t>                                           AN ACNE PIMPLE PfST ...especially when ^~^k ~. and itching  ate present. Relieve y^B^X these troublesome A ^t  of externally (7'^jB caused pimples .with I '/^K antiseptic Bluck and \~'j_^K White Ointment- Thou-  of satisfied users have found that famous Black and White Ointment through its soothing antiseptic action-       itching- help* nature in healing. It also relieves itching and burning soreness of eczema ex-  caused, and simple ringworm. Try it! In large economical , 501, 2SjS.and 10)!. Use only as directed. ty Uighly recommended for daily cleansing away surface dirt is mild ami fragrant Black and White Skin Soap, l(y and 25^, sold everywhere.</t>
  </si>
  <si>
    <t>                                           \\ Tsitfstxd Bwsy Koralaj Except Moadsj, st iiO Asfrsa Member: 8. N. 8 N. N. P. A. A. N. Established An* 6, 1928; Became Daily March IS, IMS V^.X,' Scott, n, Tounder-Publisher, Aug. 6, 1928 to    . 7. 1114 "I Telephone: WAlnut. 1459 1480   in Port Office at AUanU 18), Ga,. u  dau mall under the Act of Con*    , March It, 1879 C A. SCOTT Editor and General  "Daflj^ 1 Tear, 99.60; 0 Monthi, $6.00; 8 Honths,$8.00 Saturday Only: 1 Year, $3.60; 6 Months, $2.00 Canada: 1 Tr^ $4.60; Mo.., 82.76; Foreign, 1 Yr., $!.( .THE1  DAILY WORLD In an  new*~~   , non-aect*rian and non-partisan, printing newi             and  those  it believes to    to tba inter iwt act its readers and opposing those thing? against toe Interest ot tta readers. Address ALL COMMUNICATIONS to and make CHECKS     Ue to ATLANTA DAILY WORLD, rather than to  :Sna WORLD expressly repudiates responsibility (or return 0t  ,' , etc,  stamps     seat</t>
  </si>
  <si>
    <t>                                           COMMERCE, Ga. -- (SNS) -- A great revival campaign ended here Sunday at historical (Greater) Mt. Calvary Baptist Church, pastored by the Rev. Taschereau Arnold, nationally prominent as a religious writer, evangelist and pastor, after sweeping 31 new members into the...</t>
  </si>
  <si>
    <t>                                           PiipatajlllfeVVbrld V ^'T-               MwAMt        Mond.t 1 if"?' Poblithed Erery Morning- Except Monday, at HO Aoban MS?* yy-- Member: 8. N. S N. N. P. A. A. N. P. .'v*-'             Aag. 6, 1928; Became Daily March 18, 1911 *{ ^f? A. Scott, n, Founder-Publisher, Aug. 6, '1928 to Fab. 7, 1  4 h\.v Telephone: WAlnut 1469 1480 Entered in Post Office at AtlanU (S), Ga., as second  mail T  the Act of Congresa, March 18, 1879 C A. SCOTT Editor  nd General Manager 0 Daily: 1 Year, $9.60; 6 Months, ?6.00; S Months,~3.00 8 Saturday Only: 1 Year, $3.50; 6 Months, 12.00 Canada: 1 Yr., *4.60; 6 Mob., J2.76; Foreifrn. 1 Yr^ $6.50 i'i THE ATLANTA DAILY WORLD la an  , non- and non-, printing: news absolute] *S,   and  those things it believes to be to the inter  wt of .its readers and opposing those  against the interest i-.^-tt* reader*. :V Address ALL COMMUNICAnONS to and make CHECKS     to ATLANTA DAILY WORLD, rather than to individual* Vhe WORLD expressly repudiates responsibility for retun I- at  pictures, manuscripts, etc.,  stamps are</t>
  </si>
  <si>
    <t>                                           T. W. B. -- I am 23 years old and I have been writing a girl for over two and a half years. We have never met each other in person and we love each other much. I write her several times a week and I receive several letters a week from her. She has asked me to visit her...</t>
  </si>
  <si>
    <t>                                           POWERFUL FLAME THROWER IN THE BATTLE OF PEACE</t>
  </si>
  <si>
    <t>                                           PEACE!                 Mac Arthur Tc Accept Terms From Japanese                 Bv THE S. N. S.                 A tensely awaiting nation at last got the news Tuesday Japanese had surrendered' unconditionally.                 President Truman announced at 6 p. m., Central War Time, Tuesday Japanese acceptance of surrender^ terms^ w"hich will "be accepted  Dbuglas^MacArfhuiTwHen arrangements can be completed. The President read the formal message relayed from Emperor                  '' Hie    .~j Guvoi -ia- Japanese ruler pledged the surrender on the terms laid clown by the Big Three Conference at Potsdam. The President's statement said:                 "I have received this afternoon a message from the Japanese Government In reply to the message forwarded that Government by the Secretary of State on August 11. FULL ACCEPTANCE "I deem this reply a full acceptance of the Potsdam declaration which specifies the unconditional surrender of Japan." Later the President declared Wednesday and Thursday, August 15 and 16, as official V-J Days. The Japanese reply, awaited over 90 hours, was handed to U. S. Minister Leland Harrison in Bern, Switzerland, at 3:25 p. m., E. W. T The Swiss Government cabled a copy to the legation in Washington at 4:05 p. m., K. W. T. Since early Tuesday, Americans had been celebrating the Japanese surrender, news of which had come from several sources since an early morning hours. Prom New York to San Francisco the, people celebrated "Peace At Last." The delay in the receipt of the official word of surrender in Washington did little to damen the ardor of the celebrants the nation over. JAP BROADCAST HEARD First news ot the acceptance of surrender came from Tokyo, when the Domei News Agency broadcast that the Japanese had accepted terms of surrender as laid down In a counter offer by the Allies last week. On Saturday, the United States,  Britain, Russia and China agreed to accept the Japanese surrender with the Emperor (Continued on page 6. col I)                 MacArthur To given long and faithful service overseas. During the next 12 to 18 months, it is hoped to release from five to five and one half million men from the armed service. As a reward, President .Truman declared Wednesday and Thursday holidays for all the faithful government employes who can be spared. He expressed his thanks to them for a splendid Job done. Washington took the news with some restraint. Auto                 horns made a continued din. In half an hour, the crowd of 500 in front of the White House grew to estimated 10.000. Traffic was hopelessly snarled The President came out in front of the White House for a few seconds to greet the crowds and say how much he regretted President Roosevelt could not be here to see 'his day. The historic announcement the wars end came after five days of waiting on the part of the Nation and particularly the White House                 . The President summons the reporters to his office- about 150 of them- where lie made the announcement tn the presence of his cabinet. When the conference was over I and n few of the other correspondents shook hands with the President and I mentioned what a happy day this Is the President answered that It is indeed a happy</t>
  </si>
  <si>
    <t>                                           A tensely awaiting nation at last got the news Tuesday -- Japanese had surrendered unconditionally.</t>
  </si>
  <si>
    <t>                                           UN-COVERING WASHINGTON                 Symbol Of Fairplay                 By HARRY McALPIN  *;} W" Atlutl DiilT SorkJdK.N.P.A.                 IN THE MIDST of Uic fight to  the present FEPC nnd create n Congrussionully authorized permanent PEPC from the wreckage the Appropriations anil Rules Committees' of the House have made of them, little attention hits been paid to the dire                 which nmy result from failure ol these efforts. Almost everyone, opponents and proponents,  been Mvctlng their eyes  attention un the light for survival Itself. There Is a subconscious disbelief on the part of liberals that FEPC is about to expire. t EPC has become a symbol of lair play and justice In the minds of minority peoples in the United Stales. It has become a  to which all Anicrlcuns can attach their claims to democratic spirit. SOMETHING REAL To (i  Negroes who know about, the Emancipation Proclamation only by reading of It in history books, the FEPC is something real, tangible, and present. They  It as the high school graduate docs rls diploma, us the graduating pilot docs his wings, as u promoted colonel docs his central s star. Thnsc are things you enn t give, permit a short period or enjoyment,, then   as you please. The clock of freedom and the boots of progress purchased thru bitter  for that, which Is right arc not easily shed. It would have been far better for America while she Is trying to convince. a world which Is  colored of her desire for peace and her democratic concern for freedom mid - to have hud nti FEPC than to  the  of this game of give, and  UAS VISION It Is this concern for America's future that  t h c woman who. directs the efforts or the Nnllotuil Council for i a Permauenl FEPC- Ann Arnold'Hodgctnan. She has vision which goes beyond the Immediate struggle for .Congressional action on both the appropriation for the present FEPC nnd the bill for a permanent agency! While burning up her physical energy raising funds to carry on the Important work of the Council mapping strategy to anticipate nnd meet the thrust* of the enemies of program, button- holing Representatives and Senators, giving a push at some liberals nnd taking others by the hand, the combatting unkind and unfounded rumors and remarks aimed at her sex ambition (Continued on page i, col. i)t                 (Continued from page I) her techniques she still keeps a clear eye and a clear head. The broad scope of organizational support she lias attracted to the efforts of the National Council church, civic, labor and political are avenues through which she spreads the broader vision of 'he implications of failure, while guid- j ing  action to avoid that failure. FACES A  She is busily trying to work her- self out of her job. She has no ambition to serve in or on the Commission she is working so hard to create, though there arc those who claim t0 be her friends who say she wants such :i "spot." She wouldn't accept it. if it were  -to- her, More important to her is that there be an FEPC. She knows I from extensive travel all over            and from her husband In the service that a restless militancy of Negro voters and civilians will nor relinquish meekly thi tr crust uf bread      taking a inv                 America faces ft crisis In this FEPC. It transcend politics, prejudice, even peace- for there can lie no real world peace fashioned Oy a government- which refuses equality of opportunity to a segment of its own citizens. Real peace must be built on a foundation of mutual, world confidence as well as armed might, world courts, general assemblies, security councils, and trusteeships. Hedgeman for the effort she is making to keep America fruin foiling on the FEPC issue.</t>
  </si>
  <si>
    <t>                                           IN THE MIDST of the fight to salvage the present FEPC and create a Congressionally authorized permanent FEPC from the wreckage the Appropriations and Rules Committees of the House have made of them, little attention has been paid to the dire...</t>
  </si>
  <si>
    <t>                                           Three cases of robbery and larceny were reported to police Friday night and Saturday it was revealed at police headquarters Also listed among the reports was one case of assault.</t>
  </si>
  <si>
    <t>                                           Negro Prisoner Dies In Jail                 JACKSON. Miss. (SNS) Horace Elmorc, a 47-yaer-old Negro being held for investigation,  In fha-etty-fall   S'iq-, day night. Dr' H. P. Magee, the examining physician, pronounced his death being heart failure. According to the police department, Elmore did not give an, address when arrested. An investigation Is being conducted to locate his relatives.</t>
  </si>
  <si>
    <t>                                           HIT THAT RHEUMATIC PAIN RIGHT WHERE IT HURTS And look at the Silver Lining in those Clouds of Pain  The bis idea is that yoa want to feel better. When pain eases, your mind cases. You get rest that means deliverance. So use something that gets at the pain. C-2223 brings you pain-relieving help. Now you will feel as good as others who enjoy its help, too. 60c, and $1. Caution: Use only ai directed. First bottle purchase price. refunded if you are not satisfied. Today, get C-222J.</t>
  </si>
  <si>
    <t>                                           Says 'Frisco Has Aided Friendship;                 Race Goodwill Created, Says Liberian Head                 Simpson Is Pleased With Understanding                 Bv HENRI , Jr.                 SAN -      - Clarence U Simpson, vice president of Liberia and chairman of the IJbcrlan delegation to the United Nations 'peace conference declared p^Mflv tKa* t^A      ^~ at "the conference have done more tn   mutual understanding                 and good-will among races and nations than any previous world conference of similar magnitude. Mr. Simpson expressed great confidence that every representative at the peace conference would return to his respective country with a determination to see to it that. the conference s, formula for last-~ ing peace would become a reality. The vice president s talk was made before members and guests of the Cosmos International Social club at the San Francisco International Institute, He was welcomed by Dr. Mary H. Layman of Stanford University Medical staff, and introduced by William Henry .T^.i.p^-oL the _       . club".-^ Pointing to thp .  Industry of Liberia, Mr. Simspon said that the republic lias furnished more rubber to the. United States during this war than has any other source. At the close of the peace conference, he will accept Mr. Firestone's Invitation to visit the Firestone Rubber plant in Ohio. From there he will visit friends in Washington and New York before returning to Liberia.</t>
  </si>
  <si>
    <t>                                           SAN FRANCISCO--(ANP)-- Clarence L. Simpson, vice president of Liberia and chairman of the Liberia delegation to the United Nations peace conference declared last Friday that the deliberations at the conference have done more to create mutual understanding...</t>
  </si>
  <si>
    <t>                                           MEMPHIS, Tenn.                 (S.VS)                 OU I STANDING LAYMAN- Dr. U. S. Walton, member of the Executive Committee which is -         _a.]Kl_Ylsl tors Lo the DIomond Jubilee Celebration. Dr. Walton, successful dentist, and civic leader of the , holds  in Collins Chapel C- M. E. Church.</t>
  </si>
  <si>
    <t>                                           The mighty Asheville Blues are ready to battle it out with the Atlanta Black Crackers this afternoon in Ponce de Leon Park for the league leadership. The double-header will start at 2:30 o'clock and the team which emerges victorious in this mighty battle will have an excellent chance of capturing the second half pennant of the Negro Southern League, a diadem which is much sought after in this close second half race.</t>
  </si>
  <si>
    <t>                                           LET GORDON S NEWEST STRAIGHTENING COMB IMPROVE YOUR LOOKS!. Show off that Personality look your  by using Gordon's Positive-Action Straightening Comb. Weighted Bran head, correctly curved edge, easy-fit handle      quickly  nd HOLDS IT for faster, better work. Satisfaction guaranteed. If. after 10 days, you are not completely satisfied, your money will be refunded IN FULL. NO RISK. Order  (C.O.D. if you wish.) GORDON SALES CO. os9 xog N LY NEWARK. MO. ^49       N E PIMPLE ...especially when ^=^^~   and itching m9   ^ are present. Believe y^BVt  troublesome A. ^K symptoms of externally //'S^^B caused pimples with I ^^K antiseptic Black and V^^^^B WliiteOintment.Thou- ^P tanda of satisfied  have found thai famous Blark and White Ointment through its soothing antiseptic action-easts itching- helps nature in healing. It also relieves itching and burning soreness of eczema externally caused, and simple ringworm. Try ill In large economical , 50*!. 2# and lOji. Use only as directed. (S- Highly recommended for daily cleansing away surface dirt is mild and fragrant Black and White Skin Soap, 10)! and 251, 8old everywhere. 1 .4  11 H  Jill I .,fri</t>
  </si>
  <si>
    <t>                                           L  Tbe Estrofenle Honnooa BUST CREAM The Oal/ Cnmm Coatalabur Trmottm' Eaeh Jar  W.OOa Int. Unite at Peinojren* (           Harmon**),      . , smarter          # that mar     br tbe aku at lh* .    maka ao claim*, prom* U*~ or   ol mar ktn4        *rr far  cream.    waat TOD u k lit xXa Jadca of what L  mwr da     TOD.    OI . FNOONninON ALII that U too ar* not                 t/.    will   the  price. SO-dmr  PPlr. with tall . In plain ,   Federal tax and *.  $1.00 wilh order, or t*JM O.O.D. L  CO. t:o Broadtrar. D'Pt. 103D New Tor* 1. M. Z. Trade Mark.</t>
  </si>
  <si>
    <t>                                           WANTED For Vital War Project Hear Knoxviile-Tennessee     J0B-G00D WAGES WITH  AND FEEDING 0X THE AREA NEAR A^ssy^r per week-time Company Representative will interview and Hire FROM .?UNE IS. !945 TO JUNE 23*    NATURAL PAGE BOY AHACHMENTsT iS28SS88SS8S8S828S8SSS3SSSS8S8SSS3SSSS3S8SS888S YOU CAN HAVE YOUR HAIR PERFECTLY MATCHED FOR :.v jfc% assay . BETTER  SEND NO MONEY "*g ^B^ MT POSTMAN  ^. on        . Glamour Page Boy ...$7.50 All Over Wlfl  WT,.,,,. $35.00 Pompadour Glamour..;.! 7.50 Half Wig 19.50 All Around Roll 8.50 lit Quality Page Boys 8.00 (A 0    * 50% h 'Htqthvl with Th,- Qtdm) 'Also mm.  ano,    OMY. HAM *I.M  THA JfNO  0 WR TODAY    Carry a full Unc at 0$-All C010K5 Indudhs Mhnx) 8    507 FIFTH AVE. (Room 905) NEW YORK CITY</t>
  </si>
  <si>
    <t>                                           NEGRO CHAPLAIN                 PROVIDENCE, R. T. (ANP1 Rev. Pan* V. Sterrctt,  of overseas  with DSfJLIi on*   'n thn Ttnlinn        "ii, was elected this week to be chap* ln n of  department of Tlhorlo Tfilnnd Vaterann of          Won, marking tho first  a  i  tius been   officer of this organization*</t>
  </si>
  <si>
    <t>                                           Calling upon his hears to make Christianity a vital, moving and living force in their personal relationships with men. Dr. A. W. Wright, member of the South Carolina Conference and a member a the faculty of the Second Annual institute for Ministers in current...</t>
  </si>
  <si>
    <t>                                           21ST BIRTHDAY IN ALASKA Seaman first class Billy Parker son of Mrs. Lucile Griggs. of 213 Ashby Street. N. W.. is celebrating his 21st birthday in service in Alaska with a radio pool!</t>
  </si>
  <si>
    <t>                                           ^3 Sgi5   5s*fc</t>
  </si>
  <si>
    <t>                                           THE WEATHER Partly cloudy, continued WARM.</t>
  </si>
  <si>
    <t>                                           UNITY CONFERENCE CALLS FOR ALL-OUT ACTION                 Restoration Of FEPC Funds Is Foremost Issue                 Persons From All Sections Answer Mrs. Bethune's Call                 WASHINGTON. D. C. (NNPA) An urgent., telegraphic appeal to President Truman, Gov. Dewey as titular head of the Renublican Party, and go over 50 Senators, urging vigorous action to restore the Bpprooriation or the FEPC to the War Agencies Bill an                 ot permanent Hifu legislation was sent Saturday by representatives of 30 national organizations and institutions at a meeting c!:~cj tc pr?Tr*c n"~Ty n*  on problems affecting the welfare o$ Negroes in America. The conference, sponsored by Mrs. Mary McLeod Bethune and ail ii other prominent Negroes, attended 07 rr.ore than 50 persons roni aii sections of the country and representing an organization membership cf ever  ,  for 1. The all-out prosecution of the war against Japan and the. crushing of Fascism. 2. Immediate Senate ratification of the United Nations Charter without amendment, despite its recognized imperfections. 3. Support of the right of colonial peoples to political and economic independence^- On the domestic front. In  tn action on E . the confer.. ence urged Negro Americans to join with organized labor and other progressive forces in active support of 1. Federal legislation and administrative action to guarantee democratic liberties. Highlighted in this group was anti-poll tax legislation and enforcement of the Su,preme Court decision regarding white primaries. 2. Full postwar employment. 3. Protective measures for veterans rights. 4. Extended and equal educational opportunities and health services. In order that these broad objectives  be attained, the conference authorized the creation ot an interim committee under the leader ship of Mrs. Bethune and Dr Channlng Tobias of New York City to Implement the program adopted. CONFAB WITH TRUMAN Among the proposals for the work of the Interim committee are (1) to seek an early conference with the President and other high Federal officials; (2i to urge participating organizations to mobilize their mem(Continoed on page 4, coL 3)                 Restoration Of (Continued from Page 1) bers In active struggle for the Eoals agreed upon: and I3  to promote the building of Peoples Unity Conferences throughout the country in support of thus program. Dr. Tobias served as chairman of the. meeting. Associated with him and Mrs. Bethune as sponsors were Revs. William L. Dawson (D. of Ill.i and Adam Clayton Powell 'D. of N. V.~. Dr. H. L. Horace. Dr. Rayford Logon. John H Sengstacke. Dr. Marshall Shepard. William S. Townsend. Walter Whitn. J. Finley Wilson. Bishop R. R. Wright, jr. and Dr. Max Ycrgun.</t>
  </si>
  <si>
    <t>                                           WASHINGTON, D. C. -- (NNPA) -- An urgent, telegraphic appeal to President Truman, Gov. Dewey as titular head of the Republican Party, and go over 50 Senators, urging vigorous action to restore the appropriation of the FEPC to the War Agencies Bill an...</t>
  </si>
  <si>
    <t>                                           Stanley Chosen NNPA President                 NEW YORK- (SNS)- Frank L. Stanley, publisher of the Louisville Defender, was elected president of the National Negro Publishers Association Saturdiiy during the -day limited wartime conference.                 C. A. Scott, editor nnd general  of tl:e Atlanta Daily World, was re-elected Southern Regional vice-president, and Leon Washington, of Los Angeles, Calif,, Far-west Regional vice-president. .(Continued on page 8, col 4).                 Stanley (Continued from pace 1) Ludlow W. Werner, of the N c w York Amsterdam Nws. was  Eastern president: A. G. Shields, of the Arkansas World. Southwestern, and Donald H. Davis, of Kansas City Call. Central vicepresidents. Howard Murphy of Baltimore A f r o-American, was reelected secretary-treasurer. The following were elected to the executive committee: John H. Sengstacke; of the Chicago Defender; (Wlss Qlive M. Diggs, of                 or the Washington Tribune: Ira F. Lewis, of the Pittsbumh Courier, and Cecil E. Newman of the Minneapolis Spokesman Scott was a member of t lit group or nine luncheon pue.st-s of Editor and Publisher, trade publication of the whits press. The conference which opened Friday closed Saturday with a free-time program sponsored by the NAACP in Cafe Society. The South had a conspicuously largo representation among the 35 official delegates.</t>
  </si>
  <si>
    <t>                                           NEW YORK--(SNS)-- Frank L. Stanley, publisher of the Louisville Defeader, was elected president of the National Negro Publishers Association Saturday during the three-day limited wartime conference.</t>
  </si>
  <si>
    <t>                                           The Boy Scouts of the African Methodist Episcopal Church played a prominent part in the Sunday School conference held July 25-27 at St. Peter A. M. E. Church.</t>
  </si>
  <si>
    <t>                                           !255 PORO "It Blazed The Trail and Still It Leads" 45th ANNIVERSARY CELEBRATION F3H Sunday, July 29 at 3 p. m. r%S^H METROPOLITAN COMMUNITY CHURCH  4100 SOUTH PARKWAY HHr^S^H Reception follows immediately afterwards HEIB?TV^^^^Bb in PORO Gardens, 4415 South Parkway IB^PP^^Hh ENROLL FOR THE ANNIVERSARY CONTEST fi^ Poro College Approved by Veterans Administration MRS. ANNIE M. malone -r i r, r- u j. rv l_ j Pioneer Beautician to Teach Beauty Culture to Discharged Members of the Armed Forces *S^\ ^src^!w THE ST0RY 0F HAIR h /^^IWf f?^jP^K /*0^^k CULTURE S DEVELOPMENT F k  F^V^ ^^^ History records the African Peoples ID /'. ft  s^ ^^l\\t\ $ ^TpRar to ^e '^e most exotic and artistic hair fl J^MMiMffir* W\ P^ ^WilKlc^ li^^wS' in  our Annie M- Turnbo- Malone f^^^^^^^^^ I 7. ^W'lmii I ?5y^i felt'  and inherently, the urge p6g!g*jJ8*^V s ^hW/ %t^^S^ t0 continue this tradition of beautify^^^al^^1-rj^^S\L Sfip'*'"' ZZT^ in8 tne hair and sne symbolizes the ^\^3Tpj$!j8S!i ?S ANC'car U3 (X _^^^S^ . link between the arts and .sciences lost I\J Xi^S^X M W^ff 1 Dr- Melville Horskovits, Professor z2s}*tt. i-/ ^fl0V^ r*r/ n^ Anthropology, Northwestern Uniy^^^^^--\. "^3^ .^J^BSw^ ^v N\ versity, Chicago, in his book, entitled, y jfc ^Un^EJB^^t\ ^-i l"2) "The Myth of the Negro Past," says: fUl 'Dl wl* !Me" ""/^dHR^HW^S^B^^BMff jk ^5? 'The Most Popular System of the Hair  III 4* ""11 i^KKwKWif^ ffi? j Treatment used by Negroes is named M 'lift M JSC5^ VljBg/ElBuE "p^i PORO,' presumably after a Sierra Le/u ij^W iSn wSB^^U^^BL one (African) secret society of that "/*^C*ri I ^MctB^M/ '''3 Forty-five years ago, Mrs. Malone [D/'^^KS^v. Q_ i, ^ was fne ^'rst to  ze anc' translate ^3(^)^' L^\ ^ht^"' VHHUj tnis R'orious heritage into today s sys^y^N^-/^ ^C*^ V%0f  yM-55^k tern ot Beauty Culture and Beauty Wh I  40^?$k. Preparations known throughout the f M A' \lk C nmw 01 fc-^W world 'as P0R0WM \^^T  \F v1'"'"^' The Citizens" Committee deems It ir^SiV ^^jk-\ V^*"^1 J^E^ 1/ V( fitting and appropriate that, in ^- 4fl?) H^^K 0 ciation of Mrs. Malone's great -r 'W'-Wrs S JHH V j bution. PORO dealers, agents,   ^tey-TT'fc^ s\*r-^'^ ^^Bt^m ers anc' wc" wisners  'n ma''n6 /hr*/ \jL ^^^^^^^^s. xZ-^' '*nis a tru v Sreaf occasion the 45th S^**^ ^^^^^Zi-J^^r ^o(i/ Anniversary Celebration. ^^^^^^^^^I^BSB^^S^I^^^^^I^^^^^MHkP-"*^ Home Office: E ^^^^^^KHPPi^H^HII 4415 SOUTH PARKWAY S m^^^^^^^UM^^m^KH^U^Hm Chicago 15. ill. JBHHMHHIHHHHilMiHH^HH^HHt phone Atlantic 4P0O</t>
  </si>
  <si>
    <t>                                           FIRST IN TRACK EVENTS I MILAN, Italy- Brigadier General Muurlce VV. Daniel, Commanding General of the First Armored Di- 1                 vision, saluting the winners of the 800-meter race In. the Fifth Army Track and field meet held at Milan I In June. Staff Sergeant Thenlo                 Knowles, of the 92nd Infantry Division, took first honors. (U. S. Army Signal Corps photo from Bureau ot Public Relations.)</t>
  </si>
  <si>
    <t>                                           In Mcmoriam                 In loving memory of our dear mother, Mrs. Grace. SI  .who departed this life. August 23. 1944. One  has passed clear Mother Since God has called you home To be with him In heaven. Around the snow white  We  sit and think of you, When we lire all alone, For memory is thL, only thine That grief can call its own. We miss you oh, we miss you Kow could we help but cry? But if we live as you lived. We'll meet you by ar.d by. N'o one knows of the sadness Cnly those who have lost can tell, Of the grief That's borne in silence For the one we loved so well. She is gone but not forgotten. To that heavenly home above Some sweet day we long to meet her. And share in his infinite love. God knows how much we miss you Nuver shall your memory fade Loving thoughts shall always wander    the spot where you were laid. Mis. Mary Smith Mrs. Ada Smith Mrs. Isabell Johnson Mrs. Jar.ie Rollins. Daughters Miss Mary Norman Mr James Lee. Grandchildren William K Smith C. K. 3-c USN. Mr. Charlie Smith Mr Hershel Johnson Mr. John Rollins, sons-in-law. In Memoriam In  memory of our sister, mother, and daughter. Mrs. Estella Anderson, who departed this life 15 years a^o, August 28. 1930. Gone but not forgotten. Mr. Thomas Lynch, son Mi's Emma Field, mother. Mrs. Dollie L Marsh. Mrs. WilUu Mat.- Hawkins, sister. In Memoriam Mrs. Emma Lee. who departed this life two years ago today. Mother dear, we love you so. Though we know you had to go Mother dear, you were sweet Your kind words, we often repeat And forget you, no never. Hoping to meet you in Heaven. Mr. Sam Roberts, son-in-law Mrs. Nettie Roberts, daughter Mrs. Mary Howard, granddaughter Little Fred Howard and Louise Howard, greats: r.mc'.children Card Of Thanks Mrs. Ruth Walker, efficient operator at the ~!:'.c West Beauty Shop, takes this method to thank her many  and customers for their kindnesses, flowers, and card? during her recent illness. She will return to work Monday.                 SIRS.</t>
  </si>
  <si>
    <t>                                           HOTtlffl GOOSE DOT TOE 1 r-^ould you punctuate "I. sac a $5 bill Kblowing      " Aftaf it uou^ mak^. a 2. '18 ;9 5. j5 6 B K OS</t>
  </si>
  <si>
    <t>                                           \HELpM ZBfljTCEl WITHOUT   L LlJL*! B 8 yT3 Don't Scratch  Itch- I li  ing for It can cause Infection. v- ^t*(    '. Simply apply lime tried and "^^SlSSJJsSfftffll tested Palmers SKIN SUCCESS ".a Ointment. Millions of packages used over the past 105 years prove Pulmcr's SKIN SUCCESS Ointment for the misery of   Itching of many pimples, externally caused, eczema and ringworm Guaranteed to satisfy or money back. 20c at  and toiletry *~"^"V ters or from E. T Browne Drug Co IZt Water /HONEY St.. New Vork 5. N. V. (ISc sue contains times I Jpf^ HAIR PRKS1WC CAP</t>
  </si>
  <si>
    <t>                                           ENGAGEMENT TOLD- Dr. ai.c! I Mrs. George Moore, Koanoke, Va.,*  week announced the engagement of their daughter, Glor.a Alyee, to Foster F. Burnttte, of Wilmington, N. C. Mis* Moore is a senior at Fisk University and a pledge of the Delta Sigma Theta sorority. Her fiance                 is tile son of the late Dr. Fostei Burnetle. lie is a student at Mehurry M(;dical collude and a mi  r of  Oineya 1'si Phi fraternity. The couple met       years ago at Fisk University and ""iii be rr.arrie.d this fall.                 (ANP photo i</t>
  </si>
  <si>
    <t>                                           \    \iJ"l"" WFwIIIEIWtlt      ^'i loosens JB f AfifUFAftC for Easy Removal ^M ^    ^^K^ USE THESE TOO Are  ou a vict m of a t0  dark t3""^- blotchy. I l^U^^^-~ .^^^Bfl^^^Hfl^ K^sfr,^^^^' weather-beaten unnatural surface skin that seems IB l^^a^^~^^^^^w^ .^l^^R^B^^^^^^^^^^  S^M^^^^S Da. Fmio Pmmek also such a terrible handicap in your quest for love, social ^B B^^y^^Bf^ft^^^^V ^^^^^l^^^^l^^^^^^^^ kSk^^^^bS  away dirt"  PALMER S SKIN WHITENER is actually made S *^ W ^H^^^^^^^^^^I^^^^^^^P B^HBmJ  and (rime. Aiu to lighten, brighten tanned dark skin soften it, n I \M i\~\ ,~*~~~11* I S ^B^^^B^^^^^^^b k^9    pimpin.1 bk-t^ moval. Do this today. Get a 25c box of Dr. Fred Palmer's it\A. *S%))'5ji5' JMm ^^HffiUk^^^^H^^^V B^^^^^a  Skin Whitener from your druggist. Apply it tonight. Use yV^V ^"""'^^B ^~^^~^~~~^~~^~~^~~^r          Nut ltr"w" Kacr !~ow- 1!ack. Don't wait, but go noui to your drugstore. ^~~**  1. W^ ~^^jl^V ^^^R-l   CO., Box 264/ Atlanta/ Ga. J^~*% OJ* ^I^HSS^^^^r</t>
  </si>
  <si>
    <t>                                           WWmMmM  jj Gclolilnq 3. Wisely '0^ We confer witti our patrons so that every   5 detail is in keeping with f^S their earnest wishes. 7g^ They may always {eel WA tree to ask our advice ..'jB concerning final rites for loved ones., rS ( 11WAVI ^K AT MODtKiTl CO(T ^{;</t>
  </si>
  <si>
    <t>                                           WISHING WELL                 U.S.        O/   .                 HERE is pleasant little game that will give you a menage every    . It Is a numerical puzzle designed to spell out your fortune. Count the letters In your first name. If the number of letters is 6 or more, subtract .4. If the number is less than add 3. The result is your key number. Start at the upper lefthand corner of the rectangle and check every one of your key numbers. left to right. Then read the message the letters under the checked figures give you./</t>
  </si>
  <si>
    <t>                                           IN NEW YORK CITY -- The Honorable Walter C. Robinson, orator and publisher of the Chattanooga Observer left Wednesday, August 22 for New York City to attend the meeting of organized minority groups in the United States. The Honorable R. R. Church...</t>
  </si>
  <si>
    <t>                                           gcc and Lanctt, to mention a few. j of Georgia. i sas City is third with C-l. son. EMERGENCY! ^r says U. S. Dept. of Agriculture A Colossal Jo!s-/JPliiIiSJ  r^2^ I Needs Your Helpr^^^^^^^rl 1915 is seeing the most serious -labor shortage ^~-""~^   5{^^JU since the war begun. The Armctl Forces  War V 5 Industries Iiuve hud to lake  from the . You can do no more patriotic act than      If the 1945 food crops arc to , 4,0(1(1,000 extra farm work. Decido now  your spare Ume oa farm helpers vill have .r. f"~-m. You'll enjoy the healthful, - and you ll be       prevailing  as you       your country. *PHip VOLUNTEER HOW- /^OUntrU I in your area  I D!VruiU,CD7! ei^ NATIONAL SPOKESMAN FOR AGRICULTURE how you can help harvest Tomatoes, Potu- A curtis  toes and Fruit. Workers are needed from ji.TL/i,.ii.   . t Thu campaign    one of Mtwral  by Thm Curtla ru*~ June 24th to August 7th.  in ,upport oJ th. mJ,ort, n U Mng  In  throughout thm country by Country G**man M l-t I J-   ..l:.~.</t>
  </si>
  <si>
    <t>                                           'Wrong Man9 Slain, Harris9 Inquest Witnesses Reveixi                 "Wrong Man" Killed In Harris Case, Inquest Evidence Shows                 "Skin" Harris Innocent Victim Of Chain Of Circumstances                 BY CLIFF MACKAY                 The We of Donlce "Skin" Harris,  sportsman and World War II veteran, was snuffed out Friday night by a hall of bullets  from ambush by two College Park policemen and an angered husband given a shotgun by College Park Police Chief R. W. Moore, a                 er s Jury decided late Thursday  following an exhaustive Injury Into the chain of circumstances that  nded fatally for the i wrong man. Though all evidence pointed unswervingly to the fact that Harris' riding companion on the fatal trip, i Charles Johnson, was actually the offender1 la a  of Improper;                 advances made to Mrs. Edward Greer, white, over the telephone, the Jury nevertheless ruled that the shooting of Harris was a "Justifiable homicide." NAMED GUNMEN Named In the verdict as the man who actually  the slugs Into Harris1 body were College Park Policemen Earl K. Peppers and Charles Wheeler and Edward Greer, husband of the woman testimony disclosed had been annoyed by Charles Johnson. The verdict was reached after five hours of taking testimony under the direction of IWton county s coroner, Mrs. Paul E. Donehoo. The Inquiry was held in                 the coroner s office In the Pulton county courthouse. The chain of events leading up to the unofficial execution of Harris on lonely East Mercer Street on the dreary night of May 11 started, testimony revealed, on April 25 when Charles Johnson, acting as chauffeur for John L. Moyer of the War Pood Administration, visited the Hull-Dobbs Company where Mrs. Oreer Is employed as manager. CALLS BEGIN Moyer, called to the stand told how he and Johnson went to Mrs. Oreer's place on that date and Johnson was seen to secure the telephone number from ons of the Negro girl employes. On May 3, Mrs. dreer. testified, a series of telephone calls began. A man. she said, who claimed to have known, her In Chicago began begging her over the' telephone i (Oentlmud on page 6, ML i)                 Wrong Man (Continued from  for ii dute. The first Indication  the caller was colored, she said, was on the third call when he ended his conversation by asking, "You don't mind the color, do you?" Tim woman said die became so frightened she appealed to Chiel Moore for protection and It was at his suggestion that she consented to make a date with the caller, so that he could be identified. MEN DRIVE AWAY The first date was made, It was disclosed on Thursday night, May 10 at Ashby and West Fair streets. Two Atlanta detectives, Ellington and Peck were detailed to trail behind the panel company truck Mrs. Oreer wds driving to make the arrest. But the large automobile In which the caller was, suspected to have been riding was driven hurriedly off after It had been parked behind the truck, when two soldiers stopped behind it. The officers said 1 they wero never able .to obtain a j view, of the occupants. The next morning, the fatal Friday, Mrs. Grcer said she received I another call shortly before noon. Chief Moore happened to be in her i office at the- time and again ) Hl-it_*hg-J3H\    p. Hnto. 4  in College Pnrk on East Mercer street. Mrs. Greor agreed to meet the caller at nine o clock on the darkened College Pnrk street after she had been given assurance that ample police protection would be afforded her. JOHNSON CRUISES BY Friday afternoon about four o clock, according to Chief Moore. Juhnson wax seen cruising by Mrs. Creel's office in a government j coupe, slowing down nnd looking hack. v Harris was brought into the affair, testimony of several witnesses, revealed, when Johnson began a search of the  for the , who formerly starred on famous Port Benning Reception Renter football team. Johnson, according to Heuslt-fl Hnrris, brothel-      *:~v1Cli!M," "Sp="  him and asked where he could find "Skin." Told he was upstairs over Williams Tavern. Johnson, another witness. Robert Lee Murrny, known as "Buttermil^" testified, came up and kept urging Harris to come on or he would bo late. This was about 8:30 o clock.  CONCEAL SELVES Meanwhile four College Park policemen, accompanied by Mr. Greer nnd all armed, had concealed themselves near the spot where Mrs. Grrer was to drive her company truck for the rendezvous. Mrs. Greer drove up, she testified,  parked on the wrong side of the street, leaving the. parking  burning. A. minute or two before nine the large automobile containing Harris and Johnson drove up. passed slowly by the truck and two short taps on the horn were sounded. The car passed on, circled around and came back to stop beside the truck. The dome light of the car came on briefly when Johason got out. Harris, testimony disclosed, never did leave the car, but had slid over from beneath the steering wheel. Just as Johnson aproached the truck, three voices of the ambushed policemen and husband, the woman testified, shouted. "Halt." FALLS INTO DITCH Harris, she said, slid back behind the steering wheel of. the car, as if to drive off and Johnson dropped lolling beneath thp truck and Into a ditch by the side of the road. The policemen and the husband opened fire, mortally wounding the innocent victim of circumstances. Harris. Testimony of Dr. J. C. Binlock, county physician, disclosed  a large number of slugs had penetrated Harris' body, but the  pellet which pierced his lung, causing  came from the shotgun. Ofllcer Earl E. Peppers, one or the two policemen, who laid down the bullet barrage In. reply to Mrs. Donchoo's questioning, admitted  he had fired his .38 calibre police special 'about four times." He joined the force on January 19 i his year. F1UEO THREE TIMES Officer Charles Wheeler, who Mild he had been a policeman about two years, said he fired "two or three times" with his police pistol Greer, who testified that he had been given the shotgun by Chief Moore on the night of the  said he had fired one time. The 12RuaRi. was loaded with 00 sheik It was  out In the testimony. Johnson, who escaped, ran and walked until he reached his residence at 207 Maple Street, after admitting lo  that he was present at Mic scene of the shootIng. fn his  . made after he had been warned by Mrs. Donchoo that anything he said could be used against him,                 soil Bought, to lay the blame on  Hurts. TRIES TO BI.AMF. 11 Hp'. he. was en route home when Hurris  to. carry him In hln car and Unit before. he knew It they were In College Park. Admitting that, he had been In Mrs. Qreer's place on April. 25. Johnson, who Is now under arrest awaiting grand Jury notion, said that he had obtained the telephone number from one or the colored girl employes, but denied that he hart ever called Mrs. Greer. He said that they passed Mrs.  s truck and seeing the lights still burning, decided at Harris' .suggestion to turn around and .sec if the occupant was in trouble after seeing somebody inside wave as they passed. Just as they drove up, he said, the gunfire opened up. He slid from the car and crawling beneath escaped from the  and started running, reaching home about one o clock. .S  FIND JOHNSON College Park Officer W. L. Creel. who  he was present at the ambush, but did not shoot, described how he with two Pulton county policemen, with the assistance, of Harris" brothers trailed Johnson to 'his residence, finding him sitting up in bed.. He was told .to-.diew n nrl ... - to the College Park jail, but fearing for his safekeeping, policemen transferred him to the Pulton county Jail. Johnson, nattily attired in a pin stripe gray suit.a clean shirt, though no tie, sat through the hearing with little expression on his face. A soft smile creased his features on two occasions during Mrs. Greer's testimony as she told of the  that an unknown caller was causing her. fc. Mrs. Catherine Harris,  of the slain man and Joseph Harris, his father, along with this reporter, were the only Negroes allowed in the room during the hearing. An all-white Jury, which included. Captain Henry Burter, a retired Atlanta police officer, rendered the verdict. ANOTHER . TESTIFIES The-only- stir- -in- t he- " smooth proceedings was when a young, white pirl, Liloile Slssons w-as called to the stand and testified that Johnson had approached her at the time both 'were employed at, the C. warehouse. She reported the matter to some guards she said, nnd Johnson was discharged. The jury reached its verdict after fifteen minutes' of deliberation.</t>
  </si>
  <si>
    <t>                                           The life of Donice "Skin" Harris, westside sportsman and World War II veteran, was snuffed out Friday night by a hail of bullets fired from ambush by two College Park policemen and an angered husband given a shotgun by College Park Police Chief R. W. Moore, a...</t>
  </si>
  <si>
    <t>                                           Navy Pamphlet Guide To Whim Officers On                 Segregation Is Condemned In Official View                 WASHINGTON f ANP) Indicative of the efforts being made by the Navy Department to win wider recognition for Negroes in the service is the pamphlet now being distributed titled "Guide to Command of Negro Personnel," it is Ipnmed. Issued bv the bureau of                 naval personnel, the pamphlet was released within tlic department on February 12, 194-1 over the signature of Adm. Rn:)dall Jacobs, chief of the bureau. Intended as an Indestrlnator and guide to white officers, the pamphlet discusses the history of Negroes in the navy, "racial theories as a waste of manpower,'* and takes tip ticklish questions such as segregation, promotions, utilization of skills and sea duty. "The navy accepts no theories of racial  In inborn ability. but.  that every man \ Its uniform be trained and used in accordance with hts maximum Individual rapacity determined on the basis of Individual ," thu document says at the outset. Poohpoohlng the time-worn expression of ".-wp:ir.ile but equal facilities." the- pamphlet makes this  statement on racial  ep((' un page 5, col. 3)                 Navy Pamphlet                 (Continued from page I) aration: The accomplishment of the assigned mission through the harmonious and efficient use of existing equipment and facilities should always be the objective of the commanding officer. Joint use of  is frequently possible and desirable, particularly where the ratio of Negro, to white personnel is not high. Signs restricting the use of facilities to one or the other of the races are especially offensive to Negroes and under no circumstances should they be used Jn the* naval establishment. If tne policy laid down hy thp      impartial, /air, and reasonable, the men. white and Nefn-0 alike, are quick to realize it and to accept the situation providing It is clear that the policy will be enforced." Pointing out the earlier Initiation of assigning Negro seamen to sea duty on 25 auxiliary ships ol the fleet up to 10 per cent of the general service complement of each ship, and In all ratings, the pamphlet concludes: "This procedure has produced no apparent III effects, and will be continued  expanded, j I</t>
  </si>
  <si>
    <t>                                           WASHINGTON -- (ANP) -- Indicative of the efforts being made by the Navy Department to win wider recognition for Negroes in the service is the pamphlet now being distributed titled "Guide to Command of Negro Personnel," it is learned. Issued by the bureau of...</t>
  </si>
  <si>
    <t>                                           Spaulding Looks At Race Problem, Gives Philosophy                 Elder Statesman Gives Views On 'Bad' Publicity                 DURHAM, N. C- (    - "You know, there arc three sides to every question especially the race -the while mim s' side, the Negro's side, and the right -side." said C. C. Spauldlng. banker, business m a n a n d recognized elder statesman of the race during an                 here last week: What w f are Interested in ," tie . "Is finding the right side and proceeding along that line. That would mean the wilding of a platform upon which 3olh races could stand without in; with the rights and privileges of the other. HERCULEAN TASK "Our lenders and our newspapers  before them a herculean task in tlie uplifting of the race. They are doing a good Job and the light must be continued, but. first and foremost, the group must place 'Itself In position to command more. Then, mid not until then will we be Jn position to make commands. "We all oppose segregation In any form but in most southern states, segregation Is supported .by the law of these states and will remain so until the law Is changed. Willie admitting and knowing that                 these laws are unjust and totally contrary to any concept of the democracy we preach, much of the friction could be avoided if our people would concentrate on having the Jim-crow laws abolished entirely. Instead of attempting to evade them. Breaking laws won t change them. The question of -race relations and the problem of earning, a living are the really  factors-factors that must be dealt with in the best possible manner If lasting results are to be achieved. Most, of us who have, lived in the south all of our lives could tear a few pages from our "book of experience that would be alarming, yet we have worked, prayed, and so coordinated our efforts until we have built businesses such fis life Insurance, banks, newspaper establishments,  ect. "One thing I would like to call attention to Is the publicity which sonic of our papers give to Interracial marriages. A' prominent and I believe an understanding white man, had to say the other day. 'In nil probability that type of story is employed to stimulate the sale of papers. If every southern white man understands this as I do no harm would* be done. The fact Is. however, this type of publicity Is Interpreted by nine out of every ten southern white men to mean that Negroes are clamoring for interracial marriage s and therein lies the harm." NOTHING WORTHWHILE "Personally. I fall to see bow this type of publicity Is accomplishing anything worthwhile." Mr. Spauldtng declared. "Many privileges such as train , educational facilities and political rights arc being curtailed or denied Negroes In the Southern states. Those of us who live in the south will agree that this type of publicity operates against the Negro receiving the consideration he needs and should have. Even in centers such as Baltimore, New York or Chicago,' the constructive Influence of such publicity would in all probability be questioned se(Continued on  5, col 4)                 Spauling Looks (Continued from pace 1) . "Unquestionably the race needs and Is Justly entitled to far more than it is receiving, but the question arises as to whether waving the red flag ol Intermarriage In the face of these unfortunate people will not aggravate rather than help the situation. I use the term 'unfortunate1 because of the ability of the average white man to understand and think without bias on matters of this kind. Under existing conditions, publicizing interracial marriages tends only to set up additional barriers that deny us the things that the Justly ours as guaranteed by the constitution of the United States. As strange as it may seem publicity of this kind is wielding a devastating influence In the voting of southern congress men on bills such as the FEPC and other, measures for the protection and benefit of the group.'. REVOLUTIONARY -PERIOD "The whole world is. passing thru                 a revolutionary period. Conditions can never Improve unless all peoples and races unite in a program of uplift and better understanding. Alter the war either right will prevail or mankind will sink beneath the burden of misused power. "These are my personal views and I am  tor myself rather than my associates and friends. Someone has said, 'Force and right rule everything in this  until right appears.' Let us therefore do nothing that will tend to hamper the efforts of those who have the best interests of Negroes at heart."</t>
  </si>
  <si>
    <t>                                           DURHAM, N. C.--(ANP)-- "You know, there are three sides to every question especially the race question-the white man's side, the Negro's side, and the right "side," said C. C. Spaulding, banker, business man and recognized elder statesman of the race during an...</t>
  </si>
  <si>
    <t>                                           VETERAN RETIRES- Master Sergeant Hannsn porter Is shown as Brigadier General John T. Kennedy, Commanding General ot Fort Bragg,, N.' C. bids him goodbye  Sgt. Porter was  on Monday May 1. A veteran or 30 years service, Sgt. Porter enlisted February 2, . und served with thr 24th Infantry Regiment In the United States and In the Philippine Islands. In "42 he went, over with the 45tn Engineer Regiment and saw service In the C. B. I Theatre and was one of the first men to operate motor vehicles over the Ledo Road. Sgt. Porter wears 10 service strips  30 years service. He will make his home In Columbus, Go..                 with his wife and son. (OHlclnl tJ. S. Army Signal Corps Photo)</t>
  </si>
  <si>
    <t>                                           I ration stamps ^1t ^fS^^X^^Sk r^:~rlr"'^\ m A    J Q2 Thru 22 .^3*V%* t   ; I '~P 'ffl Btilff3'*^' ^L^TT^^H^A 4k No. 36 BH  H HW KH_Bh W^' '11^ Blro^ Ira Bra a^B MB^ IB- IHL. ^IJa/f Cp^^s Many of our customers are i -v                    j ^^L^~   !V C bringing paper bags, shopping i. -Il^fi  v' ^^^^^Bj1^ Jj bags or baskets on their visits -S^BBMMff^ ^^HHB j C to our stores. Your continued You Will Be Delighted I ffi_*' *  ^^B J 4( predated "because 6it  ^s *JL-       $i*BiS^P"/ Pfc Bf^ A^ H1^^ -rVr,    ,u i i u 4"fc*^*~ X serve you better and our armed ICED COFFEE Ns^-SSSSs^^' BJP  hP Im^ %* fc RdP If ET      *ch '-Lb- ^3 ^C J forces need the paper. Made This Wq/ ^^-^U. i^fci^BF . W hi^WT PEACH Jar 4Bh4^ .   Malce double-  by your favorite method. ^             IH9M  AB Mi H WKM X pilcher s ga. cane  '^ss iiSa 'a,s*B,si'.af  TFI I AM7^ high-grade 2-ib. /i cc X ^ ..TS s^bT11?; .rs^? iTs ffi^^S I  I peanut butter Jar fcf^ T* ^4Ylmll^* flavor. Serve with       and plain or       . ^fl^SS t 54-   ZeT:'   Wml VINEGAR- sss 10cj! ^=^, GOLD LABEL Mm                '^27C': ^g1! LSj^JJHtJSTERLING SALT 4c!i c af I o^v^e ^^^^-^^^^;-^5jS3^ [I Step into Oitr Garden '"c JUICE ~*~sarf2-**-~- W^^.^0"/^^^^ LARGE CALIFORNIA ICEBERG J I 44c ~~;SfTT lettuce 2 2 1 c I lT MENU NO. 1 MENU No. 2 M I I ^H ^M ^H ^L j" l  BLACKWELL Chilled CantaJoupc Sliced Peaches and Corn "Flakes i"r f-^-^SL Ready-Prepared Cereal Cream (Mis equal p^~?ion? of margarine ,*nc  af or pol, WASHED COLORADO !t $ JUICE APP, Butter T0Blt a"d ^g^ BEANS """~-llC Sr2SE^A'^00 J i Nr' 2 1ftc Suggested Items NBw crop POTATOES X AO ATOTmilMA  VAMC PORTO ^rtC N" :-K WtflSIO FLAKES "oz pkg 9c RALSTON    ^lle       .UNa Lbl III j j: i It*' 1 ~?c WHEAT 14-oz. pkg. 13c  20c I           CALIFORNIA JUICY r  d\~ DEL MOSTE TOMATO AUNT JEMIMA PANCAKE M^ 8 1 Uf IWI c 1 TC 3 r* JUICE ...Na. can He FLOUR  oz. pkg 12c  Ears 1 I rMA^C Triple-Fresh Kl^.T^S".  h I2e . ?7". 23e X^^*  p- IJ-C'"B"S13 :l ^" . cAN i8c juice rr. cAN 20c OKkA 2 2SC 2 1SC h: Jr WELL-PILLED  2'6-Lb M^sll Baa Jlc I Hc TOMATO SOUP he,nz N,1Con no      gc KRISPY CRACKERS 18C       .a juicy J              C and E GRAPE JELLY 20c BEANS 8C ORANGES I!? J 2 15C CLOVER LEAF 7.0,** u- JjSpfEe Lb 1Oc 5 49C f Y 'I PfTRK nnd  Ph^' No2C- 12C  ri^~-C-^ Lb- 1U 1 5.u,. MMh BBg .....si.  kSs    12! Z^ 1 bell peppers 1* [NOODLES A^ 5pt. 7   W E" g EGGPLANT s" 2 L" 25  1 1 [OLlVES Rosedale Stuffed 2    IS*" g" ~% 1^ l^ Jj         'C U STMA Lb CO^ ^UKAil^ri rfc.fc.LI Bc9 -99 1 NEW YORK STYLE -j TABLE DRESSED         ^  9cS ^1 AVIIW^  25 -Lb.  12  JAC f+j%C I "~**W*' Vntr Dinner Pkg. XO Z  BR00MSgT^ I13 RosefSsii 38c R?TAwnD MN f*J t WhSting "SSf0 23  5    ?^ND'WBCTiaDB B 20l J Important Information to Our Customers! I DRESSED -^ bleacher JJ^j J Due to the nationwide shortage of soap prod-  I  VIRGINIA Lb- tfr^J ji ucts we regret that on occasions you will find I.f*,,*~-I- FRESH m g%c f IflBSRY'** *!!^ S J our stocks of advertised items depleted. When  DRESSED Lb' fc}t*J B BltnUUri X you are unable to purchase the popular brands STEAKS I t^A^'c,^!0 WORCESTERSHIRE" J listed below remember,  supplies SC3 BBSS FrSU- Lb- 59  1 M          -SAUCE J will be offered when available. Jo72 29  '12* S ^C j; TRY THESE DELICIOUS SALADS ji OCTAGON WOODBURY f I T* T *       vyE?AREPLEdc5EDltO; /*.+aT 1 J M TOILET SOAP SOAP *%~~ m ! J I 2 s,^ 3   23= S3!",5^3? ??l NB53  JSlf^MT I; J PALiHoIivE ^~R SUDS j Potato Salad 19C j a^^~w</t>
  </si>
  <si>
    <t>                                           MARKS 'BIRTHDAY Ck. %* Charlie Turner is celebrating     22nd birthday today somewhere In the Pacific. He Is the son of Mr. and Mrs. Arthur Turner, 1018 Person Street. Charles has been serving his country for three years. Hit family and many friends wish him a speedy and safe return.</t>
  </si>
  <si>
    <t>                                           Staley Named To Agriculture Post                 AMERICUS. GA. (BNS)- F. M. Staley, former director of the School of Agriculture, Georgia State College, was recently appoint ed regional farm labor assistant of WPA Extension Service with headquarters here. Staley Is a native of Americus and graduate of Morehouse Collefe and Cornell University, also having attended  State University. He has had wide experience In agricultural work.</t>
  </si>
  <si>
    <t>                                           A thrilling 3-way celebration of the 19th anniversary of Dr. Win P. King as pastor of historical Shiloh Baptist Church ended Sunday afternoon Aug. 19 in a blaze of old relgious glory: The anniversary sermon was ably delivered by Rev. H Stone, ably pastor of Union...</t>
  </si>
  <si>
    <t>                                           Flim Flam Artist Nab Three Women                 Rubin GcorRP Washington, 320 Crew street, wns  on suspicion or "flim-flam" It was  by police. WnslihiRUiii is :;~ild tn have taken h large sum or money from Fnmeex Dniln. Willyr Mar Alcxunclrr  Mamio Bowdcn. Tiic  women reported that Washington came to the home of France? Drain, :t"9 GeorgiR Avenue and told  ir they lived there they should be. toW BolriethiuR and for .1 sum or money he would tell them. They p:ild/' him and he told them they wen; In danger and left.</t>
  </si>
  <si>
    <t>                                           "FOOD THAT IS TRULY DELICIOUS" Beers $~~8) Wines THE METROPOLITAN CAFE</t>
  </si>
  <si>
    <t>                                           3 RECEIVE WINGS- 2nd Ll. Arthur N.- Hi'.cles of Atlanta, Ga., (leit) and 2nd Lt. James W. McKnight (right) of Washington, D C.. shown with Itlends and relatives received their wings upon graduating from the Aviation Cadet Corps at Tuskegec Army Air Field last week. Lt McKnignt graduated as                 the second honor man in his class. Left to : Mrs. Mattie W i-ylc of Davtcn, Ohio; Lt. Hicks. Miss Ruby Wills of Dayton. Ohio; Mrs. M'mle L. finy of Jacksonville, Fla.; Mrs. Ruth P. McKnlght of Mount Vcrnon. N. Y and Lt.                 KnlsM. '(Official" U.'S. AAP PUoto by AAf Xraltog Command.</t>
  </si>
  <si>
    <t>                                           ^^^^^^^^^^^^^^ _~.^,Jf ^j**-* yX.y J ~---V''- .~--~~I I wi i^ ^wA n Atlanta .^w^Wbiid edition ^j^ Published Every Morning Except Monday /c " T^""  1^T* VOLUME 17 NUMBER 314 ATLANTA (3), GEORGIA, THURSDAY, AUGUST 2, 1945 PRICE FIVE CENTS ^^^^^^^^^^^^^^ _~.^,Jf ^j**-* yX.y J ~---V''- .~--~~I I wi i^ ^wA n Atlanta .^w^Wbiid edition ^j^ Published Every Morning Except Monday /c " T^""  1^T* VOLUME 17 NUMBER 314 ATLANTA (3), GEORGIA, THURSDAY, AUGUST 2, 1945 PRICE FIVE CENTS</t>
  </si>
  <si>
    <t>                                           IN - In loving mera: ory of our dear husband, and father, the late Mr. Wesley Debro, who departed this life one year ago, June 2, 1944. More and more each day we miss you. While in  you sleep alone, sweet memories of you will always linger, with the ones you left at home. Only God knows how much we miss you. nt the end of a long sad year. Mrs. Exle Debro, widow Mr. and Mrs. Albert Burley. Miss Ethel Mae Williams, children. In Memoriam                 In memory of my dear grandmother. Mrs. Little E. Reid, who departed tills lite thirteen years i ago today. June 3. Nc one knows the heartaches, Tho you endured the . r miss you so much, my dear, But we will meet, again. Gone but never forgotten. Mrs. Lottii- H. Brown. 8C Fitzgerald St.. S. E.. Apt.   . In Memoriam In loving memory of Mr. Juhti McElroy. who departed this life June 3, 1943. Two years rias pa.'sed itn.-e tnat jan aay, when one we  was called away. Qod  him horn?, It was His will; within rair hearts he liveth still. Mis. Bessie McElroy. wife I and family. Card of Thanks Dorothy L. Mitchell says that It is nice to be out again. She wishes to thank her many friends for their l;md expressions shown during her illness in cards, flowers, and gifts. Especially does she wish to thank Dr. R. a. Billings and the Harris Memorial Hospital Staff.</t>
  </si>
  <si>
    <t>                                           MEN LABORERS WANTED! For Peace Time Jobs ATLANTIC STEEL COMPANY Home Of "Dixisteel" Products End of Luckie-State Bus Line 15 Minutes Ride From Five Points APPLY AT EMPLOYMENT OFFICE Between 7 A.M. and 5 P.M. on Weekdays,- 7A.M. til) Noon on Saturdays Closed on Sundays. L _~%*,..,**~*....</t>
  </si>
  <si>
    <t>                                           FIRST LADY" HONORED AT VlacDILL FIELD Dr. Mary \JcLeod Bethune, pres. .us of Bethune-Cookman College Daytona Beach, and a leader iti                 many oilier  N'otrro !es; is  ilar,l:td by Colonel Edwin G. Simenson, of the Mac Dill _Fieid, and -r off.cers of the Engineer Aviation Unit                 h\g Center, as a parade was held in honor of the noted educator, consultant of the United Nations Conference, and woman leader. Dr. Bethune toured the field area follow ns the review.</t>
  </si>
  <si>
    <t>                                           Lincoln Prexy Maps Veterans Program                 JEFFERSON CITY. Mo.-(ANP)Pras- Sherman D. Scruggs  announced Monday that Lincoln University has been approved by the United states Veterans administration as an Institution for the education and training of  service men and women under  the Servicemen's Readjustment act of 1944 (G. I. Bill, Public Law 346) and the Vocational Rehabilitation Training act (Puo!ic Law 16.) The university encourages the enrollment of men and women who ore eligible for this training In the four divisions of the "university, namely, the college of arts nnd sciences, the graduate study program, the school of Journalism, and the school of law. The facilities of the university jn three respective units ui e usually adjustable to the needs cf the average veterans requirements. WhUe the rules for admission and study are the same as those for the regular student, the special nc'.'ds of the returned service men arc given special consideration. Virginia UnionAnnounces New Dean Of Women Richmond. Va. (ENS) Mrs. Jeanette W. Boyer. of KrcderlcKsburp. former Instructor of English at Coppln TenchiTS College. Baltimore, has been appointed Dean of Women at Virginia Union University, according to art ,                 this week by President J. M. Ellison. Mrs. Boyer received her bachelor of science degree from Virginia Union University: she holds the M. .A. desree from the University of Chicago, bachelor of philosophy form the University of Pennsylvania, and has completed all requirements for her doctorate at the University of Ffemvylvanla, save the writing or her thesis. Prior t-o this appointment. Mrs. Boyer hes taught at Virginia State College. Dover (Del) State Teachers College, and at Copplns TeachCollege for th, post fifteen years. Born in Fredcrlcksburg, Virginia, Mrs. Boyer now owns and operates a 250 acre dairy farm there. She is a member of AKA Sorority and the PhUomathlana Club.</t>
  </si>
  <si>
    <t>                                           Our  HOME USE tye-glatt tester mists you In              ol glasses. Impiovt your sight with stylish good-looking {lasts* tt 10 SAVI IUS. We ^  fit,          quality and       work- I Btnstiip:* J.ist icit name and  lor FREE  aad  lfl(~.       today. f" HOME SERVICE SPECTACLE CO. .1011 HWC 5TN1IT ST. PHILA. 5. PA.</t>
  </si>
  <si>
    <t>                                           EASILY -*f MiwmriAi hMt4U, T', UHti cm ta tpt^M apart   *          V *   M. ClM AlllfW  ^3.5         " DCI ^. I0UO BAR CURLING IRON Hrm InhwMd  with n*n ikM  piw . $2.25 ^**. C*          *t STRAIGHT^        4$5.O0 ^*~  {      ,  Ofan  Outpi  5ANICOM CO,.MNU.      .tl.t Dcpt. AT</t>
  </si>
  <si>
    <t>                                           Manager Cotton and his Chattanooga Choo Choos, which led the Negro Southern league a week ago, arrived in town early this morning. This will be their first appearance in Ponce de Leon Park and the initial contest with the Atlanta Black Crackers this season when the...</t>
  </si>
  <si>
    <t>                                           IN SOVIET- CHATWOOD HAIi The only- Negro correspondent in Russia" during the entire war. CHat wood Hall. ANp writer, has kapt American Negro newspaper readers informed about activities in Russia. A former postal employe -in Minneapolis, Mr. Hall went, to Russia to helo organize her                  tern and elected to remain. (ANP)</t>
  </si>
  <si>
    <t>                                           BOWELS .SLUGGISH? Fading      you loit your 1    friend b.--i.n  of  bow. ill? Why put ud with constipation ; Chew . FEEN-, the . tatting .-~um Inxotivo. Chow KEENA-M1NT  lit bedtime, taking only in  with  ..       - -thorough, cent!" relief, helping you hoi  . Millions rely on FEEN-A. MINT. Chow like your  cum- TuitM . TVy FEEN-A-MINT-o     only 1C;. wW^sJ \SBBIHHmL ii^^J F0R fH^~nUM ^^%W AND  JaSFiSfT BOX AT ALL DRUG STORES</t>
  </si>
  <si>
    <t>                                           THIS SEX HEALTH LIBRARY TELLS EVERYTHING UHttMj^a mUU^^S^^Z*         think yw knaw ALL tht latest  FACTS about the Inllniti UBAilPliflB^lk  M^^ a Stx Life of     ana  Ymi will     U  iMw muds MORE wu ctft R^^^^Hltt^^^^B VlESSSwSpfnQS  Kl'ntifle Information you e*n put to good utt RIGHT AWAY! VW^^^DMB^H ^***~**j*)  3 M*ny        * w^uld BLUSH If (  what their wives REALLY thought about ^i^.QflHA {]        4I CuI- IIr* ln marriage li a  subject for couples to talk to each other about.    ^^^^  ^ K.mM]-\i}ji[\MM Thf"       Ihow you EXACTLY HOW TO do it. W.4  ^~~tew5"-=~V  nH Tht of         openly revealed by doctors (M. D.) who ara right uo-to-ditt on +m^S^  toot! u(~y  KN0W  h" Ihey  n  - AND so .  eath MV7T?JiSaSwS^ BB^3H^E^BB Tt" knowledg a gained Ihrouoh these books li Invaluable mm and women,  or UKOfffJASJ^       ^I^^M  MUST read them. ALL BOOKS WRITTEN BY PHYSICIANS. /        llP^^V-i-iS^Bi E"h book r*~~J"y Its pocket or purse and is  In -to-read . Mo.t  ^Br I* I^bCP^TP^bI  over 5.000 wards. Never ha** yen teen important six book values at such a lew ft^BSSa^^K w^^3~^StwM * ALt B00KS 8ENT  N       package. ^M IgpniEid}iMP WHAT IS IN THESE BOOKS? ImE^SSSm f^SOmfWlSBi scx ANATOMY ATLAS. Here Is tht  picture. story of Set! 263 Llfctlkt MBHLfi^i^^flV FlBBSMHRMfTXA Pidurfs  of them full lifc-iiie) and charts,        of the male and  I^EbEI^^B^^SW tjW*H -m ' organs, and                          of men and women, etc. All steps of tha  '4~^     ^^S3gL Rn^MMaMflM 1(t 'fc H'Mtraled or charted. Thert Is a t.me-table of "u(iM periods. Every  of c^7^ "~~"~=====5^^ WllffP*^T"**'^"T pregnancy Is clearly shown. Pictures ara  drawn, . and wily understood rfc ^         by married men and women. A mott   Is thorough  el 4"fc*B kr*^BBI^M*^H and Ihe opposite nx. to  to marital success. Prtoiret! by Or. n. H. JL1-FA '^^^fc^^^O^ Kclltr, noted sex specialist. ^p* y *%^ fTB^BSL^SSfSSaS KE^ QUESTIONS AND ANSWERS. If you made  Invisible and "listened In" v^aUA fi/TroTiSSsGIaW "9tt*L omct- thMe mre th* S(* Qucitlens you would hear aided by an* men  PmUtnitl Ifil rT.1?* ~"r 'P0 i? ~~"      try  about to be . by .   . ""'* FaWVTMiifiMBWtJ  7   !ky 'h0   ""''"I (*r many years. You  alM hear the Doctar wl.~ the  Auani/En'*  n r,* 1?  J3 Mord(- lMl ~-"'~"ly frank b*k. with -.ny  1  E^^Sm^mB Keller (M. D.) Br    4*wtl.lUtu* Cflfc^^WH MARRIAGE MECHANICS, by Or. w. Stilt Pugh and   Senloglilt. Milt 1 n      ?^SSsHl ?Ml  and the  et all  are  by the wrong marriage **          ^ S"'Vi.T'" l""'""1"- milt P-.ole mink: It mint to         a'd ^ 'i^aat^E^a^SBaf Thla .! ESIk  an the        on  relation!. . i ^fiC ^9i*H THnrTR.PT AB0UT SELF.. by Dr. D. H. Killer and other .rll.kno.n Dot. i' ~#V#r, -, that  n, man or man.        t"~ 1     ^ list. There li a  amount of  en thg . Many  often .^ati^F^^Ba%w'' MONEY-BACK J"! '""m due t.  an.lent .let. Learn the un..hed Irll! lr.n nil "i^^T'^^ki; GUARANTEE mtS l !i'd ~"m'~~  that  lll aaii Ihe mind, of both mall and " 2^ 'IlaWt^raCr I1"!...1..".*?.1!'1!1,! I             HUSBANDS, by Or. w. Sou P.*. and Or. 0. H. Killer. A yery JL J- '^Bl^aB be lint ti you In plain Urge  9f men ari troubled by "Imvluiitary  It Im th*  f^ SBalkaatc *^^\ 5       ~~)~l "0      the tilt  advice in ho. to o.  * iW9*JgVl/4l iol".'."",!,'."? i1,uln'.R?,8rr.i.N^i'1., wiv,ES' or-,w- w h. K.n.r. oT      W:3*~(1 Mh  to tittle ~}!"" ~';H  amount of . Ignorance and non. \Jf JKaW^BBL^ your hi .m. once JJI'tJ,1.1^! Jf* ,'"rH"y on the  of Irlgldlty. Thli book gl.ei IT J^Vt^Br' and tor all.  i truit you "l"t """"I ad.antu and much Informatlin . ordinarily  be . ^    y f^aaT by lending yiu all s    .   "EVENT VENEREAL DISEASE, by Or. D. M. Keller and Or W Suit ^DAaaT'^aa^  C. 0. D.    a Pug". Tha lug ut of vt.ttt.l  li a great  10 mott people li i Ilura  ^*VBBMl^^    day trial . Lo.~ a thing at . ; Hte           It 117 What It tki  ore) "id (til       ..uri "I""'     mm and  imen  Ihemierm  IMI.   rail "ill ad If you ara nt man  od all then       !  aid a great deal mora In mil boot. I'uTii'WiVVi r' ^-^'W^.Mh.Mr^^'15V;..":n d W K.'iK",'..rs    3OO FILL OUT THE cou I "I1          . For the  nt tlmi  " baak tlm  m OW POnTJhO MAIL0"! FUSe'ly. 'LLUsV?ATEnD y J._ Ph,.l.l.n.. Pflo! PICTURES =  mm  aa ^       ^f3KtrtX*r^^^f^m    II PLEASE PRINT CLEARLY I    I S;.8*!!" A,V-  MI"'    C O.D. COSTS by         Ilk  Ar. CbKk hrr.'.nd arad ,,l, tl 10 I TbS  l"rT: nut I anr Iba air af 31. ta I :....r.".~_ married . a*d AODRCSi CITY STATE HHrr'u'd"""'*1 """"f"1"''T^!       T as.W n aW an w w    ~=~ J, I</t>
  </si>
  <si>
    <t>                                           JEAN WORTH PSTC1OC READERS Csfls tout name. As* you no     U"r*' GKee the object of your visit TrUo who you want to know. Advisej to certainty. Helps you no         what your trouble may be. who are unlucky, ) or , we have a remedy.     ,~e . tomorrow may be too late. Houro dally from g;00 a.1 Bi 6 p. m. Cloned Weaneedaya Reception room* lor White and Co!    . j LO(.'.*     AT 1    BlGaWAT I Birr* F*~~ CUT MraUa at   - i tis-w oj^.1, Almand Part *r BJt- i        Anthony 8tn*fc</t>
  </si>
  <si>
    <t>                                           ^B^^^^SI^Ba Considered by Many I^^v^H ne     -     . IBSBCTQKk Jo1"1      ConBBMBTVfJafc  Hoot    one ^1^^^ of thf   of M-called I.CCK ROOTS. It In  by   K   a pair of         will      be irith- oot . nut will bo T^rr I.     and ,.                   j Icllef     "tie root net* nn a no-- ?il    lor  Rnm^n and       In lore affairs; thf            var evil In(Infncrs and  utf bad Inck. WhUs     rank? no  ,     * root* to be the      -n      ]l(j-. Lnrce  lie . only #1.211 per pair postpaid or C.O.D. plM    *.taxe. Order noir. FREE wuh 'oth "a"' n""to' mid hand made     . Box 17. Ftmtlon .1 New York 17. N. X. Drpt. SS</t>
  </si>
  <si>
    <t>                                           End Of War Brings Jokes And Tears                 WASHINGTON, D. C. (NNPA) The ending of the war and the  of peace, with its promise of return of loved ones from foreign shores, is not ail a matter of joy to a lot of Americans.                 Wher. governmental war activities cease, over 40,000 Negroes employed In the federal government in Washington face an uncertain future. Another 230.00 In the government field services are similarly disturbed. They realize that unless a permanent PEPC bill is enacted Into law. they will haVe little protection against, the whims of  on page 4, col 6)                 End Of War f (Continued from Page 1) visors and department heads when the cuts an; made. Even '.he ffw who have been on the Jobs foe long periods and not sure Ihtf: seniority will protect them. The present JLT3PO. a war . will have to be dissolved within    months after the cessation of hostilities. CIO PROPOSAL The united Federal Workers of America, CIO government employees union has proposed to' the Civil Service Commission that principal weight be given to seniority when layoffs occur. This is not now the general practice. The  has uncovered a memorandum written by one government agency head leaving the dismissal of employees entirely to the whim                 of supervisors. It rend In port: "1,1st under , thc name person now in your section in preferred order for  separation. Each list should name first the person who (all things considered) racy seem least useful tor cur present work irrespective of salary scale and of course  th c if all considerations of deI pendency. Ions service, etc" This leaves It to the supervisor to say who he wants fired. According to a survey to                 meat employees the majority of' them  to stay in Wiishlngton, preferably In a government Joo.</t>
  </si>
  <si>
    <t>                                           WASHINGTON, D. C. (NNPA)--The ending of the war and the coming of peace, with its promise a return of loved ones from foreign shores, is not ail a matter of joy to a lot of Americans.</t>
  </si>
  <si>
    <t>                                           MEN LABORERS WANTED! - Time Jobs ATLANTIC STEEL COMPANY Home Of "Dixisteel" Products End of Liickie*Siate Bus Line J 15 Minutes Ride From' Five Points. APPLY AT EMPLOYMENT OFFICE Between 7 A.M. and 5 P.M. on Weekdays, 7A.M. till Noon on Saturdays Closed on Sundays.</t>
  </si>
  <si>
    <t>                                           NEW YCI3K BOUND- Mrs. B. Ramey left the city Friday, June 1. for New York City, where she will spend her vacation with her daughter, Miss Margie Ramey. Her husband, relatives, friends and brother, Cpl. John J. Young, who is stationed somewhere In the South Pacific, wish Mrs. Ramey a very pleasant trip.</t>
  </si>
  <si>
    <t>                                           To the People of tills Community Mortally wounded Staff, Sergeant George, D. Keathley of Lamesa, Texas, stood up for 15 minutes and mowed down attacking GerS o-i- N mans. After. could forher and my country." This Medal of Honor soldier did more than write to Mrs. Keathley. He wrote to you, too. Can ycu sincerely answer: "I am doing all 1 can for my country?" Not unless you are doing vour share in the Mighty 7th War Loan. Your maximum War Bond purchase of any of the wav loans is needed the most now as SRt Keathle.Vs comrades head for the Pacific for the final round of the world struggle to save your country from Fascist hands. THE EDITOR</t>
  </si>
  <si>
    <t>                                           Latest Styiu genuine BRASS PRESSING COMB Just In! Ri-nil your num.. mill          now    " (ire *      uf  .Mrrfalo    * I'rrKfclnc *. Write to .O, Drpt. 8-7 Mil Kings Illicliuuy. Urookly/l S3, N. V. Aiw ACNE Hi '^h^ b^^H Hi v-          ^^  and  g JUtB9lk%. are present. Relieve        these troublesome -A 4K  of externally' p7 i^J caused pimples with I XlB  Black and V t_^Ut WluleOintment.Tliou- Bands of satisfied users have found ibat  Eil;icfc and Wbite Ointment through its soothing antiseptic action canes itching       nature in healing. It also relieves itching and hurtling soreness of eczema externally caused, and simple ringworm. Try it! In large economical sizes. 50(5. 25(~ and 10j!. Use only as directed.    Highly recommended for daily cleansing away surface dirt is mild  fragrant Black and White Skin Soap, 10(S aud 25(5, nold everywhere.</t>
  </si>
  <si>
    <t>                                           Fire Victim Dies At Grady Hospital; Funeral Monday                 The victim of third decree burns about Ihe (~cc untl entire body, sustained when trapped in his residence at 1064 Lcnn Street. 54- old John C. Chandler passed away ;it Grady Hospital early Friday morning. Clinndler, according lo his widow. had been awakened and left the flaming residence, only to re! urn apparently In search of his wnr bonds. The front door slammed shut, trapping him In the structure When he  to escape toy leaping through ft bedroom window, he had been critically burned. Carried to the hospital, he was placed In an oxygen tent and given several blood transfusions, to no avail. The fire victim was veteran employe of the American Express Company, working at the Terminal Station. He was u  member or the Bculah Baptist, church. where he served na . Besides his widow. Mr. Chu tidier Is survived by tw0 daughters, Mrs. Barcelona. Clark and' Mrs. Eurnleese Marsh, p. , 'Wllena. I wo brothers stud a sister. Sellers Brothers  home has charge of the body. Funeral hns been tentatively set for two o clock Monday afternoon from the Bculah Baptist church. Workers Mass Meet At YMCA Sunday 'A mass meeting for Negro workers employed by the Atlanta Army Service Forces Depot. Atlanta Ordnance Depot. Fourth Service Command and the Lawson General Hospital will be held Sunday at 6 p. m. at the Butter Street YMCA. The meeting Is b-lnc  for the purpose of Informing Negroes on the postwar crisis and present working . Principal speakers for this occasion will be Dr..M. L. King and Dr. vr. H. Borders. The announcement was made by James W. Lemon.</t>
  </si>
  <si>
    <t>                                           DAILY CROSSWORD                 ACROSS I. Rowing Implements 6. Break 9. Dispute JO. One who reads intently 12. Shut 13. River (Fr.) 14. Vocal sounds 15. A dop a lead 16. Scrutinize IT. Hole-piercing tool 19. Iown (abbr.) 20. To be In debt                 21. Ruin 23. Prophets 26. Soil 27. Long-eared rodent 28. Some 29. Landmeasure 30. Cigarette (slang) 31. Third king of Judah 34. Struck 37. Ocean-going vessel 39. Drum 40. Architecture (type)  41. Fragrance 42. Stupefies 43. Ship's bottom 44. Robust DOWN 1. Ship's low-" est deck                 7. Anguish 3. Trion I Tee'ors ft. Slop over 6 Org.~.:i of sini-ll 7. Region 8. Persevere 9. Divisions in a  11. To go over riB.-iin 18. Pronoun 20. Metallic rock 21. Ballad                 T2- Conjur.c'. K"i 2.1 Kil.i nf .y 2-1. Wen; if. -       i:i;ir!( 25. Ki1j:m;h Isym.) 2C      lo    ;      2R. Rcmfill lava .10 Snv.-iKC :il. Abolish   2.  net 33. Portions of curved llm-b                 HS. Hautboy P.fi. Volume 28 Sninll amount                 A cryptogram quotation W B    "WO WB  .JP.  . Yesterday's Cryptoquoie: NEAR ACQUAINTANCE DOTH DIMINISH REVERENT FEAR- SIDNEY. Distributed by King Features Syndicate. Inc.                 ai 2 3 4._^^S.    _ 7 8   1 S     i5 II  23 24  5 24 3? 33 3  J7 38 55 llp S3                 MOlElMlYMTlElEISJIl Vfslrrtl;~y n Aoiwer</t>
  </si>
  <si>
    <t>                                           Quality Products By Supreme Univ*ruf Mff. Cc.' j@t HAIR k3 CONTROL \Z/ The New Pomade For Men If make* the hair wavy and Improves appearance,    ( not gum or  the hair. Made in three  Light, Medium and Heavy, to  the different individual hair. 10c Size, lit Size, end $1.00 Site, in all . Write l/i for Free Trial Sample jM $ TRY OUR LEMON CREAM V* STRAIGHTEN ER^. f*~\ Something New for Unruly Hair Is* *B 3 oz- size 5Oc Vi Ib. $1.0a 1 Ib. $1.50 i i u Stnd Currency or Money Order \^*S Strength Medium Strength If Your  or Drug9itt Cannot Supply You Writ* SUPREME UNIVERSAL MFG. CO. BATTLE CREEK, MICHIGAN BadsU PUai* *7    ft/* 1    ott        on HAIR  to , for  mm and for tale.          for .</t>
  </si>
  <si>
    <t>                                           MADAME ROSE Look Who's ner*! PALMIST Oaimnlwi to      roar     . t*"~. pn-wit.       . PA.k. no .~       . hat MlU ymi nil .tmi want to   lumM Hnd date* nml      of , . family ,   you will  and Ml, loreT .  U .   and hnd Inrk of all kind"   *i]     too  a"' Mundar. n a- m. to 10 m Ton will find ber Kmartvr than all . Thfre    110       ad or   that I    In It. U.CKtMl at Janrtlon of Biradr Atmioi  n,l Ilowcll Mill Itoad 10 0 Howell Mill Uninl. IU  iir^ to       one rat Unwell Mill  cur. Htou at door  Mill Trailer, front of White Pro rIMon Odmpaor. Atlanta. JEAN WORTH PSTCniC  Calls your name. Ask you no Qutai tons. Gives tbe object of your visit Tells who you want to Joiow_ Advises to a certainty. Helps you nc matter -what your trouble may De All who are unlucky, unsuccessful or dissatisfied, we have  Come today, tomorrow may be We Ifite. Hours dt ly- from 9:00 a m. to 8 p. m Closed Wcdneedays KecepOon  for White and Colored LOCATED AT 1261  HIGHWAY 1 Block Put City Umlta M Anbony Street. Almond Park or Rlv fr Car to Anthooy Street.</t>
  </si>
  <si>
    <t>                                           ARRIVING BY PLANE: Mae Dill Field will fly to Birmingham for their game with the undefeated TAAF Warhawks at Rickwood Sunday. They are scheduled to arrive at the Birmingham Airport around noon Saturday. That will give them time to take a light...</t>
  </si>
  <si>
    <t>                                           WANTED Day and night porter. Good salary, meals and uniforms included. Call VE. 4757 PROGRESSIVE CLUB 1050 Techwood Drive, N. W.</t>
  </si>
  <si>
    <t>                                           STATft BEGINS S4TH YEAR                 1.E (ANP) Tcnncssec ft. and. I. std e   Itr 34th year of academic Instructinn Mondpy with a record enrollment of 1,200 students und with ft cos.  the final enrollment figure will total 1,400.</t>
  </si>
  <si>
    <t>                                           Latest Style genuine I BRASS i PRESSING -COMB- Just Id! I Send your  und      U.' I fret* prl/4- lift of  Mriliiln Hmss PrrMfllnir Combft. Write to . Dfpt. S-7 230 KltU'a UlKbwuj. , 23. N. V.</t>
  </si>
  <si>
    <t>                                           ^S" THAT WIN5 MEN Make him thrill to the touch of your beautiful looking hair. Use Pluko Hair Dressing, a Black and White creation. Pluko helps you to comb out your hair softer and smoother, helps it stay "set" longer in many heart-winning ways. Pluko's perfume brings added charm for hours. LOOK YOUR BEST At work and play, you ll fee! that you look your best knowing Pluko is keeping your hair in place. Especially popular with those bothered by stringy, straggly, bad-looking hair. MEN LOVE IT Men love that soft, smooth, shining lustre Pluko Hair Dressing brings to your hair. Yet Pluko costs only a few cents. Sold by dealers everywhere in large money-saving sizes. Amber, 2SC\ White, 501. Try Pluko, you ll love it. Always be sure you ask for</t>
  </si>
  <si>
    <t>                                           "WILL YOU TAKE^^ ^^T^^^BB^^^^^T^' on rut farm?" ^Z^MbSBbSkHBKJ** M extra farm' helpers pi         Ji'linr'"' ment Asriculture. I M/*~ uin$ i t,Ll ji T.~ J A huge farm-help shortage exists In ** JQQt this area! Our crops must be saved! Get a farm job- spare time, week-ends, Sundays, 4,000,000 volunteer farm workers will have to help.  vacation. Help feed our Armed Forces, v You can do no more patriotic act than help  our fighting Allies, our  population. r v r iu the food. You'll enjoy the healthful, outdoor The ..war effort needs every scrap of food grown. life; and you ll be paid prevailing rates as you Yet if the 1945 food crop is to he saved, serve your country. I VOLUNTEER NOW- I JfSountrU IN YOUR AREA ICsTentleman     your County Agent (in Atlanta, Mr. S. V^-~~J^'"  *^     D. Truitt, 901 Courthouse.) He will explain NATIONAL SPOKESMAN for  how you can help harvest Tomatoes, Potatoes and Fruit. Workers are needed from A CURTI$ ' J^n-V^"    ~*.gUf 7th' Thl* """P"ign is one of Beveral sponsored by Th, CartU Don t Delay. This is an emergency. Act nOW. Publishing Co. in support of the tear effort. It U being placed in newspapers throughout the country by Country J Gentleman as a   to Agriculture,</t>
  </si>
  <si>
    <t>                                           L. M. J.--I am hoping you can give me some advice on my problem I am in love with a soldier and I have a baby for him' which is now five months old. This soldier married a few months before one baby was born. Of course I didn't ever tell him I was expecting a...</t>
  </si>
  <si>
    <t>                                           I ASTKltOlIM. 3li'~ 43C I  f*. AIi:i)AI. .l.M (Ml. ti LANK        in .ill-. .'.-I :i ::llll'.s 6.0c H fT"~ WKST IJiiuliil .nit   l/r. 31  I i  I :i: T 25c s(i! lf.l:o"(":AS Y1"'1 S?c j ,x;.:s1,i:i: ''J, I si'*iii!xs ' pii\vih;r. B I!i-:i.i.-ans, 7!ie siw 63c 3  ) i#(~h in .i: 50:: \i::!:~ i r.iK ii::ihii i i:,, s;,, ijr y     i /i. V \'i is' \\n- 31c E K* VmT^UWiVkK1" S1.C0 a ITA' J*AI -*"7  r^f ^t'^^^^^'-T.^^f^T1^^ UI[.i)ll(iOT(:r,atn (til MAi'iI'to'nh; 79* I SSr*:B^ I^^^P^^^^ i^liv;^"?;--"''1"-1!:  i^^^^^^^8-J in place- SI.         - 79c 3 ^I-I,;I,A :*f;.XI"'i rA'^' v    '*' S3c I1) Mli:'i *-\!.W. COr *j /I\f: OXIlif.  MN I -f. Si 23^^1</t>
  </si>
  <si>
    <t>                                           PFC. E. M. KELLEY OVERSEAS 10 MONTHS- Pfc. Ernest Melvyn Kelly, son of Rev. :~nd Mrs S. Kelly, of 32 Boitfevrtrd, -s. E. who  nineteen months in ihc European Thc.iter of operations and participated in the initial landings in Nurniunay and Northern Franco is now  redeployed t0 ine Pacific Area or Operation. Priv.Ue Kelly was attached to the 6 h Infantry Division Franco operating a water l'!a"* Sen'ing with Kcliy's unit  Thcmas Hardy, of Georgia; Pfc. James Singletary, of Missisflppl Pfo. Joseph john.son si Virginia and Pfc Kiiny Mallory, of Illinois The unit was twice honored by the award of the Bronze Star  was the first unit to start building and construction in France.</t>
  </si>
  <si>
    <t>                                           LOANS We make loans as low as 510 on FURNITURE. AUTOS or JEWELRY. You get the money same day Yon Apply WALNUT Finance Go. 146 1-2 Petchtra* Street</t>
  </si>
  <si>
    <t>                                           VISITS HERE- Pic. Tommic G. Edniond, son of Mr.  Mrs Tomtnie Edmond. ot Cleveland, Ohio, formerly of Atlanta, spent a 30-day furlough visiting with the family after 22 months overseas in EnKland and France.</t>
  </si>
  <si>
    <t>                                           Claims French Press Now Peddling American Hate                 LOS ANGELES CANP) Indlcatlons thai the army has transplanted the worst features of race prejudice into France, and that the French press Is beginning to Inject anti-Negro propaganda Into the minds of Frenchmen, Is contained in information sent to his mother,                 Mrs. Hattle Mae Alexander, by Cpl. Willie Edwards, who Is with the 4134th QM Service unit stationed in Prance. Cpl. Edwards was active in helping to put out the "Weekly Booster," mimeographed newspaper of his company. An editorial in a recent edition calls attention to - 1 tions existing at Nice, world famous coastal city on the French Riverla. PREJUDICE IN NICO The city, editorial states, "was selected as a rest center weary vets. For many months It has served as a haven for many American soldiers regardless of race, creed or color Lately, however, there has been a noticeable change. We are not surprised at the presence of an undesirable situation, but  re are surprised that the army allots it to exist. It is hard to believe that Nice has become a breeding piace of segregation and  prejudice." Cpl. Edwards also enclosed a copy of the June 29 Issue of the Marseille "Le Sotr." which features a story titled a "delicate question,"                 and warns young Marseille girls against American Negroes. The object Is clear. The article attempts to instill race prejudice with a view to barring fraternization. Heretofore the color line has seldom been drawn In Prance. An editorial note proceeding the article refers to Negroes as "overgrown children," and calls them "crap shooters," "knife ," and "street-corner leaders." DELICATE SUBJECT1 The article states that the people of Marseille need "education" on this "delicate subject." It warns parents to "watch their young daughters," and seeks to Insinuate i into the minds of the French the bias so well known In the United States. Cpl. Edwards was born in Texas 30 years ago. He Is a graduate of the I. M. Terrell High school of Forth. Worth, and came to Los Angeles In 1938, where he worked with the Pullman company. He entered the armed services In January, 1942, and a few months  ;ras sent to North Africa, and from there- to Itaiy, England and finally France. Long interested in journalism, Cpl. Edwards has been studying this subject to the University of Paris, following the close of the war in Germany.</t>
  </si>
  <si>
    <t>                                           LOS ANGELES -- (ANP) -- Indications that the army has transplanted the worst features of race prejudice into France, and that the French press is beginning to inject anti-Negro propaganda into the minds of Frenchmen, is contained in information sent to his mother...</t>
  </si>
  <si>
    <t>                                           Special S1.00 Reading for 25c Your lucky days and months Given Free Madam Eva ,Rfi SHE 8 (igH FACTS AND WBH     GET flEs B RESULTS *~jRM World's  tf*"v ^3i-3 After     VA  C^SE'f'S con.ult nil ,  T\iK^      h  V HiiSH         to Mwlata J. nJr I Km      jwa ooa ^L JM*  J  hn*     . It ^-jj' "~n h"v" Irooblo WSSB with  or  or Ijlck b*  .nnd '* at mcf.        boor*    u. tit. tn 10 p. in. Dnllr and SoildMT. Win v,\ Marietta- St., X. w., Atlanta* He Kiirf to tn!~   the Inman Yuril 8       . I'lniMr      cor conductor to It* 3011 off two mop* on tha other rida of Klnc Plow Co.. Atlanta. Georgia.</t>
  </si>
  <si>
    <t>                                           v Atlanta       World Published Every Morn ins Except Monday VOLUME 17, NUMBER 22$ ATLANTA (3). GEORGIA, SATURDAY, AUGUST 18, 1945 PRICE FIVE CENTS</t>
  </si>
  <si>
    <t>                                           When a charming and personable guest visit Atlanta the fact is always evident by the many complimentary social affairs that the presence of the guest inspires. That has been the case of Mrs. Veron Moses Washington, of Pensacola, Flordia, who is the house guest of...</t>
  </si>
  <si>
    <t>                                           BIRTHDAY TODAY Cpl. James F Jackson, son, of Mrs. J. B. Jackson, 578 McDaniel St., is  his birthday today. Ausust 8, Somc\ In Paris, France. He hn; been in the service three ye;m and overseas 14 months.</t>
  </si>
  <si>
    <t>                                           75 Per Cent Vote In Athens Primary                 ATHENS. Ga.- (SNS) Moru than 75 percent OC the more than 400 Negroes registered for  ; the past month cost their  FrldBy In the Athena . Tt was the first  Negroes  voted tn k OcorKlu Democratic primary In more  40 . Robert McWhorter wij;   ol Athens for a third term. T h e Clarke County Democratic Executive had followed the ruling of Pcderal Judge T. Hoyt Davis I hut. Nfgroes were entitled to vote in the state s Democratic Prlmiiry.                 JOSHUA JONEtJ BY I. P. REYNOLDS Bru. Bell again Tmrinf n Him lias   m   n to end up {( lUno,</t>
  </si>
  <si>
    <t>                                           The world is watching the Negro citizenry in an effort to come to to some definite conclusion about his status. Negroes have many allies to other races who are waiting for the green light in granting the Negro first class citizenship. Herein lies a great responsibility which...</t>
  </si>
  <si>
    <t>                                           I Shop Today IB i fa IB 9 tfV W H fr T* AJI P II T HlbH 5 i A S M E NT r^ "v mv s^'J-x Misses' and Women's \* f 7 I W% R P c Cfe'P'O1 :r ^fl SQfiPl i^'^k V ft J fl I ft^r BH ^W. ^k. BH' V\ Bs!l2Z$   ^^^^^? Women's Sixss 38 tQ-4'4. BOYS'"' ZIPPER MAC KITS  J^sY'' C 0 AT S LcalUcr nud  llP^ A  5 bin3      for  :.i!"l Jt^   l -fl^^S ?.io(~ looks. Cinraii.l tup. f.\ W** V ^5 S^^^S (.rown .-.  a.,. /^*s. A" S'1S5' 13 f 9 ?0 j ~*"**TC'/~i \Ji^_ 5*^^^^^* yuu ll love them!- Green,   !!g.S!    }cl //^p-lwW L^~^ *^^^^^^g^pR. colors: All warmly            8 v!~~,i i$   ?$if$^W$r    1 and  lined"  {/J^-'W^Jw^ ChcstcrfieMs with velvet BOYS' SHIRTS fw4hl I30 ^ BSYS'       0ME  UITS A  01 ,lmi,clt 9M an(l 1298 He needs a goodly sup- I \  ^:?'l ply. Fiill-cut, well-made 3 Wnjkl .sl.jr..s ~,f fine collon per- fl Ws\ , 9 llJ !0Mg trouser   he fel-  lc . stripes in M\ Vaa ,ws ,ike. Td1,Si .I)S,       , 5          like blue. 'an. brow,,. Sues ^LA ^2* o^s! Easy tu ,   tr     .Away 6 t0 1G ye8rs- \""^^B^ I''=n   d have him ready! Hi^i?:T sov* ws an *       (rr</t>
  </si>
  <si>
    <t>                                           SAVANNAH NEGROES SHOW A RENEWED VOTING INTEREST                 SAVANNAH, Ga. (SNS) A Urge majority of the people registering to vote in this city are Negroes, acording to the Savannah Morning News.                 There hos boon n steady stream of Nocroes to the Chatham County Court House to have their names  to the 1st of registered voters The First Baptist Church Is  mi important role In . all Nesroes of the cltv to vote. Dr. Ralph Mark Gilbert. President of the State chapter of NAACP branches, is pastor of the Kirst Baptist Church and active In civic life of Savannah Negroes. The Longshoremen's union is aLso exerting great influence on Negroes                 relative to becoming qualified voter.' In Atlanta. Dr. B. J. ,'ohnson. also active in civic life of Negroes of that city, according to on Atlanta World . Is doing a similar work as that reported by Dr. Gilbert. In addition to his services os pastor of the Greater Mt Calvary Baptist Church there, Dr. Johnson .has registered nearly 500 members of his church since the beginning of the current : added another 500 to the local NAACP and has pledged and  In large part, a $500 membership    the NAACP for his church. Other Atlanta ministers are cooperating in the effort. And It Is -ri thul (Continued on page 4, Column 4)                 Savannah (Continued from page I) many more thousands of Negro Georgians will have been  over the state by the year s end, sine now no furth-r payment cf the Poll Tax is required by state law. Back poll taxes in Georgia,  to a recent ruling by the State's Attorney General, are uncollectible.</t>
  </si>
  <si>
    <t>                                           SAVANNAH, Ga. -- (SNS) -- A large majority of the people registering to vote in this city are Negroes, acording to the Savannah Morning News.</t>
  </si>
  <si>
    <t>                                           Georgia is extremely fortunate in having got rid of an incubus who necessarily bore the title of governor and now having as her chief executive a man of sense, heart and morals. From Gene Talmadge to Ellis Arnall is a heavenly transition for the people of Georgia. When one has read how Governor Arnall feels about "the economic evils and the political absurdities that have plagued his native Southland" and learned "his aggressive plan for...</t>
  </si>
  <si>
    <t>                                           Contends for Life                 WILY AND EXPERIENCED as a lawyer. Pierre Laval gestures, shouting at the , adding to the tumuli with which his trial for treason began in Paris. The noisy former chief of the Vichy French govern- ment was  ejected from the                 room. (International Radiophoto)</t>
  </si>
  <si>
    <t>                                           JOSHUA JONES                 By I. P. Rtynoldn                 Bro. Bell      two           bettor than one that fi 1/ one of the two don't got tlio -hant^</t>
  </si>
  <si>
    <t>                                           Notice n United Car for Hire rates for the first tone, 60c, 85c, $1.00, $1.33. If the driver charges over the United rate, the passenger may call JA. 1411, the United central office and their money will be refunded. t^^T MINOR BURNS PETROLEUM JELLY^    A WORltTS        AT 5CS3- A S TIMES A5 MUCH  HOLLYWOOD PROFESSIONAL COMB $2.95 STEEL TI1RC  Hardwood Tlnndle Miikee XanlpolatloB Kaider Knnltnrr ami KconoroleaL. WUI Lux A IJfetlme. Drill?T Inquire* Invited. Marcel IranH and * In 8    . Slnlnlc. , Tranpoonii  1.KO Dofc B(     I'o    . If C.U.U. Ton Pu l'o.taie. DAVID ASTOR. Dept. in w. sth fit. Lo.        u, out E/j^^~-^aS]   E        XffffpA -I ^'or ^* /? P'p ^^n?rr  fe^^^-. ^y -S John til* Conqacrof "'^Sfci-''-^a*:. Root                    * power* to  , SCCCrSS.      . HAPriSK9.H. If jou luck     of      . the I'rophrt'a Illlth John the Comineror Hrcru.lon OH  he      whnt  oa      . Contulni  Ulrt John     Conuueror Boot In CfAKANTEED real Holy         oil. as mentioned In the Bible.           bottle  with fnU  . only fl.JB           or C. D. do.        .     IURh Joliu the Conaueror            Oil for 7 dar*. It not IburomMj . joor moner win be refunded. Prophet Product Co. Dept. SOP tsi w. . New      *J. N. S</t>
  </si>
  <si>
    <t>                                           Redeployment is a word you'll be hearing plenty soon. It has a deep meaning to you as a War Bond investor. It affects the lions of millions of Americans, one. two or</t>
  </si>
  <si>
    <t>                                           ^^^^:!l i ^g^^^^^ S. Z. SAKALL-^</t>
  </si>
  <si>
    <t>                                           Announcement was made today that the 12th Annual Convention of the Southern Tenant Farmers Union will meet in St. Louis, Mo, on December 11, 12, 13, Approximately 150 Negro and White delegates representing 50.000 farm laborers in seven southern states...</t>
  </si>
  <si>
    <t>                                           (^~r^^\ We're RlaO (bat in spite of war shortages  you Ciin still kcc Smith Bros. Couch Drop*. \^^B VffR't4  kg! We'll be  still  Victory lct% uj   $29 \1' /'jfl make all everybody . Smilh Dros.- ^A, *}fjr j3        *g Black or Mcntliol- still 5^. ^^^~r*\ ^^Mk, SMITH BROS. COUGH DROPS #      TOPS FOR QUALITY</t>
  </si>
  <si>
    <t>                                           SHE WON TOP.,HbNbRS.lr'..Tta.' Piney Wood Social and Saving Club' wishes to thank all clubs and. many friends for their cooperation In the peanut picking contest. Mrs. Mattie Kinney was the chairman of the committee. The captains were: Mrs. Eunice Thomas, Number 1, who won first honors; Mrs. Kittle Mae Stephens, Number 2 who won second honors; Mrs. Estella Stalllngs Number 3, who won third honors; A wonderful program was held Sunday, August 5, at Second China Grove Baptist Church on Newton Street, raising the sum of  75.83. The contest lasted  ix weeks, closing hi' l Sunday. Mr. C. G. Gore^ pn-: Mrs Eunice Thomas;' vice-prt'.." Mrs Lovett Car-*1 michal.  secretary; Mrs. Kittio Man Stephens, treasurer and banker: Mr. Marion Thomas, bus!-, ness .'"' anil Mrs Selma Davis, reporter.</t>
  </si>
  <si>
    <t>                                           I 0. Thomas In City, Plans Overseas Tour                 .(sse Thomns. Atlanlan now  ns  to the vice chairman thr American Red Cross. Washington. D. C, arrived in the city Thursday for a stay through Sunday with relatives and Irlends prior to going overseas on an Inspection tour. Mr. Thomas, who has been with til? Bed Cross since the greater enlargement of Its service for Netrroes shortly after the beginning ot World War II  he will study n suspected need of n different type of counselling service lor the armies of occupation In the various theatres. Mr. Thomas will leave Amerlcn  October 10 nnd be overseas approximately two months, according lo plans.</t>
  </si>
  <si>
    <t>                                           Urea  color, tMw BrifiU. Eutuaat Qiwlltir. Urlcht, ^^WC)lpD J l7!Er!9^^Bi%~^^M V         ,*. R^V^?,^/  ^^^StB^^fl D IiTthe H F flT EASE ITCH, , BURN 0/ MINOR SKIN TROUBLES When hot weather burns you burn and other minor, skin up, with torment of heat rash, troubles. Mexsana is a 40prickly heat, burn of chafe year family favorite and its and simple rashes, sprinkle on many uses make it a grand Mexsana, the soothing, medi- overseas gift. Costs little, save cated powder. Eases itch of most' in the .larger :.'It's mosquito bites;' healing sun- 'easy' 'to beat the heat'</t>
  </si>
  <si>
    <t>                                           HONORABLY DISCHARGED Pharmacist Mate Edward E. Holt of 240) E Street, NE. Washington. D. C. recently stationed at Manhattan Beach, Brooklyn, before he I was honorably . Pharmacist Mate Holt, graduate of Morehouse College and Atlanta University, was supervisor of a machine tabulating unit of the Census Bureau before joining the service. i His wife, the former Miss Charlotte Coleman of Roanoke, Va., an A. K. A.. Virginia State College graduate is employed as secretary at the National OPA Office In Washington. D. C. Pharmacist Mate Holt is the son I of Mrs. Henrietta Holt, of Atlanta.</t>
  </si>
  <si>
    <t>                                           Azell Davis indicted for an attempted holdup of a Forrest road liquor store was tried in Fulton County Superior Court before Judge. Bond Almand Wednesday.</t>
  </si>
  <si>
    <t>                                           JACKSON, Miss.--B. F. Brooks, Grand Travelling Deputy Improved Benevolent and Protective Order of Elks of the World for the state of Mississippi, Arkansas and Tennessee charged Fred R. Miller President of the Mississippi State Association of Elks with violating...</t>
  </si>
  <si>
    <t>                                           KEYNOTES OPEN ING TODAY Bishop L. M. Mitchell. Bishop of the overcoming Reformation, with headquarters in Rome, Ga., will keynote the four-clay convocation of thr 2fith  convocation of the Overcoming Church of Cod, which p.cts underway here this morning,  at 10:30 o clock and which ends on Sunday evening. September M. at the St. Stevens Church of God. corner of Whitehall Terrace and Crumley Streets. Delegates arc expected from Detroit. Mich.: Cleveland. nnd Philadelphia. Pa., as well as many other northern .eastern and southern points. The sessions are  to the public and all are invited. Bishop Mitchell will preside over the convocation.</t>
  </si>
  <si>
    <t>                                           VIEW OP PLANT MANUFACTURING ATOMIC BOMBS Here Is a view of one of the production areas nt Hanford Engineers Works near Pasco, Washington, the existence of which has just been revealed by                 President Trum:in. The atomic bomb is the most terrible war weapon yet developed by man. One bomb has the explosive force of 20,000 tons of TNT. More than 65,000 persons worked on the project. and the                 United States invested nearly two million dollars in it. British and American scientists collaborated in the development of the weapon.                 (International Soundphoto)                 m</t>
  </si>
  <si>
    <t>                                           HAIR RUINED? SCALP SICKf  Iran-Bant? BrokeoT Comix Dssdroff Thro throw \wmr all    MH ret Doaroit's hair . Far Rrootlfol. Luntroan. Straight Diilt     Yttro-OlDtmeot. A Uttle Vitro-Olotmtilt       tbe  nod ~*-~lp a few UmeN a weaa hat helped  OTercomfi neh eon* I . Help  to nalr beauty. Order lar*e far of Vltoo-Otntmenl tod*?! Onlj tt.00. 8rnt C.O.D. plan PO"     * SatlfifActloa             or  .         HAIR STRATE CO, Dept. TB It FUlbMh Atcodc Brookln 17. K. X- Hare's Tbe Simple Easy    That COLORS HAIR JET BLACK { Ibcnnlii,..    is  CMT.001U MDE9. BORRr  M UftltSS-           first . I  of BLACK STRAND I Hair Criortng          I b Wnklil, zra;. .       ad off-rater. A od  ta* h all   and  , tot wID         *Md  Sow  tu It b to hw toot V*ir         tta  9  !!     =o-     !-            .         - I =s  '~e Sfack Srreml *~ b ;r!ce Is  tOt. Gtt Blrcft Strand Hair Ceiorir.K       ^~t acd     5or ^s=, ^ Jet   '* 3*e*:t "SsUiffftionnriroDeybaeicsnartaiMa. I CAUTION:- Blttk Strand li to     i-fi m:\fu d!  ?*.    on     (. BLACK STRAND i Black Strand Co.. Chicago. 1U. A DOCTOR S PRESCRIPTION FOR THE SCALP ^^*1^B ,^*    ^^ -g/WF j^U/B I ha!r  mBW  M'r\?'    *'!S I Z^vur htf doM or:~3      (t     *Hy ea tbt ElrtSoil ~!    U OHM Solrtor. n,       of     . Cuhonsrt 11    .~ Mljua .       (or tri. Dortor-i mum ic^j  r[Udr i. nu.    U lor 7 din. "      3     . year man . rw  5       BMrr. Too Kf It with rail -i.  m Co tar. ToorMlr aoa    .            ;~pK    _u4*4^          Medal Bab Uompanr Drpt. 12-3 131 Kbwa U]    7 Urookljn 73. Nvw York NOTEt THIS FORMULA . tho 100 Per cant written   tack I *.</t>
  </si>
  <si>
    <t>                                           DELIGHTFUL )L  \JtELPib JlMAiHX WITHOUT  J^, IjjHi tj j I I fjl Don't Scratch scratching itch- ^JIEnWWIWWMMI^^ll Ing for It can cause Infection.  T-*"*T* Ml^H Simply apply lime tried and ^^55SPvfl[ Icited Palmer'l SKIN SUCCESS J Ointment. Millions of   over the post 105 yean prove Palmer's SKIN SUCCESS Ointment for the misery of ugly IrrltatuiK Itching of many pimples, externally       1,   ringworm. Guaranteed to satisfy or money back. 25c at drug and  ^^^S*      or from E. T Browne Drug Co., 127 Water / St.. New York 5. N. Y. (73c size contains 4       Miff If Mm mmM /u$BB\ 1 i2;... 7 To CemftHt Co-if(..io. Btnl, .1/ ",15? IvSATlSF ED/ sn-    "~ 3"p ('ii"H"h m,i,,.,.i) l.a/ji1.-,!</t>
  </si>
  <si>
    <t>                                           The much heralded "Wings Over Dixie", an all female choral Ensemble of Chattanooga, Tennessee, after a trip of unavoidable auto mishaps came in Atlanta nearly three hours late...</t>
  </si>
  <si>
    <t>                                           Fire Destroys Cars, 20 Young Turkeys A fire In the building In which Roy Chiunbleo Body find Fender Repair Company is located, destroyed fourteen passenger automobiles nt 29 Gllmer street Wednesday afternoon. Chamblee stated that after the fire was discovered employees of the company drove several cars to safety. Twenty young turkeys also stored in the building were burned to death. Five fire companies came to the fire and had the blaze under control within half an hour. The fire was said to have originated in the rear of the repair shop, probably in the paint shop.</t>
  </si>
  <si>
    <t>                                           ^^V'^^p^l^S^^^^ConNMered by Many .^wwk i"    b          i-i OK . IBmCSST^R  John the Con.^^^Bf^^^H'  Koot lii one fla^^El^^^* of the  famous .o-called I.ICK BOOTS. It In believed by many               pair of  root* will never be  money, ond will be very I. and .. Muoy     -..ly believe that one root  ctn aa  o-called PliYVEKFl'I. LUCK CnAUSI Jor -        and       In lore  the other  drive*                * and ward off bnd Inck. While we make nn  claim** ire         to be of the very  . Lanto ilie root*, only 11.28 per pair postpaid or C.O.D. vial postage. Order now. FRRP wlth Foch order: Dremdnt; Oil LxtJ'u ana band made tan-    . Box 17, Station New Tork 17, N. T. Dipt. SS TOO            ,     SKIM,      HEADS AND EXTDtNAUV CAUSED , 1XAM THE JOY OF LOVE, SUCCESS AND  wnw a  lA^A'Lk Say "food bye" to               , unnatural. ^P^atT^^  outer ikin as well at BLACKHEADS thatan   "IOOKned (or      removal. Thty often rob you of Ion, worm and popularity. Uie Or.      FsJmtr't *kln          7 d.y.    directed nader  of thai trial offer. It  m QUICK--  medal Inrredleot defined 15  .  ikin. Your   tmm BthKx. clearer and brighter m it        remove   dark iHn. Try It 7  . If not , your money will be returned. 25  at your Snwaft.GALEN0.Bai2.  . Dr. FRED Palmer's^ Skin Whitener</t>
  </si>
  <si>
    <t>                                           Council Reports Oil Transportation Setupj                 The Southern Regional Council has secured elaborate and  evidence that the Souths entire system of public . based on a "separate and equal" theory, provides everything j Inn equality in ; for Ncuroes and lor      most part                 , inconvenience and ol Unies Uaucdy lor members ot tlic minority racial population. This v,as revealed Wednesday In ii  report, of nn exhaustive Miuly by tin' Council, which includes c  of all laws  to wt;iM:ation in  for . pictures ol* the  ir:; Ilu-msi lves. ;^ :u*.s :uu! .ic.' r*'     .s. The lui  v         wns      Ur. Ira Dc A. . head ul tin: Urparlinent. ol i5(;y. Atlanta University, and until recently the associate director ot the Southern Regional Council, ul Hie weekly    [ the Hungry Club or the Butler Street YMCA. In  the  ot the  study. Dr. Rtid .said II had been found that most of the                 discomforts of the segregated system resulted not from the legalized law provided for carriers, but in custom and  by those in charge. It was also disclosed that even though ( hat! rp!i}~* fmm higher offices (piling "on the t?pot" represent  to "change things" iti  provisions lor Mcuores that conditions nevertheless Kverc  on the "separate  nd  basis. Dr. Reid  pi  taken ol AUunta  passe nurr s!;i- tions. thr bus . and ol pa.s-      ;er  on *. .; thr  jmr nts for whites and      ? for Neuro^*. News I iti-nis  by ilw- Cduru-H in-   .tl.*   is ^np-ls ot   hikI ;*i flushes on common carriers and at  terminals. Tn no     .: j was It found that a Ncum won :i case where it was alleged he broke ii   and a clash re- suited. j The findings of the survey are .slated to be made public nt a later date.</t>
  </si>
  <si>
    <t>                                           The Southern Regional Council has secured elaborate and documental evidence that the South's entire system of public transportation, based on a "separate and equal" theory, provides everything but equality in accommodations for Negroes and for the most part...</t>
  </si>
  <si>
    <t>                                           ENJOY BIRTHDAY PARTY- Pictured Is a group of friends who assembled at Silver Streak Night                 Club recently to attend n lovely birthday party given In honor of Mrs. Maude Moody, 472 Auburn                 Avenue, who Is seated second reading Irom left to right.</t>
  </si>
  <si>
    <t>                                           Tonight will mark the closing of a highly successful two weeks Daily Vocational Bible School conducted at Greater Mt. Calvary Baptist Church, pastored by Dr. B. J. Johnson, one of the nation's front-line and progressive young pastors, who is trying to do more for his...</t>
  </si>
  <si>
    <t>                                           NAVY ASKED TO REOPEN 'RIOT CASES ON GUAM                 NAACP Claims Court Martial Ignored Facts                 NEW YORK A          Unit. the Navy Department reopen tin: case In which 45 "Navy men were convicted following ft "riot" In December, 1944, was made last week by Walter White, NAACP Secretary, who was present in Guam when the men were tried, mid who                 acted us defense counsel al the InvlUition of the Island commander. White's letter to H. Struve Hcnsel. Acting Secretary of the Navy asked not only for a reopening of the case, but (or permission for NAACP counsel to examine all pertinent records. I It has been the contention of the NAACP that the court-martial on I Guam failed to take Into consideration tho long  of attacks which had been mude on Negro i personnel by white MurliiBS                  ;infl Hip  of  i  In - uf  Nepid mill    Uikr :iny step* to protect- their mm. T1ipm%   such 11  of   Hie Nctircics    into a supply depot to secure weapons mill ammunition with ninth to  themselves.   The NAACP  that tlio -  Itself .solely wild tin* incidents of DiTcnilioi2i ami 20, lull , like iO Ululiy                 courts adhered "t.     Die  :it hand ;i!)(l Hie pnr- i  violation of regulation:, i . with no attention to the j  ot , , and i.    I "Prior to the bo- disorders ol December. I04-1." Hir NAACP letter said, "there hud been ii  s ol unprovoked,  il ami -  on Nepro  on Guam, particularly Nupro Navy Base Campuny :!. by white servicemen, chiefly by White Marines. These facts of aggression had consisted of the throwing of missiles. IncludltiK empty beer bottles, stones, pieces of coral and, upon two occasions, hand Krcniidcs. Into the camp occupied by four Navy Buse Companies located on the side ol the Agut- RouU  the Nuvy j                 Supply Depots. In addition        Imd been repeated attack* by while Murlnc upon Negro             when Ihn lull?* hod wnit.ou  lulu Uw  wt Aiuu*."</t>
  </si>
  <si>
    <t>                                           NEW YORK -- A request that the Navy Department reopen the case in which 45 'Navy men were convicted following a "riot" in December, 1944, was made last week by Walter White, NAACP Secretary, who was present, in Guam when the men were tried, and who...</t>
  </si>
  <si>
    <t>                                           Potsdam's 'Big 3' Parley Bans All Discrimination In Germany                 BV HARRY S. McALPIN Washington Correspondent for Atlanta. Dally World and NNPA                 WASHINGTON. D. C.  NNPA) The abolition of all racial, religious and political discrimination In Germany Is Included In the agreement recalled at Potsdam by President Truman Marshall Stalin and Prime Minister Attlee, according to the report on the Tripartite                 released simultaneously today In Washington, London and Moscow. In the political economic section of the report of the conference. which began on July 17 and ended August 2, a list of ten political principals to govern the treatment of Germany In the Initial control period includes one which reads. "AI Nazi, laws which provided the basis of the hitler regime or established discrimination on grounds of race, creed, or political opinion  be abolished. No such                 initiation, whether legal, administrative or otherwise, shall be tolerated." Another In the .same group declares: "The Judicial system will be reorganized In accordance with principals of democracy of Justice under law. and of equal rights for all citizens without distinction of race, nationality or religion." Russia stumped the conference for a time with a proposal concerning territorial trusteeship. It Is known that Ethiopia has been soil- j citing the aid and championship of Russia in its claim to certain Italian colonies In Africa. On the trusteeship question the:; report states: "After exchange of views on this question it was decided that disposition of any former Italian territories was one to be decided in connection with the preparation of a peace treaty for. Italy and that the question of Italian territory would be considered by the September, causes of  ot                  ." The council referred-        on? of the agreements between the Big Three. It will be set up with headquarters fn London and will have representatives of the five principal powers to continue the necessary preparatory work for peace settlements. Its first task will be the preparation ot a peace treaty for Italy.Among other things decided at the historic conference were: Expiration of German militarism and Nazism, with no Intention o{ destroying or enslaving .the Oerman people. Reparations from Germany requiring that she be compelled to compensate to the greatest possible extent tor the. loss and suffering she has caused the United Nations. War criminal trials- to  at the earliest possible date. Territorial boundaries in Europe to await the peace settlement,                 Potsdam's 'Big 3' (Continued from Page V though provisional boundaries for Poland will bo recognized until a peace settlement is made. Any application for membership in the United Nations by the, present Spanish government will not bo favored by the Big Three. The only mentioned of the present war with Japan contained in the document which carries the signature of approval of Trumnn, Stalin and Attlee was a  reference void of names. It said: "During the conference, there were meetings between the Chiefs of I Staff of the three governments on                 military matters of common interests."</t>
  </si>
  <si>
    <t>                                           WASHINGTON, D. C. -- (NNPA)-- The abolition of all racial, religious and political discrimination in Germany is included in the agreement recahed at Potsdam by President Truman Marshall Stalin , and Prime Minister Attlee. according to the report on the Tripartite...</t>
  </si>
  <si>
    <t>                                           IF YOU HAVE A TANNED, DARK SKIN, BUCK. HEADS AND EXTERNALLY CAUSED PIMPLES, LEARN THE JOY OF LOVE, SUCCESS AND POPULARITY WITH A LOVELIER.       ^~B Say "goodbye" to the HHjS!?fe7fjB weather beaten, unnatural. ^(W^   ^~S^ too-dark outer skin as w cB  be loosened for easy removal. They often rob you of love, success and popularity. Use Dr. FRED       't Skin Whltencr 7 days as directed under terms of this trial offer. It is QUICK-ACTING- contains special ingredient designed to lighten tanned, dark skin- Your complexion should become , dearer and brighter at it helps nature remove excessively tanned dark skin. Try It 7 days. If not . your money will be returned. 25 cents at your . GALEN OLCO.,Boi264,AUanUi.GQ. Dr. FRED Palmer's'. Skin Whitener</t>
  </si>
  <si>
    <t>                                           Rev. Borders will use as a subject Sunday morning, "God is Able " All four choirs will furnish the music. The radio broadcast will be presented at 11:15 Sunday evening over Station WGST.</t>
  </si>
  <si>
    <t>                                           Atlanta jH^ World P. t...r MoAhi Cictix MW., Pnbliahed Every Morning Except Monday, at Z10 Aobaim Member: a N. S. N. N. P. A. A.-N. P. Established Aug. 6, 1928; Became Daily March IS,  V. A. Scott, H, Founder-Publisher, Aug. 5, 1928 to Feb. 7, 1914 Telephone: WAlnut 1469 14 0 CnUred         Office at Atlanta (8), Ga., as second clau mall under the Act of Congress, March IS, 1871) C. A. SCOTT Editor and General  Daily: 1 Tear, $9.60; S Months, $6.00; 8 Months.lS.OO Satnrday Only: 1 Year, $3.60; 6 Months, $2.00 Canada: 1 Yr., $4.60; 6 Mos.,  2.76; Foreign, 1 Yr., $5.50 THE ATLANTA DAILY WORLD Is an independent , non-          and non-partisan, printing news absolutely  and supporting those things it believes to be to the inter a*t of ite readers and opposing those things against the interest ol Its reader*. Address ALL COMMUNICATIONS to and make CHECKS     Me to ATLANTA DAILY WORLD, rather than to  He WORLD expressly repudiates responsibility for return f unsolicited pictures, manuscripts, etc., unless stamps     sent</t>
  </si>
  <si>
    <t>                                           *    I GENUINE *TZ HUARACHES HAND-WOVEN IN MEXICO HOLLYWOOD IMPORTED PaL MJUfTPn Cf IPPf VI Ye*, durable,  leather .^mam^'i    '^ff II I  In what almost       like barefoot comfort I ^\ ^   \ N v Favorite* of  movie start aod -- ' U\ I minded  the country over. BeaaUfnllr -ftsh-   ^*#/f#~i  A Ul      /W*w toned in Mexico, they fit your foot , no            / HfrjiiS-v-  banda to hurt toes, tn natural or - Wm^mSW SEND NO MONEY.. SSW* j- 'i^r^^rr^ Will is .      ud color and maU today. I Clfde Mm: 5 ts*y*l pay  only SJ 49 plu . I f 4 f J        *~e. II you    *t   la fit  M.U. I and     look*.  mum lor . P. S Ifa tkc iNAM*  who  both  and -*  1</t>
  </si>
  <si>
    <t>                                           Negro Workers Support Nisei Machinist On Job                 SAN FRANCISCO, California Negro workers in the Municipal Railway System here Htood squarely behind a Japane- machinist who filled civil service requirements and was assigned to repair work on buses. White machinist at first threatened to quit work. Negro workers, who have been employed large numbers on buses, trolleys, and cable cars here during the 'ars. promptly mobilized in M'pport ol the Nisei's right to work. They were assisted, by X,ah \V. , in charge of the West Coast' Regional office of the NAACP here, and by Joseph James, president of the San Francisci                 branch NAACP. Also active were the Mayor's Council for Civic Unity ami the Japanese-American Citizens League. The machinist,       Miyama, is an American born Japanese who returned to the Coast from one of the relocation centers. The linal excuse of the white machinists was they wanted the jobs held lor "San Francisco veterans regardless of race, color, or creed including Japanese- Americana." The position of the Negro workers was that ijf a  to deny employment to minority groups goes unchallenged, it will not be many weeks before the light of Negroes to employment on the Municipal Railway system will also be challenged.</t>
  </si>
  <si>
    <t>                                           THIS FACE POWDER CAN GIVE YOU THAT BRAND "NEW" LOOK Black and White Face Powder makes your face, neck and arms feel so Vcivety, so smooth. Its " mist" texture is light as air, but its "magic" qualities, its , the way it blends with your complexion, makes you realize you are showing the world a brand new, lovely you.  and White Face Powder comes in 6 smart colors. You'll be delighted with the way the shade of your choice harmonizes with your own complexion. Get the one and only, Black /~5"-v. and White Face Pow- /^Srf^~ der. Ask for the eco- RJ^V^I nomical 25c' size at all s^fS/// toilet goods counters. ^s*4 Jj/</t>
  </si>
  <si>
    <t>                                           All Georgians, both colored and white citizens who are qualified to vote, will be called on to vote for or against a new proposed state Constitution this coming Tuesday.</t>
  </si>
  <si>
    <t>                                           Sec'y Anderson To Visit Kerf ord Quarry                 WASHINGTON (ANP) -Clinton Anderson, new secretary of agriculture, heads we6t next week on an Inspection trip. His goal Is the famed Kerford quarry at Atchtson. Kan., which has been the target of much criticism since It was acquired bv the defunct War Food                 tion to be converted into a cold storage plant. The mine was obtained at a time when WFA was having difficulty securing cold storage space for surplus supplies of perishable products.' It has drawn much criticism from congress and from members of the cold storage Industry. The latter bitterly opposed leasing of the mine and converting It into a cold storage warehouse from the very beginning. But officials of the department knowing the need for additional space ant* unable to find needed space in warehouses already crowded, seized the opportunity to get the mine and recommended-the; expenditure of $2,000,000 -to',  equip the huge space! :J            . The equipment consisted 6t refrigerating Installations to lower temperatures in the mine. MANY CHARGES' All kinds of  have been made against the mine and every minor defect which arose was pointed up and exploited. Little                 was said at the time ot the foods which rotted on train tracks because there was no space In storage for them. These Included eggs and potatoes and other foods which could have found their way into such a place as the Kerford quarry had not commercial interests involved interfered and sought congressional aid by lobbying against the colored-owned place. Saying the department has much invested in the mine, the           said that his policy toward It will be governed first by whether it is a "cheap and desirable place to store food and second whether the government will have anything to store in it." The warehousing industry has constantly fought the use of the mine and has been quick to point out anything that It felt was wrone with the plant. Competent engineers, representing the government inspected the  at first and submitted their' reports all of .which -were f SvqraWe.' This however did not' Influence the warehousing industry which did not want to see such a project established. The success of this project would cause further expansion in this field and the government and other producers would not be at. the mercy of the warehousing industry:-''</t>
  </si>
  <si>
    <t>                                           WASHINGTON -- (ANP) -- Clinton Anderson, new secretary of agriculture, heads west next week on an inspection trip. His goal is the famed Kerford cuarry at Atchison, Ivan., which has been the target of much criticism since it was acquired by the defunct War Food...</t>
  </si>
  <si>
    <t>                                           u To be admired is every woman s heart s desire. And what can add more to your beauty than to have hair which is smoother, lovelier, softer: to the touch. And that s why Pluko is such a favorite of women everywhere. Itdoessomuchtobeautify your hair. You will have hair "looks" that men admire and other women can t help but envy. You Can Depend On It! AgenuineBlackandWhitecreation, Fluko really helps make your hair look lovelier. You con comb it out softer and smoother. You will be able to arrange your bair in so many flattering ways- all the newest styles. Your hair will glisten, for Pluko will -gw it a new--Aad-Phifco-'.~ your hair looking well groomed, smart and good-looking for hours. Don't Forget r iJ  Romance )y,     Pluko has the thrilling J'ijjf' .You will love it. And men will . Itlingers and clings to you irresistibly. Try Fluko today. You'll never be without it once you see how much this perfect hair dressing can do for you. And it s SO inexpensive. Sold in big economy sues everywhere. Amber 25c. White SOc. i Always be sure that you get ~.'</t>
  </si>
  <si>
    <t>                                           W-HER6 H CTL?~ I SM ?Ufc VIVES                 rox.    st. P.</t>
  </si>
  <si>
    <t>                                           IN MEMO RI AM In loving memory of our beloved son and brother. Cpl. Charles Henry Gibbs, who passed one year ago today, August 5, 1944. So sad and sudden came the coll Your sudden death surprised us all. A sudden change in a moment, fell Without, a chance to say farewell Though no one sees us weep, We shed our tears from aching hearts. While others arc fast asleep. Sadly missed, Mrsf Katie Gibbs mother. Miss Carrie Mae Gibbs. sister Mr. James W. Gibbs and family, brother Mrs. Emma Gibbs, aunt Mr. William Thompson Mr. and Mrs. A. Wynes Mrs. Mamie Crew, aunt.                 IN MEMORIAM In sad but loving  of our dear husband. son and brother. Rufus B^Tjrfmhlp who left us one year ago tomorrow'." August 6, 1944. We little thought when iast we saw you That death so soon would part us: What pains you bore we never knew. But this we do know, we can never forget you. Sleep on. Darling, and take thy rest. We loved you dearly, but God loved you best. Mrs. Clara Trimble, wife Mrs. Cora Trimble, mother Mrs. Annie Duningan. sister.</t>
  </si>
  <si>
    <t>                                           The concert tonight being planned by the student of Atlanta University, Morehouse College and Spelman College, will climax their musical presentations of the year. The concert will begin at 8 o'clock in Sisters Chapel. Spelman College, under the direction of Professor...</t>
  </si>
  <si>
    <t>                                           Man's Body Found In River                 BUTLER .OA. (    - The bludgeoned body of Gus Chambers, former cornice who had been miss, .'lit since October 16 was found Sun. day' in the Flint River six mUe.~ MUl of Kobcriii , and heavy with weight*. Tilt discovery of the body wus made by Joe Seagler of Crawlord Oounty who summoned Shcrrlft L. R. O'Neal. Ohnmbers was a  of Butler. The mysterious  surrounding Chambers                -were being investigated by OBI Special Agents R. Hl McCulfheon and Delmar Jones. It was re. vealed by Mojor William Spcncc, head of the Oeorgla Bureau of In\. Major Spenee said Chambws had been oui of the Oeorglo. State Prison At Tnttnnll about two months He was last ;cd at the Taylor 'County carnival In Butler, according to Major Spcnce. Man Gets 5 Years In Robbery Case Claude Burdell, 206 Lnmpkln St.. drew a four-to-  sentence Wednesday In Judge Bond Almand's Court as he was convicted of robbery of Horace Sinclair. 580 Johnson Street. SE. In May, 1945. According to the testimony presented Btirdcll held up Sinclair on Houston Street near Corley around 1:00 o clock and took n billfold containing $120.00 from him.</t>
  </si>
  <si>
    <t>                                           Starts SUNDAY PRINCE of the PAMPAS mt m Lois        * John'Cl Flaming have written a ro-' - novel replete witK. adventure and love  exciting experience of Terry Arnold, lovely young authoress, will keep your interest at high pitch through the last . Don't miss it. PRINCE OF THE PAMPAS         DATE YO     paper!; IIB^E83I^HttDMffS23S22SEE2     !I^  9EflEi I Atlanta Daily WORLD</t>
  </si>
  <si>
    <t>                                           CEtEBRATES BIRTHDAY Pvt. Alford G. Mason, Jr., the son of Mr. and Mrs. Alford D. Mason of Harrison, Georgia and the brother of Miss Althea Mason, who celebrated his 20th birthday last Wednesday, July 11. Pvt. Alford has been in the service several months and is stationed at Camp Fort McClellan, Ala. He is also the nephew of Mrs. Eliza Page, 245 Forrest Park Road, Atlanta.</t>
  </si>
  <si>
    <t>                                           General Lee Praises WAC Service In ETO                 FORT DES MOINES. IOWA, U. Otn. John C. H. Lee, deputy commander and chief of Army Service 1 forces In the Buiopean Theater of Operation under Gen. Dwlght D. Eteenliower, paid tribute to the work of Negro members of tho Women's Army Corns this week In                 a speech at the First Wac Training Center, Port Des Monies, Iowa. Stopping at Des Molneg to visit his 85-year-old aunt, the general reviewed parade at the Women's Army Corps Training Center. The HHth ASF Band the only all .Wno Negro band in tVm country,  for tlie event. "No Wac In the ETO asked a GI                 to do hnr work." the general  The challenge was gloriously met by our women of the armed forces and their work has been perfectly splendid. Every position was fully held. I saw many Wac detachments Including the Negro battalion and they all set a lino example or American womanhood of which every soldier Is proud." Inspecting companies from the Overseas Replacement Depot whoso departure for the Pacific was recently cancelled with a directive stating that there would be no more overseas shipment of Waci the general expressed regret that the women could not be .sent over as replacements for high point Wacs now on duty 111 the ETO. He also said he would like to see the Women's Army Corps continued as a permanent part of the Regular Army.</t>
  </si>
  <si>
    <t>                                           FORT DES MOINES. IOWA, Lt. Gen. John C. H. Lee, deputy commander and chief of Army Service Horces in the European Theater of Operation under Gen. Dwight D. Eisenhower, paid tribute to the work of Negro members of tho Women's Army Corps this week in...</t>
  </si>
  <si>
    <t>                                           Dry Cleaning That you ll brae about. W-.guarantee satisfaction. Clothes cleaned tlio way you want them cleaned. Ted Lewis Cleaners 704 McDanicI St., S W 1VA. 2058 SSO Fraier St.. S. E. JA. 0254 Rite-Way Cleaners 867 Weil Hunter St RA. 9132 Protection ^I'fefe-ikV INSTALL jt5! ILL TT^ Burglar If!1 TWll Bars Ij jl^1  fill 5* SA7 i Cheerfully 3 .T Ta PHONE ^St^^T"- *-T"*^""*^ MA. 5305 ^^^5:^U Are Your Payments On your home, automobile furniture too large If so see Mr. Resiman about refinancing these payments to meet your income. United Loan Corporation 13 1-2 Peachtrw at 5 Poults</t>
  </si>
  <si>
    <t>                                           Classes will begin on Monday, September 17 at Reid Business College. The main day-school division for the secretarial course will be held at 767 Fair St., SW. Students who have already brought or mailed in their application blanks and entrance fees need not report to the...</t>
  </si>
  <si>
    <t>                                           Classic city, onward, into history ride, Queen of dear north Georgia set the gallant stride For the sons of freedom whose legions catch the step Across the battle commons where long their comrades slept. First in the trying struggle that broke the glad release, First where they bade "cease firing, now first you are in peace! And dear old Georgia will follow in valor s theme the trend With victory s flying colors unto the bitter end. Thomas Jefferson Flanagan. (Dedicated to those who voted.)</t>
  </si>
  <si>
    <t>                                           Provide 'Heat Wave Music' Tomorrow Night                 /HOT  PACK,/                 I Hi.. I K:.n.l. ili- I p. I...- -  .l- I- ,.,,.r.n-.v (!.-l. I ::::;il p m i" l^:.i:i :i. in. .i' Hit'                 \i!.~i!        . A in...-. ?1-"": i'i  l Tidxts :.v;n!:il.l... n..v.:n ni-..:.it nc--crli Mul .-I on--. -A S'~i.i! ii jasi~.-ni It) .</t>
  </si>
  <si>
    <t>                                           I \r2^~~~                *-       -               Tuskegee Institute Summer School 1945 TWO TERMS I June 2 to July 7 II July 9 to August 11 COURSES  TO DEUKIilSS IN: AGRICULTURE EDUCATION INSTITUTIONAL MANAGEMENT HOME ECONOMICS COMMERICAL DIETETICS INDUSTRIAL ARTS MECHANICAL INDUSTRIES PHYSICAL EDUCATION COURSES 01 FOR THIS .RENEWAL OR 10N OF STATE CERTIFICATES.  LIVING CON0ITIONS RECREATION F. D. Patterson, President I OU INFORMATION ADDRESS: THE REGISTRAR  INSTITUTE, ALABAMA</t>
  </si>
  <si>
    <t>                                           Lt. Archie Harris' Godman Field Bombers and Couch H. A. Kean's Tennessee State Tigers will vie for gridiron supremacy in Louisville, Kentucky on Saturday, Dec. 8th, at DuPent Manual Stadium in the first annual "Derby Bowl" game sponsored by The Louisville...</t>
  </si>
  <si>
    <t>                                           EUTOPIA SAVING'S CLUB will sponsor a Sliver Ten today at the borne of Mrs. Shields, 900 Ira St., from 5 until 7. The club will meet Mondny night with Mrs. Jones. Mrs. Gleaton, president.</t>
  </si>
  <si>
    <t>                                           The Clark College Panthers face their greatest grid as signment of the year, Saturday afternoon, when they come to grip with the "star studded" Florida A and A College Rattlers. This bitter battle will transpire at Ponce de Leon Park, at 2:30 o'clock.</t>
  </si>
  <si>
    <t>                                           The Atlanta All-Stars will get a real test, Sunday afternoon, when they clash with the 'star-studded' Marine eleven from Camp LeJeune, N. C., at Ponce de Leon Park The kick-off is scheduled for 2:30 o'clock.</t>
  </si>
  <si>
    <t>                                           Dau Cupid, who was kept busy during the bustle and bustle of the war period, has been none too idle in Atlanta during the several short post-war weeks.</t>
  </si>
  <si>
    <t>                                           The Senior choir will render a program Sunday at 3:30. The Pastor Aid Club will meet Sunday at 3 o'clock with Mrs. Hattie Jones of Kennedy Street.</t>
  </si>
  <si>
    <t>                                           An enlarged faculty in the fine arts in Spelman College has greatly increased the opportunities now available in this department, President Florence M. Read has announced.</t>
  </si>
  <si>
    <t>                                           The marriage of Miss Alice Temple White, daughter of Mrs. Lucilie White, of Atlanta, and Mr. Clarence Henry White, of Chicago, to George Finley, Jr. son of Mr. and Mrs. George Finley, Sr., of Woodsbury Georgia, was solemnized Wednesday evening, Sept. 19 at...</t>
  </si>
  <si>
    <t>                                           BUY BONDS i</t>
  </si>
  <si>
    <t>                                           IN INDIA Suul Sergeant Spen- eci- Hutchins. Jr., ls the son of Mr. Bpencer Hutchins, fir. ot 169 Sim j street. Apt. 48. city.   ; is :w.r sta- J  "Somewhere in India" when' I lie recently  the B.-nme Star for having taken pun in  l)U'  b; of the . Kis  con^ him  his family and wish him an  and safe return home.</t>
  </si>
  <si>
    <t>                                           H AIRWAYS i i^*3\3tl^flp5'       *^^S.          to th* ^~^~mSv^ ^fe^FvIk * of hit         ^ vf- k  or*'      g"  W"'it^^K"^^*l ?i      over    *.     ^fe\W^^r "^^5 ^f-S^l^^m 8rant J#rIt ^q r Tonle '^^m a ^m v*^~ *A*\^^^^?                   ^^m ^W^  , v^# 'rft\       'nfl f'*1'1 oni' eUan. ^KM/^WWMiSj^^ Y0Uf h0'r t"y HAIR TONIC tl BKSBj GOBHICaS AHB 1111(1 IMF! H AIRWAYS i i^*3\3tl^flp5'       *^^S.          to th* ^~^~mSv^ ^fe^FvIk * of hit         ^ vf- k  or*'      g"  W"'it^^K"^^*l ?i      over    *.     ^fe\W^^r "^^5 ^f-S^l^^m 8rant J#rIt ^q r Tonle '^^m a ^m v*^~ *A*\^^^^?                   ^^m ^W^  , v^# 'rft\       'nfl f'*1'1 oni' eUan. ^KM/^WWMiSj^^ Y0Uf h0'r t"y HAIR TONIC tl BKSBj GOBHICaS AHB 1111(1 IMF!</t>
  </si>
  <si>
    <t>                                           "WHEN STRANGERS MARRY" Dean Jasper Kim Hunter ~~""YOUTH' " with David Itcctl ROYAL JAMES  In "Mood on the Sun" and "ZORRO S BLACK WHIP" ASHBY VICTOR MCLAGEN in "Houjjh Tough and Ready" SMILEY BURNETTE in 'Laramie Trail" LINCOLN 'CURSE OF THE CAT I EOPLE" with Kent Smith and "UTAH" with Roy Rogers HAKLtK "NIGHT OF ADVENTURE" with Tom Conway and "SPOOK TOWN" with Tex O'Brien STRAND HOY ROGERS in Yellow Rose of Texas" anil LOST JUNGLE"</t>
  </si>
  <si>
    <t>                                           The closing feature of the twenty fifth anniversary of Flipper Temple will be the home-coming services Sunday. Members throughout the city and vicinity are urged to be present at one or more of the three services. The pastor Rev. W L Brown, will deliver the special...</t>
  </si>
  <si>
    <t>                                           AFTER MARRIAGE CEREMONY. Mr. and Mrs. James Chllrters were photographed shortly  their marriage ceremony August 22 in the presence of relatives and friends at the home of the Broom's mother. The bride s uncle. P. L. Barnes was later host to an elaborate supper honoring the                 weds.' The bride is the former Miss :-erlene Shannon, niece of Mr. and i M,-s. r. L. Barnes, 957 Hunter Street IwHllcjChe groom is the son of Mrs. -Childers, of 79 Hilltop Circle. The  have returned to Portsmouth, Va., where the Broom Jias resided for the past three years.</t>
  </si>
  <si>
    <t>                                           3,000 Baptists Inva de City For Annual Meet; Pinkston Presides                 PreConventional Musicale One Of Grandest In History Of Body                 by TASCUEItK/MI AKN OI.D                 With mi  M'ii(l-uir iiL  hefore  . the Menem! Missionary Biipli.sl Convention ol CcorRiii will be  opened tills morning nt 10 o clock nt Zlon Hill Baptist Church. Dr. L. M. Terrill. host pastor, by the prc.. Dr. L. A. PinkKton, one of the                 -s front-lined Baptisl leaders, who hus successfully led Baptist* in Gcorgln Tor yearn, bringing to the Coiivrntton a rar- . 'Tile Convention usually '.s  or 3,000  mid visitors, and is  of pastors i and laymen with membership in Its Churches of over a half  .BnptCi'ts.'            ''-'""fv1' sire pouring Into city In droves and the assignment committee is being taxed- greatly to find homes for them. 1'IXKSTONrS  HlRhllghtlnn the xi-.-alon  will be the  address or President Plnkston to be delivered at 7 p. m. In It he In expected to review the accomplishments of Convention  Ills administration since he was elected at Rome.                 Gcorfflu, much nn [ anil IcmliTKliip  S4 i*      i lilt- . und . ;i pro- j gram far Baptist.1; Hint will - i  I hi- InmKiiKitiim us ik-vpi- be-' fore. j Proarammed to introduce thr distinguished Bttpi ist lender, who l.s { one of the vIce-, of the i National Bnptbt Convriition. Inc.. USA., will be  mc of the '.s  U'fnl minds.' Ally. A. T. Waldcn, prominent member of j Wheat Street Baptist Cluirch. Dr. W. H. Borclt'rs. . Pollmvinij President PinksKni's  address in which ho in expected to make a strong bid for rce..;,..MIss Elizabeth .Whlteliead prominent member- of Wl)~it Street Baptist Church, will maki! presentations to Dr. Pinkston on {  Nrero nnd white" -Baptists" of the state as well us other::, - I      - forcefully to the high j esteem the Baptist .iin is I held in the minds of legions of I friends. 1.  The theme of the meeting U "SPIRITUAL EQUIPMENT FOR TOMORROWS WORLD."                 devotions : devotional mes- ::      . E. J. Grant., Albany. I memorial riles will In-  for the saluted Baptist. ili':icl with Rev. N. i C. Campbell, Mystic, ; the memorial .vs. his alternate IjiIiik Ifi'V I. S. H.~-k. Atllima. i lull. l,y ili  ' Ijy Mrs. Riiki l.w.in. Mimroc. :uul IJraenn Cteow Smith, Itruuswick. Following inl reduction by the Rev. N. .1. Wi., Augusta, Rev. J. H. sandera. AiiKilsla. lost  s ! , will deliver the  ,  ;ilten):ite bt- Rev.- VV. Jnckson. Wiiy i cross. Tho Kcrmoii is scheduled for  noon.     : IMSTOIl KAI.I.V Much . Is         on Hit PASTOR S RALLY 10 be held this afternoon in which 13" District           ^wUl..co.. for the .t honors. Each pastor Ls requested to Rive $5.00 to his I district president. I 'Hiis  follow InR (.he deI  message by Rev.' r. L. j Yancy. AuRiistn. Dr. Maynard H. Jackson. Atlanta, will address the I body, to bo followed by the introduction of President S. J. Pluker and officers of the Woman's Convention 'Joint session i. Tonight's  will Include  me- by Rev. h. B. Bowmnn. Marlnnna. Pla.. and :il sermon Uy Rov. E. R.            .             . his alternate j lir-lim Rov. P. .. 'Allanta. i'i:iti:n.i. to I'KKsiiii: Tlicii will Lome the welcome   the hast . Dr. Torrill, who is the able rice-president of the Convention. Dresding. Responses will bo given by Dr. E. I S. Cleveland. Savannah, president. Slate Baptist Sunday School Con- i  and representative of the Woman's Convention. j Dr Lovelace. Chicago, secretary Home Mission Hoard. National Baptist Convention, will lie in at- i tendance. I Dr. J. H. Jackson. Chicaco. was the featured  at the  pre-  held on Momljy . with :i turn- croud  the  in hear music by the hnr.t  choirs. Presiilent. Plnkston  Dr. Jackson. Mrs. Jewell Ternll lias been   for directing the successful musical event. Pastor Terrill was the featured soloist. The convention will close '.v . Tile  is  In at- lend. I</t>
  </si>
  <si>
    <t>                                           With an expected send-off never before witnessed here, the General Missionary Baptist Convention of Georgia will be officially opened this morning at 10 o'clock at Zion Baptist Church, Dr. L. M. Terrill, host pastor, by the president, Dr. L. A. Pinkston, one of the...</t>
  </si>
  <si>
    <t>                                           Tofcyb Rose'                 AT AN INTERVIEW In Tokyo Is Iva Iuku Togurl. 30-year-old  of the University of Cnlifornia in Los Angeles better known as "Tokyo Rose" She told interviewers that she felt she u/as not a traitor to the United States, and she thought Americans would  her music and laugh at her propaganda. She was quite right aboul the laughter. She said that "circumstances" forced her into broadcast!np on Tokyo's "Zero Hour"                 gram. (International Soumlpholo)</t>
  </si>
  <si>
    <t>                                           Men In Army /Scotfsboro' Affair                 Woman Admits Taking Money From Soldiers                 One Gets Ten Years, Another Is Given Eight                 WASHINGTON. D. C. (SNS) -^--A-Ticw---ter-tfe?Immediate release of Prank Fisher and Edward R. Loury, Negro ^ sentenced to life Imprisonment by Courts-martial In New Caledonia In 1943, was filed with the War Department this week by                 Judge William H. Hasue,  i of the NAACP national legal committee and Congressman Vlto Mar.  , NY), President of the International Labor Defense. The (rs -were convicted of raping a native French woman. The sentence of Fisher was reduced to 10 years and that of Loury to  , after Hastla and Marcantonia, serving as their counsel on appeal, made oral arguments and submitted briefs on their behalf In 1944. ~;TTHetleW plea is-maae ,rules of the War Department providing for the review of convictions once u year. ACCEPTED MONEY Citing the fact that the woman accepted three dollars from the sol.  immediately after having had relations with them, Hastle and Marcantonlo reiterated the position they took last year. At that time they expressed grave doubt "that there is (a) case in Anglo-American Jurisprudence In whl;h a conviction of rape has been permitted when payment had been offered and accepted on the spot." It was also pointed out that the acceptance of money was but one of many affirmative Indications of the fact that the woman consented. The new petition took sharp  with the War Department's opinion of March 31, 1944, issued over the signature of the Under Secretary of War reducing the sentences but upholding the finding of guilt. The Departmental opinion contended, "Before any case is presented to a general courts-martial it is subjected to pre-trial Investigation. If investigation Indicates that such action is warranted and the Commanding General approves It Is brought to trial COUNSEL IGNORED Counsel for prisoners point out that the Flsher-Loury case "the recommendation of the investigating officer who thoroughly examined all witnesses was that the facts did not warrant prosecution for rape." "His recommendation," the petition continued, "was ignored and the evidence which supported it was withheld from the Courts-martial. This alone is adequate ground for releasing the petitioners now." The opinion also held that the prisoners had been "vigorously and ably defended" by lawyers appointed by the Army. This proposition affidavits" the attorneys stated, "charging that they first filed affidavits" the attorney stated, 'charging that they first saw appointed counsel less than 24 hours before their trials "Whatever the vigor of counsel may have been we deny their ability to defend adequately under these circumstances. It ls submitted that no reviewing authority can reasonably say that the petitioners had j the substantive protection which the right to counsel and the right to call and examine witnesses are intended to afford," Hastle and Marcantonlo concluded.</t>
  </si>
  <si>
    <t>                                           WASHINGTON, D. C. -- (SNS)-- A new petition asking for the immediate release of Frank Fisher and Edward R. Loury, Negro soldiers sentenced to life imprisonment by Courts-martial in New Caledonia. In 1943, was filed with the War Department this week by...</t>
  </si>
  <si>
    <t>                                           Stronger than ever as a basball playing unit and featuring their greatest comedy routine since their inception, the highly-popular and nationally famous Cincinnati-In- dianapolis Clowns, winners of second place in both halves of the Negro American League pennant...</t>
  </si>
  <si>
    <t>                                           J08HtIA"J0NE8                 Br I. P.                  bT..     uata;.*~    ant*  Ml tb. Snlifc U Ma*     6*U  MU      ItW,</t>
  </si>
  <si>
    <t>                                           Tew    * DfMrtM Attention Comolt DR. JOHN KAflfrf III G H S</t>
  </si>
  <si>
    <t>                                           BALTIMORE, Md.--(ANP)--"The white race has clearly demonstrated that its conception of security based on white supremacy and race 'superiority' is a false notion. declares Dr. M C. Allen in the leading editorial in the November issue of the Expected, monthly...</t>
  </si>
  <si>
    <t>                                           REV. E. F. SWAIN "GIFTED FROM BIRTH"- Piclured here is the young  doctor. E. F. Swain,  minister  young man of ^rent power, v,hc i.s  from God. He has     doing splendid work helping many sick people. Several [x ople testify of ,j healed of c. condition, pain in the head, back, stomach, limb i nd logs. Not only is he a gifted young man I ut lie is also a gre.it preacher a?!d is credit to the Nopvo race. If you ar0 ailing, or complaining from rm.si. health. See the gifted preacher, young Rev. Swain, fcr appointments. Call MAin 3075, 44!) Oliver Street, NW. AH letters answered out of the city.</t>
  </si>
  <si>
    <t>                                           JEAN WORTH PSYCHIC READERS Calls your name. Aslc you no que*. tons. Gives the object of your visit. Tells who you want to know. Advises to a certainty. Helps you no matter what your trouble may be. j All who are unlucky, unsuccessful or dissatisfied, we have a . Come today, tomorrow may be too late. Hours  from 9:00 a. m. to 8 p. m. Closed Wednesdays. Reception rooms for White nnd Colored LOCATED AT 126   HIGHWAY 1 Block "Fait Cltj LtmlU M Qony Street, Almond Park or HIT.</t>
  </si>
  <si>
    <t>                                           8' DON "RKD"  ill "Chicago Kid" nnd EAST SIDE KIDS in "Mr. Mukks Rides Again" ROYAL "ESCAPE IN THE DESERT"  Philip Horn anil "MANHUNT ON  ISL."  " GUARDSMAN" Willnril Parker  W'l Anita Louise LINCOLN "\VH,D HIM/'  in "Hidden Valley Outlaws" ami "VALLEY OP VANISHING MEN" HARLEM "WILD HILL" ELLIOTT in "Mojuvc Firebrand" nnd "LOST JUNGLE"      Chapter STRAND DON "1 KW"  ii. "Man from the Kiofirandc'* and "NEW ADVENTURES OF TARZAN"</t>
  </si>
  <si>
    <t>                                           In Memoriam                 In loving memory of our darling son and grandson. Master Willie W. Burrows, Jr., who departed this life two years ago today, Nov. 11, 2943. Two sad years have passed s.nce God called you home. To be with Him in Heaven around the snow white throne. We often sit and think of you. When we are all alone, Fe is gone but not forgotten To that heavenly home above. Some sweet day we long to meet you. God know how much we miss you. i Never shall your memory fade. I Loving thoughts shall always wander I To that spot where you were laid, i MR. AND MRS. WILLIE W. BURROWS, Parents. MR. AND MRS. BURL HODGES, Grandparents. MR. JOHN THOMAS. Grandfather. In Memoriam In loving memory of our dear sister and aunt. Mrs Lillie M. Madden. 101 Hillinrd St.. NE. who  this life three years ago, November 7, 1942. "The flowers I lay upon your grave May wither arid decay. But the love for you. sister dear. Will never pass away. God needed another ansel To worship before his throne. So He looked from heaven And called our sister home. i Sadly missed by: MR. AND MRS. THOMAS SMITH MISS NETTIE WILLIAMS, Sisters ,MRS. LILLIE NEAL. \ffiS. ESTELLA FAVORS. I MISS EMMA L. SMITH. Nieces. T-4 GREEN SMITH. Nephew. In Memoriam In sad and lovine memory of our dear wife and mother Mrs. Marie Garrett Brewer, who  two years ago today. Nov. 11. 1043 Sirer In our memory dear. We see you   near Always with a smile of love and care. That makes It ever so hard to bear Sndlv missed bv: MR RALPH BREWER. Husband PVT. R. C. RALPH BREWER. Jr Son. MISS  BREWER Dauchter. MASTER GEORGE BREWER, Son. MAFiTER.  BREWER Son. Card OfTFhanks The family of Mr. Vlrcil Chapman wishes to       their friend* fnr  words of condolence and ' *   In the  nf their          hn? nnd brother. MRS. JULIA CHAPMAN. Wife.  CARRfK . Sister MF. /~N"O T^RS WILLIAM CHAPMAN, Brother and Sister.</t>
  </si>
  <si>
    <t>                                           WATCH FOR OPENING DATE Of The New Home Of Smith's Record Shop 190 AUBURN AVENUE BrijEigg _^VBS 3 . the      B/3C^^~S^3n       '~eU  E iBr^-r^ 1 1 of rear* ago.           ' =ror              ^^P10 everywhere   *e f llr*J1'Vj*'2'sb'""'~'d nub ft Bg/I \'V!~y ^John     Conqueror *'-^%J'~i8r.\fSS[      bu ' myrtle' power* to . MONT5T. BCCCEStf. rOVE, HAP. 1-INE83. If ron tack  dt of .  Prophrt'i      John the               .loo Oil     bo      BMd. ConUUnj  Ulch Jolia tut Connnwor Boot In GUARANTEED nti. nolT type    oil,   .  to tbe BIW.. Lante              Hh full  Infoimullon,  *1.    ot C. D. pla.        .    With John the           Ktceooloo Oil for 7     . U Ilioronrhly .   will     . Prophet Product Co, Dcpt. SOT Ml W. US St. New Xork XI. M. X MADAM MINGY A Genuine Palmist and Tnu Adviser. Mo Complete Reading* Stoj n*~i^^ Wlthont asking Bin Hf' 'JSH S'e   be will iK^a     "~  ecret  sires snd (   and bow to Htjr*] (*~n . Gives never KT^ advice, en all ^k jl M*tl*ln ot lite,  B^~- m lore, Influence, money matters, business. In fact, no matter what yoor problem ma; be. Stop being a loser, change yo^r lock. Gain tbe things you want most tn life. See ber today as this  pecial low price may not be extended. 40 years experience ten rears In Atlanta Is MADAM  S guarantee to yon that ne Better reading or faster result* can be obtained at any price, anywhere. Headings Dally and Sunday 10 a. m. til 10 p. m. SSZ McDonongb Road, across from Federal Prison. Take Fryor Federal Prison ear U end of line. Look for Neon dgn.</t>
  </si>
  <si>
    <t>                                           Announcement To VETERANS Rrcnusc: In union I here is .h and in friendship and association there is understanding and aid. Therefore: The soldiers who have done so much in all parts of I he world for I'rcednm and Democracy and 'r- who     - now-rel  -- fo-a-(,*     ..            Hireling and Talk. This Wednesday. ,s p. nt. ai         Street YMCA. Come out and hring a huddie. The main purpose of the  is to present In the men for a wide awake progressive or^. Time; Wednesday 8 P. M. Place: Butler Street Y. M. C. A. Committee: William Hodjres Julius Childs</t>
  </si>
  <si>
    <t>                                           f1 75c II For Oversea* Mailing! 60 C I 8-Ouncc Cans I DOAfJ'S SPANISH LY0H'3 I KIDNEY Saltod TOOTH f PILLS' ^Jf^^ POWDER II ; . For parties', etc. Nour* #% g* I ^^C   ncl full of vitamin..    L JL?5c 5   * $1.1%, A 50c Puritan y: Largc-siu  FLY KILLER I COLGATE BLEACH I DENTAL CREAM D.D.T. I cream ab O*s. Qts. I' *9*"7c ^.../~a 23c 79c,.J^O/ I  k-1.25 PERUNA TONIC 89   I ALCOHOL F 50c WITCH HAZEL Pt. 16c 1 cuT tT1 9    3Oc CUTICURA SOAP 19c I L)P    50c TEK Tooth Brush 2 for 51c I Y 50c HALO I S1 KREML HAIR TONIC 79c I SHAMPOO I 60c SWAMP ROOT 39c I Vor softer, M 1 OK C C C TONIC QQp I A 4031c IT V. G. B. 50c     BABY POWDER 39c compound 60c W1 For the Eyes 49c lfi ounces I female OQc I 50c PABLUM Large Size 39c tonic. ~*yj 75c HEMO Vitamin Drink 59c IP W T1 35c FREEZONE (limit 1) 16c ^r Stop that CouRh! I CREOSOTED I 250 BREWER S YeastTabs 59c I EMULSION I MINERAL OIL (Ell-Dee) Pt. 13c I SSSSWr'^SKOQe PEROXIDE (Adde) 16 Ozs. 17c 4 H ad duv to comm9n1    IV w . J1.55 ~'ie w JM A 1 f^AY S Ha7V^P^I^^ IRON CORDS 59CI^' ^T F, ,-f 4g The Famous H Insecticide fl EVERSHARP 1 29CJ "SKYLINE"    '4   FOUNTAIN PEN  F$8.75Sto $14.75' I TONIC  I 125-Ft.KollKHcl.cn ^~k ^l""! CELLOPHANE Qc Bl _jfl For tunny home needs. ^j^^^^^^^^^^^^^^^H ^^^^^^^^^^^^^^^^^^HF^ For Health and VIroi-I r DniFPrSTY 1 VITAMIN 1 I PULtKUtA CHN fo^ 1 I For Relief of Hay Fever B Builds added  B I A few droo. In   h nostril QQe  and m giv^s Jtm3  oo relief, Luting Mil ^H . M ^Lfor *. $1.25 size.  jB^L. ^Hl F JOHNSON S J 100 ASPIRIN 1 BABY OIL J TABS- 5-Gr. I 5Oc size 43  EH-nce qc I a^^aBHa^B^aaH^BBaaBBBHa Brand I $1.25 SI Ml LAC $1.00  BABY ~^OC Medicated Cream FOOD W*# roz. "?Qc ^R  $1.25 size. c Jc I OIL CHN   20 for 24iC I SHOE POLISH ft ^^-J . Tan. Ox Qc I MANGE 1 'Blood. Brown. Black.. +J I i-vm, I ^mmmmmmm% REMEDY I FOK THE KIDNEyS I S Ozs.    f\r I DIURETIC PILLS       .... ^1 EM-Dce AOC JA^^^^a^^^^^^^^^^J Bottle of 60 T^ _  ^_ ub" I -JEST I I 5 LBS. EPSOM I     l PSCt St0TAe I If SALTS J7 49   PINT A Wliy Surfer. From B Acar Aj;:(r .t Oil I ._IIM_.ina. I EMULSION I RUPTURE 1 ft6 ^r1" 89C I Don't let Ruptnre make life ~^~i^^^a^B^HH^^i^J miserable. Let May's  I -T^^^^H trass titters select the correct I 25C PALMER S 1 truss to suit your Individ- I Cu-iki I ual needs. I BrVIN m f\f, I fui.i: consultation ^WHITENER X%r No Mcrchnndisc Sold to Dealers</t>
  </si>
  <si>
    <t>                                           BIRTHDAY OVERSEAS Pfc. James Leonard Davenport son oi Rev. and Mrs. Y. L. Davenport, celebrated his 25th birthday somewhere in the Pacific. He is the husband of Mrs. Imogene Harden Davenport and proud father of two daughters. Jean Malissa and Jennie Natasha. During his stay in Europe he had a far-reaching experience in various theaters of the war. He served in England, France and Belgium and is now in the Pacific.</t>
  </si>
  <si>
    <t>                                           "WILL YOU TAK^^U^^ W wra forni helpers Jr^? llie^ Boys,  j li I wtl A FARM jom A huge farm-help shortage exists In 'wO{ this area! Our crops must be saved Get u farm job- time, week-ends, Sunduva, 4,~)0,0 0 volunteer farm workers will buve to . during your . Help feed our Armed Forum, you can jo    than help bring our fighting Allies, our  . ;n t^c fo(KJ. You'll  the  nl, outdoor The war effort needs every scrap of food grown. life; and you ll be  prevailing rules aa you Yet if the 1945 food crop is to be saved, serve your country.  fek VOLUNTEER NOW- /~Scuiltru  ^Sieiitlemaii           !* H^S'SaJ NATIONAL -"OKEs^NV6^on, how you can help harvest Tomatoes, Pota- a cortis  toes and Fruit. Workers are needed from Thu campaign u on, of .  by Th* Curt* June 24th to August 7th. PuhlUhlng Co. in  of the tear effort. It It  placed In * throughout the country by County'I CentUman at a  -nice to Agriculture,</t>
  </si>
  <si>
    <t>                                           Ifll '"-'W^ 'iC M C v^~ JJrHVt}^*    .^^^^ ''^ ^BllSHfcw M' ^^ jB       . ^~^^^H 0 f  eln!Kle.HOME USE *n-tfM  assists yog li lkt       af (. Improv* your  with  tool- (       .JG SAVINGS. We   fit, bights! quality and   citi BMasfalp:* 'Just sand nama and  (u Hit  ud  Maraatlon. Writ* today. --..v ij,T KQMEr SERVICE SPECTACLE CO. 1011HWE CHESTNUT ST. PHILA. 5, PA.</t>
  </si>
  <si>
    <t>                                           NEW YORK, (SNS)--Hope of a rematch between Joe Louts and Bulb, Conn for the heavyweght championship the world faded when it was disclosed that Corporal Conn had been appointed to the staff of the Army Athletic School, Army University Center.</t>
  </si>
  <si>
    <t>                                           A Little Skylight If Peter's robbed In  Poul, Where's the  After nil.</t>
  </si>
  <si>
    <t>                                           Hometowners Petition Truman To Name Negro Labor Undersecretary                 Chief Executive To Get Chance At Needed Job                 KANSAS CITY, Mo. (ANP) President Truman's  ore reported to be drawing up a petition to request him to  a Ncrio us undersecretary of labor.                 Thiit action was  upon last week by a croup  and .'ackson countv citizens  a  hero in the offices of the Kansas City Call. Such an ap pointment will give President Truman an opportunity to do for Negro people of the country the service lie declared himself in favor of when he talked of fair  for Negroes, they explained. The FEPO loses its power, with (Tip end of the war and the cancellation of war contracts, until such time as a permanent bill p-iving it authority over peacetime industry is passed. Ihev pointed out. The  of this bill h  till in I ho hands of congress, although the President has  ant' seven} times in its heli.ilf. The chief executive has the power to name ft Neero as  of labor whoso duty wil! he to carry out the policies and practices of tlie FEPC within the framework oT nn already established governmental . The group believes President Truman will give utmost consideration to the petition of his fellow bnm^, which will soon be available for signatures.</t>
  </si>
  <si>
    <t>                                           KANSAS CITY, Mo. -- (ANP) -- President Truman's hometowners are reported to be drawing up a petition to request him to name a Negro as undersecretary of labor.</t>
  </si>
  <si>
    <t>                                           The police as well as the attendants and physicians at Grady Hospital were forced to work overtime over the holiday weekend Several aggravated assaults were listed by the Crime Bureau of the Atlanta Police Department and a large number of victims were...</t>
  </si>
  <si>
    <t>                                           A Little Skylight                 Many men arc Who to-day; Men that wsr eras taught to pray. -5. j.</t>
  </si>
  <si>
    <t>                                           'Look Who's Here! c*r i PROPHET ALI BEN-DO AM) MADAM ALI-BEN-DO l.i-yund the 12 power.-: of man. :  'r-:vt of the ages. Our plans arc  i. IX-. V; hy worry, suffer and bo J'jv.'hY He is Die  of the  of this day. He helps you :n i-.l! trouble. If you re ^ l.:.ikv.';     instead of forward, if ^s are not ^ well with .mhi. come see this man nnd le*. li iin help you. Spiritual advice. Daily except S::t . Positively no work or sij.j. ointments taken on Saturday.    -ur.' are 10 a. m. to 2 n. m. an'! 5 p. m. to 7 p. m. Has incense candles and oils. Phone RA. SOF'i. Address: 111 Ashby Street. N. W. fan also make appointment. Plea.~e do not phone or call  hours. (Adv.)</t>
  </si>
  <si>
    <t>                                           The 1945 grid season opens officially today, when the Blue and white Bulldogs of Booker T. Washington High School tieup with the strong Sterling High eleven of Greenville, S. C. The kick-off will get underway at 3:45 p. m.</t>
  </si>
  <si>
    <t>                                           tm DepU KH-5 Mt. Pbco, N. Y.  W.! "old    bci a,  '~ ^"~yr ifM i- i .1</t>
  </si>
  <si>
    <t>                                           MARKS  Pfc. Clifford J. Wyehe. son of Mr;,. Annie 'Ihoinas, .111 Moncliron SI.- N. W. celebrated his -JMrcl birthday Friday November 7. . i' in Franco lie ll;is spent  .s in Germany and has ix-un .*: more than 15 months.</t>
  </si>
  <si>
    <t>                                           JEAN WORTH  WADERS OaTto your. name. Ask you no cue*, tons. Olves .the object of your visit Telia who you .want to know. Advises, to a certainty. Help* you no matter what your trouble may M. All who are unlucky, unsuccessful or dissatisfied! we have a remedy. Come today, tomorrow may be too fete. Hours  JaVfr from B:0o a. m. .to 8 p. m OJosed WedaesOaya.  rooms lor ,WUU aoo \  AT VM 8        v - *~Mk rut City Utth H      Btrwt. Almmd Park or BtV.</t>
  </si>
  <si>
    <t>                                           My mother passed while I was on rounte to the states. She was very devoted to me and her last words were messages to me. I have returned home and I find no peace of mind there. My Dad is old but able to take care of himself I have a sister that lives in the hometown...</t>
  </si>
  <si>
    <t>                                           JEM WORTH fBl  UEAUERtt JiiiiA  oul oame. Ask you no . Olves the object of your visit. Icils wlio yuu  iu . Adrises to a certainty. Kelps you nc  " trouble" iray- mr Ml who are unlucky, unsuccessful  r ^. we have  Some today, tomorrow may be toe late. Hours da.'ly from 9:00 a. m. to 8 p. in. Closed Wednesdays  rooms for Wnlt*  no - LOCATED AT 126  BANKHKAli HIGHWAY i Block ruit Cltj Umlii bi Amor.y Street. Almond Park or bit</t>
  </si>
  <si>
    <t>                                           Louis Lautier Heads NNPA News Service                 WASHINGTON (NNPA) Louis Lautier, administrative assistant in the office of the civi- i lian aid to the Secretary of War, was chosen by the executive committee of the National Negro Publishers Association, meeting here last. Friday and Saturday, to head its news service which is to be considerably expanded. While entering unon his new duties immediately, Mr. Lautitr's resignation '~om-   '' -Wai* '" will 'not take effect until the close of business on Orfohcr 8. As Washington _j?    1spom cnt_ for a number of newspa pers71ffi\T l.autier has had       experience'                 in the  and . tion of news. He has represented in Washington The Afro-American .Vewspapers, the Cleveland Coll and Post, the Chicago Defender, the N'orfolk Journal and Guide, the Pittsburgh Courier, and the Houston Informer. I Mr. Lautier transferred from the Justice Department to the] War Department in January of 1942 and recently he was - the Meritorious Civilian Award by the War Departrnent for nut-  work in connection wi(   Jjie employment nnd effective 1 1 i  1 101                                   in that agency.</t>
  </si>
  <si>
    <t>                                           j, GIVE HER A CHESTERFIELD COAT FOR CHRISTMAS ^V I J. Chesterfields an- *i"V 1/    Jm j. -I. Rraceful and      J *-i '/f' I a favorite tills se:i-  B H_S 0 t.-t^V- .''S son. Kicli. all-wool Z' 5*f \% S- S"' t  ^   #"A,. i f\ I I New Fiir-Trimmrc) CluaLs  3~^7  7 3 'v  r* ^_jS.) I Nrw Fur-Trimmtd Coats 24 75 l1**^" Casual and Sport t:~Kils     ^S fj rr^ T" Other fHU SuMjestinns Her: v I Dress Sweater .J--~ { *Suit Bag ll I Coat Tfer Btouse Robe Shoes tf JSfr          A SfvlART NEW^ I ." OVERCOAT FOR CHRISTMAS v f. I^I^^K^^y^S riu-Bi..v in     \tU tv ffl^^^Jfift^r ;;~ur   unit e!tar$   }!  sr^ART hew ^     $!^ '"  ;; a" *?4 ^n K^B^^^^3 CiJt Suggestions for Him I t SB ^B O'crcoat BiSifold A I to?  -A- Shirt -Ar Sport          "A- Sweater -jk,- Jackets JL P Jjm YOUR CREDIT IS GOOD AT ^A THES FRIENDLY STORE /^OtftliUers tor"\</t>
  </si>
  <si>
    <t>                                           ESji^gl This Quick, Easy Way! ^ Tulie        out of the ^HuF SHORTEST. MOST .STlllUOUN. .Y HAtll. Muko It   lth .ICIv. Our * a duy ^i   and      4 a morp lA*. -        ]  . ,th^ kind I  attract!*  . Cnll pound   lzr only St.uo. 8fnt C* 1)  . r.l  to      *ty you or purt-* prli-r .  AltlS. 1 C Kolb Ate.       n-1', Brooklyn 1. N. V.</t>
  </si>
  <si>
    <t>                                           S^ JWORi$ ff^       ^BHSOruaUl  * 'SaSsSKsSSr mo bi " ^ OKAXMt. aaa W "attract" Ooo4 Inek la Haatr. Qtmiii X*t*( BmIum, Wort. ata.. Ow      t* "'1 StlleTi 1b Lttok I Cutt fair  f   Oaaslaa Bialuna Bad Urn  Wa nika     . 91^7  for Ilia two. with cOl . II. n and lto  U O.O.D. (           0DA1- ar Knar Satonud. Oidar rnn  OWI  CO-D.pt. 94 M, Main P.O. W Bax 7Z. BROOKLYN, N. Y. M.  OVilUHTIZ      Oauita Snlusa      ara AtTTZI Wa   what watt, tka . - . JTO OHAWlSa. 1 B30K1T     JOtXIOl                    'WXia</t>
  </si>
  <si>
    <t>                                           (= SIGNER LETTERinO On OLflSS-CflRDBOflRD-CLOTH--UJflLLS WINDOWS OFFICE DOORS 0 TRUCK LETTERING SCREEN PROCESSED COLOR POSTERS HIGH QU/ FAST SERVIC6 LOW PRICES JAckson 4030- WAInut 30Q4 355 AUBURn AVE.R.E. CHAS. CURTIS MV..(}iy  ARTIST  DISPLAY D6PT. J.M.H/6H CO)</t>
  </si>
  <si>
    <t>                                           *\y^.'--\-      l.    MtnH -I* l.         I    .~t   -:     ,..~ ~;,teh^ ..f . ... i. M'-rl "I i ,;i."w ~'T:"t'' y B"tM" ""~p"-. Aitr.-^c.fi ll.'i'\Vrnr1~,l'(;il.^ll.lW^ir!'lu-ti ui! i ir~"nVi'~,Vi'!*V-'V" IWi"1"1"- Trlf,MWh.f(,,r j .\AT1f)NJlt DM-MONU Jol i i in M. it Aw.. in i t.  r^: 4llM-:~i:~~ Mi. Illlnol i HAIRDRESSERS j j Wliitr Stool S 7.50 j Itlnp Slrol .i.'Mt UntiRlitnn Black I^.SO  SEE Tlir only  i(ll,   Jlnrt'ol 1'"" I" I i.i.rl.P On .Ilv,.la.v trum 11:00 A. M.  Midi 7:I!   I*. .^1..    \fii       it . Our Miih-.I      . In Iivii     I  .    * ntu l**  our nun "in--1 ill*-*": Illur Stri-I or (lir Nrw  Illnrk (A l n l-~nr A.[~~.              Imnillr. Hint I'llltilimtr i-     * itml          InvH;, ur*~      -   n  r tli"        -rn.  . mi IiinIvp, V. 1~. SimIIIi . M  for  InfortniHnn I .\      .Ilulit'l iron-..*" !'.ll-!~" 1 n ll-.-t^rt. i.l:iin-~""  " tnr i!::lit  our         inar-     nml (      *-~            ^ HArorn  Inir .  SMITn inn lli/~iu.r I'lilhi. Ml, IM. 'ivi,.~~    * ri:""'"-  T I</t>
  </si>
  <si>
    <t>                                           so-coon chemical co. HnShuHl Hair               Imve Irfrn muni   ml   lo tin * who mnl It for III*   ut to . Thrn SKZitiUL OO*~1   dl* D^ . TIi^mi * ^B^ji^k ****n^ '~r y***** for It ~^Hf^HQSy^Bi   *       A \     An wt**nt* In j-mir  r*~rt to Ihft (*      ttw It. Wri*~      nl  for  Ntitl pric*1*. MO-~;       B0  H(l-r;        IMI   * HO-ClOOIt   ir.t,n Htitip     Wn  ull            .       mun*r or*  Irr- or '" for      ". SO-GOOI) HAIR  )1B C'hnroliro    . AUiuils,</t>
  </si>
  <si>
    <t>                                           I E^i^i^BI """^^Sl ^BH^w Double-Door Utility Cabinet ^^^W^I^HH^^ As shown In all-white enamel on  ^^^ti\ Z^^KKK^^ exterior. Five strong shelves, 12 inches deep. ^***jj^^^^^ Cabinet Is 63 Inches . 27 Inches wide, SI 44 and 12 Inches deep. Only 38 to sell at LM. "!^^l      Termi 50% WOO1L blankets HjJH%Xy^'%*-~v* ^            ^^         strong resilient cotton. They  d*95 ^^^S^^^ Colonial Spool Bed I 93 Pieces *995 'I ('~         Dinner Scri'Ic  for a One of our most popular styles in nice maple or wal- *l Seve. al e::r4u.sitc  any one of them nut finish/ Ideal for  irl S ro?m beMuse il s  add smart, way  to your table . 6 good for boy s room because it s strong. Firs-, quality semi-porcelain with -striking ^J'^Ji*'** t- Lndcr-glaze patterns that can t wear off. JB? %_W *     IRn"' Kaxy Terms fBe Luxe Lawson Suite This lovely 2-piece suite has fine  to give ultimate  The simplicity of VH fll  assures a suite which will remain In *9 l^il good taste. Covered in nice fabrics. Choice H H B^~^F Tnfc* a Ycnr Pay 116 WHITEHALL ST., S. W. Georgia Stores: c Ailnnta Athens Dnlton Macon Rome Ji^.J.CS--nr;j;rj.'-;' .E FURNISHERS FOR MORE THAN HALF A CENTURY -p^-- -^^in^cm</t>
  </si>
  <si>
    <t>                                           FORT RICHARDSON, Alaska remembering when you're thinking in terms of heavy fighters in postwar American," Technicial Sgt. Joe Louis remarked here recently.</t>
  </si>
  <si>
    <t>                                           L^P?^'"       Motl:lei sP'0ln* StraJm Bruii.tl YOU CAN HAVE YOUR HAIR PERFECTLY MATCHED FOR J^L% %' $^fe 00        Creation /Tmf f ~~'y Attached fc. 1 HomonHair- 3)U All Shades ~~^l BETTER QUALITY SEND NO MONEY ^^Lu lu.l Mnd . of your hah or I'al. .        PAY POSTMAN MOO p/m Pc,tag. on O.Kv.ry. Glamour Page Boy $z!so All Over Wig $35 00 Pompadour Clamour. .17.50 Half Wig 1950 All Around Roll 8.50 Jsl Qualify Page Boys 8 00 (A D.pcf, of SO'/, i. R.,u;,.d w;,h Jh... o,d.,,l AUO PUFFS. WIGS AND MAIDS SATISFACTION GUARANTEED GRAr HAM   SCNO       TOOAr W. C,,,y Full lii. of -AU   Mi,,d Groy } BESSIE KARE BEAUTY PRODUCTS COMPANY    507  AVE. (Room 90s) NEW YORK aVf</t>
  </si>
  <si>
    <t>                                           An invitation to address the convention of Negro Democrats in Columbia October 15 and 16 has been declined by mayor Fred D. Marshall, whose part was to welcome the collection of Democrats from all over the country to Columbia.</t>
  </si>
  <si>
    <t>                                           p -I ^mS0P*F%~P^ display % HfllR STYLE CHART JjnHKl ATTENTION  ^^JBfHjLraH FREE HAIR STYLE CHART I V ^^/B3         CLIP THIS AD AND MAIL WITH YOUR NAME ANO ',.-= rj ^^^SSSmSBSSSfSgB^ ADDRESS FOR NEW SIX COLORED 20-~2   DISPLAY CARD^- NAME HH^~H^-H-~n.^^_v____^.M^-~-~M.^^.^ Jbb^b^b^b^P^^^JmMHHb^R^UbSbH^b^b^b^b^H ADDRESS --^^^B^^^SrS^^S^SS^^^</t>
  </si>
  <si>
    <t>                                           LIBRARIAN RESIGNS Mrs Etta C. Washlncton, librarian of the Negro Branch Library. 1413 West 16th Street has  because of ill health, alter 2"! years of service. Under her direction, circulation of                 I the library has approximately  itself and she hns been highly commended for her fine work through the years. Mrs. Washington resides ut 1517 West 17th Street. Little Rock.</t>
  </si>
  <si>
    <t>                                           The following have received discharges from the armed services recently:</t>
  </si>
  <si>
    <t>                                           Veterans                  Today                 Veterans  scheduled a mass meeting for four o clock P. M. today at Morehouse College to  problems of vital importance I to them. Every Negro ex-service man In the Atlanta area is asked to attend this Important assembly sponsored by the Georgia Veterans League, Inc. The League will present a progr.im of action for veterans on the home front, designed to bring a lull share of the democracy that they have been fighting for in the war. Authorities will explain the rights and benefits that are due every I'Picrnn regardless Of raco and the men will be given information as lo where and how to get these IX'lH'fltS. The League, which is fast  as u state ciri;: of Negro veterans. has a. platform, known ns it.s "Fourteen Points of Aclion," that includes every veteran a registered voter, equal school                 [ and equal salaries, equal health and recreational facilities, equal hospital provisions,  ca! and industrial training for NeI froes, and equal justice under the law. Relatives of discharged servicemen are asked to urge them to attend.                 Medics Join In TB Control CHICAGO-  The city s outstanding Negro doctors joined j with their white colleagues In a two-day 'conference Tuesday and Wednesday at the Palmer House j here on "Control of Tuberculosis in a         ! Area." The conference, sponsored by the Institute of Medicine ot Chicago, wax addressed during the Thursday moraine session by Dr. Midian Bousfleld. formerly commanding' officer of Station Hospital No. 1 at Fort Huncluicn. Ariz., on "Tuber(Cuntintiril on 1'arr 2.     . 71                 Medics Join (Continual! from Vxgn I)  In Negroes." Dr. Julinn H. Lewis, noted pathologist, affiliated with Provident  uml Otlio S. A. Spttizue institute. Juincil in the discussion. Other Neyro medical ." on the program were Florence C. Williams, director of health ed""atton for Negroes of the Tuberculosis institute of Chicago and Cook county and Ruth B. Taylor, supervisor of social service. Provident hospital. Dr. William C. Danforth is president of the Institi te of Medicine of Chlcaco.                 Col. Ray Replaces Gibson Thanksgiving WASHINGTON- (ANP1- Lieut. Col. Marcus H. Ray. who is slated to succeed Truman K. Gibson, Jr.. as civilian aide to the secretary of war will assume the pest on Thursday. November 22, according to official .sources in the     department. I.t. Col Ray is a resident of Chicago and was a member of the Eight Illinois regiment prior to the war. During the war he served in Italy with the 92nd division. While Mr Gibson Is expected to retire to private tew practice in Chicago next week, his assistant. James C. Evans, will remain on as assistant to the civilian aide. Prior to coming to Washington. Mr. j Evans served ns administrative assistant to the president uf West Virginia State College. t Business-Trade Unit To Honor Rogers Henderson The Allan!.-. Business ir/1 Tra.-I* Assoclaton hold Its  monthly mco Jn^ Tuesday -.: from 7:30 to 9 o clock In the Butlir.- Street Y. M C A. i The meeting is being advertised as "The Rogers Henderson ." !t is the wish of the members and friends *.f the ;:~. i tu   - for tin:  of  Mi rogers Hendosson by Ii. nn nll- membership anil visitors In ul tendance Executive Secretary Robt. R. Reed has sent out u number of letters Inviting thi? business men and women of Atlanta to attend the meeting Amonir the Interesting:  t listed on the agenda of the evening s program is an address to be delivered by Editor C. A. Scott of j The Atlinta Dally World. He will discuss The Relationship Of News. I paper To The Community. All business men and women arc Invited to ultimo this meeting.</t>
  </si>
  <si>
    <t>                                           AIRBORNE FIRE-FIGHTERS DESCEND ON THE OBJECTIVE                 Negro  , using technique! developed in Normandy, Holland and     Rhine crossing, tumble from a Troop Carrier Command plane over the scene of a firt in the Northwest Assigned to the 65oth Parachute Infantry Battalion stationed at Pendleton. Oregon, these paratroopers aro assisting the U. S. Forest Service in                 .combatting fires. (U. S. Slpial Corps photo from Bureau of Public Relations. )v</t>
  </si>
  <si>
    <t>                                           Douglass Home Issue Still Looms As NACW Problem                 Control Of Management Appears Pertinent Question                 WASHINGTON- (ANP)- The Fred Douglass Home issue is s^till a major problem lo the National Association of Colored women.                 During a meeting- of the major boards and committees of the organization here last week, Mrs. A. B.. DeMent,  president, presented a report of the consolidated committee of the major boards that urged the trustees of the Douglass home, to define the status- of the National Association of Colored women.                 The boards have come ,to :in agreement with the trustees of the Douglass home. Mrs. DeMent said, but  advice must be sought to clarify several Issues. The control of management appeared to be the pertinent -question. The Dcuglass Home trustees were appointed- by the original, trustees selected by Frederick Douglass' while wife, PLAN POSTWAR WORK The meeting, which was  to receive reports from state and sectional organizations of the NACW. outlined plans for postwar work. Mrs.. Mary McLepd Betliune. chairman of the headquarters, board, succeeded In raising $2,500 In 20 minutes during a Saturday ? .Thc rally was opened by Mrs.-. Grace Evans, chairman or the executive board. LEADERSHIP' ADDRESS Addresses were made by nye honorary presidents. They Included' Mrs. Mary Church Terrell, first president, of the association; Mrs.                  Sroafcr, Vw ZietL. Tord. Mass.; Dr. Mary Waring, Chicago: Mrs. Sallle W. Stewart, of Evansvlllc. Ind.; and Dr. Bethun*. Miss Nannie nelen Burroughs, president of the National Training school for Women and Girls here, made an address on leadership. Other active members were Miss Jane Hunter. Cleveland, chairman of tho Phyllis Whcatley home; Mrs. Lizzie Foust. Frankfort. Ky.; Miss Nannie Reed. Chicago: Mrs. Christine Smith, and Mrs. Julia West Hamilton. The IBM Juuuue meeting will be held in Boston and will mark the 50th anniversary of the founding of the association. President- DeMent said.</t>
  </si>
  <si>
    <t>                                           WASHINGTON--(ANP)--The Fred Douglass Home issue is still a major problem to the National Association of Colored women.</t>
  </si>
  <si>
    <t>                                           Says Increased Race Employment Rests On College                 Increased employment of Negioe.s in  and  positions In the U S. Department of Aijrlculture Is dependent in part upon the development of a  varied agricultural curriculum in tiie Negro LandGrunt colleges, declared Dr. Ernest                 M. Norris, special assistant to the USDA personnal director In an address recently before the Conference of Negro Land-Grant college presidents meeting in Chicago. -~*o(?- -- the-^Bepsrt-" ment of Agriculture hfis Increased 1 Us Nearo personnel In the Washliigton. office from 215 to 85!), or 2)3 between '41 and '44. Dr. Norris said  nng factor contributing to  expansion would depend upon the development of training  in the Negro colleges which will rend to qualify their graduates for more and better position in the Department. This, he  airl. would require that nil of the Negro Land-Grand colleges maintain well-qualified staffs, provide flexible curricular . find give  guidance to Individual students. Analyzing She Department's  with respect to Negroes, Dr. Norris presented charts showing (hat of the 119320 persons employed only 1,850 were colored. This inWashington and the field In 1941, only lASO were colored. This Included' 850 extension agents. However, he pointed out that while the Department's personnel decreased to 78,721 by 1044. the number ot colored workers increased to 2.503, or by 35 percent. Significant, too. he . Is the fact that while In 1941 over 82 percent of the Negro employees were In custodial Jobs and only 17.3 percent were in clerical, subprofessional, and professional positions, by 1044. the latter had Increased to 48 percent., and the former had decreased to 52 percent.</t>
  </si>
  <si>
    <t>                                           Increased employment of Negroes in professional and subprofessional positions in the U. S. Department of Agriculture is dependent in part upon the development of a more varied agricultural curriculum in the Negro LandGrant colleges, declared Dr. Ernest...</t>
  </si>
  <si>
    <t>                                           Hair,. Beauty adds Loveliness...... -s-^  .{             HAIR pomade ^HhE^^^^H^^^^^^^HJ^A^ Import* Emollient wM^W'-*' jrf*ST*'^S ^ n't Temporarily "BiwH^^y^ 7 Wiutitull)'        ) .     **~ ExelentoS Hair 1 Pomade liEs^^S^^ft [SEE llw  RjowttK plow It      )out hilt S^ W U i FEEL     *1 Mraicfet uti  U^^V-I^~A^ U  V*#^^. C/9     .~nd Prtning Oil ^2^****^^^^ /      !Kt f of    *!     '~    ^     . DdjubMljt 25c ^3 522FA. -. ApjIrlmlT. m  dreg</t>
  </si>
  <si>
    <t>                                           Little Rock Teachers Win Double Victory In Appeal Of Pay Equalization Decision                 Arkansas Tutors i Double Victors In Equal Salary Case                 St. Paul, Minn. The NAACP not only won its three year fight for equalization of Negro teachers salaries in Little Rock, Arkansas, -through a ruling here, June 19 by Circuit Judge Thomas in the 8th Circuit Court of Appeals, but reversal of an earlier decision in the lower Court and an order" to the District Court "to enter forthwith the declaratory judgment prayed for."                 The case of Susie Morris and Frances P. Hibbler was originally filed February 28, 1942 on behalf of Negro teachers of Little Rock against Russell Scobe, superintendent of schools and the local school board. Alter  motions wer* .disposed- of; full- trial on'-the merits-Began- -Septwabir 28, 1942 and concluded October '3, 1942. NOT PAID EQUALLY During the trial the plaintiff and other Negroes testified as to their  and experience. Members of the school board and the superintendent were called by the plaintiff as adverse witnesses. The plaintiff maintained that Negro teachers and principals were paid lower salaries solely because of their race or color. The defense was that all of the teachers were paid on an individual basis pursuant to an elaborate rating system and denied that race or color was involved in the fixing of salaries. The record In the case, consisting of 832 printed pages In two volumes contained all of the salaries of all of the teachers, minutes of the school board, and other material. On March 10, 944, United States District Judge Thomas C. Trimble entered an order dismissing the complaint Jot the Negro teachers and awarding defendants costs of Court. On the following day, attorneys for the Negro teachers filed a notice of appeal to the United States Circuit Court of Appeals. In the meantime, the defendants refused to rehire the original plaintiff, Susie Morris, and Frances P. Hibbler, another Negro teacher intervened, as a party plaintiff pursuant to order of Court. ARGUED MAY T The case was argued before the United States Circuit Court of Appeals for the Eighth Circuit here May 7 with Thurgood Marshall and J. R. Booker, of Little Rock, representing the Negro teachers. William H. Ha8tle, Chairman of the National Legal Committee, Edward R. Dudley. Assistant Special Coun- sel, and Myles A. Hibbler, (Contlnued on page 6, col. 2)                 Arkansas Tutors (Continued from Pace 1) ed os of Counsel on the brief for    . Negro teachers of Little Rock. The concluding paragraph of the the June 19th opinion by Judge I Thomas reads as follows: "Thic judgment dismissing the complaint is reversed. The case is remanded to the District Court with dl- rections to enter forthwith the declaratory judgment  for** I reserve jurisdiction to enter such j further orders as may be required to  the .' effective. I and for   not j Inconsistent with this opinion. The i District Cnurl. is also directed that such judgment  be without prejudice to the  of the plaintiffs in rase they believe their declared rights are violated to  for an order requiring the defendant*; to show cause why the injunction prayed for in the complaint should not be granted, or for such other appropriate relief as they may elect to ." I The American Civil Liberties Union filed brief  curiae in the U. S. Court of Appeals. Immediately after the favorably decisions In the Maryland and Virginia teachers' salary cases many local school boards attempted to                 evade tho force of these opinions by setting up so- rating systems. The Little Rock case is the first test case of its kind to reach the appellate courts. It is hoped that the precedent  in this case will be followed by other school boards.</t>
  </si>
  <si>
    <t>                                           St. Paul, Minn. -- The NAACP not only won its three year fight for equalization of Negro teachers salaries in Little Rock, Arkansas, through a ruling here, June 19 by Circuit Judge Thomas in the 8th Circuit Court of Appeals, but reversal of an earlier decision in the lower Court and an order to the District Court -- "to enter forthwith the declaratory judgment prayed for."</t>
  </si>
  <si>
    <t>                                           !fe' Hsj-JirJKs """^r" si.' ~'n1 v,:;riI;^.l"':  NO moNEy. \tmr, iLd r;,,,,,_ 'ny ) pin-  us Or* . ., Chirfn*. Hmlrry  flC-. .!~ln. (     .  tid ^md.' INTERNATIONAL DIAMOND CO. 2251 Calumet Ave.. Dcpt. M-21 Chlnaco 1C Illinois FTOTMrtATWmra,MJWSKm,Bl** AND .Y CAUSED ,  THE WY OF LOVE, SUCCESS AW  WITH A  ^^^^H I Li I JlwA 1 1 ID ^KUjM^k Say "" to      B^niV . BMMij.  M^fSa^   -dnk   km,r^  ou lore. Kxxtaf rod  Ite Or. HCD MlMft SMn WhltoMT 7   ? M       torn ol Uiii '"     1   ; -ACTING         Ingredia* :~     to lighten . dark . YoM    lights, clearer  nd uned      /Trr It 7 dayt. H not        *  our moner win be returned. 2S cents it root                   ).BoT26        .  . Dr.  Palmer's Skin Whitener</t>
  </si>
  <si>
    <t>                                           i Beware Coughs I i from common colds i j That Hang On I Crcomulslon relieves promptly beI cause It goes  the scat of the trouble to help loosen and expel  laden phlegm, and aid nature to soothe and heal raw, tender. In- 1  bronchial mucous . Tell your druggist to sell you a bottle of Creomulsion with the understanding you must like the way it r. allays the cough or ycu are to have your money back.  {.ChcstCoIds, Bronchitis</t>
  </si>
  <si>
    <t>                                           Four Changes In C. M. E. Appointments                 Ga. Conference Termed Greatest In State History                 y w.  Miinpnv                 Bislion W Y. Bell,  ovt-r i lv 7 ith  session of  Annual Conference n Went Mitchell Street CME Church in Alten^nt thr Rev. B. B. Shorts, . has jii*t  a  able , said by vi^lton from -the  to have hern Uio                 spiritually 9   '~reit  conference they- hnd    -r attended. As In all of Bishop Bell's conference^ during the last  years, Iht*       *   In this one wan  upon the preaching find  '.ecv And In spUc or the fact thot  all of the preaching i uns done by   and conference , there  consistently maintained throughout i the nvc-dny  an extremely hich . level. ' hours The communion  was  by Rev. H. K. Sanders,  of the T! Station. The i  annual MornliMt Meiodlm Mfdlt.    d by Bishop Bell, were thU 1  conducted by Revx. JiV. 1 tin. or HoL-~cy Temple, Atlanta: 1 E. R. Coleman of Koiuas 01(y and i II. Carter of Trinity In AuriiuM. A noon-day mv.  u delivered bv Rov. U A. Plnlutnn. BUild HuptlKt president The evening     )Kf.~  ^l by Ret.i. Vts I,. WlRRlns of AuruhU, Rev. V. N'Riuiilnn ot RovHton. Oeor'al.1 Mid(ConWnufd on       Oat 8), {, 1 i                 BISHOP \V Y. BELL                 Four Changes Continued from Pare 1) J. D. Collins of Kmtou. City, Mo .SKV INSTITUTE A glowing  on the  glowing account on. the  of Holxey Institute was  bV Rev. Amos Ryce. Jr., lt.~ . Thix school which Is  nt CordeJe nnd founded by the Inte Bishop L. H. Holscy to train youn" people for Chrstlan . wtr. later revived by Bishop 1~!I wlv. added In-  !oi  nnd other ministers or all d.- nations. I Throuuh funds giver, liw  by thn Rockefeller Found^on i full-time worker Is -d p: the school and scholarship nr_provided, for the  of  students.     . Rycc cited a number of remarkable developments on the part of  who hnd come under the school.'! Influence. FINANCIAL REPORTS 1 The financial condition of 111" Oeorgin Conference which  making history through     ( round reports six years ngo under Bishop Bell's leadership, reached lw  peak in this season s Some $16,000 was reported, representing an increase of S5.000 owr last "s report Bishop Bell announced that  having paid to the general church claims for 1B45. there remains on I deposit in the Citizens Timt Com- nank Bank on Auburn Aveimn in Atlanta a balance of over 3 ?(J c; J This money Is to bi i:.=od in - i tion with property improvement and new church building.      *lx new churches now under consideration are fhc Hines Mcmonal oi Albany. The Linden Street Church i of Atlunta.  ne Hogaai/lr.~ Ch'.ir- 1 the Thomis-n,-i Church nnd i^-o churches at Columbus, Ooorgla. A fitting memorial  was held for the two decease!  late Revs. C. A. Wise and J. T. Singleton. A resolution was adapted I authorizing the Youth Heparnr.en- i under Director U H. Pitt*, to investigate the possibilities or  Boy and Girl Scout Troops. VISITORS j Among the visitors were the following: Rev. c. V. Hill. Central Georgia Conference: Hcv. J L. Mitchell of the AMEZ Church, Atlanta: Presiding Elder E. Roberts trad wife or the Southwest Georgia Conference: Mrs. Agnes Booze, nl                 Spclmon College Faculty and a resident of Oho: Rev. M. C. Ragsdale of the Central Geomlu Conference: Rev. W. L. Tate of the Jackson, Tennessee Methodist Conference: Rev. C. A. Talbcrt ol Gnmmou 'Theological Scnjinnrj: Rev and Mrs. L. t). McAfee of ihe j Southwest Geiirua Conference: Rev I A. P. Dunbnr. P. F. tin- Southj v.cst Georgia Cnnfi-r-nce: Rev. S. I U T)        !. V. is. 01 - Suuthj west Georgia C.ir.: Rev. J. J. Thomas of i Cutrni Georgia Conference: Riv. N. II. Humphrey id AKheville, N. C! Dr. W. L. Udcull of Columola, S. c: Rev. J. R.  of Port Valley, Oa., Rev. C. C.  of Perry, Georgia: Rev. S. A. Tliomns, P. E. ot Albany. Oa.: Rev. E. L. Green of Thomaston, Go. ISuiit. J. A. BrlclRc of the Atlanta i District McthodLu Church, Rev. JMacco C. Ptttiftrew or the Southi west Gpontfft Conferecc; Rev. L. C. Jones of Macon, Oa.; Rev. J. M. Petuvrcw. pastor of Lane Tabernacle and hast to the 1MB General Conference to be held hi St. Louis. Mo.; Rev. and Mrs. W. E. Woods of Winston-Snlem, N. C: Rev. A. T. Clark of Albany, Ga.: Rev. H. H. Davis or CoJumbiis. Ga.: Mr. I. Willis Coles, editor or the Louisville Kentucky L.-nder; Miss Grace C. j Bell of New York City: Rev. J. D. Parhain of Chiplcy. Ga. Dr. Luthur Stewprt. editor of the CME Chrs- tion Index: Rev. A. Bell. p. E. ol the Port Valley District: Mrs. Rosa tie I. Hollls of Oklahoma City, Olclfl i Wumnn's Connectional president ol the CME Missionary society. Rev J. Key, P. E. of the Central Georgia Conference: Rev. H. W. Evans pastor of St. Paul CME Church, New York City: Dr. E. R. Co.' of Kansas Citv. Mo. Mr. Ma'.one ol Chlcnco. 111. Mr. W. H. Shell of the USES. Atlanta: Rev. L. H. Pitts. I director of the Youth Department of the Sixth Episcopal District C. M. E. Church and Rev. M. L. King, pastor of Efceiiezer    )tist Church Atlanta. CONFERENCE DELEGATES The following  were I elected as delci;ates to the next I general conference: Revs. ,T. D. Hudson. B. R. Shorts. J. M. Me- I Math. S. H. HnrrLs. A. F. Bailey. I H. Carter. J. L. , A. G. Beckhnm. D. M. Pearson. U'. L i Wheeler and S. S. Brewer. The lay i delegates  ih.- ;(nR,-_                 Messrs. Paul Blnckwcll. Or. J. B. Oilbert. P. B. Harper. J. B. Burton J. H. White. J. A. Gahrel, M. H Scott. J. B. F. Prather, Mrs. E. B. McNair. Mr. Wlmberly and C. M. Ashmore. APPOINTMENTS With only four exceptions, nil pastors were returned to their former . Rev. U. Campbell was appointed to succeed Rev. J. L. I'ollomsin who was transferred to the Southwest Oeorgin Conference. Rev. Moses Bradley was appointed to nil the Jackson. Georgia, church vacated by Rev. Z. McKlnnon, nho was transferred to Texas. Hev. P. D. Bryson was appointed to nil the Linden Street Church which was vacated by Rev. E. A. Paul, who was transferred to South Carolimi. The 1946 Annual Conference is to be held in the New Linden Street Cliurcli. Rev. J. D.         was appointed to pastor the Athens. fft*nr"in  I</t>
  </si>
  <si>
    <t>                                           Bishop W. Y. Bell, presiding over the 76th annual session of the Georgia Annual Conference at West Mitchell Street CME Church in Atlanta the. Rev. R. B. Shorts, pastor, has just closed a remarkable meeting, sold by visitors from across the nation to have been the...</t>
  </si>
  <si>
    <t>                                           "Stormy Weather" Star In RobinsonCast                 ADA BROWN- who starred In the movie, "Stormy Weather," will Tie a Featured Slnfer In Bill Robinson's Concert-Revue which plays Atlantata Municipal Auditorium, Thurs., Nov. 29, 8:30 P. M. A Southeastern Attraction.</t>
  </si>
  <si>
    <t>                                           Oglethovpe Book Fail* Opens Today                 The       annual -Book Pair to bo held by the children of the Oplethorpo Element nry school will get under way  ( and will continue  Friday. The Pnir will he lir-ld in the Old Atlanta University library under the direction of Mrs. Hnlllc B. Brooks. BcKlnnim: tills evening from 7 until 9. the primary children will I* In charen of the Fair. On Friday evening al the same hour, the Intermediate children will be in charne.' The Books at Hip Fair are   "W books  from Hie Book department of M. Rich's ston-. Everyone interested In children and  If cordially  to be present.</t>
  </si>
  <si>
    <t>                                           Do You Want POWER, LOVE?, Power    make you victorious m mtt 70a            Power to m*   people admire your Ponrr    earn money T Power to make anyone follow 700? I will imd 7on Informntlcn  la        *Dlt of           . Thli Infornmtlon and            will  you  more masterful and   Influence. You wll)    able to   4 *. IF YOU Altt NOT DKL1  MONKY  .NDED.  rod tne   and ad dreg*, far postman on  92.10 whoa he  roods and             , or  fS.UO  or  order and we P*5 . Write now! FREE  AT7 cr*Wi TsllamaaU *v*-*^ seal Of Lock In blood- rod     on KcTpUnn mottled Parchmeafc HARRIS, 175 East Broadway Dept. 8-45 New York 2, N. T.                 I Jy\ HAIR PRESSING CAP</t>
  </si>
  <si>
    <t>                                           Do You Want POWER, LOVE7; rower make' Ttetorloaa la an ron            Power to make  admire tod? Power to earn money? Powrr to make  folio*  i will tend 70a   le tM rr.olt of KlintUlo HMRb.      Isfe* whI ^u will  m b*  more   ix"  11-11 . Vo. nil)    *Me"  a man  . IV YOD ARM ^OT DEJJCnTEO VOUR  -T .. JT8T ui* your       ml KJdrrM. Pay poet* awn on -ry yg.l* wbea he * Mods and  , or  ti.W CM*ti or mooer order aad we Daj        . Wrlto  PRT^r? wlm   Tiflnaito r lum Jjuk to 4.re4 IU ma   7 mottled l^, 8. 171 Ban Broadway   -pl. S18 New York 2, N.Y.</t>
  </si>
  <si>
    <t>                                           Survey Shows Navy To Keep Negro Ratings, Commissions                 Top-Ran king Officials i Favor Plan                 By EK.NEST E. JOHNSON                 WASHINGTON (ANP) Net-'rces with ratings and commissions arc In the n:ny for I'.ecps-and that. fries for the  gumi and the  corps.                 The AMoclated Negro Press has i Just completed a survey of the plans of the several branches   t the navy as to the future i role of NegToeE :ln the service, j Unequivocal statements made by top-ranking officials of the branch- I es attest to the fact that c^-f growing out of World War 11 in tbr : of Negro personnel has substantially  their inclusion in the respective postwar organizations. This is in sharp contrast to  which happened following World War 1 when Negroes in the Navy were demobilized, and those coming j in later were confined to the steward s branch of the service. FORRESTAL CREDITED Whereas experience is justifying this position, much of I he credit for this straightforward position is stemming from the  of the Navy Sect. James V. Forrestal who, in the short time that he has headed up the department, has shown a great insistence upon  ., of- Neero --personnel than any previous secretary. Vice Arim. Louis E. Denfeld, since Sent. 11      nf thp         nfl r.nval personnel, was quite frank in his statement "I believe we will  use Negroes more extensively as their training and experience would indicate.' he fa!d. "As  get to be chief petty officers wo vill use them to the fullest extent of th ir capabilities. Reminded or what had happened after the las', war, Adm. Denfeld said, "T don't think we will ever ro back to lhat. Certainly, "he added "I have no feeling about tt." NO HOLDS BARRED Denfeld said that the  navy will be a volunteer  nnd that Negro volun eers will be accepted- with no holds barred. Reenlistments are' no-*--inat   r rate of S.'Ki a j day. he raid, but no breakdown was I available tin Negro re-(Contlnufd on page 3; Col. 81                 Top Ranking (CenUuucd from Fare 1) merits. Tlie  wilt continue to adhere to the 10 percent of complement quota Ml In 1B4S, but Wilt anew no   Hotnj over that If enlistments warrant*. Congiras Is authorizing a  Mrcngth of 900,000 men for tha . Negroes were admitted to * ml service in the  In April, 1942, for the first time  World War 1. On V-J day there waa a r.eak  fo 165.00b Millsted Negioes  with the navy. On Nov. 6 there  S3  (~ffi trs 4nu\Tnunc* and 23 of liter . Tliese  are  of the marine and  guard.</t>
  </si>
  <si>
    <t>                                           WASHINGTON -- (ANP) -- Negroes with ratings and commissions are in the navy for Keeps-and that goes for the coast guard and the matine corps.</t>
  </si>
  <si>
    <t>                                           Taxi Drivers Wanted The United Car for Hire want" twenty-four (24) drivers,  '12) for day and^ twelve (12) for night. All applicants must have an right ( education. References tram some place you have worked for two years are required. No drinkers or gamblers need apply. Every driver must hare three business men to sign as witnesses that they know him. Must be from twen y- (25) to forty-five (45) years of age. For Information concerning  ob. call JAcbson 1411. Leave your name, telephone number and' address.- (Adv.)</t>
  </si>
  <si>
    <t>                                           MADAME ROSE iMt      Herat PALMIST Owaatoea lira* *   *     . pr^. fatal aj       axt!     bat  i  2E^VE53 wut         B I I-B m Mi  r B*~ l.l.       .        , UUm BB-'-'^f-  bra fh will      %~4 I \CS^- . Imn wmh nfl m* \t* .   A 1   4 tark  Bk, Bradlan SM taUr        . ts i*   Mill Trails frost af Wfctto       Oranm.   nad           all * ra,        la m        aa  ad nr bail A*   7       ff            bi It. Uxisted a* Jvmettaa af BraJr AmM nd nowell Mill Itsa4 1MO Hiwd MIU Koad.          to take         -~ Hill Baad    .     aa  aaa.</t>
  </si>
  <si>
    <t>                                           Deny Requests For Recount Of Primary Votes                 Dissatisfaction Over Election Is Widespread The city executive committee denied requests- for recounts on the September 5 city white primary, and one request for refund of an entrance fee, Tuesday night, after hearing reports on Irregularities at the polls by the defeated candl- i dates. Statements made by these defeated candidates were echoes of widespead -dissatisfaction throughout the. "city over. the. manner in .which the primary "was"  '"'Apr' .4,000 Negroes are registered voters. No Negroes were permitted to vote In Ihe primary, purely on account of race and color. Seeking recounts were Jimmy Vlckers, Howard Blanchard and Joseph Wallace. Maurice L. Lasseter requested a refund of the $300 he paid to enter the  The defeated candidates asking for recounts gave their reasons foi j making the requests, but the com- I mlt.tee disregarded these, complaints. .According to' Olenn Dewberry, secretary of the committee, 17,170 votes were cast In. the primary. There are 36S2fi registered voters In Atlanta. Outfit Blasted: 190 Japanese On Morotai island WASHINGTON, D. C- Wearing the Bronze Star JWedal, awarded him for meritorious achievement In support of  operations. 38-year-old Master Sergeant Noel Harris, of St. Paul, Minnesota, and Topeka, Kansas, Is back in the United States after 19 months in the Pacific with the 93rd Infantry Division. The 369th Infantry Regiment of which he wis operations sergeant, earned battle stars for action on Emlnni, In the St. Matthias group Blak Island and Morotai, Dutch East Indies. "Wo got credit for 190 Japs on Morotai, even though the campaign was supposed have been over," he said in an interview at a West Coast port. "We killed quite a few an Blak, too, and it was declared secured before we got there." The handsome, gray- sergeant has spent all his Army time In the 93rd Infantry Division, which he Joined at Port Huachucha, Art!!., on entering the service three and a half years ago. After a furlough spent at the home of his sister, Mrs. Esther r- Brown, of 405 St Anthony Avenue St. Paul, he planned to apply for discharge. Sergeant Harris Is the son of Mr. Frank M. Harris, of 1412 Van Bujen St, Topeka. Correction The Georgfd Rural' Health' Conference scheduled for Thursday, September U, but erroneously announced for Wed- , September 12, will convene-today at (he, Acmdamr of Medicine, 873 West Puchtree strut, holding Mitlom it 10 a. a, 2 p. m., and 8 p. si.</t>
  </si>
  <si>
    <t>                                           MYSTIC LOVE DROPS 8  HFI.I'S WIN THE ONK YOU I.          on* drop or thin  *   can pot ti BRWiTCU* 1N0 STRIA,  th#~ one yon !ov*. who nin r rf  Hf   no - h * i HAPPINES.*- TUB  TO  MONTY. . nni! PO1TEB. TiidW powerful lnr*  will ht*lp too MaKR a HIT IX THE O.1MB OF 1-tFE nml i.ons. . or     (     tell how I. Ihrj^r . Too're inre to  u RIO TTTTin.T*.      FitEE .vAi. directions h.~~ In IH thin win   \-. 8 SO IION KT! l"ull hUo       lo  *^~lnt . Vuy  on d**llv rry     plow . or  rml only M.Ati and wa pay . Onp          If      .  BACK  i . j VliLMO CO., Dept. GE 87</t>
  </si>
  <si>
    <t>                                           GRAY HAIR need worry you no more wm. J. Br.ndt i EAU.DENNA           COLORER will    In -V 3ii minute*     jnu  not (.nun It ever um - *MS^ It 1  liquid. One application with u  .^^FsS^Sv t)      or huub  io*   H. No puck. No mets. ^^Bt^/t^~jF?* Anyone run put It on. ^f^BF^aBR^^ WILL NOT TURN REDDISH HffiSwBf^/tfT     gel u Ttnturul color. No one Mil ^^^^^HK^)^  jour hair      bern  Jjrd. l*itv*a It      B^^^^H^  ^^^^^^P^M  nd - no dead totor- no        - no VflP^^^^HGH^^K^H -      h uniform color. im33fr*i^^^^^^^^^^B II  not rub off. It     - on for  .^  ^  ^~H^^^HV *.               . n**u . , pf*- r ^^B^^^^BBwr TonxiTnt witt Inc.  or Ntra'clitenlor Iron f^f t  HH^Pv^   It off. You cun coerr uny BTmy T*\ 7 na -r Imw  or liow . It V1'. t X olM) ^H at the root*. UliACK        BLACK- i W ~*fe .UI ColcKd Htuy Put. J^ *(.S' V Wonderful For Touching Up ^^WWBBx* C^y ~-%  tan put 11 on Jukt  . l.an ^s"yf^^K^a^ v tw ~~*d oi f r   ly*m or where powdered gw^^S^KV^ ^j   been u*ed* Men and. women Kua Denna to . Doei Not Interfere With Permanent War'ng KmII ( In r-ich box In Knsllbh mnd Hpunl^i. CACTlOV: "Vt*,    dlr^ on label." Color*: Black, Durk Brown, Medium Brown, tight BrottTi. Urab. BJonde, Auburn. (I.V ORDERING I" STATE  DEtJ!     . Pr*cc per box S3.00 c*~.fc  itb order or S3 23 C. D. (!cr!*jdl=*J       ! Tax). Orc*    zs*!ee    =:o Pay Socelved. Your Morty 5ac!t IT Hot HAIR SPECIALTY CO., Dept. M-4 111 EA*T 2      KEW    . K. T.</t>
  </si>
  <si>
    <t>                                           Here's Work For the Future Wr. WANT every Georgian to know our future plan*. For Georgia and the Telephone Company have been working closely together for many years. "What's coming up?" Quite a lot the greatest expansion program in the history of the telephone in Georgia as  oon i as materials are available. It means spending millions of dollars to provide telephone* for all who have been waiting for them. This is one of our first jobs! A greatly expanded telephone program for our i farmer friends is also in process. Expansion of long distance service is being scheduled too. It will include the installation of coaxial cables to handle more calls with speed and con-  for you, and provide more facilities for that excit- ing visual art television. A mass of construction is to be v: done and a new service to motor vehicles is also in the offing. I What docs it all add up to? For one thing, it means more opportunity for the returning veteran, for nil Georgians. It insures an adequate telephone, system for Georgia and that, is essential to the state s growth. Each gives impetus to     j other, as our friendly relationship has in the past. More wort for the future. That's what it means, when you analyze it, and Georgians have a knack for getting at     I heart of things. They like to sec the marshalling of Men, Money and Materials; that American combination which put Georgia out in front, and keeps it there. Yrs, there s prosperity in work. And prosperity meant happiness for Georgians. As for the 7,27] men and women of the Tolcphnni: Company :n Georgia, we face the future** witli ! K. li. ,  Mnwiyer SOUTHERN BELL TELEPHONE AND TELEGRAPH COMPAirj i n c p a 1 1 p HEAR THE ECHOES OF ZION 'I'he Smith's l.u; Radio Artists Of (;os[~el Sotifs  Spirituals AT- FLIPPER TEMPLE A. M. E. CHURCH Monday October 15, 1945 8:30 P. M. Admission- Adults 35c Children 25c Hnrrisor. Smith, Manager F. L. McClarity, Director Wm. B. Cooper, Sponsor</t>
  </si>
  <si>
    <t>                                           MEMI"l!.S, Tcntl.- i.SNS- Ml RIG PUSH KOR COLLINS CHAPEL FUND DRIVE OPENS- Mori; than  campaign workers v.cre on hand Wednesday ni^ht, Sipt. 19, for the biu "Kick-Off" dinner ; nt B. T. WashingIon High School to receive  inf  for ' the '.tle campaign to raise funds for expanding Collins chapel Conncctier.al Hospital. Lt. George W. Lee, noted author                 ]jhj:; , is .-hov/n iil Ani; tin* i ;l:i;.  . ! other loud-: in boll] ihf initial and Bcncral i c;'l:ipai;4n list(;u . "\Vf ;irc '^ more thun a lio::~)." Lt. Leu declared. "Wo arc  an example of Democra-i in . We are  i that the  of liberty shines bright, in Momi)his. In the face of d:ic  of racial clashes j  to follow on the heels of j war. the Ntijro and white                           n. Memphis  met, mid are I \V(ik)n^ tu;,' iti provide nn itii- .sv.ft. y.-ith :m ;ill-ou', community I project to build an institution of i  mul democracy." Sc;riU:ci to the ri-^ht of I,t.     is. M A Lichtman. owner of the      ) Theatre, and General Chairman of the Campaign among whites. The original goal for $150,000 has!  erased. T.no new slogan now                 i.-.:  The sky is the limit." Photo by R. U. Hooks.)</t>
  </si>
  <si>
    <t>                                           An important conclusion of the meeting of the National Council of Negro Democrats was that, not with standing the laws, it has always seen, in the final analysis, the registration officials who discouraged and prevented Negroes from qualifying as voters.</t>
  </si>
  <si>
    <t>                                           RHEUMATIC NOW' WALKS WITHOUT USING STICKS Got Quick Relief Without Taking Medicine Xoct-. (      Is nre     " for you who ra-l. SAB I  Is made ~.Mfer Ktnbbhtc ^ antl m!*crlc*. p. " MllriV doctor* r*edin.   . R1. SCIATICA. ]7.~ . MMI.AOO. - No ",',o,r ion" h.T SC,1A, Art /InK rii*tt\ mitV      -- fer.rf or hmv  vii have   -*n lm.l.,.  . NAI. 4  I. - .l.~..,~po.,,t,,l. ,l,,n" l.,*m,,l" I,, ^n" 1  c Imppy  1  infn unit  for NAIt CltKAM. It It          *Tp.  ami .  ' It ..l lu-lti vou. Um. \\   - -tii^          *. It ,,r^ si. .u. to      '~oii try tt.K Morkn \         In * pMln*~. 1tt.w -   - mill  mi .* .l .*-*--   In- ,i,.ih  It        helpful  . Itiu ', Stlfr-TointN. Mutt-   . ,,n* ; (UN mom-.v-buck  Strain* -ur Hkp mai;lc. Kmininlef. ) NO MONKY, iu%t  s Imw Mr. Isoni I4tve, Sntll*.  for it ful1-sl?i-(~ j,ir of NAII 4 Mlw., told  ~'lin( NAB I CItKAH ~"K^\.M nt . ,,txl wo will  i\Ut for . He  "       * I  "IMmiit *~\~rn * Dltt Health      I mi-i 'ini lf with  Instruction*. I'n.v              milk without 3 ft Irk*.   nr   $i.   phin         , I run ilit my ^1 nf  '~Ct* -n lit* (IpIJvitn ur      in m.v . Hir-s vou Tor thi' relief ."iiw  -UM- pn-  C. P. I uof,** ThK i* iml.v   iii* nf many f*****      S",'.(   with your orfrom *.        Hnltnft lire "fii. ~~"1 \.il of yi.tir -.        .iTh anil not by    , J""~t  hark tin* jar  in urn  thai .vou. too, will frt-1 ti iil w*~ will   the II kf Iftlluc     of  r*~   *f If you   '          .c. ran nn; Ihtnc     try n jar or  J (. Ifn u        thai. thl%* You take no risk. '~ to      1       Our -lmi-k  In 10 Kruml .-f  ho hud nt    ;~1" * .       VOl'R OH/*~^N       NOU* NAB MFC3. CO. Denl. B-20- 103-09 Northern Blvd. Corona, N. Y. HERE IT IS AT LAST THE PERFECT ELECTRIC COMB $6.00 !f. BRASS end I Blue Sttel combined to make it the Perfect Comb It       all the time  not         . Simply plug it in your electric socket and it    ready for ule in a jiffy. Comei complete with electric unit $6.00 postpaid. No C. D. orden unless a deposit of *1.00 is      Professional Waving Irons $3.00 Electro Comb Mfg. Company, Dept. AW-9 P. BOX 5261 Chicago, IHinios</t>
  </si>
  <si>
    <t>                                           'A. W a 1OO% Wool "Laura Lee" ~~'~^^^XtlZU M SISSY JACKET V "^W^j With that new neckline and a snug fit- ~~^^  .li ill! \\WSSi i ting drawstring waist. It's perfect in ^PfflM 111 I    0B,' melon, lime, aqua, blue, black. 12-18. J ~~^ i if 1 I W^fi ^W 0. Warm-All Wool Short Sleeve     Jf*   3 Boj^^^Ki) '\^m-. 1AMPL SWEATER ~^      Fitted style. Colors of maize, "ft 'Oft JbB^BH^^^V- ^^H blue, pink, aqua, kelly. 34-38 Aa7O V^H^H^R lWW -  Bv ^' RICH S BASEMENT</t>
  </si>
  <si>
    <t>                                           FELtX, THE CAT V7 -BySullivaa                 TIM mER</t>
  </si>
  <si>
    <t>                                           aii BONDS</t>
  </si>
  <si>
    <t>                                           BUY BONDS j</t>
  </si>
  <si>
    <t>                                           Judge Callaway Deals Out Stiff Lottery Penalties                 Police Court JucIbc A. W. Callaway Imposed maximum ! on violators  t Hie  Inu \Vt'dnosday Prbeera Wliitr. u! GrifTIt- SI rod N. W. who wa: I'lwcrd under  bond      -i  been  by Clly UeIc-.-Uvt!; W Mien mid W. G        '.- : County Officers B I Diirrrlt and Mlkr Joliusmi nl Iipi j . AL I lie limn of her  she was found lo Imvo 11  sun: i of money which wiin   Intake from her morning rounds i Jiinlc Withcr.spoon. 37, of '21 Orltrin St., N W was  sr.2 or. I the -     playing Hn: '.-r^: i ,Sh(.- wns  ;i stern warning by Judye Callaway. Stabbed Following Alleged Cursing Willie J. CoppiiKC. 'J5, (i7:i IJallas  N. E. was ; .-.tabbed In .cn  cut on the arm  by Wnodrow Wilson Hotcrtson. H8. of the simi! address. police .staled j According lo I ho police        ,      :mi! rcsi-  that '.ou  was . An  followed  which Coppnffc un.s slabbed. Coppasi- wns  lo Cir.irty hospital mid i: Uwre lor Ueuliuuiit.</t>
  </si>
  <si>
    <t>                                           AN ACNE PIMPLE PEST ...especially when ^pi^k * and itching     . are . Relieve  these troublesome A ^K  externally p) '^Jm caused pimples with I X^p antiseptic Black and V^^^K White Ointment. TUou- ^W  of ( users have found that famous Black and White Ointment through its  antiseptic action ease* itching helps nature in healing. It also relieves itching and burning soreness of eczema externally caused, and simple ringworm. Try it! In large economical sizes, 50  . 251 and 10)!. Use only as i directed. 17* Highly, recommended for daily cleansing away surface dirt- is mild and fragrant Black and White Skin Soan, IOjS and 25(5, sold everywhere. UhUisVUUUbVbEbWbIU i</t>
  </si>
  <si>
    <t>                                           MANCHESTER, GA. -- Mrs. Emma Milling, Laura Holt, Charlotte Milling, Fannie Marshall, Rosa Potridge and Miss Rosa Mae Marshall spent Sunday in Atlanta. Mrs. Mary Murphy of Phildelphia, is here visiting her sister. Mrs. Alice Rucker, Mrs Brooksie...</t>
  </si>
  <si>
    <t>                                           RED CROSS EXECUTIVE TALKS WITH 1AN -GUAM- L. C. Kins, SM 1 c of Memphis. Tcnn left and Philip Baron, S*M. 3c from I Birmingham. Ala., talk with Basil O'Connor, chairman of the Amer- j  Red Cross on the  s tour of Pacific  tions. i                 The original photograph of the above picture, autographed uy Mr. O'Cnnnor for Kiiig.is at the Memphis World  and Memphis relatives of the serviceman can be tain it by ^ at the World or- [ice, 388 Be:ile Avenue.                 (Official U. S- Niivy Photoi</t>
  </si>
  <si>
    <t>                                           Stop  uml . y/7 OH the furl'  WnumiM-ro.   "d I""* pW*  . O.t  m-w *::;:r^:l"'.HJ^!Soi;r.?.;~^~^.s     .l     ir full l.. Uiilo. l-  T.(         . All      53~, RiikIi  "ulr. a 3e            l Mi- III  I HKK- Jlnll  or.    au.l  rt 11 . or Jut   MalMurltan KUltraB. "aV I'I.IED NUMBERS, Ilepl. 5310 8833 Appk-eate Cincinnati. Ohio i QUINTS  iT   coughing of  COLDS Waif do you  ^oni           On 'CERTAIN DAYS' of ths month? m***^"^!^,; m*i'"* Hslps Build Up Rci/ Against Sack Distress Do  periodic  cause you to feel "nervous ai a witch." so restless. Jittery, .  tired, " out"- at  times? Then don't delay! Try toll great medicine- Lydia E. Flnkhun's Vcgatablo Compound to  such symptoms. It's one of tbo beat known and most effective medicines for this purpose PlnknanVs Compaand nan ! Taken regularly it helps build up resistance   distress. A very  thing to dor PoslUvdy no harmful opiates or habit forming ! In Plnkham's Compound. Also a grand  tonic! Follow label . Buy today/ VEGETABLE COMPOUND</t>
  </si>
  <si>
    <t>                                           Farmer's Triplets Given Free Milk                 . MO.- (ANPl- ArrnnscmonUs were made to g vi" free milk to three infants, nil boys born to Mrs. Morcan Henggens lust Mnnday by G. R. Mitchell, of the research 'division of the Pot Milk company of St. Louis.      have been removed in St. Anthony's infirmary here where they have been placed In incubators. They are making .'tory progress, hospital authorities reported. They weight two pounds and II ounces, two pounds nucl I'i ounces and two * and 14 ounces. The :,, farmers, live lu Mcnifee. Pick Democratic Leaders For Year Headlines ;md Pictures rui-s ]UKt.  need the names of eleven v.hiu* Americans who have been sch.cted by that magazine as moso who have contributed "to n  way of life" In 1W5. Thesu "Ileailliners arc-: Prank Sinatra. Helen Gahugnn Douglas, Elcano.' Roosevelt. Bill Mauldin. Brahcn Rtcfcoy. Sr. .Ltlllnn Smitti. Arnuincl d U~.eau, Jumps Oow. Barbara Bel' Gt'dclex. Chwkc Kdwards, Sr. and WaMiu-t? steelier. Their pictures and u  nt  I'tforts against. Inlylriiuice upt^nr In the January       of Idcudlines and Pictures. Only 5 Applied For Harbor Jobs WASH1NOTON. D. C- (NNPA? Only five colored Americans hove applied for Job* constructing  facilities at Monrovn, Liberia, and they were rejected  they were not qualified, Secretory of State JamOH Porrwital hart  RcprCKnttitlvc Adnm , it-, Ocootfu.li ox Hew X'jtt</t>
  </si>
  <si>
    <t>                                           MARSHALL ARRIVES IN SHANGHAI                 DIGNITARIES as he leaves his plane at Kian^va? I*' Shanghai, China General George C. MarshaU maS- the vast crowd that was on hand to welcome .him. The general ~~?2fc cently appointed by President Truman a. II. s.                 succeeding Ms).. Gen. Patrick J. Hurley. ^M R"5j</t>
  </si>
  <si>
    <t>                                           tr^auf* you ll  tot # ' t j '~^H^^Jti-^^^Br-j*^^Pv^m-^^By ^^^^afl Great American Sales Co., 2226 Sllvcrton Way, Dept. 1199, Chicago 16, III  NEW  OUT" Genuine Mcdalo L^! Marcelling WRITE NOW I D :fl M i Send no money.     oh      - I lU H ery. Sent to you tame day your letter received. n^i-.v -; FULL DIRECTIONS r U Real Steel Latest "Style Handles For Marcel Waving Curling-Pressing Croquigholing Setting-Only $3.98 With Full Directions- Not A Penny -More Just write now. Send no money. Send .only your name and address. When you get your new Mcdnlo genuine Marcelling Iron and written guarantee, pay. only J3.98 .not a penny more. This. price includes everything. If you are not delighted and  in every way, you get your money back. Ycu will also get a' free  of the New Medalo Pressing Oil with your Marcelling Iron. Write now to. GOLD MEDAL HAIR CO, Dept. SA-17 339 Kings Highway, Brooklyn 23, New York</t>
  </si>
  <si>
    <t>                                           lij ^electee) jot M 8 0k We pride ourselves in I* the exquisite appoint^S ments of our home. They ^3 have been selected to fjai assure the greatest      ? fort to those who avail  5? themselves of our dis^fc  services.  h,  i  T Jj!(? MDOtRATE     . Rs'            5 5       -J^fi^? 1 \M Bea  sV iw.y ^</t>
  </si>
  <si>
    <t>                                           Morris Brown took full advantage of an injury-lidden and revamped Alabama State Teachers College lineup to push over four first half touchdowns and single fourth quarter tally and win going away, 25-7. In a game featured by fumbles heavy penalties, and brilliant play...</t>
  </si>
  <si>
    <t>                                           * Until I Heard of Madame Hector T 1 To all thai (        lift Ad. Madani       ' trill' WMfl. t Tw can pi . Toieller bur. by     bair u lot*. Tte CAUSES or unnatural hair loa U checked,   Uiit  oot n Kit* me bait  It  Mi. A* a mult, tbe hair  dull* break*. 2 rail* out. and  . Gtt after             Tlt5 our tvo-Ta/ r rbn for   relier. TnunedliUlr rou vill iee what a  mtt^ !4 (hf  aM  action malt. You  will  Ma^sV 'A iort  witb Uia  tad  cl . You vill OBB^^^L *2 ** ihf object of  mrr*herc. Vff38  ^^^" it If Money la Soot T If  O.O.D.. ^Bp9*^BBft f With Order.  cut of         ^BwHBflH^^A. fj      ;iAL NO RISK OFFER! I wool you to ^H^SOB^^^^ I '.t miKr this   *t to your own Dome. 8 n6 raa .^^HSKsSl^^^^B H t sd yo-jr n*   and address and 1 will  to you      ^^m your * ot POM ADO. When the  HalQIn^^law (y .     PObADO for     week. ' ^KSEflU^^^S H wl .N1) VOUR MONEY IV TOU AAE NOT ^XSmS^SK^^^M ft ,! 8AT16H1ED. ^^^ Mme. A. Hector, 1606 Fulton St Brooklyn, N. Y. \\^H\\ Mu^ Aches and Pains Sprains Strains I</t>
  </si>
  <si>
    <t>                                           MADAME ROSE t*ok Who's Here! PALMIST Guarantees to Read          .     . nr*fi*nt.          Ank* no  bat  LjZB^^HE 700 all     want to know Hum   and dates HESS^I and fact* of bni*     , 1o*f. health, Famllr , t^lU IB^^H whom 700 will marry and ^m^^C^ wn^   OTfrcome  .               . evil B^^V^l . " block* A 1 I fMd lack of alt kind*. ML J RMdtnjra tte dally sM Saaday, 9 a.m. to 10 p. m. Too *1ll nod             than all , Thtrt In no     Md or homf ao drear/ thai I cannot briny  Ib It. I-*d at Janetlon of Brady Avenar and Uowell Mill Road I0A0 Howcll SU1I Road.     to talc* the one car ITowtll Mill Road ear. Stop at door. Bow^ll Mill Trailer, front of       Pro-  Company. Atlanta.</t>
  </si>
  <si>
    <t>                                           A reward of five hundred dollars for information leading to the arrest and conviction of the person or persons who lynched Jesse J. Payne, Negro youth, in Madison, Fla., sometime on October 11 and 12 was posted today by the International Labor Defense.</t>
  </si>
  <si>
    <t>                                           Doph your hair break ^HH^H^bV family t%t thr end* ^^39B^^^ * It Is on.        ^^^k a*n*llr dry and lj^     burd? U Won- ^ bornt dolt-look- ^EsSSHMaffM lor  Are  QfgsJflBlHft you bot tiered by  S^^b^^b^HF (IC,i, dandruff ^^^HBj^^R* Hcmleaf     - ^T OINTMENT, the Uoctor'a Ilalr Formic t*  help* r*~II*ve mony noth *. Hub a Uitie Vlrro-4           Into the  and    1p a f^w  u week.    *aro well  the . IIccaum VII   -OI nt rn^nt U an       . It  in cr^ a b^tti-r . -^l . VaUfi* your   NOFTKlt. STItAlOIITKit, AlOltK M'Xl'RIUl H. Make This 7-Day Trial Order Yllro-Olittment . Trv tt *t our  for 7 -. Vllrn. Ointment  ilo nit i*f  for II inic-l (.  lh*~   *    '. .or r* U for rHum! of Hip purc1   - price. l.         only Jtl.iHi. Hcul 1*. 0.   . p)   . Knob .vour order  and   **  1            the thrill or        , mow  Uurlxur hair. HAIR AIDS COm Dept 37-P 7P Dm Kalh Am. Rrooblni I. TV. T.</t>
  </si>
  <si>
    <t>                                           Of particular interest to Girl Scout and Brownie leaders, will be the conferences designed to help you in your program planning. These will be held at the District office 1431 Auburn Avenue.</t>
  </si>
  <si>
    <t>                                           Plan have been completed for the 13th annual Training School of the Atlanta District Sunday School and BTU Convention to be held at Morehouse College, November 5-9.</t>
  </si>
  <si>
    <t>                                           The Message Of Christmas To The World                 The  of Christmas Is Christ Jesus the ever-old and ever new-story. To the world, this Is the message of Christmas, .. Np^ wc.^t*~v-    ;."-" mas) listening to the songs which the Angels hio ? from the   .*s-Uie.y__)_Shfipz_ herds of the birth of the King of Kings, and Lord of Lords. The histories treating this event the coming of our Lord and Savior Jesus Christ, are not absolutely certain and exact In the details given. No man knows the exact month or date of Christ's birth, but the event is startling when studied, and it is one which means so much to -the Christians and which is so Important to the entire world ihat we are willing to accept the facts given in the light of knowledge of inspired miters. Jesus came with the littleness with which men attribute to the event. His name placed Him above the ordinary man. The message of Christmas is one of Peace and Goodwill.- Rev. I. P. Ward. Truman May Sip Bill Honoring Carver Jan. 5. Washington;  The resolution to make January 5 George Washington Day In honor of the great scientist was pas cd in final form by the House Friday alter the Senate had made a technical I . The resolution now goes to the president for his signature.</t>
  </si>
  <si>
    <t>                                           $500 Reward In Fla. Lynching                 NEW YORK (ANP* A reward of $500 for Information leading to the arrest and conviction of the person or persons who lynched Jesse J. Payne In Madison, Fla.. sometime on October 11 and 12 was posted last week by the International Labor defense. Payne, who had pleaded not guilty to a  of attacking a -year-old white girl, was taken from the Madison Jail and shot to death. The reward money has been set aside by the ILD from the Anna Darner, fund set up to commemorate and to continue the wort of Mitt Damon, who until her death in 1944 was for 11   ol the organization.</t>
  </si>
  <si>
    <t>                                           HIT THAT RHEUMATIC PAIN RIGHT WHERE IT HURTS And look at the Silver Lining in those Clouds of Pain The big idea is that you  to fee) better. When pain eases, your mind eases. You get rest that means deliver . So use something that gets at it* pain. C-222 3 bring* you pain-relieving help. Now you will feel as good as others who enjoy its help, too. 60c, and $1. Caution:    : only as directed. First bottle  pHce refunded if you, are no'  .~ Today, get C-. HAIR SCALP TREATMENT a %' SPECIAL w Ti^ OFFER ^WP 'W'-n   4tc 1AISC NIW MEtJINa 4  JAM Oil  lc ECONOMY  (1.M NO MORE T%SKg' gr' Send No Money! I UNO YOUR ORDER TODAY I n "ATUfACtlOM             Kare Beauty Products Co. 107 3th    .(~m.~05)     Yerli City</t>
  </si>
  <si>
    <t>                                           HEADS PRESS UNIT Mlljor Daniel E. Day, former Chlcntic , who lias been elected to the Chief of the Negro [Merest Section of the Prei.Branch. W'ur Department. 3 jf Publii: Relations at Washington 0. C. Edit.H- of the section sini.c \, 1943, Major Day          Vlajor Homer B. RollPits, al.sn oi ^ whn     \mtl Oi'l/ tn                 iU. S. Army   holo from Bureau ol Public Relations, i</t>
  </si>
  <si>
    <t>                                           "EVERY MAN ACCORDING as he purposeth in his heart, so let him give; not grudgingly or of necessity, for God loveth a cheerful giver."</t>
  </si>
  <si>
    <t>                                           SS" s SP"     a a, is 5 s" VfrP T :Si ^^E^rE-G-f+c-W^T#j 1 ALL STYLES ValTcOLORS 1 fij FABRICS ifC2ir SOFT SOLES $    ^r FELTS and M ^Hg) LEATHER J! j{ LEATHERS "?apr SOLES M $     *ers ALL  MMM!$F Slippor* M -f     Men ^  ^^       '%^P^? For     5ren g 8jf = }l i Felt Everetts ^^k I (H  In wr;ir. :iim! fur Christ- m pr *^^**S '5 ^^  ^P*^ H SPECiAL!!! SPORT OXFORDS t r.V I'm- /'/~v $T^"^~^ Sizes 4 to 10 //T    ''f* W^iL^^*""*^ AA to C      LOAFERS SADDLES STEP-INS $ ft ~-~SriTimuu.B** MOCCASINS -Jj* W FINISH THE JOB! BUY VICTORY BONDS! H ..~~.I. W</t>
  </si>
  <si>
    <t>                                           Boldens Un censored Article Reveals  Of Negro Troops Abroad                 Correspondents Prevented From Full Reporting                 Authorities Feared Morale "Detriment"                 BV FRANK E. BOI.DCX (NNPA War Correspondent)                 Press censorship in the vnr.ou? theaters during the past war seldom permitted correspondents to report in full on the prac J.ce of segregation and discrimination as exercised against Nesro troops by their fellow-white Americans.                 Under the  excuse that I the "Army was not s laboratory for j the solution of social problems." the usual mentally miscreant and j sordid segment cf our American family, which has always been out of step with the Constitution and principles of democracy, appeared to be more intent upon carrying Dixie prejudice to the four corners of the earth than in concentrating its entire effort towards stopping the Axis juggernaut. CAN T BE CONDONED None will argue the fact that a certain amount il censorship was necessary in the best interests of military security, ant the suppression news which had little, if anything, to do with security, especially that concerning the treat,(        ~~-aui- Tan .Yanks .by.some_ of their countrymen cannot be condoned. Those in authority always admonished that to "play up" such issues was extremely  to the morale of both the fighting mnn j his counterpart back on thi: home front. How weak an argument this was to the fighting man! His was the morale which needed both boosting and insurance. There he was. thousands of miles away from j home in the uniform of his coun- j try. bathing the soil with the communion of his own precious b ood. I fighting for a principle which he I himself was not fully privileged tc enjoy either at home or abroad. It took superhuman courage for him to faithfully discharge his duty to God and country. To his everlast- i ing credit it can be said (hat he bore up well under the strain of righting two enemies the Axis and Dixie prejudice. Together with his white comrades he was returned tho victor against the former. The latter, he is still fighting. No other fighting man was forced to persevere under such pressure, and no other performed more valiantly j than     that Tank Yank from i your and my home. Under the knowledge thai, such i news concerning the ill-treatment j accorded colored troops was gi?ner- ally suppressed by authorities. some white Americans took unwarranted liberties In exercising gallant Negro soldiers. To argue or I "fight"  on cue part of the offended was to invite court martial, such court  usually  of the "inquisition" type with justice generally getting the old heave (Continued on page 4, column 4) j                 Correspondents (Continued from page 1) ho. The colored C3I ns a rule received the worst of the deal. ALWAYS THE START Whenever there was a fracas, which the military most often termed "riot." or the accusation of rape bandied about, authorities generally began their investigation with the Negro Iroops. Oftimes the colored troops or individuals accused were either some distance from the scene action or werp engaged in the execution of some military duty. At the point of embarkation along the East coast from which I sailed, a free-for-ill was started by some white paratroopers who resented seeing some Negro soldiers, not in the air-borne units, wearing boots which had been designed for use by paratroop complements. The white hoodlums as usual were well armed in preparation for their overseas . but the colored service troops involved were not. The I white paratroopers accosted a Negro soldier, who was  a pair i of the boots and harshly told him i that "those there boots were for paratroopers only, and no n r was  to wear "em, so take 'em off!" Other colored GI's, who  pened to be nearby came to the aid j of their comrade, who was  bered and unarmed, and thn 'fun" began. With fists, sticks, stones, and clubs the colored soldiers got the i better of the first round. All dtsI  at the cry "the MP's are coming!" Later that same evening, the white troopers in greater strength and with arms, knives, and live ammunition traveled down to the segregated area intent upon evening the score. REBEL YELL                 I Quite a few co'.ured troops preparing for their overseas trip were in the area and wore busily engaged in packing and taking care of j the usual last minute details when i the "Dixie rebel" arrived and   into the ranks of the unarmed Tan Yanks. Close hand-to-hand fisticuffs ensued. The white  were petting the butter of this round until colored brethren retired to the mess hall to regroup their forces and pick up some kitchen ware. Armed with butcher knives, ice picks, meat cleavers and -you the Tan Yanks returned to the fray and proceeded to hack legs and arms, cleave heads, and stab here and there with reckless abandon. They cid quite well for                 themselves. When the "smoke" of  cleared  the casualties numbered five to three in favor of the whites, the Negro GI's hating mopped up In commando fashion. The MP's dispersed the mob and as usual an investigation was initiated. The colored participants were shouldered with the blame. While  the Iranian theater. I happened- to be working in an area where colored soldiers had been  of molesting native women. However, I discovered thai not o nee had a native man or wo- man put the finger on a tan GI. Army authorities insisted however, that the persistent accusations had been leveled against the colored troops. Even when the native women insisted that they had been accosted by white soldiers, the military would quiz Uiem over and over as to whether they were not mistaken in their accusation thit their "attackers" had been white and not colored. Sometimes they would tire under such questioning PARTICULAR CASK On one particular occasion, one of the native men reported to Army authorities that a white soldier had been paying too ir.uch' attention to his wife. The usual Army investigation followed, with the first trip being made to the segregated area of the camp where the colored troopE were stationed. But the                 tors failed to Mud n possible suspect. Appearing once more before the Army authorities, when it seemed as though nothing was being done on his problem, tile native husband informed them that if some action wasn't effected soon he would take j matters into his own hands. So, j it was oft once a sain to the colored camp area by the investigating officials and once again they failed j to find a likely suspect. A few days later, the  body of a white soldier with the severed head ; but a tew feet  from the corpse in a narrow gully was foi.'nd. Immediate investigation disclosed the fact that the soldier had been guilty of the charge, some of the evidence having been furnished by several of his close buddies, but authorities began pushing a charge of murder against the husband. The last  which I obtained was to the effect that the native had been might and would in all probability hang. The victim of the "Eternal Triangle" was burled deep beneath the sands .of the Persian desert, in a tiny military cemetery which bore the inscription above its entrance i-"Here Lie Those Who Honorably i Died In Service To Their Country." Oriental Justice had v:o:i and lost to the American brand as practiced by the Army. These are but two of several types of censorship of news which had nothing whatsoever to do with - security-.-</t>
  </si>
  <si>
    <t>                                           Press censorship in the various theaters during the past war seldom permitted correspondents to report in full on the practice of segregation and discrimination as exercised against Negro troops by their fellow-white Americans.</t>
  </si>
  <si>
    <t>                                           HAMP HELPS BOOGIE  HOLLYWOOD (A N PI Lionel Hampton, king of the . making an overseas broadcast with his protege, Frank "Sugar                 Child" Robinson, who is in Hollywood to make R picture lor MGM. Hnmpton gave this child prodigy his flr.st theatrical opportunity at the Paradise theatre in Detroit.</t>
  </si>
  <si>
    <t>                                           Wednesday night at Sunset Casino Atlanta's Westside center of swing is slated to be a grand occasion in "five and joy" when the Atlanta musicians protective association. Local 482 will sponsor the Annul Musicians Ball feataring him Atlanta orchestra in a...</t>
  </si>
  <si>
    <t>                                           TO CAMH PK. Paul j Bollnn   1!( months -soxs  his parents. Mr. and Mr.-i. Enic.il Bollon. 'JH1 Baker Street.   ' lias  tii i::   ). Pic. Rolir.n :. fl a.s "i  (if the U2ikI Division oversells.</t>
  </si>
  <si>
    <t>                                           MYSTIC LOVE DROPS  AROMA .pa W1K  OTfE VOn M)YR  nmt on* drop of      mum^rtd  t1  *  * ran pat BISWITCHrvo .r. ov.r the -~   yoo    *.       too  Mm -Tiri!: kft to . . T.CCK, nnd . Thnr nowi* lore drop  help yon  A irrr oj ittf  of uns      (~VK.  of   *~1! how I. , brtn. Toa*        to  njoy s BIO         Alas FREE PEHSOVAt.  bow to     this to win Ioto,  KO "nv^T!   .il I   WBt ta  Mled        . Par portman on  USe plus . or SFiid only  1.00 nd we     . Ose         PBIB If two ord rrri. MONT5T BACK OrAtBAXTBR VKI.MO CO., Dcpt. T.T-12; West 4.-,lli Strrrt. Xrw York City.</t>
  </si>
  <si>
    <t>                                           Parker's Thundering Herd should muzzle the Washington It Bulldogs in Atlanta this Friday ... The Westfield Wildents are favored to cage the Brighton Bears at Bessemer Stadium Monday night. The Fairfield Hornets will run into trouble Monday night against...</t>
  </si>
  <si>
    <t>                                           DAILY CROSSWORD                 ACROSS 1. Constellation 4. Weep convulsively 7. Keeps 9. Climbing vine 12. Cluck 13. Flower 14. Exchange premium 15. Devoured 16. Part of "to be" 17. Mildly 19. Epoch 20. Witty saying 21. Shed blood 22. Fairies (Mohammedan) 25. Coronet 26. Mine entrance 27. Chum 28. Cover 29. Voting slips 33. Neuter pronoun 34. Cooling device 36. Mass of floating ice 36. Swellings 38. Apex 39. Sliver coin (OldEng.) 40. Sprites 41. Before 42. Any fruit drink                 DOWN }. Benefit 2. Commit again 3. Question 4. Slatecolored 5. River (Bur.) 6. Club 7. Crust on a sore 8. Seaweed 10. Closer 11. Fleet of armed ships 15.High(mus.)                 18. Bombycld moths 10. Guldo's highest note 21. A folding pocketbook 22. A fence 23. One who edits 24. Free 25. Dancer's cymbals 27. Kettle 29. Sew loosely 30. Fruit (It.) 31. Pitch                 32. Places 34. Dread 37. Female deer 38. Size of coal                 Yeitrrilty'l                        1 m\ 11 s il_ lll_ll_^p-WZtffcl 1" w = IlIIIII  5 m si l!"l- ZZZ 55 ZZZiIZ__L^                 A cryptogram quotation 8NJH  3D IPAR ^ SFV-   U , Yeaterdoy'H Cryptoi"0*01 KINGS FIGHT FOR *  FOR APPLAUSE- DRYDEN. V</t>
  </si>
  <si>
    <t>                                           For Comfort, Style And Vafiue-Wear ~^A Dr. Bender's ^~^^fij Prescription Shoes ' S685-S895-Sl 000-s1 095 JSPjf     Binder1* a  ame to remember jUS^Bm^^U s      you wili remember ^Bmt^Sm^r for  shoes. V^M0P^^ ATI    ,,  b(f       cIL 9   194,</t>
  </si>
  <si>
    <t>                                           Men, Women! Old at 40,50,60! WantPep? Want to Foel Years Younger?     .u tor     pm. nw /SS? For sale at all drug stores -in Atlanta, at Walgreen's inti Jacobs.</t>
  </si>
  <si>
    <t>                                           Hi^^ GILLETTE TECH RAZORr p^^^^sToO ELMO 'MARGO' once-a-year sale?' 't^L[^ ij I Shampoo JK?*^^ ^__jl VASELINE i*^88!! EQUlT YOUR SAVINGS HEREfpTT*' 1 ALCOHOL K ABSQggBSNE JUNIOR 61C gloves j i Kll-Drr  ^?!B\j O?$Ara*S !E,B PiLLS  S^~ k,M home needs. Ba SEFsXjJ kll-dke K = to i fe^^^-P BftlfeK of MAgjiBIAi. FT._.._ 12! ^^^^J  iap^S BASiBASOL' Shave Cream 23  ivn^ s        ll"-1- 0 TOOTH I 1     JH LB. EPSOiVi SALTS 6  $L powder    ^Jr^^^~ IKiZiM ^^s^^^~ pg^^HASVi'S VEG. COMP. 69  R^^s*~^B; 3 FOR ^ o  19c J r-~SSS?"- I gj si7j. ^_!yj "TT" J = LAXATIVE H; t8^r^^^ SHAMPOO BRANDR(yse 29C I  1 develop T    ^           Salted PEANUTS I J H hobson s r a'"' ^X; v- (.r,,,,c,, VACUUM PACKED I PINE Hj PRJPiT ^d an-i'"'^ ~!Sis pick- ^Cc     C x.^ $ 15 $1      2 Am- Si,,. f#~3 up any time of day:  g^ OftW  J lOl J, S =     ^ a ROLL FSLS/SS feS^J I.. Jjg MONEY i i j^^^^y^^3^ ^DsV^^^^^^gl '~^i 35c F- ..~-%-~~'*'~ W FHs any     Okf H BULBS \p=  ii KILLflLL TO^5~^  irm. and 59 25 40 H       'S i roach HI a^PJ8.^ g  . A v;,V,t^^ J ^"^Jjt Jl ANTACID ^POWDER!% 89C J            % 1ftc ^POWDER F L I T ll WAITED  T 1 for the ^, g r L M SWU ~{ TnnTU  I stomach M         -.: ra SHiS-ix i   ft t\t% mi LAXATIVE!. mX  C S     . "^^C 5?C ^QC A. 98  JK\ Reduced to Only iT^^ri  J/"^-i!IitZVJ hq^^ 60 ELL-DEE I p^q emulsion/ ell-dee ^W   , n Tflnc = diuretic PjLLS M j8?i f 8-9N Wl S **ULU TABS. pills = V;    ' BRAND CHN, $O89  I Iust T Af?f"M !P3 ^S5--' S \_essary for health. J Mildly laxative ...HA R C J  ri^~i?!. U ,fly- SI.:;:,  ^l      to take highly aids in relief of coin- j ELL-DEE fcj ^Sg)^ Value c3  l\*. effective. I mon colds. G E CapS  j sue o9c P^~"" 1'cr" POLISH ^t CARTON 50 PADsHl %*%G9 3  --..53'y   ?TH PPilE I ^  ^S I book ocl $269 :^p-  a^j'" 35 J^1'astc....10;;^MATCHES "jpi-^ y ASPIRIN y   T t f S  i.^^              ~^~T^^ LleM 1 TABS I ,,r Brands /Fottntaw Syringe Ll TOBACCOS I MINERAL Pg 6^ I I6 r   T WATER BOTTLE ^I:^;^au$i:rt 0IL 17  3 Gastric 5r SAPK F a" a u a c h* wLv^SSz Bo'vn'^ U  I</t>
  </si>
  <si>
    <t>                                           i^t ^SJL ags!!'**1'- *CTlw' '"!"w M-5            ' Dcjlt. AT</t>
  </si>
  <si>
    <t>                                           JEAN WORTH PSICniC  -'alls jour name. Asic you no  uea tons. Gives the object of your   't Tells who you want to Know Ad rises to a certainty. Helps you m matter what your trouble may fie 411 who are unlucky,  tr d!3. we have remedy Come today, tomorrow may be tot late. Hours da Jy from 0:00 a m. to 8 p. m Closed Wednesday* Reception rooms for Whit* ano "        LOCATED AT     I HIGHWAY i Block Fut City Umltt M Antony Street. Almand Park or     Expert Seamstress KA. 3487 Interior Decorator Makes Slip Covers Draperies Spreads Covers Old Furniture 1135 Coleman St, SW- Atlanta Marie Floyd, Mgr. ======= Special S1.00 Reading for 25c Vour  days and month* Given Free i Madam Eva RirE 8 E A FACTS AND  rt     GET     a RESULTS ' that  sll. II r*v ~^ti^-i*VS( yoo       Vlii. t^TjJ "I'll  ^fAi^^KW wife or Luck it  World'!          TU S. Hjr I . Alter JM ^L /E^-^J con^nlt aII       , ^~~fi S * with row 1"gi*3aJ  to MfidAiv Rare and com* at oner. Office hoon u n. m. lo in p. m. Dallj nod Pnndw. 1015 XT. Marietta 8U     Atlanta. Bo tare take the Iiunaa Tard Btlrt* ear. Please ask cbe car  to let too off two  topi on     other  of Klnr Plow Co., Atlanta, Oeorgla.</t>
  </si>
  <si>
    <t>                                           ^ /~v . JL$*^ ^sfs^ Vts^^fr ~~*ru can t find a speedier. Canter net-"^**/ jS^' 1A#  inj;, makeSt. Joseph Anpiria. ^* ^- ^TBHMMft your  .', too. You get u biff ~^^r. J^$?$~r ^^^^^1 3-for-l , nearly 3 Uiblets for y^m^^S -\  ^^ ^^^1 ^c w*icn  ou ^"y tuo 1 W         W^^w^ ^^K^ 'or 0I1'y ^"     Why I)uy ? Got St. vk^^SSs- /'**s623si JoMph Aspirin, ami kt!    it handy. \T^*^  ^~ f;.' ^^**S^ ')u u atr'^ul1' Rcfiiso ". Get I \\.^^\sPro ns Strain!         Stiff Joints, I  6^16 DAYS'  SEND NO TRIAL OFFER VijVil MONEY!!       for onr Free Cat- fe JR I Try oar GlmtaM for   1og and Scienti6 H ^V .v, 16    . If  I CharttoUrtyoarownl m Complete 1 , just  1 rightin  B V them tous and we UM:  m  I rcf "nd  . I          light tester*. I STYLES fl     1             Hepain:24-Br.         J^^ 5T1JK Writ* Tod*yl\ U. S. Eyc-      Co., Dept. 91U 1557 Milwaukee Avo., Chicago 22, 11U</t>
  </si>
  <si>
    <t>                                           ANTWERP, Belgium--After two years of hauling war supplies to Russia through the Persian Gulf corridor, the 3391st, Truck Company a now operating at Antwerp, now important redeployment port in Europe. The unit was formerly stationed at Liege, Belgium.</t>
  </si>
  <si>
    <t>                                           Army Called In To Quell Virginia Riot                 Authority In Use Of Federal Troops Questioned                 Bv HARRY McALPIN                 WASHINGTON. D. C- 1Memberf of the Army of the United States were pressed Into service to help c villon police authorities ai ril a so-called riot in nearby Mannssns, Va., last w e e k. j Authority for use of the federal  remains undetermined. I                 The "'riot.* which found tho .tab)~.            group: of IJegroes attempted' the annual Labor Day horse show In Manossas. resented efforts of ! police officers to stoD delivery nf ^VAy    -nt*~7ht  t.ho horse show grounds. The sheriff end his deputy were disarmed and beaten  by the Negroes. A state trooper who Joined low enforcement officers was also beaten but got  and called for help. Frantic calls for assistance went out t nearby counties and to all state police In 18 Northern Virginia counties, ana to military authorities at a nearby Army post. Several citizens (white) were deputized p.nd armed About 100 MPs and soldiers from Vint Kill. Army Signal Corps camp, were "pressed Into service," although (here was no indication that  federal intervention was authorized or necessary. One Negro was fatally Injured In the rr.eleo, and a deputy  was stubbed and beaten. Six Noproes v.ere  when the police, armed citizens, and Army decended on the seme. The outbreak  q about 6:30. By dusk :t lia:l reached its penk. At 9 o clock state troopers ordered the crowd from the grounds and the gates were -d. Not until 11 p m. were the m  police and soldiers  with !he visiting police and armed citizens, released from their duties.</t>
  </si>
  <si>
    <t>                                           WASHINGTON, D. C.--(NNPA)- Members of the Army of the United States were pressed into service to help civilian police authorities quell a so-called riot in nearby Manassas, Va., last week Authority for use or the federal troops remains undetermined.</t>
  </si>
  <si>
    <t>                                           $0,000,000 in admitted assets, 86 and 1/2 million dollars worth of Insurance in force, and with an income of over 1 million, 300 thousand per year, is but part of the astounding report released by the Supreme Liberty Life Insurance, operating in twelve states, with...</t>
  </si>
  <si>
    <t>                                           Says Color Bias Carried To Panama                 Panama city  -i When Arnulfo Arias, former president, of Panama, returned trom exile Tuesday, he- was greeted 6y K'.OOO people, men, women, and children. Four years as a result of a revolution staged, he was fore- ed to flee from, Panama. Hardly hud Arias set foot on his homeland s soil then he announced his  lor future action.1 "Panama for Panamanins." Arlaa I criticized the United States roundly. He accused the Americans of tin- fair treatment of Panamanins, most ot  are colored, declaring the                 United States had drawn the "color line" and otherwise humiliated the people of Panama. The Onited States, which employs thousands of tile masses of Panama in connection with the operation of the Panama , has sot up uvo standards, the " standard" which applies lo whites in .ry scales, facilities and accommodations and the silver standard" which applies to blacks and other Panamanians. His speech caused the greatest enthusiasm among the masses wno nate the white Americans. j</t>
  </si>
  <si>
    <t>                                           Victory Court The regular meeting of the Victory Court No. 252. F. and A. A. Y. -Masons will be held Thursday. Sept. 20. :it. 8 p. m.. Masonic Temple. 277'i Auburn Ave.. NE. Busli.css of importance. All members no urged to be present. By order or M. Weaver. M. A. M. M. Bowcn. .m . Victory Lodge The regular  of th? Victor}' Lodsc No. 581. F. and A A. Y. Masons will Ik held this Thursday . Sept. 20. at 8 n m.. Masonic Temple, 277'; Aubi'ivi Avc.. KE. Members are urged t.i be present. All qualified brethren  arc ln\1ted to meet with us. By order of W. E. Rlsh, W. M D. Bowen. Sec'y.</t>
  </si>
  <si>
    <t>                                           WORSHIP PERIOD Pictured  nrc prc-GIrl Reserve Age members of die Saturday morning Junior Activities Department of j Phyllis Wheatley Branch Y. W. C. A. In their Worship Period. Art*. Crcft:. 8tory-6; Visits to groceries where children learn the                 art of shopping with selectivity, i- and m:iking : visits 1 10 the Bank, where they  to i make deposits nnd check savings; and. to down-town department stores cook-out, hikes nnd sports make up the general  Send your girl to the Y. \V. C. A. on                 morning ul    :30. the  urges Mis* N. Mns'KUCiitv Jones. Extinsion Work Supervisor, directs these activities. The "Children's Choir" from this section will render Cn:ols nnd Christmas Hymns for tnc j  "Hanglnj of the Grew Ccrnmonial to be held at 5:00 P. M. Sunday, December 10.</t>
  </si>
  <si>
    <t>                                           COTTON TOBACCO BOWL; BOUND This bevy of beautiful I and lovely co-eds of South Carolina State College, Orangeburg, will be on hand at the Cotton-Tobacco Bowl Football Classic in Greensboro, N. C. New Year's Day to add I glamour and color and to root for Allen University of Columbia, S. C. in their c!a.-,h against Johnson C. Smith University of Charlotte, N.                 c. They are reading left to right: Misses Mary Hopkins, Chester, S. C. member of the Commercal Club: Eleanor Walker, Calhoun Falls, S. j C, Delta Sigma Theta Sorority: I Harriet Entaminger, Columbia, s. C Alpha Kappa Alpha Sorority Miss Rubye Giayson (kneeling) of Beau- fort, S. C, who is candidate for the honor of being crowned "Miss                 South Carolina" at thi; CottonTobacco Bowl game In Greensboro, N. C on New Year's Day Is a senior and in Alpha Kappa Alphu Sororltv: K. DeLalne, Sumtcr, S C, Delia Sigma Thetn Sorority: Leila Robinson, Greenwood, S. C.. Zota Phi Beta Sorority; Marlon Printer. R", Go., Alha Kappa Sorority.</t>
  </si>
  <si>
    <t>                                           Then Roof loped around the house and began barking at they stranger. Jones turned at the steps. "Your grandmother says you're fond of walking. Let me caution about this road up the mountain. I hear there is a rough crowd at the rubber factory--I'd avoid it if I...</t>
  </si>
  <si>
    <t>                                           HERE S WISHING EVERYONE i i A HAPPY THANKSGIVING KESSLER S 1 I  s All Be Thankful $ bub ^% s Ml! I1! t9^^ I The harvest is truly plenteous, but the v laborers are few Show your gratitude for peace Go to church on this Thanksgiving Day. Broadnax Gleaners .X70  ST. S. W. RA. 0291 Artistic Cleaners 907 HUNTER ST. N. W. HA. 'J;{7'J</t>
  </si>
  <si>
    <t>                                           ZJke ^Diamond Jewelry. Co.    9  y^^^Mm^^^^^ Selecf your Christmas Cifrs now Use our ^^~~^?^ffi$^convenient lay-away plan while selections aro      ^^i ^c2?M'fflr'}~? f^L^^Bridol Poir.    YOUR ^/ym//cO/m) f^.so credit Y^Hfe bt  dia-  i:i';-.-r-(^kj^5^?^^^^k, 5-.^^^tei'1's"  ).5  R/ A Lovely 5-Diamond N^'-mws.oo fe:;/^^^^^^S^%- ^W^FT^^f D!NNER       ^^10 -Diomo-.a'^^ you will find WffijgljBTidil Poir, bjj? anywhere. EASY     $ Open An Exquisite 12 diamond Keepsake "Orland" Bri- Keepsake "Pasadena" Keepsake "Maiden" Enbridal pair in - day Duo, six brilliant dia- Matched Set 8 fiery semble 12 exquisite Account num fishtail mount- monds. diamonds. diamonds. ings. $650 S 102.50 S 0:11.75 S525 Tomorrow Easy Terms Easy Terms Easy Terms Easy Terms ^SnnA I Btf*flJ"5    ?J Masonic Emblem Man's genuine ^    /\ GENUINE /OF trU Lu^Sai 6 BLK3  on Ruby. Onyx Initial ring. f\ cts-m^m,**. 10-K. gold mount- 10-K gold, ft Th,? 9e". f0,mT p" ~*    ing. M2.5O $17.50 MARIETTA, GA*</t>
  </si>
  <si>
    <t>                                           Expert Seamitress RA. 3487 Interior Decorator Makes Slip Covers Draperies Spreads Covers Old Furniture Marie Floyd, MfT. 1135 Colcman St. SW- AtlanU</t>
  </si>
  <si>
    <t>                                           A MERRY; XMAS 3 .~A.na?A; ir i^^.. g HAPPY NEW-.^BAjl Ariel Bow en Methodist Church Vci'v. M. Saix^.' .1</t>
  </si>
  <si>
    <t>                                           JOSHUA JONES                 By I. P. REYNOLD*                 Bro Hell      the         I "Where I* the kry" on Huiiilnynrc  w)        !~ the  who *        I rtt i no  lock elal     Sl'.a.</t>
  </si>
  <si>
    <t>                                           AT ROYAL Louis Ariuslnm:1, ; his Millions '.lm :   : co-. with Ieln Lupinci in tin1  s funniest Himecly. "PILLOW                 TO POST." P'n.vme "jnM- i ,h,y t..iKu.,-.^.1t.M.l  l Ii"~~-   TlieaUu. I</t>
  </si>
  <si>
    <t>                                           AC ENTS WANTED- Turn your pare lime into big money. Make $50.00 a week thawing old 97 D'ttributing Co. fail telling beauty creation* and other products to friend*.        wanted - I where, no experience necessary, men or women any age. Apply or I write to Supply Station Manager, R. Charleston, 246 Baler Streel I N. E.. Atlanta. Ca. FOR SALE- 381 OLIVER ST- N.W. Six room , electric lights, Innide plumbing. Price $2250. Terms  150.00 cash. Also, 346 OLIVER ST., N. W. six rooms, price J2.000. MM CAsh. w-</t>
  </si>
  <si>
    <t>                                           UAW ASKS MORE VIGILANCE IN HALTING DISCRIMINATION                 Fair Practices Committee Asks Non-Bias Writs                 Violation Cases Are Expected To increase                 DETROIT- (    - More .iv.v In  A- '.  Negnos ai.d oilier Mj-   In ili,~ UAW's   was culled for Uie  ty thn union s fair practices committee.                 In a .special communication sent to all UAW local . president,-, with tin- approval of George F. Addes. International - said chapman of its fair practice committee It is pointed out that although there have been fewer  of discrimination in this lay-olf period than might, reasonably have been expected. to increase its automobile plants begin to i-e::::i old waken; and hire new employes. NOjy ., CLAUSES.; The committee s loiter was Issued by. Its executive director. George W. Crockett. .lr 1L requests each local ._rj:    (~nj._:i_nd_the__ committee to Immediately ""begin negotiations seeking n no- clause Ms contract  prohibi!. employment   of race creed, color national origin political affiliation, sex or marital status. Comrr. on this report. Mr Crockett, stated that the international union s executive board approved this   at its meeting in New Orleans last February nnd that tin: UAW's General Motor: department is now Making 1c  the consept, of General Motors corporation to such a clause. If these negotiations are -. It. will mean that hundreds ol GM plants nil Continued on page 5, col. G)                 Fair Practices (Continued from Pajfe 1) over the country now covered ; with UAW, will, be contractually obligated to the  of fail employment practice:.. The union s national agreement with Ford Motor company has u similar clause and negotiations v/i'.h the Chrysler corporation  to get under way soon.</t>
  </si>
  <si>
    <t>                                           DETROIT-- (ANP)--More vigilance in preventing employment discrimination against Negroes and other so-called minorities embraced in the UAW's large membership was called for the week by the union's fair practices committee.</t>
  </si>
  <si>
    <t>                                           Quit Ethiopia, Britons  American Gov't                 WASmNOTON(ANP)- An - ftos been made .by a group of leading English persons that tho  Military  which now controls 'a third ot Ethiopia be discontinued in IIic 'cause of international Justice.' it is learned here. The appeals signed by outstanding racn\bors of I'cth of his majesty s government and private . was directed lo Prime Minister Clement as the head ot the Labor government. The people of Ethiopia, the appeal points out. are pointing lo the fact that several Europer.n countries liberated much lator that Ethiopia have been Jully restored to self-government. They maintain that "1110 same right ought not be longer denied to a member of the United Notions." Tho British arc occupying the provience of Ogadcn and the so-alled reserved area under the military agreement concluded first in 1042 and later in December. 1944. "We, therefore, must urgently appeal in the interests of Anulo-Ethl-  friendship and in the cause                 of  justice and con- cord." the statement says, "that British Military administration be -fi in Ethiopia."                 Alleged Burglar Slain By Police Louis Wilson. 191 Forrest Avenue, was killed by Police Of (leers H.A. Gilbert and I. J. E. McGulro early Sunday morning as they and other police officers surprised him after he mndo a  entrance Into Hadley Cafe 2221 Cain Street NE According to the police, they were called to the scene ns a report hod come to them  them was a person In the cafe after It i had been properly closed. Five police cars answered the coll to the above address to Investigate and found a man Inside holding the door against the officers with h  nnd n stool which he had .braced against the counter. The police told Wilson to drop the  and open the door: they warned him that they would shoot if he refused Wilson refused Officers Gilbert and McGulrc fired; the police heard the body nnd the  . Upon  the police found that Wilson had eaten n  . Nothing else was noted as  nt the time. All  was called to  the body to Grarty hospital where Dr. Mentzer pronounced it dead on arrival. Papers found on the body revealed the Identity of Wilson.                 Baby Found In Garbage Can In Happy Mood The foundling who wns admitted lo Garely hospital after having been found in a  can by Tom Matthews in the rear of the First Methodist church at Peachtree  Porter Pluce Thursday. October 25 is still in the hospital in good condition. According to hospital authorities the baby girl weighed six pounds nnd fifteen ounces on the second day In the hospital. It Is reported that the mother has been found here in Atlanta and is  to regain the custody of her child. House Marks Jan. 5th In Honor Of Dr. George W. Carver WASHINGTON- (NNPA)- The house today passed unanimously a Bill to set. aside January 5, 1940. in honor of George Washington Cnrver. The Bill wns Introduced by Representative  .1. Corbott. Republican of Pennsylvania. It now       io the Senate.</t>
  </si>
  <si>
    <t>                                           Commenting on the semi-annual report of the State Department of Public Health lust week, Gov. Ellis Arnall praised that department for its accomplishments in ridding Georgia of typhoid, pellagra, book-worm and diptheria, us indicating what can be...</t>
  </si>
  <si>
    <t>                                           WB Atl an t a JkhP^ d EDmoN Published Every Morning Except Monday News" I ' 17, NUMBER 343 ATLANTA (3), GA., WEDNESDAY, SEPTEMBER 5, 1945 PRICE FIVE CENTS f</t>
  </si>
  <si>
    <t>                                           For the first time this season, there will be u let up in grid activity over the approaching week end. It seems that the schedule schedule makers almost over-looked the Gate City but there should be no serious complaints, as Use grid menu has comprised from two to</t>
  </si>
  <si>
    <t>                                           WASHINGTON--(SNS)--Thirteen percent of the Office of Price Administration's 3,723 employees in the national office, as of March 31, 1945, were Negroes, according to an analysis of a report on Negro employment released this week by Frances H. Williams, Special...</t>
  </si>
  <si>
    <t>                                           VILLA RICA, GA. Sunday was Pastorial day at the Pleasant Hill Methodist Church, Rev. G. H. Butler was in the pulpit at the usual hour, nine were baptized and everyone enjoyed the service. Miss Sarah Sears of Cleveland was the guest of friends here last week...</t>
  </si>
  <si>
    <t>                                           "BIG THREE" APPEAR TONIGHT ROBERT HARRIS RICHARD FRAZIER JOSEPH RAY -Of the- Of the- Of 'the National Independent* Echoes of Zion Starl'ght Spiritual Singer* SPIRITUAL SONG BATTLE CITY AUDITORIUM Sunday Nite, Sept. 9 8:30 P. M. At Box, $1.00; Advance, 75c BISHOP E. D. CHOCK ETT, Sponsor Director Get Your Ticket IN ADVANCE from Haugabrooks Funeral Home or Bishop Crockett's Residence, 178 Bailey St. S.W.</t>
  </si>
  <si>
    <t>                                           When the U. S. Supreme Court on April 3, 1944 declared unconstitutional the Texas White Democratic primary elections we described this decision as "epoch-making and our second emancipation." Our understanding of the Texas decision was that it covered all primaries in all states that excluded Negroes because of race. But as is generally known now, the recalcitrant politicians in Atlanta and Georgia refused to recognize this decision.</t>
  </si>
  <si>
    <t>                                           WHEN THE renowned Nicholas Murray Butler, dean of world educators, made his valedictory pronouncement upon retirement as the president of Columbia, he stressed the dangers that inhered in the federal support of education. He was positive in the conclusion that...</t>
  </si>
  <si>
    <t>                                           West Hunter Street Baptist Church presents a Christmas Cantata Sunday night at 8:15 P. M. The pastor has returned from Hot Springs Arkansas, where he went for a rent, and will preach Sunday mornidng from the subject, "The Christain Church, the Cacraficial...</t>
  </si>
  <si>
    <t>                                           Wants Minimum Wage Law To Apply To Farm Workers                 It will lie  for th-j southern  to get $1.25 n  (or  to earn the equivalent of ii fi5-   In Industry, declared Senator Elirnder or New Orleans Friday, as hr disclosed the minimum  bill, now under . "That iv n conservative estimate  thc  a cotton  .." Elionricr  Thc Pair Labor Standards Act which sets the minimum ;\ docs not apply to larm Intnr, lint Ihr  stated  65 cent minimum for In'.'uf try  It I possible fcr the farmer to lure help,                 Congressman Powell Pleads Equality For All Cadets WASHINGTON. (NNPA)- Representative Adams Clayton Powell disclosed Monday that he had protested to Secretary of the Navy over alleged discrimination against colored cadets in Naval Academy. Powell wrote he had been Informed that his 1945 nominee, Mid- Wesley A. Brown, was not- receiving fair and equal treatment.</t>
  </si>
  <si>
    <t>                                           YES =, TSU CAN  AVS'7HS m. - i MORNING. ..     LET US     mow how much loans *p lo $1000 Voan Investmsnr  ROOM 207, CONHALir CLOC. ?8 ALABAMA StSCLT. S. w r-l^r i"'"! MAin UOB DM. 321. GRANT BLOC. 2nd II. FOR?YTtl and  SiRECT'. M. W. T'~p^     w.vin,,t ;O1/, Onimi.      ;lm'0l(C''ifi!'-.-:i'\    Annum  l-~ .\CTV.~I- *l/.r. Exqiikitu Floi-al Gold Plattd SPRAY PIN and EARRING SETS; S3 SET     with  cut 'uton*** i?* s^^]~rt!c Kul'v,        *t. Aqua. Hose. Kineruld cr.. Deep Sluo. Boautlfully boxed. Order direct from mm'-Jfjcturer" 5*!iil , muney  or C. I) CO percent Tedem! lax  it RUTH DEE ACCESSORIES Drpt.    . I".   .    \ UT. l.      . ~'..F.</t>
  </si>
  <si>
    <t>                                           EXERTING EVERY EFFORT in I the S55.CC3 financial drive of thej National Council of Negro Women is Dean Ethna Winston of Clark i College. Atlanta. Ga.. who is ai member of tin.- Council's S500 Club. The drive opened on June 1 and will continue  to July 10. tin- birthday of Mary McLeod Be. thune. founder and president of the Couiiril. Mr*. DMs.v Lampkin of Pittsbujf.l: chairman of the drive and Con. Helen Gaha- trail Dmiijkis  ii California Ls the co-chairman.</t>
  </si>
  <si>
    <t>                                           Mayer Differs With Winchell In ''Disciplining' Lena Home                 NEW YORK- (SNS) Prompted by the statement made by Walter  In his column of the New JYork Mirror with regards to Lena Home being disciplined because she refused the lead In "Saint Louis Woman," Walter White, executive I secretary of the NAACP, wired                 Louis B. Mayor October 4. His complete  reads es follows Walter Wlnchell stated In his column In New York Mirror yesterday    8  Home who                       lead In Si. Louis Woman (because Is wasn't good for her Race, etc.) is to be disciplined by MCM which I won t have any immediate role (or her, I'm loathe to believe yon would permit action of this . Would you care to advise me by I ? Best personal regards. I Walter      . MATER REPLIES I Reply sent Immediately by Mayer I Indicated that there was no truth In the statement  s found In WlncheU's . Hb letter voiced                 desire to help Miss Home succeed, and he labeled Implied discipline as distasteful as well as Inconsistent The complete text ot his telegram reads: Dear Walter White, the story Is untrue. We are moat anxious for Miss Home to succeed and that Is why we      her under . She Is about to appear 1= "Till The Clouds Roll By," which starts production shortly. As for     . "St. Louis Woman," we would allow her to play !l)t wot   U9Tttfl                 other stars such as Spencer Tracy to appear In plays, but obviously only on condition that the role appeals to her, which it evidently docs not. MGM has no connection with the play productions. The  must come from the Tact that one or our producers has invested in that show but that in no way represents a company obligation or responsibility.     =6 assure yon with finality that any Idea of discipline is distasteful to us and Inconsistent with or policies. Jtlnd         regards.</t>
  </si>
  <si>
    <t>                                           NEW YORK--(SNS)--Prompted by the statement made by Walter Winchell in his column of the New York Mirror with regards to Lena Horne being disciplined because she refused the lead in "Saint Louis Woman," Walter White, executive secretary of the NAACP, wired...</t>
  </si>
  <si>
    <t>                                           JACKETS FL K SCARFS i.tH.nn     {i:ct- up "liii.nn. iu-:m*       ' Jill I j ......1 ,,r mil ^i.Ii/iiii.i vi,v. I l r.ih.r-: MliiU Sliw.    ltr"~'i. sili.rl (   -.~. I  k S11M0, -l.-     -~I     .vvi1MiH. Mi      Mil "i'l\ K..I I..\. slh.r I      (i.tl.-Ml .Ml Nr.i I  nr-. IT tml . .1. ri-       *~l  il.ij*. H'il.. TimI:i.~ f..r Itii: IV.*,. 1 11 u-t r,.t^J inr r.,i,,!,,u- iti,,. i.im. .\(;i:ni s \vri;n:  1*L*U CO..      . G-132 Hi :Hlt Slr.-.l. Niw York 1. T.</t>
  </si>
  <si>
    <t>                                           They'll Spread Rhythum Around Tonight At Sunset Casino                 The Honey Drippers, popular combo from the Coast, do a little Honey dripping musically tonight. ~"!M p. m.- 12:30 m. nl Hw                 set Casino. Advance- $1.00; At Box $1.20. Tickets available now nt,   auri s. /v South- rual^ni AUrucllon.</t>
  </si>
  <si>
    <t>                                           PaUhM'-Xrar Horaiac        Itood*^ at 110 Ankara limber: 8. N. 8. K. N. P. A. A. N. P. established Aug. f, 1928; Became Dally March IS, lilt W. A. Scott, II,' Founder-Publisher, Aug. 5. 1928 to Fab. 7. 1M4 Telephone: WAlnnt 1458 1400 Pttmd in Post Office at Atlanta (I), Ga., as second class Bail under the Act of Congress, March IS, 1878 C A. SCOTT Editor and General  Daily: 1 Year, $9.60; MooUw, JB.OO; t Hontha,}8.00 Satnrday Only: 1 Tear, $5.60; 6 Months, $2.00 Canada: 1 Tr., $4.60; 6 Mos., $2.75; Foreign. 1 Tr., fl.lt THE ATLANTA DAILY WORLD li an  newt ^apar, non-sectarian and non-partisan, printing news   and  those things it believes to be to the inter tot of Its readers and opposing those  against the interest oi Hi reader*. Addrass ALL  to and make CHECKS pay     to ATLANTA DAILY WORLD, rather than to individuals Tfca WORLD   responsibility for return kf unsolicited pictures, manuscripts, etc, unless stamps are sent</t>
  </si>
  <si>
    <t>                                           Nobody knows exactly why the hair turns grey. Every shaft on Your noble head contains tiny pigment cells that provide coloring. The shaft is like a glass tube. When the pigment cells disappear the hair become white.</t>
  </si>
  <si>
    <t>                                           Atlanta JlllR World P.bL.k,d             .. Published Every Morning Except Monday, at 210 Auburn Ave. Members: S. N. S.- N. N. P. A.- A. N. f. Established Aus. 5, 1928; Became Daily March 13, 1932 \V. 'A. Scott, II. Founder-Publisher, Auir. 5, 1928 to Feb. 7, 1934 Telephone: WAInut 1150 1- Entered in Post Office at Atlanta (3), Ga., as .second class mail under ihe Act of Contrrcss. March 13, 1870 C. A. SCOTT Editor and General Manager Daily: 1 Year, $9.50; 6 Months, $5.00; 3 Months, $3.00 Saturday Only: 1 Year, $3.50; 6 Months, $2.00 Canada: l Yr., $-1.50; 6 Months, ?2.75; Foreign, 1 Yr., $5.50 THE ATLANTA DAILY WORLD is an independent newspaper, non- and non-partisan,  news absolutely unbiasedly and supporting those things it believes t" be to the interest of ils venders and opposing those things  the interest of ts readers. Address ALL ! CATION S to nnd make CHECKS payable to ATLANTA DAILY WORLD, rather than to individuals. Die WORLD expressly repudiates responsibility for return if unsolicited pictures, manuscripts, etc., unless stamps aro sent.</t>
  </si>
  <si>
    <t>                                           ANOTHER ONE OF MY good friend passes and it was Mr. James L. Holloway, the veteran Jeweler of Atlanta who has conducted a Jewelery store on the Avenue for many years.</t>
  </si>
  <si>
    <t>                                           j THE HOMESTEAD SOCIAL I SAVINGS CLUB i Wishes to all its friends and  MERRY CHRISTMAS And A V HAPPY NEW YEAR. MR. WILL TURNER, President j i A MERRY XMAS AND A HAPPY NEW YEAR TO ALL CHRISTAL SERVICE STATIONS 265 Auburn Avenue, N. E. JAclcson 8490 775 Simpson Street, N. W. t JAckson 9306 E 848-HtnTter-SiTeet7-SrW. RAymond 9430 Phone Us For Road Service A. CHESTER CHRISTAL, Prop.</t>
  </si>
  <si>
    <t>                                           IT IS FOOD to sec our Negro institutions of higher learning, in ever increasing numbers, adopting the custom of pausing at regular periods in their programs to look back over the way they have come and to honor the memory of those to whose vision and sacrifice they...</t>
  </si>
  <si>
    <t>                                           United Car Far Hire Service Call WA 2501 CENTRAL OFFICE DAY OR NIGHT NE^_TAXI RESPONDS TO HELP SAVE CAS. TIRES. TIME AND QUICK SERVICE C. M. rOT.,     ; xv p \ \r;ce pr;;;^,;^ J. T. GRIGGS, Manauer</t>
  </si>
  <si>
    <t>                                           Leaders In Many Pursuits Say rGo To Polls'                 State They Will Seek Exercise Of Citizenship Rights                 BY WILLIAM A. FOWLKES                 Leaders in many walks of life Tuesday lidded their weight to the accepted opinion that Negroes should present themselves at the polls In today s city primary balloting.                 John Wesley Dobbs, Masonic Grandmaster, president of the Atlanta Civic-Political League, said: "I think Negro voters should to the polls today quietly and very orderly. They should ask to be allowed to vote. If denied, they should quietly walk away without argument of any kind. If denied, then they must appeal to the federal. courts for redress and protection of their constitutional rights." I--* Bishop W.-"A.; Fbuntainr- of the Georgia diocese of the African Methodist Episcopal Church, said: "Yes, we ought lo go and i present ourselves to the polls of the Citj of Atlanta te#    Nogjses should vote as Democrats as well I as Republicans. You know as well as I do that this is the real election and we ought to vote in It. I Intend to go to the polls today myself." "YES SIR!" BURRUS Bishop K. H. Burruss, prelate of the Churches of God, Holiness, I answered: "Yes Sir!" to the query of whether Negroes should go to the polls today. President Rufus E. Clement, of Atlanta University, was of the opinion  "registered and qualified voters should expect to exercise the privilege "of full citizens." Just as they are called upon to share the I responsibilities of citizens, they should be expected to participate In choosing their officers in a demo-- cratic form of government," he pointed out. President James P. Brawley, of Clark College, said: "Negroes should present themselves to the pulls on Wednesday. It is the only way we will break down the pattern of opi position." 1 President Forrester B. Washington, of the Atlanta University j School of Social Work, stated: "I I expect to make an effort to vote In the primary election." Bishop M. C. Griffin of the Overcoming Church of God, was of the opinion that Negroes should seek to vote today in a quiet manner. ESTABLISH SUIT BLshop w. E. Puller, of the FlreBaptLsed Holiness Church, opined Ihnl "enough Negroes should present themselves to establish a test suit against those who oppose their participation In the primary." President C. L. Harper, of the Atlanta brunch of the NAACP and executive secretary of the Georgia Teachers ana Educational AssoclaContinued on page U, col S)                 Leaders In Many (Continued from I'aee 0" tlon, stated: "The decision or the United States Supreme Court, rendered April 3. 1944. outlawing the Texas white Democratic primary because it excluded Negroes, applies with equal force to the white primary that is heing held today. Hence, registered Negroes, as good citizens nnd loyal Americans, should present themselves at the polls to- day for the purpose of casting ballots." John P. Whittaker, registrar oil Atlanta University and president of j the Atlanta Mutual Building Loan and Savings Association, said: "Negroes should go the polls to vote today, presenting themselves quietly and orderly." Rev. D. T. Bahcock. pastor of Big Bethel AME Church, queried nt the i Auburn Avenue edifice, stated "I think the voters should go to the polls. Wednesday ond, if refused the ballot, walk away peacefully." John C. Lon?.. president of the Westside Voters League and officer In the Reoubllian organization, said: "I 1m going to the po ls today and others have promised to go with me." Rev. William R. Wilkes. pastor of Allen Temple AME Church, said: "According to judgment, every evil carries within it the seeds of its own destruction. Therefore, we attempt to "pressurize" this undemocratic election procedure, with large numbers of Negroes going to the polls, I think Is unsound. I would suggest, therefore that the law abiding Negro citizens of Atlanta continue to qur. for voting and proceed with unrelenting vigor the legal course they have begun The Supreme Court of the United States will decide in our favor. Let                 us be patient." I Mrs. Julia Pate Borders, Presl-1 (loin. Atlanta Metropolitan Council for .Negro Women : "In appearing at the 3 today Negroes of Atlanta will make a definite and significant step toward securing American democracy which we all know will work only when we make it work through concrete united action. A number of others were Interviewed, the majority of whom said they were presenting themselves at their  polling places today and that if refused, they would walk away peacefully and resort to action in the court, both civil and criminal. In an interview last week, several .soldiers on furlough from overseas  they would seek to vote in today s election to determine whether the democracy the country stated It was fighting for abroad applied at home.</t>
  </si>
  <si>
    <t>                                           Leaders in many walks of life Tuesday added their weight to the accepted opinion that Negroes should present themselves at the polls in today's city primary balloting.</t>
  </si>
  <si>
    <t>                                           FREE TO ANy MANOR WOMAN man or        Lrilrtn In J-ii li. nn -r ..Iml you Imv-  "~   - from 7 I^. mi c Mump to mull yon    "i  . SEVEN' HERBS CO. IJM Enidvoml Dr.. Kan,,, Cllj- J, Mo.</t>
  </si>
  <si>
    <t>                                           MARRIAGE ANNOUNCED- Mr. :i:ul Mrs. Jerry Austin of this . announce the marriage of Lhulr only . Viohi Ellznbclh. to Mr. Jami'^s .1. Howard or Pasadena. Cal. The quiet           was            by tin: Rev. J. J. Minor. Tlwrs. . November 10. in the . ol the brides parents and a few Iriends. The brides "maid of honor and only - was Miss Samclla Pal.ton while Mr. Janu's R. Bnhis was the '.s best man. Mrs. Howard is former student of Clark College and a former         'i1 of Allanta i.ifc IiiMiranre Ciimiiany. Mr. Howard, a  ,1cil veteran is the son of Mrs. Annie M.  of Pa.-adena. while iho couple is now ro..</t>
  </si>
  <si>
    <t>                                           Season's Greetings                 REV. E. W. McMILLAN PASTOR. CENTRAL METHODIST  TO OUR FRIENDS- ONE AND ALL we extend the season s richest blessing and  for each the fullest realization of Christ's promise, "Peace on Kartli Cinndivill toward men."</t>
  </si>
  <si>
    <t>                                           PROPHET ALI BEN DO Beyond the 12 powers of man. Secret of the . Our plans are sure. Why worry, suffer and be clown? They are the wonders of the nation of thk clay. They help you in all trouble, if you re  backward instead of forward, il things are not. gome v.cll with you. come and sec them and let ilium help you.</t>
  </si>
  <si>
    <t>                                           MADAM BEK DO Spiritual advice. Daily except Saturday. Positively no work: or j appointments taken on Saturday Hours arc 10 ;i. in. to 'J p. m. mid 5 p. m. to 7 p. in. K:ivc   :mrl oils. Phone Ra.   !~S9 Address 111 Ashliy Street N. W. Can       appointment.  do not phone or call after hours. (Adv.)</t>
  </si>
  <si>
    <t>                                           Preaching the theme "First Christmas Message-- The Response and the Result," Rev. W. C. Jones, a returned Chaplain, who spent two Years in the services of the U. S. Army, delivered a stirring Christmas sermon to a large group of ministers and laymen attending...</t>
  </si>
  <si>
    <t>                                           crossword                 ACROSS 1. Marshes 5. Clothes (colloq.) 9. Cup-like spoon 10. American Indiana 12. Around 13. Sets, as of tablet 14. Short, tn reply  15. Scythe handle 16. Cornered.                 as in a tree 18. Meat dishes 21. To be In debt 24. Biblical name (poss.) 25. Cavalry sword 27. Snare 28. Noticing: 30. Shed blood 31. French painter 34. Little island 38. Amid 39. Flower 40. Estimate 41. Furnishes, temporarily 42. Vent 43. Girl's name DOWN I.Hindoo gentleman 2. Smell 3. Gormandizer 4. Place 5. State 6. Mountain nymph                 7. PUh 8. Biblical name 9. Resinou." substance .1. Compass point (abbr.) 15. Clique 17. A rush, candle 18. Flowed 19. Hail! :0. Obtain 21. Fetish 22. Skin tumor                 2". b nit of u-ork 26. English essayist 29. Ever (contr. 30. Large antelope 31. Uncooked 32. Uncles (Dial.) 33. Refuse of silk 35. Boy's nickname                 36. River (Siberia)                 37. Bitter vetch 39. A wing                 l:    _i: lili: in _ 1 II! y//. y//. so '//a I l_ I*' yt\\\mr\\\w 8-Z.i                 CRYPTOQUOTE- A cryptogram quotation   ]E  HAR  YP  . Yesterday's Cryptoquote: TRUE VALOUR LIES HALFWAY BETWEEN COWARDICE AND RA3HNE3S- CERVANTES.                 Ml VFilrrdty</t>
  </si>
  <si>
    <t>                                           JOSEPH F.  i WATCHMAKER AM. 1450 i 339'. N. Ashby St. near Simpson SI. i On River Car Line</t>
  </si>
  <si>
    <t>                                           1^~5^ 4 ~^^^kl Yru can t find a speedier,  actj. ^  ?^r j^t^ \ ,         .JodcphABpiria '%^^S T; /-^-.^       r rBt    "icc-    - You BCt bie ^Hk/ '  9f THKlll 3-tor-l Ijnrgnin. nearly 3 tablets for SHUk' '  5SyF*  K?3U lc- when you  100 tablet      iCI^^~~ ,~y^~^t   -   3fea For only 35c Why pay more? Get St. V^~Jfc^^ ,^s^diP'@[ Jooeph Aspirin and keep it handy. V^T'^* M "^^^^B Head off delay when that warning xS^IjSk* M ^dii^VB Dain . Rcfuso ". Get     ^^ ^LiMiTtOflUHHTITY ^J^~   ?*^    mi Ukm'      tbM             In     -   *~~ Jrf%?"fi3~*~lr7 d           .~MOlnt.             7              . *%Z; 3tW{\ \A ^AQH SbcJ li .   d              taut KIMttlt lfc(i 0^ fS\a  O^T -You'll Ix thrilled  I61   KM;  V\*) 5\P,jD!) M  BwlM Jtwtl Pla       . VoC JwrVW 1^ m    ml dial. BnnUlu! itn ML I^^^^^T  mtf montr-Wttr ml Our m$~t ^^*5BS!a tO^ a! ho '       only 93SMch WiSll \,    *. ^CtelactJoB         4 or  back' Rlaplr apod Bant,  T*TftfH Sdrni and Julcn watch . Pay  C.O.D. 19.9 i \~KM III KM few  10% Federal Tax. TUltuvlrk ^J^SV* .*1  alud,         Udar.           . i^\ C"~ 1^*' INTIUNATIOMAt    . % pP* aw Mawt     . ji.it</t>
  </si>
  <si>
    <t>                                           I Special $1.00 Reading lor 21c Your  days and * i S Given Free Madam Eve SHE GIVES FACTS AND YOU GET RESULTS World'*            'After     commit all     era.    pro*       _to_ Muduia Eva and I em one t-       It yba*^      j           or wife or l*ack 1    Hare Mnd  at once. Office koura j h. m. to 19 m. Doll? and Bondaj i   1I W. Marlrtta St. -V. \V, Atlanta. I Be anre to take *oe lunan Tard  I oar. Please ask  be car conductor    i ft 700 ofl two "top. od the oth.r tUt I of Klor      Co. Atlanta. Grorcla. Dry Cleaning i That you ll  . W-j j  . Clothes' j cleaned the way you want j them cleaned. j Ted Lewis Cleaners 704 McDaniel St.. S. W. i WA. 26S8 i 50 Fra.er St., S. E. JA. 02S4 Rite-Way I Cleaners j 867   ;~t Hunter St. R A. 0 1 S2 I'ick T'p and Deliver Opens 7:30 a. m.; close 6:30 p. m.</t>
  </si>
  <si>
    <t>                                           TAMPA, Fla. -- SNS) -- The Wiley College Wildcats, champions of the Southwestern Conference won the 1945 National Championship with a clean-cut 32-6 victory over the Florida A and M College Rattlers, champions of the Southern Conference, in the 13th Annual...</t>
  </si>
  <si>
    <t>                                           Hungry Club To Hear Economist.                 Dr. Colston E. Wnrne. Frotcsscr of Lconomlcs at Amchersl College, will be guest speaker at the Hungry Club Luchcon at 12:30 P. M. Dr. Warne will speak on the subject: "What to buy anil How?1 He Is nationally known for his lectures and writings in the field of labor j and consumer economics and labor problems in America. Becuusc ol the I !.'" si bic.1!    .e club I -w (i^,,- i- i^S fe- WftiiV</t>
  </si>
  <si>
    <t>                                           Jack and Rocelious Shackelford, Sandy Springs. ... doris.</t>
  </si>
  <si>
    <t>                                           Ask Prcbe Of Treatment Of Capt. Mulzac                 'Washington' Skipper Accused Of Smuggle Attempt                 . D. C. A nni(~-t .       be made of the Incident reported trom Marseilles November 23-24 in  Captain Hugh Mulznc. or '.lie Liberty Ship Booker T. Washington whs accused of  to smuggle a German woman into the United                 States has been telegraphed to Admiral Joseph P. Parley of      Unlti'il States Coxst Outinl riv      NAACP. The facts In the case are very meager, but according to crew mem bers a German woman was found aboard he Booker T. Washington before ic sailed, and her luggage was discovered in the custody of the ship s butcher. DETAILED 28 HOURS A lieutenant  j..g.l of the Coast Guard at, Marseilles Is. reported as having accused Captain Mulzac of m^KflSr^ -,       ?7rt? per-?  -  toS enter the' United states Illegally. TJie. Book,^?:-Tv-Waih!c8bri-T\-as-saia--:te-have- been detained 29 hours at Mar^  - the Coast Guard officer conducted- a, trial" of Captain Mulzac. The woman Is .reported to have come aboard ship, up the main? I gangplank ' the eyes of US military police. j The NAACP Tire said. "In view of Captain Mulzac's exemplary record during the war' we demand com plete investigation of incident and proper disciplinary action if Coast Guard officer behaved a.s reported In Mnrseilles."</t>
  </si>
  <si>
    <t>                                           WASHINGTON, D. C. -- A request that a fall investigation be made of incident reported from Marseilles November 23-24 in which Captain Hugh Mulzac, of the liberty Ship Booker T. Washington was accused of trying to smuggle a German woman into the United...</t>
  </si>
  <si>
    <t>                                           STATE DEPARTMENT PICKETED BY COMMUNISTS                 HOlOING PLACARDS. Communist pickets parade back nnr!  in front of the State Department BuiMinR in W.n..n The signs  for tlio  of Scrrolary of State Byrnes and the withdrawal n f II s                 u.~.ps from China. Another placard  China* iUi- "dictator China." "(        '{       Sovndpheto)</t>
  </si>
  <si>
    <t>                                           LOUIS  In "Qildoniu" and MANTA.N-  ill " MASK" TOT MT "LA KB PLACID 5" with  Noble's Orrhes(   And: "BLACK " "FLAMli OF  COAST1' wild John Wayne Aud: "HAUNTED "        " CANTEEN". ~-i(li SO Blf Stan And: "0 01V i "DILUNGEIl" with Lawrence Tlerney and 'ZORKO S BLACK WHIP' STRAND -"WILD BILL" ELLIOTT i "San Antonio Kid" 'An4: " WOMAN"</t>
  </si>
  <si>
    <t>                                           The fast two weeks in August were happy days for Corporal Statiley M. Cook and Mr Otis K Lee as they traveled from Atlanta, Georgia to Niagara Falls, New York, and many other interesting points cast together on their furlough and vacation.</t>
  </si>
  <si>
    <t>                                           Atlanta J^ffi, World Published Every Morning Except Monday, at 210 Auburn    . Members: S. N. S.- N; N. P. A.- A. W. f. Established Aug. 6, 1928; Became Daily March 13, 19S2 r. A. Seott, II, Founder-Publisher, Aug. B, 1928 to Feb. 7, 19S4 Telephone: WAlnut 1459 1460  to Post Office at Atlanta (3). Ga., as second* class mail  the Act of Conirress, March 13, 1879 A. SCOTT Editor and Geners* Manager Daily: 1 Year, $9-60; 6 Months, $5.00; 3 Months, $43.00 Saturday Only: 1 Year, $3.50; 6 Months, $2.0p Canada: lYr., $4.50; 6 Months, $2.75; Foreign, 1 Yr., $5.50 THE ATLANTA DAILY WORLD is an independent, newsaper, non-sectarian and non-partisan, printing news absolutely  and supporting those things It believes to be to the inter it of to         and opposing those things against the interest of a readers. Address ALL COMMUNICATIONS to and make CHECKS     1  to ATLANTA DAILY WORLD, rather than to individuals. Vhe WORLD expressly repudiate) responsibility fbr return if unsolicited pictures, manuscripts, etc., unless stamps are sent</t>
  </si>
  <si>
    <t>                                           CLARK COLLEGE PRESENTS ANNA HARRIETT H. JACKSON IN RECITAL- Or mutual interest to faculty I Mudents. alumni, and friends of I Clark College is the return of Miss j Anna Harriett Jackson to her Aim;i I Mr.sier to delight them once more wilh her incomparable soprano i . Those who have hoard this j artist anticipate eagerly her appea- j ranee in recital in Davage Auditorium this evening at 7:30. She is a native of New York Cily where    2 studied and worked during (he two  since her graduation I wilh the class of '44. Miss Jackson brought v/ith her a wealth of raw material when she entered Clark as r. freshman. Faculty and .students watched her develop with interest over a .ti of four years rind knew her to be p. potential artist- her sincerity nf purpose, her determination, her technique nnd  manner mad? It quite evident. And now .-.he returns after two years of study with r, tutors to (live a  of her art as a mature .-i  for       field of I Mm? professional.1-. That she is  I her coal is evident in the  j printed here, which  she j will  for her audience this i. veiling l-"Son tutt.i '* ScarlnM"II mio bel foco"-Marcello; "Che I fiero "-Lo2renzi. 11. i  ich doch den Wck " I B-..; "Der Ja?er"-Brahms;                 "Ach Lit'b, Ich Muss Nun " Strass; Zue!~.-    )ss. Ill Aria,  Connais-ut pays?" (Mlgnoiii -Thomas. IV. Cruclflxlon"Fkher; -New born again"- Hellman: Sometimes I Feel Like A '-TlK's Child" ^Brcwn; "His Name So Sv.-eei"' -H. Johnson. V.  Ijillowy harvest field" -Rachmaninoff; '"A Dre;im"-Grel(~: VSea Sheil'-Enigcl Mountolns'Rasback. Alumni and friends are cordially invited to shine this rich program. Friends of the artist have consented to  The recital os patrons There will be no admission free:</t>
  </si>
  <si>
    <t>                                           LODGE 4f3  NOTICES WF.~ A.M. AUBURN AVE.*t  ST. St. James Lodge No. Meets Tuesday, Nov. 6. 8 I*. M. J. E. Acey, W. M. J. B. Dlckerton, Scc'y. Gate City Chapter   . 48, E. P. Meets Tuesday, Nov. 0. 3 P. M. Mrs. P. B. Elchelbcrgcr, W. M. Mrs. M. B. Edwards, Sec'y. It DAY TRIAL JimilltTlOIULDUMOlOCO. 2S31             . TSipt. V-St 1 CHlesiD It, ffl. J</t>
  </si>
  <si>
    <t>                                           Sigmas To Map Post- War Plans                 ST. LOUIS- (ANP)- A postwar program will be outlined by the Phi Betii Sigma fraternity here during a four day conclave from December 27 to December 30, said George A. Parker, national president and dean of Terrell Law (Continued on Pace 8, CoL 5)                 Sigmas To Map (Continued from Pare 1) school. Washington. last week. Crowded business sessions,  the work of the fraternity s social action committee, as well as elaborate social RfTairs are planned Piof. Zaid D. Lenoir. a local school teacher, is general'  of -Ka pp:i-..Si!wui- -,~v4Uch-  host to the conclave.</t>
  </si>
  <si>
    <t>                                           Metropolitan Atlanta Association For Colored Blind Offers activities for Ne#ro Blind in Atlanta and Vicinity. Classes in Braille, Typewriting, Spelling, Grammar and Counting Vocational and Domestic Arts and Music Participation in Recreational Programs and Leisure-Time Employment Home Service. NO REGISTRATION FEE REQUIRED REGISTER NOW Classes Held Each Tuesday, Wednesday and Thursday from 10 A. M. to 4 P. M. Headquarters at 105 Courtland St., N.E. For information call \VA. 4454 J. C. WRIGHT, President MRS. K. TAYLOR JACKSON, Act. Dir. P. J. WOODS, Supel-r. Education and Reaction</t>
  </si>
  <si>
    <t>                                           The others of the United Negro Veterans have examined the total problem of the discharged veteran and as a result of this exhaustive survey they are inviting all veteran, to be present Wednesday night at 8 p.m. at the Butler Street YMCA.</t>
  </si>
  <si>
    <t>                                           ~~~'v^^^'' ^^~3^/~^~^'^^.H I I y j Thui-sday, Dec. 20, 8:30 P.M. AUDITORIUM  S1.00 1.20 TICKETS Available Now Al Neighborhood Store. i I a t v-J</t>
  </si>
  <si>
    <t>                                           HAVING JUST arrived in the city after conducting our annual revival at Commerce. Georgia we ran across our good friend. Brother Bill, and we were mighty proud to see that grand old preacher, who doesn't believe in "Church Polities."</t>
  </si>
  <si>
    <t>                                           Mrs. Maggie Tucker Funeralized Oct. 24                 Blra. MagKie Tucker, of 501 Tatnull Street S. W., was tuner.  ut Zion Grove Bnptiat church Wednesday, Octobur 24 at 2:30 p. m. Rev. J. C. Alexander, Kcv. R. H. Milnor off  was the widow of the late Deacon Tucker of .Mt. -Vernon Baptist church. Her family wishes to express .their appreciation to their many friends .both white nnd colored for their kind expression? of sympathy, flowers, use of  cars, and telegrams' during her illness and death. She was burled in South View cemetery. Memorial Services Held For Rev. Seals Memorial services for Rev. Wm. Sen Is were held at Miller Grovel church, October 17, 1945, with the I  of his chair by Rev. C. L Noll and Deacon W. S. Sims. .Rev. Seals, born In Barnette, I Wimen County. Jnnuury 30, 1883. - June 18, 1645. He 1 Galilee Baptist church in Marietta for 30 years and Miller Grove In Llthonin. lor 20 years. His widow. Mrs. Nettie Seals,: was given S53.5O tit the services. In Memoriam In loving memory of my dearly  wife, and mother, Mrs. I BUnnie Mae Kinjj, who died ono year afro today, Oct. 28, 1941. "Cone but not forgotten." HOLSEY KING and Son In Memoriam In loving memory of my loving husband and our father. Mr. John Tom Hightower. who departed this life one year ago. October 36. 19*4. "I often think of those happy days when we were all together. Your loving smile and cheerful ways will live in our Hearts forever." Sadly missed by: MRS. LIZZIE HIGHTOWER, wife MR. GOLDEN , son MRS. SALLIE COMB9. MRS. ROSA 'BURNS. MRS. ANNIE BELL HIGHTOWER. MRS. PICOLA TURNER. daughters MR. QUINNIE , brother. And GRANDCHILDREN.</t>
  </si>
  <si>
    <t>                                           MARRIAGE TOLD Stall Set. and Mrs. Walter Lucas of 598 .Tones Avenue, wish to announce the  of their . Miss Viola Morris,  to Mr. John Wllie Smi.s or 51C Hunter Slrcel Ucing solemnised No\e; 6, 1S-15.</t>
  </si>
  <si>
    <t>                                           I Quality Products By Supreme Universal Mfg. Co. +??  c NTROt \E/ The New Pomade For Hen It  the hair  ond improves ,  noj gum or discolor the . Mode in three consistencies Light, Medium and Heavy, to suit the different individual . 10c Size, 25c Sue, and $1.00 Size, in oil consistencies. Write Us for Free Trial Sample H TRY OUR LEMON CREAM STRAIGHTENER  8~\ Something New for Unruly Hair L Jl 3 oz. size 50c '/2lb.$1.00 1 Ib. $1.50 W t y Sond Currency or Money       V *-^r* Full Strength Medium Strength If Your Barber or Druggist Cannot Supply You Wrife SUPREME UNIVERSAL MFG. CO. BATTLE CREEK, MICHIGAN /3a*     Pleade lak* //otic* We ore waking  inducements on HAIR CONTROL' to barbers, for shop use ond for sole. Write us for .</t>
  </si>
  <si>
    <t>                                           AVHJtACT POt '^r AVERAGE FOR LAUNDRtBS I  WASHING ,*l "V71  PER CC JU.7. -k Based on an impartial scientific test Era I THE FINAL RINSE WATER IN I I THE LAUNDRY AFTER USING, IS i I MORE BACTERIA-FREE THAN I I THE WATER YOU DRINK! J  rji T^~ TOUR GUIDE TO WHSH BUYING WA5HABU FABRICS LOOK FOR THIS SEAL K^VJb LAUHDIRABIUTlf /J^CSp^ AMERICAN l^i^j i CAPITAL CITY-TRIO ^    excelsior [1 GUTHMAN Goto Shield i mav*.</t>
  </si>
  <si>
    <t>                                           Colored Male Laborers Wanted PERMANENT JOBS CHANCE TO LEARN TRADE Tnsldc Job and chance for advancement after three months. APPLY Southern Wire And Iron Works 441 Memorial Drive, S. E.</t>
  </si>
  <si>
    <t>                                           Dr. Transou, Local Medic Succumbs                 Following n Liiet illness, Dr. James Benjamin Trancou, prominent Atlanta  !~n patted nt his residence, 184 Maple Street. N. W.. early Monday morning. He \vns confined tr- his ted for    , but lind been 111 lor a period or six weeks. Dr. Trnnrou hod teen practicing In Atlanta for the past twenty-live years. He Is a  of Norci Wilkcsbpro. K. c, nrd .cn from MeHuriy Medical College. Nashvlll:, Tcmi. He Is  by his mother, Mrs. Emma W. ' sou. of Nortli Wilkesboro, K. C. I'lim-ral services will be conducted Wed. at tlie  of Hie Ivcy Brother Funeral Directors, the time to be M., alter which Mm U/dy  be sent to Hjs l. h^me. He was    mcn: of Phi Beta  Frnti'rrlty !~nd the Atlanta Mcdltul As'ctlalion.</t>
  </si>
  <si>
    <t>                                           In Memoriam                 In loving memory of our father I Mr Marshall D Powers Sr. who departed this life two years ago  December IS, 1945. "Seme sweet day we long to meet you God knows how pinch        ynn Never shall your memory fade i Loving thoughts shall always wonder To that spot where yon were laid." MRS. EDNA L. KING CONSTANCE L. POWERS. daughters MARSHALL D. POW2LL, Jr. son JOHN W. KING son-in-law i In Memoriam In sad but loving memory of our dear father and grandfather. Mr. Willie Bacon, Sr., who departed thi.'; life four years ago today, December 15th, 1941. The month of December again Is here, To us the saddest of the year, For four years ago today, God call-d you dear. away. We know dear father It was F.'s ""1. but in our hearts you liveth still. Sleep on dear father and take your rest. We loved you but God  you best. MRS. MARIE SMITH MISS ESSIE BACON. Atlanta, Georgia     . CLARA BACON REID MISS EVELYN BACON, daughters New York City. MR. CHARLIE BACON MR. OSCAR BACON. Sparta Georgia MR. WILLIE BACON. JR. Chicago, 111. i MR. LEON BACON. Atlanta. Sons MRS. OCIE HILL MR. I.EWIS BACON, Atlanta MISS JUANITA BACON, Sparta MISS OPHELIA MARIE BACON New York City. Grandchildren.</t>
  </si>
  <si>
    <t>                                           Boston Names j; First Negro As Law Clerk                 BOSTON       Herbert Reid, 27 of Cambridge, Muss., has beert named a law clerk of the Massachusetts Supreme court, the first Negro In state history to be so designated. A native of Wilson, N. C. Reid "was recently '^"' the army as a second lieutenant. He j        5t OKtrrawn- He- was- graduate of Howard university in 1940 and studied law at Harvard, being admitted to the Mate b:ir in October. At one time he was  trial Judge ad- vocate at the Tuskegee Air school and also was a labor department Attorney in Washington. Chief Justice Frert T. Field said Reid h:is been "selected on Ills merit.1! and mi ihc b:i.sU nt Informatlon we  hi respect to him. "The supreme court, employs several  clerks to aid Justices in looking up data and preparing decisions. I Louisville Inducts J First Race Alderman i LOUISVILLE- (- Eugene j Clayton, the first Negro to be elect cd an alderman, in the history ot j Louisville,, was inducted in'.o office i Saturday. A victory celebration was given in his honor at Pythian j Temple Monday night.</t>
  </si>
  <si>
    <t>                                           SCALP TREATMENT!    \ SPECIAL i ^^K   , HAIt )W  CKMI Me   (H NIC  4 OUNCE      Oil *}~  SIK 11. ?J. NO MORE     -~UINT, HOKEN, nw         haik. j Send No Honey!   " yma" *IJ0 KNO   TODAY I I SATISFACTION  Uessie^re Beauty Products Co.  07 In. .vt.Om.t0i) U,w York Oly I</t>
  </si>
  <si>
    <t>                                           B. G. We have been married for 5 years, have one child. I have run around with other women which was wrong I know. My wife is 24 and she doesn't seem to understand anything about life and mankind. Maybe she has failed to interest me to some extent or else. I wouldn't...</t>
  </si>
  <si>
    <t>                                           LITTLE MAGNOLIA                 TIM TYLER -Lyman Young                 -Sullivan</t>
  </si>
  <si>
    <t>                                           Appointments For Methodists Listed                 The seventh unmix I m  ol the Atlanta Coufnencc  hen* Sunday nt t.'-. with Di^ I. H. King, resident !iu;~.  the appointments for : yur. Preceding the li.stinu oi*  to the various ch;n\;--s. Dr. y. \v. Clpilatiff. F*         :il C:                 Seminary, delivers! t lie morning tTv;:~      .\ v.-hk-li  s.~ fitting climax to      live O.~ys"     . ATLANTA  J. H. BririsTO, District r?upenn . :Arirl Bowcn, Muior .lout'1*; Ccntnil, It. W. McMillan: South Atlantii, A. S. Dickprsun: Wurrun. J. W. Tlioma-s: Burns Ct., C. I. Smith; Granlvlllc Ct.. W. C. C;   : Hogansvlllc Ct.. M. G. KiylH; I..11-I^anklin. U. W. Stillon Ncwnun Cl.. G. P. Phimizi.M?:         Sl-. VV. B. Lovplacc: Pulmctto-McCollum. J. W. Queen: Rlvnrtown-Maccdonla. E. H. Lee. W. C. Coto. District Missionary Society. N. .1. Crollcy. Field Rcpro ^ Hotird of Pcn.sions mid J. ft. Crccnc. Board of Education. Division of Lociil Church. r.AiNESvn.i.K :t P. L. Inmnn. District Supcrlnlundent: Buchhcud-Battlchill. A. L. Taylor; Commcrcr-NlcholsDn. P. HMays: Covlngton. J. N. Shropshire; King's Temple. A. G. Epps: Blberton-Lnvonla, Maurice Woodward: Gainesville, J. A. Baxter; Fort                 .Street K. fi. Newton: Jrf'tvrrnreville j Cl.. T. Iv .-on: Li'i.- -. M. H. V:inn-r: Oxford-Wesley. C. I,. I Moure; Pnplnr Springs. S. I.. Huff: CienrKf Oliver. W. I,. Iv Co!.-; Oak Hill Cl.. N. C. I'i'utics:' Uiiiipn  Ci.. l- Hunter: Alphiirvtiu 1'iid Uiilu'li. ci. w. Oii'ilvr". ssn.1. I. r*. . f -. Oliiippl-Slwldi'iivillc. W. M C.': Iluio-U. W.     .  :    I N Shrcpsiiir'-. Dt;;!rlr.l. Mi.,?(       ^iCL r(?. ~:r:n -tin               I., r. .:i Superiiitcmli'iii: .~. G. I'     -on: C')~ici4  Park. C. .S. S!i:-.:...n. County Lin'-. A. M.  Kiust Pot ii i-l , Curlis Weaver: Fnypta- Cl.. w. s. WiMKimi; C. Ktutioi'. T. P. CiriNxom r. c;t.. C. W. Undies: Hnprrtlli--l"ii;Jlil". Frnnk Montputi- rry: .Fm'icsbord ci.. .1. 11. Scamln-M.: .. W. c. Dnrsi'y: I. add .Street, Raymond Bnirctt:          1i. H. H. Biiukslrum: Rod O.. s. Jl. : Wlllinm.von Ct.. Znck Bcrricn: Uctl Oak. J. H. Zachary: Shilob. C. H. Robinton. C. S. Stlnsoii. District Missionary Secretary. KOiMK 1 .1. V. Dnrsnv. Dlslrli'l Superiiiteiiclenl: Acliih'i . A C. Cobb: Austin. T M. Vainer; Brctnei!. G. (Cuullnucd oil Va$c $ Col. Z)                 Appointments For (Continued from Page 1) II. Butler: CarroUton, G. D. Walker; Cuve Springs. H. Macon: (. J. F. Demcry: Ccntctinry. T. A. Sherman: Carlcrsvlllr. W. L Houston: Doiu:IokvI)  :. H. K. Phillips: Mapleuin-Mt. olive. T. II. l-': Mnilrltn. - Clink: Kocky Hcnd-Zlun. H. S. Wrlulil; Home. M. .1. Wyiin; Soulh Itomo. W. A. Willhims: Suinnicrvilli'. Pted !Sh:irp: Villa Rlun. .1. W. Swiiiii:                 Arsii;    . 13. C.irn-ii. I. A. SluTitur.. [Jisirii:i Mi:--i.~nary .-t.'iry. V. W.  S ~\.i: TiUiiill IKUIII'cl Ki thi!  ol Contrrcnrc      Lvadur, - with lour OiMricl and sixteen associate Lay Leaders.</t>
  </si>
  <si>
    <t>                                           The seventh annual session of the Atlanta Conference ended here Sunday afternoon, with Bishop L. H. King, resident Bishop, reading the appointments for another year. Preceding the listing of pastors to the various charges, Dr. F. W. Clelland, Professor at Gammon...</t>
  </si>
  <si>
    <t>                                           "We Extend To Our Many Patrons And Friends A j Merry Christmas '     AM'"' Happy New Year FriencUy Barber Shop I Beauty Salon 21)9" Irwin Slroel (Cor. Fort St.) .TAckson 037   I. W. J. JON^S, Proprietor</t>
  </si>
  <si>
    <t>                                           Welborn Robinson Dies In California                 Wclborn J. Robinson, son or tlie 'late Mr. and Mrs. Willinm E. Robinson ,-inrt brother of Mrs. Lucius MitQhell nnc! Charles Robinson of                 city,  nt Uic Navn! Hospi1 1 nl in Lorn,' Bracli, California, October '20. Interment, will be in Los Angeles where Robinson had lived several years.</t>
  </si>
  <si>
    <t>                                           IN  FORUM- Attorney George W. Crocked-, Jr., executive director of the United Automobile Workers-CIO Fail- Practrics Committee, will lead an open forum on Wednesday evening  Decrmber 12) under the auspice:; of the Morehcmse College department ot sociology. His  will be "RtiPractkcs and Labor Unions."</t>
  </si>
  <si>
    <t>                                           ^^^^H^HI ^^^^^^^nEM ^^^^^^^^^^m ASratGIIH, Sli's  93C  i ff^ C'),I:I,).~Ilol,).AI' "  IL-~1,~ i 8 IANE LAX PH.Ls" 35 for 23c f (0  INK- S     I, ji Jft ALOl'llKN 1'ILLS^ GOc size... 49c g B,g  CUNT SHAMPOO,' En LANE CHLOROFORM QliiXSANA. 80r j.    47c J: ASI IRIN TAIiS Stiulbli- 211'1's C9c jj /S COLD TABS. 35c siac 27c I   -~0r size 45c 28 0 1 K j [l3 '~J H P I I ^^^^BH I AL34        0   iM 3Sc SS^ n^cll^KEAM.230 LADY ESTHER ^Purpose Cream. Mr.!. 59c ^T^^^^^^^^^H A ^^M II ALLEN S FOOT EASE 49c p GKM -EDfiE BLADES. B for 23c IX'XOIt HAND CREAM, S1.00 size 79c I  KEGl'LIN. 75c size 59c I  DEO I  i'.Sc size 3\c I  si' 00 si-c 79 C Hlfi^Tf If*?'! '3* ^'^riM^JSr^SfiK'ifl  5   8 UjJ^^JUU1(BBJJIiLllJLllilJiBM^BM^^*^B^M  S anti-colic mim i.ics- ioi^i/c 7c g^ noon s SAUsArAtuLLA, ajS^ii^MBiBgmtaBKaBR' v Sf!~M I *P*~         *c8?^~T^~yg\ r^^B    ALKALINE ELIXIR- Hobsun's, ozs. 53c g S1.35 size 98c Kra(^~Bi^    ^~~ffl^ggf^ M^^i^^WfmlMUn^B 3 ^N H C' . 25c size J.9c J'oE.SON S \)'pO\      50c H - I^inc, I5c size- IOc /S  PADS. 33c size 31c H IS BI.I.'F. JAV Liquid, fm , 2"ic size 73c 1^ BUY AS RflANY AS YOU LIKE! t SQUIBB S CASTOR OIL- G ozs 41c blue jay' callous tads 23c ip i ~*~Si(ji ^,"i^.^i Rfi^Y K U I Sri S ^^^ffl i^f^ 3S8^!^*n 3F?^^^8B^^^^^^B BLACK DRAUGHT, 25c size 22.C BE I J U A fca 6il 8^3/ /I    la*' H B a ^otf* H B ^^b ^ft^Jtt ^K^uB?! WirJiiMiTwiliiffiiTllA ii l3MKjT^^r    #%*~^B^B m cut  OINTMl-.N'l .Wnl. i\~C j^ F mfi.Ts u s pure ami ! "5"~oir *      " -. IlanO:.^ ar-(l ?5!~Zw ~^ki       VS O u K 5  TIN E"- TUbV T7 .T7TT 25 C B H .E SOAP Slorlc 13c for 25c 3  I r..;r.-"- economical. 8- box that mal;c5 2 quarts of milk, only e^m aj K n  Rectal Cones. 69c S ^TOOTH - 30c size .^39c fc ^5^^ NOT A SKIM MILK Kraft's is powdered WHOLE SULK     S Citrocarbonate, 4-oz. STt ffi .L'S Syrup Pepsin. S1.00 size 95c ZE V ''""^"p^i with uniform cream content. Just restore the water. ^ u. i Hi'i'^ ^'f Pf syT?lff^^^^W I cox-fi .k s,t.".Mivoo 35c It's NEW! it s SENSAT8ONAL! IT S SURE! f^^rWj if^ri ^^^^^^E^^^^^^^^^SMBl^^J^BI H mt.".l!-:TIC PILLS, tin s- Ell-Dee 4iJc ^i s;/.l rC00M lOO TrMES 3S %Sff WILLIAMS' SHAVING :K 1)1 BARKY FACK I'OW'lltB Si.GO jBP i "^i WW STICK. 35c size 33c H""wTB"^T!fr!7          C  TOOTH , aOc size. 3/C Ji t u t- Tv m-vTu  \iP,i  H in . SI. 00  i7r C *    '^   SI I AM I O  J ozs 49 C    I OI I DENT  si?.t* 49 C 1 /.ON ITM. smull 3C3c 9 OIL SHAMPOO ^'c g K. V. JK'.I.Y, Mnall 29c H PETKOIjAGAR S1.00 size 89c hBt A dA^i^^^HjUL^LLlj^aAl^^^ AhvH</t>
  </si>
  <si>
    <t>                                           M. M. B.-- Through a relative of mire in the Pacific a Soldier whom I have never seen started writing me. That was nearly eight months ago. He has sent two photographs of himslef. Recently I read in a magazine how bad it was for a girl to correspond with...</t>
  </si>
  <si>
    <t>                                           A Litle Skylight Science bares For us to-day The proof that we Have lost the way. F. J. EARL</t>
  </si>
  <si>
    <t>                                           Anna's Eyes THE roses leave their trellis twine And December rides the skies, But. \  pulls the  leaf line 1 ship of Anna's i\ves. i^". Some twenty l  they h;ivo scaled Of rude wind wailing cries, Still never ;i searing blight has paled The plow in Anna's eyes. Oh here is heaven s purest gray In my long anxious prize; And here time has embalmed the May In Anna's bewitching eyes.</t>
  </si>
  <si>
    <t>                                           81 WARNER BAXTER in "Crime .Doctor's Courage" and  ENNIS1 ORCH. "Let's Go Steady" Hrqyal 7. PAUL, MUNI in "Counter Attack" and LOUIS JORDAN In "Fuzzy Wuzzy" also "ZORRO S BLACK " ASH8Y "WILD BILL" ELLIOTT in "Lone Texas Ranger" and "A WAVE. A WAG A MARINE" Elyse Knox Snlly EUcrs LINCOLN DON BARRY In "My Buddy" and RICHARD DIX In "The Kansan" HARLEM "DOUBLE DEAL" with All Colored Cast and "WEST OF THE RIO GRANDE" JOHN MACK BROWN STRAND "TORTURE SHIP" and Last Chapter "LOST JUNGLE"</t>
  </si>
  <si>
    <t>                                           Season's Greetings                 KKV I'. I!. GliliK Ui'V. I'. It. . Pastor. Proviclcnco ISsipli^i Cliiirch. South At- '..  Dotliclchcm BapUM. Cluircli.        ;ton. Ocorgtii, '.s IliK )Ts  friends ;i moil  ChriMiiKis and si  pro-  Kuu* Year.</t>
  </si>
  <si>
    <t>                                           On Monday and Tuesday evenings at six o'clock, the lovely home of Dr. and Mrs. Marque L. Jackson on Hunter Road was opened to friends when. Mrs. Jackson entertained at bridge in compliment to Mrs. Ova Killens and Mrs. Lucile Rion of Miami, Fla.</t>
  </si>
  <si>
    <t>                                           The opener of the three-game series for the city football championship will bring to grips the Morehouse College Maroon and White Tigers and Morris Brown College Purple Wolverines, Saturday afternoon, at Ponce de Leon Park.</t>
  </si>
  <si>
    <t>                                           Football Scores Morris Brown 0 Allen 0 Florida 26 Wilberforce J 19 I. C. Smith 7 Hampton fi N. C. State 23 Bluefield 0 Morgan 27 Delaware State 0 (Continued no ps(e 8, col. 4)                 Football Scores (Continued from Page 1) Knnxville 47 Swift 0 AND    37 ^haw 0 Morristown 12 Jefferson City 0 Kentucky Slatf G Winston-       6 Washington High 0 Hnll High 26 Austin High (Knoxville) .28 Carver High (Spartanhurg 0</t>
  </si>
  <si>
    <t>                                           Friday evening at 8'clock, Mr. and Mrs. Eugene Martin entertained at bridge at their lovely home on Sunset in compliment to their neice and nephew, Captain and Mrs. John Hume. Captain Hume has just returned from over two years service overseas in the Army Medical Corp.</t>
  </si>
  <si>
    <t>                                           NEED MONEY! For "JACK" See MR. JACK METRO FINANCE CO. 512 C and S Building Special Loans Repay Weekly. Semi-Monthly Personal Furniture Auto 81 " FROM THE EAST" willi I.*c Tr.cy, Nancy Kelly and "Manhunt of Myitcry UUl.d" ROYAL Robert YOUNG and Lorraine DAY in "Enduring Young Charms" and BRENDA STAKIC, REPORTER ASHBY "BACK TO BATAAN" with John Wayne and "Manhunt of Myttery Island' Fir.t Chapter LINCOLN RICHARD DIX in "THE KANSANl* and -JiOIURSLEKS__MU1~,*K.'.__. HARLEM RlCr BOY Wn.I. in "GUN PLAY" and "LAKE PI^ACID' SEnENADf:"' STRAND HOrALONG CASSIDY in "Bar 20and "DESERT HAWK"</t>
  </si>
  <si>
    <t>                                           $50e 5    "EQUITABLE" offers this  low-cost loan plan to help you over a period when some "Quick Cash" mar come la hand;. Winter always brines "Need* and Bill*"- "EQtHTA. BLE'" Is ever alert to be your financial aid with the Junorat yon need! Yfixen .Toil need It! No call backs-      In esd get the CASH! OTHER QUICK SERVICE LOAN FLANft $25 ip $2,500 CHOIR GOWNS Taken From Rental Stuck S Black Dyed Serge, $5.00 Ea. Black French Serge, $8.00 Ea. Cream White Serge, $6iO Ea. Grey Poplin. Cotton, ;S6.53 Ea. Blue- French Serge, 110 Ministers Pulpit Bobn: Black Serge, with Velref. $25.00. Black Mohair,  Velvet, $20.00.  J.. 15J-D W. 33rd St., New York 1. Free CaUlogne Mailed.</t>
  </si>
  <si>
    <t>                                           In Memoriam                 In loving memory of our dear son. Pvt. William Wright, who left us two years ago. October 9 1843 What would I give to clasp his hand. v His happy face to see. To hear his voice and see his smile that meant so much to me. His smiling face and pleasant ways are pleasant to recall. He had a kindly word for each. And died beloved by all MR. WILLIE WRIGHT, father MRS. HANAH . mother JJ?- s- ii: . grandfather MRS. ESTELLA. DUNN, and family MR. AND MRS. CHARLIE RENDEJn MR. SIDNEY  and family.</t>
  </si>
  <si>
    <t>                                           One Lynching In 1945 Reported                 TUSKEGEE INSTITUTE. Alu.,- According to the records compiled in the Department ot Records and Research or TuskcRee Institute, one person wn.s lynched during the  11)48. Tills Inronnntloir wjw  to. the press by Prcsklfnl, K                 D. Patterson. The release pointed out that this i.'i one poison less than the number lynched in 1344 and two less than I ho number lynched in ISJ43. There were rive lynchings in 1942 us compared with three in Hie year 1941. The person  in J!)45 was a Negro form hand, charged with assault with rape in Florida. He was removed from the county jail by a mob, which is said to have entered the unguarded jail with a key and taken about seven miles from town and shot to death.                 Price, Rent Control Move Wins Chicago Urban League Aid CHICAGO- (ANP)- With the slogan, "Don't waste your pny  OPA" The Chicago Urban League and the regional OPA have embarked on a program or education in the ABC's of price and rent, control. Mass meetings will be  (Turing January under  joint -. ship- with the, cooperation or the community Improvement, groups set up -under the Urban League's live year. plan. The importance of ; price controls In order to avoid Inflation ns well as personal overcharges will be presented at the meetings by Mrs. Helen Howard.' OPA representative. She will also explain the procedure to he used in reporting violations of rent and other price ceilings. Movies will shown to emphasize OPA's role. Assisting with. the meetings will be ("cott-of-Hvlnt!" committee which ore being organized  residents of the respective communities. The committee members will be introduced as key people in their neighborhoods to distribute OPA literature and keep the citizens informed about OPA procedures.</t>
  </si>
  <si>
    <t>                                           " LITTLE "^n..)H.T -By B. Link I</t>
  </si>
  <si>
    <t>                                           Special S1.00 Reading for 25c Your lucky days and months Given Frte Madam Eva a sire gives  FACTS AND HqQ fik YOU GET  I Results ^ E World'!  ^~iI3          . After 700 VTS 5=r\Hf?         nil . ^~"^ come with  V  Dt  to Madnm %i X Mir KTm And 0~' X_~ , (hat Imowi all. If ^^^n -J Too hare * WaBaa ^~lh ho.b.nil or wif* or Lack bfl       and kim at . Office boon 9 a. m. to 10 p. in- Dally and Bandar. 11113 VT. Marietta St.. N. W., Atlaata. Uo sur* to take the Inraan Yard Street rnr.         aik the car  to Iri yon orr tf*~t Mnp^ on thn  Mlde of  Pkm Co., AllAMla, Qeorxla.</t>
  </si>
  <si>
    <t>                                           Alabama State Teachers College won both ends of basketball doubleheader from Morris Brown College, Monday night, at Sunset Casino, the girls 'finishing out in front by a, 25-17 count and the Hornets turning back the Wolverines, 50-35.</t>
  </si>
  <si>
    <t>                                           in Memoriam                 In memory of our darling broth- cr. Mr. Bud Phillips, who departed this life one year ago tomorrow, October 22, 1944. MRS JESSIE SCOTT. MRS. CURLIE , sisters In Memoriam A tribute of love to the memory of a dear wife and sister, Mrs. Ida B. Hill, who passed ?way October 21. 1010. Those who think of you today are the ones who love you most. MR. J. T. HILL, husband. MRS. L. E. GRIER. sister. MRS. HATTIE WHITE, niece. Card Of Thanks We extend our humble thanks to friends who gave their splendid services, sympathetic aid and beautiful florals to our loving Mother nnd Sister. Mrs. Rosa Brown, who ac- this lile OcXcJVer"T3   !H5, was  in the Cox Brothers Funeral Parlor. Octobct 17. 1!M5. We are sincerely grateful to Mr. and Mrs Nank WIson for their friendly and courteous attention in remarks and details of the funeral Mr. Cox, the Undertaker in rn., deserves our special thanks for his sincere Christian talk. Signed: MR. SCOVILLE BROWN. MRS. MARY TEAMOR MRS. ELLA CHENEY MISS MAMIE TAYLOR. I</t>
  </si>
  <si>
    <t>                                           There will be plenty of activity on the gridiron this week, with Atlanta sharing the spotlight with Columbus. The big college game for Atlanta fans will be the great inter-conference. battle between the Shaw University Bears and the Morris Brown College Purple Wolverines, which will transpire at Ponce de Leon Park, Saturday, at 2:30 o'clock. Shaw's Big Bruins have come a long way since the season opened and will be ready to match the Wolverines in...</t>
  </si>
  <si>
    <t>                                           at-9 3l-Pe. Pastel Dish Set Select Hooked Rnj^,' j i Add new charm and color to drab rooms   . Mokes a very attractive table, including wi(ln one or n10re of these attractive % i complete service for six in lustrous din- throw rugs! Assorted shades and pat- I . Decorated. Factory imperfects. terns,.  jj 3     **~' s-'- 1 I Play Pen with Floor Period Cocktail Table Baby can play safely and happily in this Classic Duncan Phyfe cocktail table in roomy play pen. Of hardwood in natural hand-rubbed mahogany finish on select- finish. Folds up compactly. ed hardwood. A headline value!  j Sturdy Ironing Board Child's Oigh Chair Verv substantially constructed of  proportioned ironing board, ed hardwood in maple finish. Has fold- on steady, substantial folding frame. Can ing tray ond foot rest, panel back. As be stored in small space. shown. Fall-Size' Gas Range Kitchen Table' Full-size, modern gas range with table Regular, full-size table with Masonite top top, 4 smokeless burners, roomy oven which has been specially treated to resist and broiler. Gleaming porcelain exterior. liquids. Large utility drawer. It Coifs Mf 0JL Store HoJrs I. 116 WHITEHALL ST., S. W. I Oeorria Stores AtUnU Athens Dalton Macon Rome I Ml' HOME FURNISHERS FOR MORE THAN HALF A CENTURY</t>
  </si>
  <si>
    <t>                                           Guardsman James W. Newton, son of Mrs. Rosa Lee Williams, of 707 Atlantic Avenue, Savnnnah. Georgla, studies a "Japanese street sign"                 in" WSTcayatiiS. % membe?   6f the large group of Coast Guardsmen on duty with the Occupation force, in Japan, Newton is a veteran of two years service with the Coast Guard.</t>
  </si>
  <si>
    <t>                                           Feminine finery glittered at the Top Hat Club Monday evening when Mr. and Mrs. Charles Thomas entertained with a gala dancing party in honor of their house guest, charming Mrs. Eater Hawkins or Boston Mass.</t>
  </si>
  <si>
    <t>                                           wif/i lemon Juice HssaSr Men and women who suffer nagging aches and pains caused by Rheumatism, Neuritis, or Lumbago want to relieve such symptoms promptly. To get such relief try ! Mix 2 tablespoons of this fine medicine with one tablespoon of lemon juice in a glass of water. Untold thousands. of folks use . Get  today 85c at any drug store..:</t>
  </si>
  <si>
    <t>                                           Men, Women! Old at 40,50,60! WantPep? Want to Feel Years Younger? Do yoo blame . wars-out  M rf              t  Httlo pepping UP OtWBi      done. i:        mole many nw-it  t 60,  M). fnr   M   became low lo iron; *Im *   i. Miriam, . Stela. tf6. n\n turn tmlr *  7 Onrrx Tno* T* for new   -~. ^r . 'TT     For sale at all sood UniR stores - In Atlanta at Walgreen's and Jacobs.  H^ rOK QUtCK   LtEP ^g A SoothioK CAI \/P ANTISEPTIC ^#%~- W-fci Used by           with   (or 40 years-six valuable . Get Carboil at  stores or -write Spurlock-Ncal Co., Naiuvillc, Tcnn. ^v^ try the clean,  j ^tv C\ proved way to help I .1  . Jutt I f\ apply one Johruou't /_J RACK 1'. I Vy/V^B^V I  on the kurc spot. J^KHJpJ Its  medic.  j   MEATS your I , stir* up , Hjcliti - j    Warm flannel   heat in, cold out   -  ! Iutiit on the GEN*- i  nadc by J*      Johnton. At your  dru^ .   Lemon Juice IS^ggP Men and women who suffer nagging j aches and pains caused by Khcumatism, I Neuritis, or Lumbago want to relieve such symptoms promptly. To gel such i relief try ALLF.NRU! Mix 2 tablespoons of this fine medicine with one tablespoon of lemon juice in a glass of { water. Untold thousands of folks use . Get  today 85c at any drug store.</t>
  </si>
  <si>
    <t>                                           I. Atlanta  Published Every Morning Except Monday "News While Jt h Newt" VOLUME IS, NUMHER lOf, ATLANTA (3), GEORGIA, TUESDAY, JANUARY 29, 1946 PRICE FIVE CENTS</t>
  </si>
  <si>
    <t>                                           MADAME ROSE took. Who's Here!   to      Aikt no  tart I* HTrl b"i""'  12 Bi.~-'~l- 'rtl1        H? JEAN WORTH   3a)   jour name. Ask you no que^ ons. Gives tUe object ol your . Tills who you want to Know. Adjlscs to a certainty. Helpe you- no -natter what your trouble may oe. Ml who are unlucky,-  ar dissatisfied.' we have . Jome today, tomorrow may be too tote. Hours da\ly from 9:00 ti. to 8 p. m. Closed Wednesday a.  rooms for WnJte via ' LOCATED AT  6   1 IIIocK Put City UralU itl Am. nny street. Almand Park or KIT.</t>
  </si>
  <si>
    <t>                                           Girls! Brown Moccasins /~;% So casual so wearable! ^k W\ y/-- Reg- 2-49 Favorites with the school crowd they re perfect with sweaters V skirts with slacks. Brown leather with double-stitched rubber soles. Buy them in sizes 4-9. For Men Boys / Comfort plus good looks S 'jm%K^ Practical brown leather with \1cjB^5^ brown rubber double-stitched sjr5^^ soles. Rawhide laces. 3'A-U. f -Christmas Clearanctwmmmmmmm^% Thousands of pairs of men s, women s, children s HOUSE SLIPPERS Marked Down for Quick Clearance 50% OFF Dozens of styles. Be here early for the flipper buys of the year. W. T. GRANT WHITEHALL</t>
  </si>
  <si>
    <t>                                           Buy Tour Lot Today In HUNTER HILLS ATLANTA S fastest growing subdivision, a home community. located between Hunter St. and Simpson Rd_ near Washington Park. GUARANTEED TITLES BE READY to build your home when building material is released. NO INTERESTS NO TAXES S5.00 DOWN S5.00 MONTH PRICES $250 UP DISCOUNT FOR CASH HUNTER HILLS. INC. 604 Candler Bldg. WA. 5862 Atlanta, Ga. LOANS We make loans as low as $10 on FURNITURE, AUTOS or JEWELRY. You get the money same day Yon Apply WALNUT Finance Co. 148 1-2 Psaehtraa Strtat</t>
  </si>
  <si>
    <t>                                           SCHOLARSHIP WINNER Miss ELSIE ELKINS Ninth annual scholarship winner of Phi Delta Knppa sorority, who e- Oucrlin College. Ohio, this lall. A 19-15  school graduate in Cincinnati Miss Elklus stood No 1 on a list of 142 contestant.; for the                 .-(</t>
  </si>
  <si>
    <t>                                           NOTICE Ynu can rail in at Ihir United Car For Hire Service. . 141 1 six hours ahead of time tti set your reservation. Wtien you have to  to the bu* station, (rain station or tht* . Tor safely, fill in seven days ahead. (Adv.)</t>
  </si>
  <si>
    <t>                                           FOR - One ot I lie   \st records in ilie entire n;i- lion for volunteer work for thf I                 Olllci.- nl Prici! Aclmint.'.t ration has: Ij'i'ii u. by  Kroup of  in Denver. Cnlo..                  I Ic rr-pori-- '.' into Ibt-   01 Ihc OPA.</t>
  </si>
  <si>
    <t>                                           World Freedom Must Include All, Says Dr. Hill                 71 Graduate In Solemn Rites At Spelman College                 RV SPIKE WASHINGTON                 "America nnd Great Britain, and Soviet Russia must take tlw  for world peace and world freedom for men of all racer { classes nnd creeds." Dr. Leslie Pinkncy Hill, .-i.-i. i'! '^gM^"College Cheyney. Pa., said Wednesdru- ? In bis commencement                 1 3 to Spelman College's 71 graduates In Sisters Chapel on the Campus. The commencement program opened with a beautiful academic processional to the music of Gounod's March which "was played r.r      pipe  by Prof. Kemper Harreld. Dr Hill used as the basis for his address before graduates and more than 2.000 persons assembled the words of the Prophet Jeremiah, "Stand Ye in the ways. ;and ask for the old paths, where is the gcod way, and walk thereto, ana ye shall find rest tor your souls." and lit elaborating from the I .^tbat.^ome , means of seeking out the ways are by loving mercy, doing- Justly and walking humbly with fMd.  CONFERENCE CITED The speaker held that the great powers of the world today can have no special privileges, and cannot expect to hold millions of peoples and vast lands In slaver}' trad obtain a peace that will last. Hi told the. assembly that there will come no lasting peace until men ot nil lands, regardless of color, rare Or religion and that the World Security Conference at San Francisco will go for naught unless those In authority there for the so -cabled great nations answer the most important question men want to know today and that Is "shall we who are enslaved be set free?" "In the building of this new social ind world order Christian Ideals, principles and especially the spirit of charity must play a leadin? part. The  of victory will be wasted should the greater nations permit  Ideals to be dubbed ss neutral and  the pease building processes; which should certainly include the freedom of all. That must not happen, and the question of this universal freedom must be considered," Dr. Hill warned "The crucial need of the hour Is the existence of a world order endowed with a  sou! The creation of such an order is the special mission of the Security Conference and other conferences which will deal with the last peace and the freedom that must come with the peace. Well may  College graduates  in   to piny such a distinguished I creative role on the world stage. While world unity and solidarity, vital to global peace, yet of primary importance are the Ideals and principles which guide peoples j upon which agreement rests. Likewise essential to a victorious and enduring peace and world freedom is the kind of pattern or constitutional basis upon which (Continued on pace 4 col. 3)                 World Freedom                 (Cunliniii'cl from  I) tile  iind tho  order will be reconstructed." the  educator said. MEMBERS OF MAJORITY Then: should be (c to turn your fa;e5 bii-k. die  than relinquish tlie .side of right                 and  will surely triumph,' Dr. Hill stated alter he hi.d briefly spoken ol the reaction universally to  passing of the late President. Roose\elt. who pre.po.sed 'good minus that :ill n.fn would achieve compared with the* relaxation ' on the passing of Mussolini and Hitler,   were ::itt-s of world domination and rule. Graduates were told to look up  ahf:id. and wero advised that they need not believe that they                 were  "f a minority , ~:ut instead were members of tin  majority group composed of a       of minorities from 'various sections of Die globe, and which great  y must play its p;irt in miking tK'  and ;      fredom for nil. the speaker s:ild in closing. Kendorinj musical '.-tions uus ?pelman College Glee club, "which group rendered "When I Survey the Wondrous Cross." "A Grecian Landscape." a ld led in other                 lections m IUi the audience Rev. Maynard H. Jackson, offered the scripture. Rev. Henry B. Tiimblc. of Emery University prayed, and Eev. L. M Tobin pronounced the benediction Degrees were con. ferred by President Florence M. Read who also presented the speaker. The Speinian graduates were us follows:  OK ARTS Catherine Levcrnia Acklin. Geneile Augustine Barner. Helen Torino Baniett. Sarah Beatrice Bell,  Juanlta Blackshcar. "Lois Elayton  Juanita Bridges,  A:::;k lias!-: am-.1;-.. -Jv!.i.ji;.l I^ ise Brown.  Leatryce Brown, Steveia Lillian Ansonla Campbell, Charlotte Elayijf Coehran. "Doris LaVerne Daniels. Fannie Alberti Dukes. Louise Johnson Eagleson, Marian Kathlyn Ellison. Mary Alice English. Anna Beatrice Grimes, Sybil Rebecca Guyton. Eloise MarRie Hardy. Byrdanne Edna Harris. Bessie Mae Hines. Gwendolyn Irene Hinsley. Gilberta Antoinette Jackson. Edith Gerard Johnson. 'Ida Margaret Kilpatrick. Ernestine M. Latson. Juanita Lester, Barbara Lee Lockett. Juliette Florence Midgette, Agnes Lee Oliver,          Althea Palmer. "Madeline Lorraine Patterson. Catherine Miriam Quarterman. Doris Mattina Smith. Narvis Virginia Smith. Barbara Mae Sparks,  Lee Telafare. Isabella Mclntyre Tobin t Gussie Elfreda Turner. Carolyn' Faye Ward, -Blea5e-           -ViTtan-EtiZ!r=beth White. 'Hazel Irene Willams, Marian Hill Willis. Ollie Bernice Woods nnd  Watkins. BACHELOR OF SCIENCE Dorothy Rcnthford Allen. - I caret Elizabeth Anderson. Sibyl Lucille Anderson. Jessie Lee Bivins. Ernestine Brooks. Arizona Irene j Brown. 'Eleanor' Anita Bryson. Kornyce Lillian Campbell. Anderlyn       Conley.  Made- lynne Croom. Charlotte Wilhelmina I Oimn. Fannif M: Harvey.  Rae Hudson. Marcarct Elorine Eli/a HiiKsins. Eunice Myrtle .lackson. !S\ith Fayp J:. y.Opal Christinr Jones.  Henerlnc Jnnes. Inioffrnc Earl Lockett.  Pearl Lundy. Mildred Mnrcix Pcnrson. Opal Ix" Williams. Roberta Doyle Williams, and Irene Parnell I Yopp. With  /Cnoiplrlrii  in Aitcust, I!  .. \             work in .Summer School</t>
  </si>
  <si>
    <t>                                           "America and Great Britain, and Soviet Russia must take the lead for world peace and world freedom for men of all racers classes and creeds Dr, Leslie Pinkney Hill, president of State Teachers College Cheyney, Pa., said Wednesday morning in his commencement...</t>
  </si>
  <si>
    <t>                                           Grim Future For Workers Visualized                 EVANS V1LLE. Incl. (ANPl  Grim"  as the word Mira M:iry I Uoss Owen, of Indiana university s I I department of sociology, used to I j describe tlie Nogro's future in in- j  la.'-t week during an  clinic ..sori.-d by the Evans 1 ville Interracial commission at the                 YMCA auditorium here. Slim-ing the spotlight with Revoral educators and social workers. i Miss Owen traced i h i- trends of Negro employment from 1010 to 10-10. touched upon current figures Ho-- -NrgMhc^-DVploJftnenl' increased  trie 1920's and went 'down in I he depression years of the "itt a, Niiiloiutl _i_       in lih  iui  i.; "of Negro employe:, depends upon       prosperity of (In- ." ihe   said NOT CEVtlXC. .lOllS The outlook for th-j future for Negroes in industry, she confessed if- "" because Necrocs are not   proportionate share of jobs in reconversion. The fact (hat Negroes did work in industries during the war is " evidence that they can do it in peacetime if given the opportunity," said Dr.         Rcchelle of Lincoln High School" RfvcaliiKs that he hns completed .-.n  survey of 414 Negro families whose children  Lincoln, he pointed out that em-  is the keystone to most "of our local problems of all sorts." i SOI.miON FOB TROUBLE A warning that full employment    Ihe only economic basis for  racial difficulties cam- from Harry a. Willie, American Council of Race relations. He urged the community lo take definite steps to improve NecTO-w hi t e relations nnd  :i f!ve-      program. "The employment performance of Negroes will depend entirely upon Ihe policy under which they are ." .lei- Howard Oould  .-. director for Ihe ^on paec ~-~~Umn .1)                 Grim Future (Continued from Page 1) Chicago Urban league. "Evansville if: standing still when It needs to be moving ahead. Companies here may seem to be doing a beautiful job of production, but I hey are  short of ; the  of a  society."</t>
  </si>
  <si>
    <t>                                           EVANSVILLE, Ind. -- (ANP) -- "Grim" was the word Miss Mary Bess Owen, of Indiana university's department of sociology, used to describe the Negro's future in industry last week during an employment clinic sponsored by the Evansville Interracial commission at the...</t>
  </si>
  <si>
    <t>                                           Truth got a rare hearing in Memphis last week ... and then was "lynched" on a scaffold of prejudice by twelve little scared white men.</t>
  </si>
  <si>
    <t>                                           ^^^^^S ^^ 'Blacb Angel J^P^^^^^^^i ^e ^"c^oes Zion Singers  ^KHrePHI :l Mammoth Musical at the WHEAT STREET r ^^^^^mTT-  P CHURCH. THURSDAY NIGHT, NO^^Sf^^^M^-^^B^fe  v Jiil.'/loo SiPKsrs, The Projcrca.sive Cos^S^Kl^^^^^L           'x' Singors. ami others will bo present. The  *._4  duo F. L. (Black Angfl) McCLARTY ..-I</t>
  </si>
  <si>
    <t>                                           Card of Thanks                 We wish to thank the many many- friends er.d -- -for. their kind expressions of sympathy nnd beautiful flowers In the recent death of our beloved son and husband, James Banks, also for tele- grams, cards and the use of their cars. MRS. GENNIE RUSSELL, mother. MRS. LENETTA BANKS, wife. Card of Thanks We wish to express our sincere appreciation to friends nnd members for the wonderful support  riven in the success of the "Queen'r Wedding" at Allen Temple church hy its auxiliaries and the Babv .Contest sponsored bv the Carrie i Ennk-s Memorial Board. MRS. S. W. CREDELL. CarefO'f' Thanks I wish to thank mv customer* ind  my friends Tor  it  for me to have two month1  11 \ work, also for the dinners which were . MRS. .rE .</t>
  </si>
  <si>
    <t>                                           A new goal of one hundred and seventy-five beds in a greatly enlarged Collins Chapel Connectional Hospital has been set by leaders of the unprecedented campaign. The new goal was announced last week-end through M. A. Lightman general chairman of the drive.</t>
  </si>
  <si>
    <t>                                           Published Every Mornins Except Monday "News While SZffKwfpcpfrSjnJiam It Is News" T  IS. NUMBER (!2 ATLANTA (.{) fiA., ,  7,  PRICK FIVE CENTS</t>
  </si>
  <si>
    <t>                                           THE WORLD S MESSENGER America's Most Popular Negro True Story Magazine One You Will Want To Head FEATURING ALL TRUE NEGRO STORIES CONSISTING. OK I.OVE ,  AC1 8OI.       MVHTKItlKS SPECIAL-  IN THE         OCTOBER ISSUE tHR M Took The Wrong Road'        By R H. HUNTER  fi9   Who Writes From Missouri State ^EpjH Prison, Warning All Young Men ~^HeS^B That Crime Doesn't Pay! OX 8A1,E AT .U.I. LK,U)INO ^l^I.ERS If jour  dofu l have It,     jour  or Mono. Ordrr lot  i.(   ~!?l T ~~'~~ri!1"'~~ the .\VofW. McmMimr .  EVERYBODy WANTS TO REAi) IT ITS A FAST SEXLfcU r AGENTS- WANTED To     The      !n*~jr In K^ery XocaUtj- Write for ParttcnLirfr-- Addrcw'th* WORLD 'S MESSENGER PUBLISHING CO. r. nox ism rom .</t>
  </si>
  <si>
    <t>                                           THE Weather i</t>
  </si>
  <si>
    <t>                                           (f RHEUMATIC PAIN HAS YOU  AND  Then prove to yourself what effective  you can get now with this medicine Opeoyour own way toward deliverance others Lave enjoyed. Make up your mind yoo rc going to use something that gen to work an rheumatic pain. You want help you can feel. So ff-.t C-=223, if you suffer from rheumatic pain or - Jxr aches. Don'r be put off  ifs 01 butt Caution: Use- only a% directed. First bottle purchase price refunded tj not satisfied *~oc anil St.uo.  C-322}</t>
  </si>
  <si>
    <t>                                           Brauty Culture offers you permanent employment, and it only i.     six month? to complete the . W Iwivu connected with out school a Krt'e Knriploynifiii Siuean and those completing ihe c.ui*se satisfactorily can be aspired of a         . Pay as you learn. Kor Further Information, Write or Call-</t>
  </si>
  <si>
    <t>                                           TERRYN WAS almost running as she turned into the duskiness of the bar. Fitz murmured at her elbow as she started down the line of neon-lighted booths: "You'd better slow down before you start drinking.</t>
  </si>
  <si>
    <t>                                           , TEX.- Ti. vIi- wlio^e     .son:il bc-Ionglngs "went  l.ho wind" January 5 search for suitable wearing  in a t:t,j (.:r,ysi I'lctMut  .sl.v supplied by -tlc .</t>
  </si>
  <si>
    <t>                                           Atlanta  World Published Every Morning Except Monday, at 210 Auburn    , Members: S. N. S.- N. N. P. A.- A. N. I*. Eitablished Aug. 6. 1928; Became Daily March 13, 19SZ ST. A. Scott, II, Founder-Publisher, Aug. 6, 1928 to Feb. 1, 1 I4 Telephone: WAlnut 1459 1460 Entered in Post Office at Atlanta (3), Ga., as second  mail under the Act of Congress, March 13, 1879 C. A. SCOTT Editor and General Manager Daily: 1 Year, $9.50; 6 Months, $5.00; 3 Months, $3.00 Saturday Only: 1 Year, $3.50; 6 Months, $2.00 Canada: 1 Yr., $4.50; 6 Months, $2.75; Foreign, 1 Yr., $5.60 THE ATLANTA DAILiT WORLD is an independent newspaper, non-sectarian and non-partisan, printing news absolutely Bnbiasedly and supporting those things it believes to be to the  of its readers and opposing those things against the interest of    readers. Address ALL COMMUNICATIONS to and make CHECKS payable to ATLANTA DAILY WORLD, rather than to individuals. The WORLD expressly repudiates responsibility for return rt unsolicited pictures, manuscripts, etc., unless stamps are sent</t>
  </si>
  <si>
    <t>                                           Grapefruit 3 15C g-jiM%~ Jw^^ Apples Cabbage \~1r      Mmmk 2 fc-^ IOc V- m .fa TTB/**1*"^ t Ml  8wfi'/''/^S5~^s5 L fancy   washed porto  I (ff^L *f c f^$~IISP Squash 3* 25C Yams 2 13C 1 ^^ ^E 'fl ^B^^S^sMT^SeN**' FANCY LONG ISLAND i tJ^t^W^ Cauliflower 2 2lc T \fJ^*^ ^8flf #n ^ MAINE GREEN MOUNTAIN _$f v"""^ Potatoes 10*33  TREESWEET BRAND- PURE CALIFORNIA OR A  I II I 41 P"' 4%#%A ^""^gS^S?""108 THE SH.VER8R00X PRINT RANGE JUICE 20c "        butter STANDARD PACK Bot oM2 H* Ub C t 4   BONA SPINACH 12C    -^--^L  island A*^ ~*^t. EARLY JUNE ALASKA       - Salt 3c j^ai  AC I F I C P EAS 1 5C he* 1 -a^i "*         [lfiE^H i-~^^=r^-^^^  UUJUt ""II aria, ~=~.-ii. "^Sl^^ _^^^^^^^^^^^^9 1 ANN  PURE WASUINa POWDBl   OAP SOAP 3 "A I     ^H GRAPE JAM GOLD DUST RINS0 LUX FLAKES EMjUjiiffig^p^ DRY PRE-COOKED CEREAL ~^~  3  MALT ESMPWl^ GerberV;^ 13C Blue Ribbon ^.b 53e ~^     II "I iM TO^.. :tg$Wv-'-: -ry^ MILD AND MELLOW-COFFEE ^    ^^^ Campbell's v^wh^  4 qc Efeht O'clock 2 V"1; 41C x/iTA^iKf nv Corn Mcal ^427C Grapefruit 28e VITAMIN Q^  -Ka. T^ CAKE FLOUT New Low Price P 3 H C 3 k C FLOUR M Pkj    $ fl Q jg ft 6 e R 26* 2jg BM- ANN PAGE 355   -'.- SUNHYFIEtD^QUICK OR REGULAR a l/c Bak i n g powder 12C /Rolled 0 ats 1^ 23C I ANN PAGE.WHITE M-Mtnjs TEAM .^^k. VINbUAK Bo,. 1Z Mor. i2oz.cah.33o j^^^ ^9^-.^^^.  L  Dr. Pepper ctn.   25c ip^ l^ ri TfTT, Xl ANN PAGE .PURE VANILLA Pickles j2.oz.MR 17c ft?  A%JE2.^m3r ^m EXTRACT 29C JTySv" ?w^ 1 5 K I GRADE "A* CHUCK FOR DELICIOUS WAFFLES (Pt. V.I. 8) (Pt. V.I    12 AAV EPtf^^eS f' u ^JCC  S MIX ZU DO    -A- SHOULDER   cleaner a I B^k JL #^^%*~   M*Sar ^sit Veal Roast 26C IftRJBMnlMl A 32-Ql- pickle patch sweet mixed S k rr II /1^91 A 57 PicKles u-oz.   24c -a  veal breast-bone-in  dressed -any  II I WAX PAPER JL 11 ^ cut-Rite i25-n.~ou i7c % r a yu H 6 II S ^.  ;^\^~sj5^^~^ VEAL CHOPS u. 37C i  yi    ^-a ~% j *%, VEAL PATTIES 30c I G ' 24C  a1sin^i^V Large Fryers j/ BREAD 10  C A?k"'E5 24C Ajfk ]^Jr  Cake -.43C^79C ^^^W^^S^11^ J</t>
  </si>
  <si>
    <t>                                           (                             (ic*i(~  'l li I I i\ BEST  TO OUR MANY FRIENDS f %\ AND CUSTOMERS FOR A JOYOUS CHRISTMAS g r J AND A HAPPY NEW YEAR Banks Barber Shop j g; 857 Hunter Street, N. W. KAymond 9330 g Banks Beauty Parlor 1 I 83G Hunter Street, S. W. RAywond 9236 I</t>
  </si>
  <si>
    <t>                                           FELIX. THE CAT KH: Sullivan                 TIM TYLER 5 -LymanYoung</t>
  </si>
  <si>
    <t>                                           N FOR YOUR FAMILY B0      EACH SUNDAY PROM 2 P.M. TO 11 P.M. MEET YOUR FRIENDS AT Auburn Bowliseum       AUBURN AVENUE Nil, OPEN EVERY WEEK DAY AS USUAL'  N FOR YOUR FAMILY B0      EACH SUNDAY PROM 2 P.M. TO 11 P.M. MEET YOUR FRIENDS AT Auburn Bowliseum       AUBURN AVENUE Nil, OPEN EVERY WEEK DAY AS USUAL'</t>
  </si>
  <si>
    <t>                                           Colored Female Help Colored .Women Wanted by manufacturing plant. .Permanent Jobs. Oood writing conditions. Apply: (Southern Wire and Iron Works 441 Memorial Drive, 8. B.</t>
  </si>
  <si>
    <t>                                           "Happy Birthday To You" greeted the Rev. J. W. Kelley prominent of Mt. Vernon Baptist Church Tuesday night, as he entered his home to find around 75 people assemble at the home 403 Jones Ave. upon the invitation his wife Mrs. J W. Kelley, who had worked up...</t>
  </si>
  <si>
    <t>                                           NATURAL PAGE BOY ATTACHMENTS YOU CAN HAVE YOUR HAIR *~fc PERFECTLY MATCHED FOR . SJ ft ft A Lot tit Creation* W^~      T U W forty AHach.6 E% W  1 Human Hair- L*\   \ W AltShadct Jg\ 5Jg\\ ^SMD NO MONEY JIt3    \ U  UO PUMI. WlOt AND MAIM \i-' ^~~SU jf Y   t_"."":- ^^^        A I Ony Hair SIM  k"-  MMravJ HHO YOU* OtSU TODAY  L f^BMSbM fit awv Ml     OVU      j I: f V^B^ JESSIE- KARE BEAUTY PRODUCTS COMPAnT Ml MttH  101) NEW YORK CITY Ow Klwilttt HOMt USE tyt-  mist* you In tbt   of       . Inprtv* your  with  good-looking (Iihm t) 6IQ SAVINGS. Wt  0        fit  quality tni  ;' JuM '.^4     *~d  l*~  8IS (M aad  MumUh.. WrHt today. v if HOME SERVICE SPECTACLE CO. 1011 HWC CHESTNUT ST. PHILA. 5. PA.</t>
  </si>
  <si>
    <t>                                           SCALP TREATMENT)  M SPECIAL W *r H/^k OFFER ^^W POMADE 4   j CRIME 4Si IMSl NtC  4 OUNCE JAKj OH *5  ECONOMY 5IU I Sl.W NO MORE ~%uu?Y"^tM' Send No Money! ^.XtJ^, jeno  order today satisfaction guaranteed lessie ''ire Beauty Products Co. 1 507 51, -vo. (Bm. 90S) N.w York City IF TOO HWE TANNED, DARK SKIM. BLACKHEADS AND EXTttHAUV CAUSED PIMP1ES.  THE JOY OF LOVE. SUCCESS AND POrUUUHTY WITH A LOVELIER HSRSj*^5fc4 Say "" to tfc e WMirrBt^f ^ten, unnatural. ^Pr^H^i^^ too^  ikin    well ^DSthatciin be  for easy, removal. Tliey often rob you of fave.  and popularity. Vwa Drhna Pattiwr't Skin .tw 7         directed under terras of thb trial offer. It ia QUICK-ACTING- (      [ ingredient ) to -. dark ikin. Your   become Hthter. dearer and  aa H  nature   tinned dark . Try It 7    . ff not . your  will bn . 25 centa at your '~..oai.Bax26~.At)anta.Ga. Dr. FRED Palmer's Skin Whitener</t>
  </si>
  <si>
    <t>                                           FREE COURSE IN HAIR CULTURE 4fl^    Marcelling J i^H^ Shampoo ^BK^BKtf't Formula n^^~        CUBAN COSMETIC CO." Dtpi. 53I5-Y Chicno. HI.</t>
  </si>
  <si>
    <t>                                           I  is on atmosphere of good will ond good cheer i prevailing m fin r-/      finds  in t I At     . glad S'lai-j" ore reminded uur many \ :ont :. rr iaT~'ii"~^. oi - n^ courtesies, of our own  will  you ThotS v.hy we deem it hoppy 1  in wish roch of vou    " Seoson Bent Wishes. y) I Merry C!-ri:-fv,oi 0'-~d Hoppv- Now Ycor to oil! ^A!^ 116 Whitehall St. 'reS-y ATLANTA GEORGIA</t>
  </si>
  <si>
    <t>                                           SPREADING EVERYWHERE get X WAY RELIEF ^f FOR YOUR MISERIES Pcnelro applied to Medication gets into Vapors help you the chest and back skin and relieves breathe easier, as helps to break up pain at nerve ends. phlegm loosens, local congestion. You feel belter. coughing . Liicl:3                  to ^o parts faster, to help to lu ip you. For  are  nil           :nli Oii);i1.. Hislil Uini,  now. Su whin amid gut* your  - li^lit , , are j   M iii;lil.  ai-.'win? . lii'.'i fruin , und  fi i'l "i:hoki:d nml  are . 1'lili^m Ioosimim, I up", Kcl i . H works fast, on son! , l)O!       '   mitl  i Grandma's old  i lc:i. using towns. That "all in" ; clis;         suet to help carry       . Its soothing vapors help you to do its local pnin-. On'./ l cn-  easier, too. And for hours.  is Grandma's  made even Penctro keeps on working in a  better by science. Thai's why people way to make you feel better. You rest everywhere count on l . more comfortably, especially at night. You rub Pcnetro on chest, throat These aro the reasons so many  back. As its medical ion reaches plo everywhere are using Pcnotro, ami  ends in the skin,  i:iin ram why your  to often  l'i:ui;lru draws  ~:inn rwl - , .'.'i.'jc.</t>
  </si>
  <si>
    <t>                                           DON'T MISS IT! 5th ANNUAL Musicians' Ball FEATURING Nine (9) Atlanta Bands The TROUBADOURS Red McALUSTERS BAND The' SSScM^SS "OB "            The COMMODORES J. S. HAYES AND BAND TWO KINGS AND A QUEEN THE RITZ STOMPERS (Everj' professional musician in the Atlanta area participating) Continuous Dancing 9 p. m. to 2 a. m. SUNSET CASINO Wednesday Night, Oct. 24 Atlanta Musicians Protective Ass'n (Local 462, A. F. of M.) Tickets: Advance, 80 cents At Door, $1.00</t>
  </si>
  <si>
    <t>                                           Nearly 200 Attend Tri-Hi-Y Conference At Washington High                 To create, maintain and extend through schools and            :s high  of Christian character Is the slogan of nearly two hundred Tri Hi Y Hurt Hi Y groups which were represented in the one day planning ccr.ference at Washington high school Saturday.                 The meeting, which began at 9:30 o"clock. was presided over by H .\V. Rohrcr. State Executive Secretary. In charge of boys  the state. Mr. Kohrcr who is assisted by Mrs. H. W. Rohrer. in charge of girls, extended :i hearty welcome to delegates from Certartown. Monroe. FarmiiiRton. Midiion. Gaines. Honv.Rockn.uirt. Newnan. Winder. Buford. Huear.sville. Wnshir.uton Davia Street. McDonoiiKh and others.                 Dividing tin' nearly ISO delegates lino two groups, the fol!uv;ins points were discussed and advisers nml chairmen In  served us counsellors lor the enthusiastic youngsters. How to make the        work Interesting? Kow to make the club  to the community. Plans for organizing new clubs: Making the lives worthwhile in a. community Memberships and other vitals pointa .vhich resulted in building a more wholesome life for youth. C. N. Cornell, principal of Washington  school and worker .vith the organization for a long time headed one group while the iterative secretary headed the other group.</t>
  </si>
  <si>
    <t>                                           To create, maintain and extend through schools and communities high standards of Christian character is the slogan of nearly two hundred Tri Hi Y and Hi Y groups which were represented in the one day planning conference at Washington high school Saturday.</t>
  </si>
  <si>
    <t>                                           MARKS BiriTIlDAY Willie Jnitii'.s CaiT. .Sum. ::-i\ u  uti rt his .tare! !d:i.v Saiuru.i.v. June 2nd. Hi; is Uic mid of Mir.. Borihn Carr of 31tl Hvrriii!:. Dcruiur: thi- ) of Mrs. l.illie Mac Cnrr of !)20 Clv. SI..     . lli:i: :li(! IiiIIiim- of LilMc Francis C'nrr and tin: I, nil her nf L. Carr. ":1 Umdlry and Minul Carr. Willlr .1. Cnrr. Him. 3-r.     Nomn^' in thr* T'lU'ifif. I Us ri . mid -nds wl li him ii :;nlV  :;in:      *.</t>
  </si>
  <si>
    <t>                                           Negro Chamber Of Commerce Active Throughout Georgia                 The Georgia Negro. Chamber of Commerce headed- by Mr. Chauncy H. Hudson, Valdosta as president mm! Rafcw P. Heed . ..as Executive Secretary will  its program of .inr; Local Chnnicers of Commerce in many cities In the state. Mr. Reed left the city                 Sunday and will be Joined with President Hudson in the, formation of Local Chambers in' Douj'.as, I Valdosta, Waycross,.and Savannah.! In Valdosta already sixty business men and women have registered I lor the formation, under thi: lead- j ship of Mr. J. L. Goodman a local "business man. Iii Douglas, thirty- six have registered under the '.cad- j  of Mr. J. T McLean. In Waycross Mr. T. C. Williams is heading the movement. In Savannah, Mr. Walter Scott of The Guaranty Life Insurance Company and oth- er business men are active in the I movement. i One proposed feature 01 The Georgia  Chamber of Com- merce headed by the veil known Mr. H. H. Dudley of Dublin is the j raising of .000.00 among Negro j business men of the stat?. Mr. i Dudley states, "wt have the busi- ness men and women in thn 5 tale and I hey have tli? money, it would create a borrowing Matus ot a like amount from certain Federal Agencies, or  ? in^ti- j tutions. A  cooperation with the set up  then be in a j position to make a survey in com- j  where real . u department stor". a Buildin; and Loan Association, or even a coiron pin or other Industries are needed." Sjays. Mr. Dudley, "we could then say to the interested local persons. you rake so much  your citi- zens and we will  finance thr project under the proper business . It would mwn 'He: building of .sc.~ owned by Ni;- l!r ot~. Wi.' would be in a   u--.n,j. .1 to give not only  through our Statisclan. Mr. J. B. Bluyloii.  Certiflecl Public Accountant, but we i would be in a position to lalk busi- t\css to many of the yout^ mt?:i and i women ; from Hie  var." "The Negro Is too prone lo do i much talking about what we should do today  nd forgetting it . We have the leadership and we have the means laying in banks with which to rlo. That which we must do if we are to be effective in the  problems of our people is to stop doing so much talk and use that which we have to act with. Georgia is on the boom in many phases of Its state life. The Negro Is Jin Intr.ente part of the state life regardless of limitations. It is up to us to cooperate with each other and sees  c^.- 1 ordination in those tilings meaning I our advancement in proportion to 1 our strength." j The vice-presidents of The Geor- j I gin Netjro Chmniwr of Commerce are: VICE PRESIDENTS H. S. Murphy, Atlnntn. H. H. Wllburn. Augustn. R. B. Harris, Athens. J. T. McLean, Douglas.                 T. H. Eyncs, Balnbrldge. I E. H. Dudley, Dublin. I F. J. Hutchlncjs. Macon. Mrs. L. A. Uavison. Atlanta, i . Mrs. Mable A. Coqwell, Atlanta, j ; secretary. J. B. Blayton, C. P. A.. Atlanta  and statistician. W. S. Homsby, Augusta. Re^ i  resident. National Negro Business League. REGIONAL VICE PRESIDENTS C. A. Scott, Atlanta. I T. C. Williams, Wayeross. j Samuel McComb, Itilledgevllie. H. D. Heath. Fitzgerald. Prank Tarver, Albany. I W. H. Hill. Hartwell Dr. H. Van Buren. Statcsboro. i Rev. A. R. Easiers. Vldalla.  CHAIRMAN i i UBLIClTY j Hubert M. Jackson. Atlanta. PROGRAM J. R. Henderson, Atlanta. MEMBERSHIP Mrs. Evelyn Jones Frnsier, of UUinta. Plans are beins perfected for an ;fl\ci;il  i:i Atlanta ar an :arly date  many proposals .vill Ik- discussed. Among them i-s .lie  ol the farm in:evi St in which the       plays - an Important part in our HatP. The Statn Chamber main;:iii!.s he:-s in The Odd Felluw Building in Atlanta.</t>
  </si>
  <si>
    <t>                                           The Georgia Negro Chamber of Commerce headed by Mr. Chauncy H. Hudson, Valdosta as president and Robert P. Reed, Atlanta as Executive Secretary will begin its program of forming Local Chambers of Commerce in many cities in the state. Mr. Reed left the city...</t>
  </si>
  <si>
    <t>                                           Funeral Notices                 KIMBALL. Mr. Alonzo (Buster)' The brother of Mrs. IM-ecca FinIci' of 500 Arnrkham St., S W. died in Detroit. Mich Ore. Funeral I    of .  Blot-. Morticliin 71 Pledmont Avenue, N E. I LIVINGSTON.        "         friends and relatives of Mr. and i Mrs. Kk'hunl Collins of 12S T1iir- I k-'cld Ave.. S. E. Mr. and Mrs. i Iloiuy Livingston. Pvt. and Mrs. j .Timmie Liviimston of Washington i D. C. Mr. and Mrs. Kiclturd Holt I .Atlanta. .Mr. nit l Mrs.l.~on Adam ~-f -il Conn. Mrs. MuUiu Carey of Washington. D. C. arc 'r.vit-cl to attend Ihf funeral of Mr. Clarence Livingston at p.m. today from our chapel. Rev. A. M Lunmkiii . Intinnenl 'SouUivJcw Cem. Murdnugh Bros. 71 Piedmont Avenue. N. E.</t>
  </si>
  <si>
    <t>                                           NEED MONEY! For "JACK" See Mr. JACK METRO FINANCE CO.. 512 CAS Building' Special Loans Repay Weekly, Seml-Monthly Personal -Furnlturo Auto. Expert            RA. 3487 Interior Decorator Makes Slip Covers Draperies Spreads Covers Old Furniture Msirfr Floyd, Mgr. 11.15 Coleman St., SW- Atlanta MADAM MINGY A GENUINE PALMIST AND TltUE ADVISER Mk- Complete Reading- 50e BT .75H Without asking a sin Bsf^ES K'~          sne wii ^UfittSfl tell your secret  HruOB antl greatest ambitions PUCtOfl and how to (rain them PEUX.1B Gives never falling ad^^v*cH  on aU affairs of ft) W1 life, such as love, inBL A S ,  mat_*^^   Ifrt, ^a. In fact. no matter what your problem may be. Slop being a loser, change your luck. Gain the things you wont most In life. See her today as this special low price may not be extended. 40 years experience ten years in Atlanta Is MADAM Mns'GY'S guarantee to yon that no better reading or faster results can be obtained at any price, anywhere. Readings Dally and Sanday at 10 a m 'til 10 p. m.- 052 McDonough Rnad, across 'from Federal Prison. Take Fryor Federal Prison car to end nf line. Look for Neon sign.</t>
  </si>
  <si>
    <t>                                           UNION- "LEADERS PLAN STEEL STRIKE STRATEGY Lea d.' ers of locals 'of tho Cl.O-Unitod' St'eelwbrkers of "AriieHca aro shown mooting in Chicago to discuss 'the Btrike: "as1  quit  In..; the largest single labor] walkout in the nation s -y.                 Pictured at the strategy meeting ore-loft to richt: presidents? Frank  Adams,' Local 1033, of Republic Steel; .Albert Towers, Locul 66, Carnegi.e 111.; Joseph Cook, Local 1029, Valley Mould; William C. Wurl, Local 3068, Bethlehem;                 Stfol; nnd' George Krilick; Loenl 1008, Youngstown Steel. In the rear row leu to rignt Rio:  national representatives Sam Taylor Norman Harris and John                 Dorwalski. (International Sound- 1 DllOtO.)</t>
  </si>
  <si>
    <t>                                           ^Wak ^JBf '-''"I' Aspirin. Thcru's no ns- fj$$~$r?,_ __^ ^^S3  '':i:i'" r': I'lii'?- Clinically, a.s your g^^^^ *SW1~^.-1J^3S^S  judges aspirin, no a.spirin cau        -*^M8a^i *8?"* .W (lo more for you. Viiy yay more? Jjgrj-m -5*   -    Demand St. Joseph Aspirin, world s v-fc^^^Sfe 3 largest  :it lUc. 100 tablets only ^ig^.. ^ ^iH ;J5c. Gut St. Joseph Aspirin, and be V,  ^r^ .</t>
  </si>
  <si>
    <t>                                           PRES. TRUMAN, FIRST LADY REBUKE DAR                 Hit Prejudice In Denial To Hazel Scoff                 Chief Executive Points To Ending Of Fascist War                 WASHINGTON- CANP)- Both the "President and Mrs. Harry S. Trujnaxi administered public rebukes to the Daughters of the African Revolution Friday for  refusal to allow Hazel Scott wife of Rep. Adim Powell of New York, to appear in a piano recital                 In Constitution hall on October 20. In separate  to Hie cong r e s sm a n and released by the White House, the Chief Executive and the First Lady deplored the instrument of "racial discrimination" and "prejudice against race or; origin" a reason for denial of the auditorium. The respective  were made .-dear: less-Hhaiy 24 lica$r3^~tter... national -of v irian ag -.iof the DAR had met and reaffirmed   ; -r position nf permitting "white artists only" to use the hall giving as the reason the "prevailing custom of the District of Columbia." NOx-Excix- In ras letter to Powell President Truman declared  artistic talent is not the exclusive property or any race or group He pointed out th.it a war has just been concluded "against totalitarian countries which  racial discrimination their state policy'" and recalled that "one of  first steps taken by the Nazis T/hin they came to power was to forbid the public appearance of artists and musicians whose religion and origin were unsatisfactory to the master race." Last Thursday Powell wired Mrs. Truman protesting her appearance at a luncheon meeting given by the DAR. In answer Mrs. Truman telegraphed the congressman that this invitation had been received and accepted prior to the unfortunate controversy which had arisen. She expressed personal regret that the conflict had arisen and advanced the opinion that the two matter; arc unrelated. The First Lady concludes her message, however, declaring "I deplore any action which denies artistic talent an opportunity to express itself because of prejudice against race or origin." The wire was signed "Bess W. Tnimnn."</t>
  </si>
  <si>
    <t>                                           WASHINGTON--(ANP)--Both the President and Mrs. Harry S. Truman administered public rebukes to the Daughters of the American Revolution Friday for their refusal to allow Hazel Scott wife of Rep. Adam Powell of New York, to appear in a plano recital...</t>
  </si>
  <si>
    <t>                                           ANNOUNCEMENT j -      -Ja^sW4-.-J^5 H DR. E. G. BODDIE DENTIST 236 AUBURN AVE.. N. E. KOOM 202 ATLANTA. GA.</t>
  </si>
  <si>
    <t>                                           Funeral Notice                 . Mrs. Blanche- of Chamblce, Oa. died January 21. '"~$.  are her husband. Mr. NeU Mayfleld, Mother Mrs. Rosetta Pitts, Chicago, UL. father Mr. Fred Pitts. Atlanta Two  Mrs. Dufferlen Burt. Chicago. Ill .M'S. Mublo Quillinn Atlanta Murdaugli Bros. Morticians 71 Piedmont Avenue N. E.</t>
  </si>
  <si>
    <t>                                           "A MAN TO REMEMBER,"! Er'anklbi D. Roosevelt. UJe!   ? Eneraved Etched Photo- '-j'  with genuine el P"               jia-. mHB^M :     ' ef our l;ite BS^Hilf *^ T^BH^B Beloved President. A QQ    ^9uk ^^^^^H Size 8x10 on         I  W"    (.'. '-JA- ^^^^^R Rag Paper Suitable +~ I V'*~^    1^']^H A LSO A VAIL ABLE :^~^^^^B Siic l-\10 Foriralt  Slyl"-. S3$      ^Wie^g^gJ^     Autograph, Tissued with Stiffen- m^^^^^^^K ^^^^^^^E^M cr for only J2.00 I^^BB^HV ^I^^HbBk^H Send Cash or Money Order and ^^^^^HV^^^^^^^Sf^H' we will pay postage. Also sent i^H^^^^K^^^H^^   ^R C. D. If desired. ''^    ' ^^^SbBhI^B' Arlipgtyn Engraving Ct1, ^^^^^^^^HSm^mm^H S E.^lST 12ti ST. T*'"^^^B Nsw Yofk 3B N. T,</t>
  </si>
  <si>
    <t>                                           Prior to the war, the Morehouse College gymnasium and Sunset Casino adequately accommodated the average basketball crowd. Only the coming of the famous New York Rens and the grudge battles between the Atlanta college teams attracted overflow crowds. This is...</t>
  </si>
  <si>
    <t>                                           Boy Killed, Hold Another Boy On Charge Of Murder                 BIRMINGHAM. ALA-  P*'S' A "kid " January IS  pd in I In-     'ti "f -i old boy nnd the holding of a 10yr. old boy on charges of murder. Six-year old Ben Edward Nelson 808 1-2 24th St. No. (Rear) died at G:30 p. m. Jan. 19 fn the hospital of injuries received when  struck with a whiskey i bottle by Oliver Wesley Elmore 10, of 830 1-2 24th No. (Rear) a fight about 2:30 p.' m. Jan 18. Elmore will be tried in the Juvenile Court on murder charges, police said. j</t>
  </si>
  <si>
    <t>                                           THE GREAT JOHN L' with Gregory McClurc Linda Darnell and "MANHUNT OF MYSTERY  "FIGHTING GUARDSMAN" Wni. Parker Anita Louise and "BLACK ARROW" ASHBY PAUL MUNI in "COUNTER ATTACK" and LOUIS JORDAN in "FUZZY WUZZY" Uso "ZORRO S BLACK WHIT1 "IlThcoln  FLYNN in "OBJECTIVE BURMA" and " S BLACK WHIP" HARLEM EAST SIDE KIDS in "BOWERY CHAMP" and ALL COLORED CAST in "BIG TIMERS" Also- "MANHUNT OF MYSTERY ISLAND" STRAND BOIS STEELE In "PINTO CANYON" and "DESERT HAWK"</t>
  </si>
  <si>
    <t>                                           FLEMING NOW WITH QUAKERS G. James Fleming, . Is now on the executive staff of the American Friends Service C  .us  director of their race relations program. PlemlnB. a former regional  of the President's Committee on Fair Em  Practice, will have his headquarters In Philadelphia where he lives and is active in the N. A. j A. C. P.. the City Policy CoinmltI tee, and us a editor of the Kappa Alpha Psl Journal.</t>
  </si>
  <si>
    <t>                                           Mystic Love Drops  auo.m.v .i.- win THE ONK VOt I.OVK .Jll*l OH*        or Ihi*       .     .HtnifhtfliiK   n put u   :    "HI    . SI-KI.I.  Clip .vim loM-.  run t rr*ist ' you. .     *~IT9 I IIAl'1'I.NK.SS TUK KBV Til SCCti^S.  1O.VKV. I. nn.l ~-~~WKII. Tlli'x1 IK.n. .~  .~~- hIII    '       u MAKE A HIT IN TUB U.D1K 'T l.      j I.UVE. . at ! norm         locky  h*~~     .       uro lo  1 O}- n BIO . ALSO          . DIKKCriONS how ana . lu uiu lo\r. BK.ND HO MON1 Iv). 1'nll Klre     (1   brn( hy  on delivery Iftfc plu* P09. ur s^tnl  *l.uu  itn  mr . Ono  - If Ulii .   ur.:.  to.. I Dcpl. GT 91 I   . 'JO VrBry     ^t Nuw Vork City.</t>
  </si>
  <si>
    <t>                                           MADAME ROSE Look Who's Here! 8T Guarantee* to Read I  K?e, pa*t, prevent,  i w Atki no  but telU 49wV^B ron *U 7Oa w*n*  -B-llB ^i1nf name* and       I BBS l.l fln Bd       of , lore, FSB I I-B-l health, family , tell*    **  ^~pj whom you will  sod iS^^j        OTtreome  I IL jL*^N^*I        ,   *tD a \V^ I habit-,   WV 1 I and bad lack of all kind*      J R*~       tie daUr mad Band*;. 9 a. m. to 10 p.m fon will find her nm*rter  all oth- j en. There In no heart c  ad or horn* I m 4      tbAS I *  * in U. I          at JwDctloa  f Ur%Aj Atms*  na Ilowell MU1 Koad 1000 HoweU V11I Koad. Be  to take     one-     -HoweU Mill Road cat. Stop a* door  Mill Trailer, front of Whit*      CompMTi Atlaata. i JEAN WORTH PBrCMIC  5all3 your name. Ask you no      cons. Gives the object of your visit fills who you want to Know_ Advises to a certainty. Helpe you m. i matter what your  may Be All v/ho are unlucky, unsuccessful jr dissatisfied, we have a remedy i 1 Jome today, tomorrow  nay be toe I  ate. Hours  from 9:00 a m. to 8 p. m Closed Wednesdays i Reception rooms for       tno  LOCATED AT 126*  HIGHWAY i Block Ful City Unlti    1 tony Street. Almond Park or BIT j</t>
  </si>
  <si>
    <t>                                           In Mcmoriam                 ~,,vl.m i. ut m.r mother   I*1'"' :     UryaM. who departed U* lilt one  uro- February SI.    -Whin would I Rive to clasp her  her happy race Vo see   . hear her sweet voice and     her Mnllc ll.r.t meant so much     me. her MiiilhiK ways :ind ple. fnco arc pleasant. W recall Oil how t-ho.se memories  yet. Mie is sadly  by al!" MK HENRY McCUNE. snn MRS. - ROBINSON MRS VIVIAN BRYANT MRS.       BROOKS, sisters M-(i SWr- BHVjVfWr-biV/' Mr.'S. ANNIE BRYANT, aunt. MR. JOHN BRYANT, uncle</t>
  </si>
  <si>
    <t>                                           Acid Indigestion Relieved in 5 minutes or double your money back          Hdri        ). IU inK ~"tr iU   heartburn,  ~*     *     - m*  fvr  relief- ro- Ilka  In BtUtM Taliltti. No Uiatlri. Ilfll-ant bring*  In JltTi tir double y*~it roan*; tick oa  of  lo ui. 2Sc al  H . 1  i --0^-- i^^^SHB I with Lemon Juice ISSBKSr Men and women who suffer nagging aches and pains earned hy Rheumatism, Ncurim. or Lumbago Wilt to relieve such ^ promptly. To get such relief try ! Mix 2 table.%jh)oi)v of this fine medicine with one  uf lemon \\tu:a in a gl*^ of . I ' - of folks use /M.I.;. Cfi Al.t. today H^l ill any drut; Mute.</t>
  </si>
  <si>
    <t>                                           Card Of Thanks                 We thank the many friends for their telegrams, flowers and cards of sympathy, also Sellers Bros, for their efficient service in the death of our husband and father. MRS. J. C CLAY AND FAMILY.</t>
  </si>
  <si>
    <t>                                           OPA Cut Off A! Same Time FEPC Got House Axe                 Both Agencies Find Themselves In Same Boat                 By HARRY McALPtN                 WASHINGTON, D. C. ( The OPA     the  were both thrust into the same boat Iaat week when the House ApproDrtnMons Committee refused to recommend funds for either of them " legislation  to their ' Is " In                 gress. i Both agencies are of tremendous ' to the "little fellow." Without OPA. despite the  to which It has been , there Inevitably would be Inflation, nnd the buying power of the wartime  of the "little " would melt  to nothing If Is pointed out. Only the very rich would bo able to cat and buy clothing under such circumstance*. FEPC Is significant In that It * to eliminate  In employment opportunities mid to protect the right of. every  to work ut his highest skill*  of race, creed, color or  . The bill, for continuation of OPA has been favorably reported by tho Senate Bonking Committee, but a fight on Its passage Is expected led by Sen. Taft of Ohio. Hwrlnw .(  3 v*     ft WfcJl J                 OPA Cut Off At Continued from Page 1) on the measure were scheduled for lust weekend in the House but did not yet under way. FEPC legislation for making the agency permanent has been pend- I ing for months and months. It was brought over from the 78th Conpress. Both House  Senate Com- i mittees on Labor have favorably re- I ported the measure, but no action I yet has been taken in either body i on passage of the bill. Sen. Taft is opposed to the type of PEPC bills reported also.</t>
  </si>
  <si>
    <t>                                           WASHINGTON, D. C. -- (NNPA) -- The OPA and the FEPC were both thrust into the same boat last week when the House Appropriations Committee refused to recommend funds for either of them "because legislation relating to their continuation is pending" in...</t>
  </si>
  <si>
    <t>                                           MARIA TOILED up the stairs to knock at Terry's door.</t>
  </si>
  <si>
    <t>                                           NIMITZ FAVORS POSTWAR NAVAL INTEGRATION                 Admiral Talks 45 Minutes With Granger Party                 Would Approve Gen'l Ratings Assignments                 By HAIMtY S. MeALFIN (NNPA     t:             )                 PEARL HARBOR, T. II.- (NNPA) Admiral CheacerW.NImltz, whoso sagacious leadership of Naval activities In the Pacific was a major factor In the victory over Jnpan, haB put his stamp of approval on the  use of Negroes In the American Navy In its postwar organ                 Ization. The Five-Star Admiral made this plain In a conference ond Interview with Lester Granger, Executive Secretary ot the National Urban League, who ts touring Naval Installations In the Pacific us personal representative of the Secretary of the Navy. He bused his conclusion on the successful "experiment" of the Navy In using up to 10 per cent Negro personnel of I general ratings on 23 of the Navy's I auxiliary ships. Recommendations already have been made that .similar use of Nusro personnel be extended to all Auxiliary ships and more than 200 such vessels carry such it complement.. WOULD  USE The assignment of Ncsrncs of general ratings to  vessels, according to Admiral Nimitz will  to originate with the Bureau of Naval Personnel. If such a proposal if.  to his attention, i lie Admiral Indicated lit? would give it his approval. Nimitz's  on the use of Negroes In the postwar Navy tends to clear away some of the cloud nnd apprehension on the part of many persons who have expressed fears that after the wnr Negroes would be  to the traditional  service. It places the burden squarely on the Navy Department at Washington to continue and expand the program of general use of Negro personnel. While expressing these view.':, Admiral Nlmltz scored another personal success with the Granger parly which Includes Matthew W. Bullock, of Boston, Chairman of the Massachusetts state Parole Commission; Lieut. Robert P. Roper, attached to the Bureau. of      val Personnel in Washington; Lieut'       1 VV.  Whilli. OH$ Of" the first 12 Negroes commissioned In the Navy and new attached to the Navy Bureau of Public Information in Washington: und this correspondent. 45 MINUTE TALK Tile Admiral's open friendliness, Ms frankness, his smiling, quite de meanor which did not, , hide the firmness which showed in his piercing eyes, struck each member of the parly as they sat with him for fully 45 minutes. He showed a gratifying familiarity  the Navy's use of Negro Iicrsonnel. He  the part  Negroes ployed in the winning of the War.The Job performed by those who served in Shore Bnsed Units feeding supplies :ind ammunition to (he forward outposts-was an Indispensable phase of the teamwork of which they should ne proud, he declared.</t>
  </si>
  <si>
    <t>                                           PEARL HARBOR, T. H.--(NNPA)--Admiral Chester W. Nimitz, whose sagacious leadership of Naval activities in the Pacific was a major factor in the victory over Japan, has put his stamp of approval on the inegrated use of Negroes in the American Navy in its postwar organ...</t>
  </si>
  <si>
    <t>                                           In Memoriam                 In  memory of our cvan-  daughter. Miss Johnnie j Evelyn Fuller, who departed thi* life October 8, 1943. Bishop ar.d j Mrs. \V. E. Fuller, parents, broth- crs, sisters and other relatives an da host of friends. You shall always live in our memory. THERE IS NO DEATH There is no death; The stars down To rise upon some other : And bright is Heaven's Jeweled crown They shim- . There is no death; A.n angel                 form Walks  the earth with silent tread He hears our best-loved  away, And then we call them "." He leaves our hearts all desolate. He plucks our fairest, su-;, flower; Transplanted into bliss, they now Adorn immortal bowers. And ever near us, though unseen The dear immortal spirits trca.l; l'~ir all the  universe I Is life there are no dead.</t>
  </si>
  <si>
    <t>                                           The fourth session of the Atlanta Open Porum sponsored by the Friendship Bapt. church, Mitchell and Haynes streets, will be addressed Sunday, December 16, by Dr. Ira De A. Reid, chairman of department of Sociology of Atlanta University. Dr. Reld's theme will be...</t>
  </si>
  <si>
    <t>                                           a    'i /^SS^BiiS^ it^T- i J CITY All ant a c9P8^PS world EpiTipN Published 'Every Momin3 ExSpt Monday "    $ While It h New*" VOLUME 18, NUMBER 102 ATLANTA (3), GA., THURSDAY. JANUARY 24, 1946 PRICE FIVE CENTS L- i T*^"M"MM^'*W-*^</t>
  </si>
  <si>
    <t>                                           Atlanta! Trade Body To Honor World And Founder                 Following up Its policy of giving  to. whom honor Is due, the Atlanta Business and Trade Association Is Inviting several outstanding men and women In the field of business and journalism when it does honor to the Atlanta Dally World nnd Scott Newspaper Sydlcate on Tuesday February 12th. Among the expected to be present will be: John W. McCmy ed tor of the Lighthouse nnd Informer, Columbia, South Carolina; Emory Jackson, Birmingham World. Chauncy R. Hudson, successful mer chant of Vnldosta. and President of the State Negro Chamber of Commerce, which holds nil executive meeting the same dny nt which key men and women from members of Georgia cities nnd towns are ex- pected In Atlanta. Tickets for the banquet ore being circulated by the Atlanta Business and Trade Association, and Executive Secretary Robt. R. Reed will be glad to have prospective                 tendon ts phone him at Main 9331 for reservations, or call at the Trade Association's Office, fifth floor Oddfellows Building. Room 501-2. Man Killed By Bus An  man about 60 yours of age was. killed by n Cooper Street bua which was driven by W. E. Mulkey at U p. m. Monday nt Piedmont ami Raker Streets, stated the report of Officers H. G. TuBRle and H. J. StaudridRe. The body was pronounced dond on Arrival when it - Grady.</t>
  </si>
  <si>
    <t>                                           Seek Clemency For Soldiers                 NEW YORK. N. Y. -The N. A A. C. P. will file a petition "for: clemency on behalf of the Negro soldiers convicted of rioting against Italian prisoners of war at Fort Lawton, Washington, last year. .Although some forty-one men were Initially tried, thirteen were acquitted. One of the accused, Buckner, was sentenced to six months confinement and forfeiture of $18 per month for a like period. The remaining '27 men were given dishonorable discharge and sentences ranging .from one to twenty-five years. The reviewing authority has suspended the dishonorable discharge portion and sentence with reference to ten of the men and has placed them In rehabilitation centers where they will be given the opportunity of being restored to duty at an early date. 'The sentences Imposed on the rest of^the men have been drastically reduced. In its petition for clemency, the NAACP seeks to obtain further reduction In the sentences imposed and to hare the dishonorable discharges suspended as to all the men Involved.                 BRONZE STAR GIVEN RED CROSS WdRKERS                 WASHINGTON- (ANP)- Earl Winston Howard of this city was one at six Red Cross workers awarded a bronze Star by Brig Oen Please B. Rogers. Seine Section commander, at a recent ceremony In the Louvre in Parts, according to a report received here at Red Cross national headquarters. The award was mode for exceptional service with, the Rangers in France. Mr. Howard, who is a      director for. the Red Cross, was in                 the newspaper ind publicity  before the war. He was advertising consultant for the AfroAmerican newspapers. Born  ln Hattlesburg, .Miss. Mr. Howard received his early education in Mississippi and went to Rust college at Holly Springs. He also attended Claflln University at Oranjjeburgj, 3, C, Virginia State college,- Petersburg, Va., and was graduated with an LL. B. degree at Robert K. Terrell Law school, Washington.</t>
  </si>
  <si>
    <t>                                           Card of Thanks                 The family of the late Mrs. Lena Starks wishes to thank their many friends for kind expressions of sympathy and beautiful florals during the Illness and death of their wife nnd sister. We especially thank the Rev. King and members of the Ebenezer Baptist church and Mrs. Hauga brooks Funeral Home. Mr. and Mrs. R. C. Green. Mr. Wayrrion Stnrks.</t>
  </si>
  <si>
    <t>                                           Basketball Scores Alabama State (Boys SO Morris Brown (Boys 55 Alabama Slate (Girls)  5 Morris Brown (Girlsi 17 TuskeRPC 55 Lane 35 Tuskcgee /Boys) 55 Florida (Boys) 38 Tuskegee (Girls) 30 Florida (Girls) 13</t>
  </si>
  <si>
    <t>                                           Bible Thought j Wherefore the law was our school- I master, to bring us unto Christ, that we might be justified by faith. 1 -Gal. 3-24.</t>
  </si>
  <si>
    <t>                                           Claude and Lizzie Fulton, 412 Nelson St., son Douglas William</t>
  </si>
  <si>
    <t>                                           Beware Coughs from-- That Hang On Creomulslon relieves promptly be- cause it noes right to the sent of the trouble to help ' and expel germ  phlegm, and Met nature to soothe and heal raw, tender, in- named bronchial mucous membranes. Tell your druggist to sell you a bottle of Creomulslon vith the un-  you must like the way It quickly allays the cough or you  re i to have your money back. i  for Coughs. Chest Colds. Bronchitit -  MANSU CASILr       -*f              ^^ r tat* tn km M*~*~     tm HnW^ INMt Wfcllwu. rmt W mr^i T- C-X M UK'       J.SO' nri 1^1 ini^i.       *Wn*   *"H *  4   Ma tkM       * fM D^~- JgmiLIIlSS.OOwHhwMWiifO/Pa^m^.  CO-I45W  01= ST.N. Dcpt. A. T. Are Your Payments On your home, automobile, furniture too large? If so, see Mr. Resiman about refinancing these payments to meet your income. United Loan Corporation IDS Pcachtrrc at Five Point!</t>
  </si>
  <si>
    <t>                                           Pp NOW OPEN ;'*^*2     ('- ~^feL^ V AT: us .  \.'--^r A.^m^^ 'Use Our Famous Lay-Away Plan 1W N^' ^"Wf' Welcome^o ^ '^^Tjs ll^ *llf\ ?W v y^  ^~         Shop^designed to answer all your JM/**/ \'J j A /^~jfi^^^i:- ^% shopping .problems, in the^, N I ^~~f I v/ i 1 ~"fi Corne          see oil itic exciting nev/ if/  s/ a' if i lM\ %  i^ fashions gathered for your approval J \Z^4\[I WV a ^^pv ^-V-^ all at Darling Shop's usual ^ s^S \U I     J-;^^ 'r^K\l^^ X" DonTmiss our Iwo- A ~\W? 7v* V^Sr ''^hJ ^W:l R\ Now"you" " "a Dailinc," Shop'eosily from '?-' '^mT'^/</t>
  </si>
  <si>
    <t>                                           CAPITAL SPOTLIGHT                 Bjr LOUIS LAUT1ER (For NNPA)                 Leadership Lost                 Malcolhi Rob, chairman of the Fiilr Employment Practice Comlnlttge.  lost his Icaderahfp and . That apparently u toe one. decisive outcome so far the controversy between Prrrjldcnt Truman and the. committee over the Issuance of a directive to the Capita]                 Transit Company ordering the employment of colored persons as street car motormen and conductors and bus drivers. His Inability to get a conference for the committee wlU) Mr. Truman is one of the reasons for his loss ot prestige among his colleagues. Frequently he had had a difficult time seeing subordinate executive officers, and lately he has evidently resigned himself to dealing with Presidential secretaries and  and what muy be called a secondstring team. Ross Is confined to John Hopkins Hospital In Ealtimore. He went there between the first and second .r-trikes of Cnpltal Transmit employees. When the committee was  policed ou the Issuance   ( I lie directive, which Mi. Truman blocked, Ross sent word from' the hospital  he was opposed nnd Insisted that the record show that he wus In the hospital and took no part in the voting. "MEANS WELL. BUT.." If. appears Ihnt he is Incapable of sharp, decisive ort.lon. If the action meets with much opposition vr resistance. He menus well, but he Is weak. As on indication (.hat, he curries little or no weight, he was not consulted, on Issues which wove put on the agenda ot the - conference. Nor has he been In on any of the conferences with John W. b , director of the office of war mob:ii-  'Jon and reconversion to n peace economy. Yet it it was generally  tha.t the I employment pattern followed in the reconversion period would be vitally Important to workers of minority groups. To sum up the situation. Host Ik by-passed on official action In which large-scale planning Is done. Ross came into the FEPC chair- I  through the backdoor. He had a mediocre Job with the Na- Uonal Labor Relations Board nnd had no national reputation of nny kind. When Father Haas was appointed chairman of FEPC, he took Ross with him with the  thai, Uoss would be his successor after he became widely known and he, Futher- Hafts stepped out. When he accepted a $2,000 cut In i salary. Ross" prestige dropped. Tills redaction In puy.pcit him oil i  t .salary level with Oeoige M. I Johnson, who wos then deputy]  of FEPC. SALARY QUESTION Tlicrc is a feeling among committee members Ihut Ross" salary increase from $5,600 to $10,000 with {CVsJtese-l vz   5S 6 Col. Ill                 Capital Spotlight (Continued from      1) the resultant public acclaim was more Important to him  getIng a great deal accomplished. Members also feel that he needs the Job. They decided to issue the directive to Capital Transit while he was In the hospital so as not to Jeopardize the 88,000-a-year salary he now receives. M. W. Tozier. directive of information for the War Relocation Authority, wanted n colored speaker for a Neteel program at Santa Anna-. Calif., ou Deo. 8. Oen. Joseph ((Vinegar Joe) Stllwcll was to be there and to present a Distinguish ed Service medal to a Nisei girl. He telephoned Leslie Perry. Administrative AssU at Washington Bureau of the NAACP. Perry could not accept and suggested Bill Hustle, chairman of the national legal committee of the NAACP. Bill could not go and suggested Charier." Houston, a member ot the  legal committee. Charley could not go and suggested Walter White. secretary of the NAACP. Walter declined and suggested Roy Wllklns. assistant secretory of the                 NAACP. Roy also declined. Tlie moral for public relations officers Is --start at the top echelon and work down.</t>
  </si>
  <si>
    <t>                                           Malcolm Ross, chairman of the Fair Employment Practice Committee, has lost his leadership and usefulness. That apparently is the one, decisive outcome so far of the controversy between President Truman and the, committee over the issuance of a directive to the Capital...</t>
  </si>
  <si>
    <t>                                           Football Scores Washington Rullpups IS Thomaston High VI Florida 33 Louisiana Normal 1:J Florida Normal 54 .Morris College 0</t>
  </si>
  <si>
    <t>                                           Parents Arrested In Child Cruelty                 According to Detectives W. ill. Cox and M. V. Moss, Roosevelt Holliday. 13, of 18 Booker Si reel.. N. W., was found in front of Ihc Harris Memorial Hospital on Hunter Street with a chain and   to  ll K- = The officers stated that both parents had been  on cruelly  and thai, an investigation of the case who  made. They         the child nit Haying that his parents kept him chained to n bed in their home.</t>
  </si>
  <si>
    <t>                                           JSm O.n weal  M "fulfilled MUJ To render the ultimate w4  ia service and to bo Qm3 worthy of the implicit [~B]I confidence entrusted in ] u3' has been our mission} Rnjl .We are definitely ^9*    ,//  patronage. Fsll "KMCXcttico  to  \.mcit  riH*     , *~lft HCgUIKCMIHT y</t>
  </si>
  <si>
    <t>                                           Approximately thirty-five women who have waited patiently twelve months to re-enter the city-wide Membership Drive for Phyllis; Wheatley Branch Y. M. C. A. met with renewed interest and vigor Wednesday at. 6:30 o'clock to receive instructions and material for...</t>
  </si>
  <si>
    <t>                                           MR. WALTER. POPE- Whose fam- ous Melody Tone Quartet will bat- tic it out in a singing duel with the famous Silver Leaf Quartette ol Detroit, Mich., ac 8 m. Monday night. Oct. 22. at Wheat. Street Baptist Church.</t>
  </si>
  <si>
    <t>                                           Biggest Holiday Rush on Long Distance /^      Long Distance will be L^^^^^^^^^B^M busier than ever this EP^tk ^^^V Christmas. So pleas* Htfl^   . A do nof make any bvt ^P^^Bb necessary ca//s on           December 24 and 25. Wiffl SOUTHERN BELL TELEPHONE AND TELEGRAPH COMPANY</t>
  </si>
  <si>
    <t>                                           Time Required To Evict Tenants OPA.                 A number of  war voter nns who .se :; located in defense rental areas arc being misinformed by some sellers or their agents as to the time requir- j eel to evict a . James L. Taylor. Jr., OPA rent executive, or the Continued on Page 6 CoL 2                 Time Required (Continued From  One) Atlanta District Office, said . "If  anu Ills family  adequate housing at tilt' time of purchasing a home, the rent regulations provide that a tenant may not be evicted for a period ot six months from the date of filing ft petition for  from the purchased, properly,'" Mr. Taylor de- dared. "However, in certain hard- ;hlp cases und in the discretion of the OPA rent director, a tenant occupying residential property purchased by a veteran of World Wai II may be given as little as sixty days' notice," lie said. Veterans are advised, that before purchasing a home In a defense rental area with the Idea of immediate occupancy to consult the OPA rent control office for information as to the time that must be allowed u. tenant to move from Ule property.</t>
  </si>
  <si>
    <t>                                           Tonight Tonight Tonight GREET THE Gl's EX Gl's AT THE VETERANS BALL TOP HAT 10-2 AMBASSADORS Admission: Advance 75c At Door 90c ADV. TICKETS AT  SMOKE SHOP AND C. H.</t>
  </si>
  <si>
    <t>                                           Records Fourth Homicide Here                 Leroy White, 30. of 364 Golden avenue, rear, northeast, died from a gunshot wound in the upper chest Monday afternoon, according to the report of Detectives J. W. Ellington and J. M. Pack. Operine White, 20, wife of the slain man, is said to have come out                 of the room and told  people in the house that she did not mean to do It, Later, the  said                 that she  at the Lieuten- ant s Office til the Atlanta. Police i Station.                 4                 NegroStewardTold To Stay On His Job                 I WASHINGTON (N N P A) William K. Vance, colored Stewart j of the Liberty Ship Frank Dodd, whose crew staged a walkout at Mobile, Alabama, January 10 in protest of sailing with a colored man will be at his post as Stewart when the ship sails for Greece. The CIO Maritime Committee said here today the committee said one half of the necessary crew to man I the Dodd has already been signed. i The signing of a new crew became                 necessary when the war shipping administration transferred the ship Friday from the Matsbn Navigation Company of San Francisco to the Lykes Brothers Shipping Company of New Orleans after the crew had held the ship in port five days fol- I lowing the walkout. The .ship Is j loaded with UNRRA supplies for Greece. In signing as Stewart for the Lyke Brothers, Vance joined National Maritime Union which insisted on his right to the Job if lie wanted it.</t>
  </si>
  <si>
    <t>                                           ENDORSE MARCH OF DIMES                 1 XJie' Charioteer:.,  radio- entertainers, are "way out (runt" in (lie March of Dimes, nation-wide appeal ot the National i. Foundation for Infantile Paralysis, January M-31. It is the  of the National Foundation that poliomyelitis shall be conquered and that no victim of thin dreaded disease shall fo without aid, regardless of age, race, creed or color. Your contribution to the 1946 March or Dimes will help build a living memorial to Franklin Delano Roosevelt, founder of the National foundation. Concerts throughout the nation on January 30 will replace ballroom celebrations and are dedicated to the memory of the  war president</t>
  </si>
  <si>
    <t>                                           "Next Door" By ted shearer</t>
  </si>
  <si>
    <t>                                           NEE0 MONEY! For "JACK" See MR. JACK METRO FINANCE CO. 312 C and S Building Special Loans Repay Weekly. Beml-Monthiy Personal  Furniture Auto</t>
  </si>
  <si>
    <t>                                           N. C. MUTUAL DIRECTORS MEET-  is the Board Directors ol the North Carolina Mu- tual Life Insurance Company which j                 met recently First Row Reading left to right: W. H. Karvey, A. E.       , D. C. Deans. Jr.. C. C. Spnuldlnp, Clyde Donneil                 M. D.. A. J. Clement, Sr.. W. J Kennedy .Jr. Standing G. W. Cux. J. L. Wheeler. E. R. Merrick, A. T. Spmilding and M. A. Goins.</t>
  </si>
  <si>
    <t>                                           Over $1 5,000 Raissd In Fund Effort Hers                 A total of $J,S72.56 was reported Monday night at the .c' of the Ccmmunity and War Fund Drive which makes a grand total a' $15,145.71). a deficit of $4,854.30 of the proposal goal. By unanimous vote and recommendations from the   it was                 agreed that the Drive be exended for another -week terminating Mun day evening cct. 8. official reports can be made beginning J.t 5:30 p. m. at the Savoy Hotel. Similar to oth;r last meet-.ngs It was very  w "h ea'':i  keyed up wondering If ho would make th-; "top  it" All cap- j tains   g vms the flml . hopin? Ui;.t one of tne absent worker- would come riu-. in with a last minute repot-", to swell the final figues. The largest report f-r the evening was given by Mrs. C\ine Pitv who turn d in $3,031 17. The chairman introduced Mrs Pitts as a veteran worker in Atlanta  who had the unique distinction of working in every                 Fund campaign that had  spun: crcc! in the city. To date Ine lar^-^t * contribution rame  tho AtlintT Life insL tance Company-Siii'1'). Tho l;ir:;est . h  came from Alkn Terpplr ii; !ho 'imi of ?';Q0 .nl churches nl^ Sion Tlie nor! I:-'?." scr'!':-!i   l-_r c!"!n':n\n!'..-?:    of ~?  . Msnelik Jackson r^mo m for n!T-~:~^i ni-.t hond wii?d ih"ir l?'al ' of cu-                 (il.v np-h.n.-L'd. Incnidp'l ;n  total  Jonit'onr honi L^/o tht* ((.~unlv schools in ihc- Hniitcr Hil's Stx'.kn. Tl)ts .'rcf.[i;n ;iKo rerouted to the c-- a :P of  lor impr.)\ ir,R the  of 1341) Thi"-c .  i- d :'fid will be  t to c'.hor  will l.t lire.- at tl.-j next meeting Eminin? a   *ns the southeast  under tho chairman hip of Mi;~ B. ron  $677.77, who ".l-,o (Continued on page I. col. 5)                 Over $15,000 (Continued from Page 1) received much applause School?,  the chairmanship of Miss B.  E^~L'.-liu.  their- last year s  and came  .vith 'i i total of $1,203.03. I T!;is year students  the; Soci:il School canvassed and r:2rte I a very creditable show reporting i S189 24 fcr the Pittsburgh area r.nri S2C9 fG from the smaller; churches House- to house  doiT* by senior students and church ror.tacts done by first year students represented a !~ piece of work for most Of the students were from cut of tc.vn and were not well acquainted with the city. Mr. Menelik Jackson was and still .s th?  collector in Ilic Special Gift division His grand  reached an all-tune high of $2.:"2.00. His Inst remarks at the meet iup. last night was that he would  "a thousand" nt the next  Other Frand ,- included: Northeast -S410 5C. Mr Gaither ; Soutliwest  S362 86. Mrs. Wallace  nd Mr. \V L Calloway.  an: South A'.Iorta S15S.61. Mrs. Lottie B Harris, chairman; Colleges and Special .Tills $298 47. Mr;. HarreM and Dr. Jnhnron. chairman' Ea-t Point S02.74 Mr Green, ,-. College Ps.rk S222.61; Miss Evr Thomas, chaiman; Housing Project S2S3.36 Mr. J.R. Henderson chairman social Agen ies S235 0J: Labor AFL ~.:78.S0 and CIO SCd 0C' Other contributions : S155 Mr T M Alexander- S60 Henry Watkins. S11330; Mr. Greenlea S5 Mr Sellers; S64.50 FritndsMp.  352 (K) Mr? A. Louise Taylor; and $173.50 Mr. W. A Clement. The '. Messrs. Clement 'Reed nnd Jackson gave their rer-. sonal  to everyone that had  of their time ruid                  ward making the drive a success. Thcv all voiced .1 consensus of opinion that the goal could be reached nt thn  meeting' Presented nho wer3 Mr. n.R.P. Key, who did mum of the ground work of tho campaign</t>
  </si>
  <si>
    <t>                                           A total of $9,872,56 was reported Monday night at the meeting of the Community and War Fund Drive which makes a grand total of $15,145,70. a deficit of $4,854.30 of the proposal goal. By urantmous vote and recommendations from thil general committee it was...</t>
  </si>
  <si>
    <t>                                           a0%i ^ mutt y?0^i MM     HWS { 1' VI     Imoum Im'i   ak I -I I l- .(.NATIONAL S Dr.p. Moil P.M.tk.1. will.      c*       *. Tticy'v* lot what it Ukm m HyU. Qubr ud F.Wk^ Sia^k^ v^.  nd             )i ofl  lha SlUi CtUu  bra I. .Vy ill uir to U k,  (-..l.. Oot'l      u,      . ^fi ...nil, I CW" 0""J NATIONAL S O..p. hbM FuMt fiV"*4Ba""ES SHK I "~d" -h"   il'~tnn it     . ^"m/F ^Pllrv^ L00K AT THESE  rE*Tmrf  */s ?'^' r u- -V ~?'?iji''!~i Cl"' f"1"1 *11"111* (Jpirf^ Wi '2$j*   TAKE       CN0ICE 0F THnE H01 *IW*'* W$$l$$t\i :#i   fMp 1. "Tlie WHIZ" '5"* ._jii;  f .J-^^i'l'^f^S i- "The NEW YORKER"  6? t^/t J'^^i^K5 i^*^: y "The KENMORE" V" '!p^^4'.^4'^3 4. "The CHAMPION" '8     't Vl^P^^ 5- "Tlle ^     ~*xf V^il bll^M SATISFACTION GUARANTnO' %~l#'--:=-'l p^f^/' OR MONEY BAtK/^.. 7 t^i'^ij I^Sir4^J f' T? $~'~~/ V'^PiifV/ l)...UIU.U,!ut.l,..       ,^-rl '^1^/ ll [^'iiH^*"^   .m" :     B ^W uTD,7ITi.u*i pT..'^3uEi,"*""-'*''  P^M^^P"~^^W^^^^^P^P^^^^BM n* "m    SZ2L^      2           ^BH   1 *  '       ^"</t>
  </si>
  <si>
    <t>                                           War Vets Clash With Ca b Com bine                 CHICAGO- (ANTP) Charges of syndicating the Southsidc taxicab industry hero were made last week by eight World War II , men who drove cabs before they were called into the nui ion s armed forces, in n fight Lo one-rate  without stand                 licenses. Orjraniz.cd under the Illinois Cab Drivers Association for Discharged veterans,  men    'i  placed  case before Judpe Justin F. McCarthy in  court where their counsel, Atty. Richard E. WestbrooUs,  lis. closed that 57 charges of violating city  ordinances wer-i against them. Backed by John Patrick, president of the war veterans' organisation, Atty. Westbrooks threatened to exhaust all possible legal avenues, even if it means  the cases to the U. S. Suprcnv; court. Ho characterised the  ficht as an attempt by the  to retrain  former  they l  from the  services.                 BIG BUSINESS That the local  industry i is a big one was revealed some yours ago when the Ivory and Red Cap association, an owners' organization, was formed by Attorney Joseph E. C 1 a yton. This all-Negro owned business, according to one of their red-colored handbills, hns an annual payroll in excess of $1,051,- :;~i7 and pays city, state, county r.nd the federal government mor'?  $150,000 a year in taxes. Ocnjrrcssmnn William L. Dawson j serves as general counsel for I 'he powerful  -i  controls a fleet of approximately 240 cabs. Patrick charges  mt '.he  ta. combine on the south side is composed of thu Ivory and Red Cub association, the Manhattan Auto Casualty company and the city vehicle commissioner s office. These united forces nrc unbeatable, he said and lire sufficiently powerful to control all taxicabs that toll on south side streets, an area approximately the size of Indianapolis.</t>
  </si>
  <si>
    <t>                                           CHICAGO-- (ANP) --Charges of syndicating the Southside taxicab industry here were made last week by eight World War II veterans, men who drove cabs before they were called into the nation's armed forces, in a fight to operate taxicabs without stand...</t>
  </si>
  <si>
    <t>                                           The Tuskegee Army Air Field Warhawks moved one step nearer the 1945 Southeastern Servicemen's football championship with a clean cut, 18-7 victory over the strong Fort Benning Reception Center Tigers, before a large crowd, Sunday afternoon, at Ponce de Leon...</t>
  </si>
  <si>
    <t>                                           Of the approximate 7,000 persons who filed initial claims for unemployment compensation during the first week following "V-J Week," almost 2,000 failed to...</t>
  </si>
  <si>
    <t>                                           TIM TYLER By LYMAN YOUNG                 FELIX. THE CAT</t>
  </si>
  <si>
    <t>                                           SOILED SWEATERS,  4.98 to 5.98. Rcady-to-Wear 3.00 r if .k^*. ^Z, J^T?^ V**^ MISCELLANEOUS GROUP OF COTTON DRESSES, bro- ^-*~iw.j  j.Jf -w"~w*~~ W /TWiEwiJ^A kc" '      ' 1 98 l0 2i98 1.49 'i  f i {~ WLyfjMi 10. WOMEN S SLIPS,  soiled, lace-trimmed satin } \8^L^"~  L slips, one to a , broken sizes 1.00 p NBfc). ~%~ I 10 PAIRS WOMEN S PAJAMAS,  pajamas. j rf    ^^BHf S butcher hoy styles, one pair to a customer, broken M i          ^^^ sizes 50c t, 4 Ifd7^        1* CARTER BELTS,  only, 1 supporters, broken V /^T^y\   ^'!\ sizes' one tD a  25c i ii 5   4       I \jf" -1 sTf CLEARANCE OF FALL FLOWERS, all types ami colors, '  '-~   * HUT l'/\   ^ % \I f *'-VM velvets, felts, satins, . S'Jc to 1.98 3 for 1.00 %~~ % E *W l'' 1 I 10 JERK N SUITS, smartly styled, blue or , sizes 12 M % Sf ',1 IP K II I WOMEN S 1 SWEATERS, slip-on and cardigan styles, all col-   P M    tjr-f WpL 0 N or5  sizes l0 or Kt ^aft 2.00  ill il  All t i\ 12 SPORT JACKETS, 12 to 18. . 9.95 and 10.98- 5.00 4* M fe M fJC/*^k GSM' I    CLEARANCE MISSES' SOX, white only. 8 to 11. originally $'~~ i li i Mj! \K*. A^l?]f    1 SHEER RAYON HOSE, seconds, size Ifl 2 for l.OO I" H- f     \^S/Q*kf F I*1 ir^.*/ SHEER HOSE SECONDS, new tall sha.les. 8! ~..to 10'.-. 65c I* % i i ft J NEW FALL DRESSES,  in polka clot or solid colors. 1 v 1 58, J I r I 7 12 'u 20, 38 to 44. ready to wear 5.95 h S%* f I *~S 4! MISCELLANEOUS BLOUSES, striped  . as- t lk-*jL_J) II  S sorted colors, 8 to IS. Rcady-to-Wear Department. V 4 \\/K TT J v *i . 2.98 2 lor 2.88 I 1 V 1 a BOXy WOOL COATS, wool fleece coals in red. blue or Sffi.    , SS1*^ m ireen, 9 to 15 17.35 ~$. ;j. \'T!fa M' ^iW K Xmf'H^a CHILDREN S POLO SHIRTS, stripes. Jonjc and short to     \i (I V'v.  SJ3             3- sleeves, seconds -59c ?            ^ 20 BABY SWEATERS, , pink or blue, all-wool, . Cv s^ 2-98 l0 3-98 ^1-00 '^fe V EShoHIh GIRLS' COTTON B. U. SLIPS, while only, sizes 2 to 12- -~g, W' '*l Hffira' Vji Is PAIRS . OVERALLS, lots' sizes, . 1. Oil 25c W fV \jkj, V V  S. BOYS' SUITS, blue, blue and khaki. . t.~8 ^1 '5  '- A *jfi-'-- %A *5*l ^"T**"      *' 8 CHENILLE CARRIAGE ROBES,  ::.!I8- S0c ''.$*~ P^ ^S W.,^ T^SPB TOTS' AND, GIRLS' BLOUSES, while dressy or ..n-.i % ^%^^^j^j^^l    p MEN S FAMOUS-KAKE TIES, seconds, solid Tl"ft jimI + Man  ~*~**~?%~ ,r^=3:  t  MEN S KNIT SHORTS, cotton knit, .: liai-ks. S.. si.. I... ,*H^ ^Jk Iri-, ori^. - -44c JH  g 0 A ~)b Vji  k MEN S FAIX SLACKS, dark c.,!u,b. . si/c-s. .iris:  A     % 0         iia"~ 4!l5 s-*9 M ^iw ^T MKN S . heavy-quality coU.ui. blur and        checks, S., M.. L.. . H.1I5 5.95 C/ the cool for rainy weather. Ton, water- MEN S LIGHTWEIGHT RAINCOATS. I'ollon    lln.  heavy, durable  , rich beige shade in smartly fabric, lined with solid or gay plaid lining. Useful . tan shade, S.. M., L. -5.25 tailored curtain. All ready to hong and brighten your In  12 to 20. Ready-to-Wear Department. MEN S WORK PANTS, originally I.'JK and 2.-1U home. Homefurnishincj', Deportment 1.44 and 1.84   H^MaH^^^MaH^^^^^ MEN S BOOT PANTS, originally 3.78 2.19 UBaanKMBUO^^BaHnnm^^M^^M BOYS" KNIT SHORTS, elastic inserts in front, S.. M-. I... 3.9" {/tlb!~~r/  -~~ Itoott     /l'~ orie. S9c ^25c  s  Ann Lee Rayon ^ym BOYS' SPORT COATS, originally C.95 5.0O ^t  M  Hl-Otailff boys' sport coats. onR. s.ns to 9.9s 6.95 %*9HVItS  fOfC.   .V BOYS' SPORT COATS, . 14.D5 11.85 27    - 2     . ^ SII1RTS- w "- b"ie at"1 'a"i^s 1.99 1 f!9 BOYS' SPORT SHIRTS, short and  sleeves, solid.-, and *m -w" Perfect Qunlifi; Snlitl While checks, rayons and cottons, miscellaneous ki-. sli.,1.1   .^ ;{;; Extra Si-~~~ OmIu seconds 1.39 l" 1.95  QLlhis CJC-._ Wfll-knn^n RTt, Willis HOYS' W ACK LEATHER JACKETS.  m.iits. si/rs Printed   -r),, w!v,     1~-: f"' -;nc.i': f OUfe? I- ~//    -buy now' 39" un- highly absorbent toweling.     \'* * tan rah. d.?!.^ lfr.1  ll  s.r oml    . C,    tested  labile. bleached  Heavy and durable. White '        "rt "if^r ?~.lu?* IB H^"^.   .uL- Loee-       /.loo/ A .7ly W/w/e   /y. Tpilwed /        quo/ify. A on/y. fu//      . Excellent 12.85  /or yourse// or gilts. blouses. Sizes from 40 to saving! Homelurmshings. buy! Homelurnishings. BOYS' SWEATERS, ^lip-over and coal styles, solids and Lingerie Deportment 46 Sportswear Department combinations, oris. 2.4!) and 3.98 1.99 and 2.89 ^^~~~~~~~~^~~~~~~~~^^~~~~~BMiBBni^Ba^ BOYS' SAH^OI! SI ITS. navy seri;e and .. Oriu- 1B  I KIH.T^r^ Chenille Bath Tolo.-f,./ fri,~( c:PrtaINIXO? sheer ,nar(ll, with dainty dolT\~ir? ~...~  -.s Kmll-I/p             1b m *t i* figures, rich  shade, full piece 39c -Vl'- m    JWMfll  HBtl4H%IS  (OlTll COVERS, fits n- . 3 box 3   .V Mtt'OSSCS pillows, oris. n.!)X 7.S8 /jm ~-k ^Tk  DRAPERY KOO CRANE AM) SWAY, perfect for  ^i ^k f /Jf 9A   JrS  . i\~rv -d  59r- nair Hftfitft Tk m^M.+W  mWm*WW.W METAL EXTENSION (TRT.-UN lions,  . HW\W%_s *W  to IS", -te with brackets, . 25c 1.Oc Originally 1 .'.HI OiUjiitulh/ li.HH roRK place mats,  designs, save i.--- Wvll-Tuilovetf OrUihtally 8.95 Thickly covered with pretty Colorful for your home! RAINBOW HATH .MATS, thickly covered with . Choose built-up shoulder A smart group of better chenille. Solid colors of rose, Printed design fabric cover- "li::- lns -AA styles in smooth cotton slips. cotton chambrays and , green, gold or peach ing cotton filled comfort! SI'nT *ArK "'""f '-"Tils. s,,l,,l wh.lc. sl.-b'.ly .m.-er- W(~(.(e on,y flf(, zucker Lid cover to match. Home- A smart buy! Homefurnish-  rrA napkins. l:!xl i.  design "*c ^c-  trimmed. oil year. Broken sites 12 furnishings Department. ings. PILLOW PROTECTORS,   31r Lingerie Department. to 20. Ready to Wear. ^^^^^^^^^^^^m^^^^K^^-^^^am-^mM^^^^^^^- . no\     pad avd cover - ..I a^aK^_^aa__a_i__i_          _ ^^^^^^^^^^^^^^^^m^^^^^m ^D^^^^M^^^^^^^^^HIB^T COTTON BATTS. for          anil comforts 4^^ ^^i^^^^^^^^^^O^^^^^^^^^ g^^gmg^gg^^^gg^^ Double Cotton' Jl.v/2 Ifni'i-iii 20v-ik  k,\C. kit.s. r.isi colors, assorted ml- Uirls' Smart Children's Wool  Kutfs ^^1'W nrn - ""^1 Paniios      ,~~~rs ~.l\3(; OVAL THROW RI OS. center nf  . durable ~"%  S A^* fh 4% velvet wilh -c .ill .-. . 4.11S 1 .9R  M J V JF f     00 h CANADIAN HAND-HOOK RI C.S. throw      in 2llx.1-l /B .^B' TWm *P%W she.  designs, nric. 1 .fill      -T STAIR TREADS, protect your steps.  tups.   Smart If/ Slripnl Oiu/; black pad*,  7c Sizes 2 to It   '   . 1.98 to 3.98 ALL-WOOL HOOK Rl'GS. !4.x3ft. soft-lone shade of ruse. Double cotton blankets in Smart floral designs in rich blue, . . nr!s. .1.98 3.  8 CoKon or rayon panties in Children's sweaters in styles white and blue or white and color combinations. Back- ) DRESSING TABLE, kidney shaped,  popular elastic bock styles. of slip-on or button-up. rose stripes. Warm and grounds of wine or beige. pal"' u as "kn- "rl'!- 4-38 2-99 Buy a complete supply. Pastel or dark wools. Origfluffy! A  s buy Room size. Popular buys! ^-^^^^^^^^~~^^_^^^^^^^^^T Slight seconds. In girls' sizes  1.98, 2.98 or 3.98. for now! Homelurnishings. Homclurnishings. mat^mm^^^m^im^mK^^^m 14 g,r;s' Department. Children's Department. Sheer \et Chenille lied ^^apv ^**mr    *~~".\ Iliffh ^! Low I'liced Originally 7!~c ~,tl. In Hose  n- Mue g h*Cs**-^~\ U fO S*~+sm*+W Dress up your home with A homemaker can - I \y^/V^HrJ 4 dainty bob net curtaining. date this line value. Flutly, ^1 JaP  ol  makes, tor you! A splendid collect Full piece, perfect quality. tufted chenille bedspread ^0] ^Ni*^* i0'"/ "r"' lu"Cy f""  !"ls Wup- 9'"* Eggshell color. Thrilty buy! lor this low,  price. I .~.}*~**?~?~~;''~''.'// '-~'"e w'"(t's' Broken sites only. Come early and Homelurnishings Dept.  Dept. I fiv ^'^'^^^j-J^fr lal    "S*" u'"/ tor 'J'"'-' /V1e"'s Department. BB- MBMiaoli 'Nlfinrrif' Miaa^        ^BgaBBai ^SfflTrn  r'^^ /VOH-RrttfiOHeei ^!-BiftgjilllMiaaBaBte^tg^^  Jt Siij. Cnuer Men's Sport Fait   ?~~*~ FluiHietette #~/~#*#v Shieds 9$ It i fa*  lls Sails. Pajamas BeaiKifiif Ffonilj ,S.. ,~F., T. Sisps *J *   OvigUtally to 19.95 Coal Stulc Printed drapery and slip- Famous makes in the smart- Good selection boys' fall Men's warm flannelette pa* cover fabrics in the smartest est sport shirts. Long Orig. 3M9 suits. Blue, brown, grey. jamas in blue. Coat style, designs. 36" wide. Remnant sleeves, 2-way collars. Ray- Tweeds and herringbones. well tailored with frog  from 5 (0 20 yards ons and gabardines. Solids Comfortable oxfords for nurses.  or bun bouse- AHerat;oni Ofe rrJ, l00.r  on Ao/eJ.  imJ ~.h. Slight misprints. and checks. w/vcs'      :n J'~s ""'X- C  nd D  on/~- Boys' Deportment. parable to B or C sites.</t>
  </si>
  <si>
    <t>                                           HEAR THE ECHOES OF ZION The South's Leading Radio Artists Of Gospel Songs and Spirituals _^rp FLIPPER TEMPLE A. M. E. CHURCH Monday October 15, 1945 8:30 P. M. Admission Adults 35c Children 25c Harrison Smith, Manager F. L. McClarity, Director Wm. B. Cooper, Sponsor</t>
  </si>
  <si>
    <t>                                           I I r fMa PMr Maty MmI SHOES   \    YouTl be  on I lvi3. 1   buttered       nd A k^A. ^ny in G wben VK\11 6    . America'* ^     (hoe tram  rl Cout to Coast. They  cot aWe- They eot  Kv^^     -       ot a lot ^HkN.  9at bard, long wear ^^^Vlnttaemtwaiusethey I ^^1^^     8 ** ER. Juit right tat t Prapes. Sites 6    CCWn COP Blade or Brown. JCTiUrUN order  of       A)lM Exactly as . I catalog! ".--g-j anc*  a         . No i         b HtM     loncar  vim. BuSt ma r*9       Department No. 107 Nnlicnal Clothing Co., 4606-08 S. Ajhland Avenue Chicago, 9, III.</t>
  </si>
  <si>
    <t>                                           ($Ji  L 'Squinting r^       "          ^"~ fir May Mm" ^~'n      -       i^S?^^^" #9*'ft **~P   4^r3/~^ I""' Wky rill *m)\ JJL-HI/S KEATURik, 5s--*4 Id  .STVI.KS F.TES EXAMINED- GLASSES  LENSES FRAMES Voiir ; ')t II) ~(           s(ylr :~ nidi /S :is "" while  vision Irnsos. COMPLETE. Specially priced ni only EASUREDiT TERMS m^^^ mt   ^J* ^^P ^BP^ ^tT I 4 Peachtrec Strett</t>
  </si>
  <si>
    <t>                                           DAILY CROSSWORD                 ACROSS 1. Price,5. Boat 9. State' 10. Bulging jar 11.- Long-]      bird 12. Infected swellings 14. Close to 15. Place 17: Weight(Ind). 18. Enemy 20." Wooden pin 1 22. Erbium 1 (sym.) 1 23. Concludes 25. Dish of soaked bread crumbs 28. Fuel 30. High. craggy Mil 31. Custodian 34. Wealthy 37. Farm animal 38. Striking  (slang) 40. Constellation 41. Demonstrative word 44. Peck 46. Any powerful deity 4T.-Fcrti!a spots in deserts 49. Unusual 51. Place ot 52. Fall in drops 53. Serf 54. Bodies of                  DOWN' 1. Kind of fabric 2. Exclamation 3. Titles of respect 4. Keepsake 5. Weep 6. To coagulate 7. Medley 8. Surrounded, as by a wall 11. Secure 13. Girl's name IC. Apex                 19. Border 21. Gun (    .~) 21, Weaken 26. Conjunction 27. Operatic melody 29. Stitch 31. Zither (Jap. I 22. Breatlie out 33. Pole 35. Crawls 36. Corridor 30: Magic sticks 42, Egyptian  43. Observed                 fj^ i j^~~)^J5         ^    Yesterday's Antvvcr 45. To weary 48. Prosecute  judicially 50. By way of                 ya r i x ya r i' r i 1' Jl-L- 1 yJr\\\wr\\\w/.                 CRYPTOQUOTE A cryptogram quotation N L G  RKF NH  IGV NH   HS BC UC NH MH UN . Yesterday's Cryptoquote: THE KNOWLEDGE OF THYSELF WILL PRESERVE THEE FROM VANITY- CERVANTES. i Distributed by Kins Features Syndicate. Inc.</t>
  </si>
  <si>
    <t>                                           OCTOBER Come on in October, give the boys a hand, Tell 'em 'bout the pumpkins and the happy promised landOf dear old rural Georgia where they let the harvest pass Over with the dewdrops and the rabbits in the grass. Come on in October, we hear the bells of Peace, Ringing round the planet and we sing the hymns of ease And the welcome biddings as plenty pulls the chord Of the glad bells' chiming: "Come y_e that love the   )rd."</t>
  </si>
  <si>
    <t>                                           Washington--(ANP)--Alarmed and concerned over the great increase in juvenile delinquency, Att. Gen. Clark announced last week the department of justice plans to combat this evil.</t>
  </si>
  <si>
    <t>                                           ., Alu.-\     - Chartey D. Wilkinson (above),  Negro coordinator of Wienms 'I'mJiiliiK I to be appointed in Alabama Graduate of SLulc Teachers         ! tit Montgomery, Mr. Wilkinson did SradUiite work at Coltunbln. Me served three years mid eight  In 'the Army, serving In the C. B. I. theater. While In the Army he was an Instructor ul Cnlcuttii Unlver.sHy  he ! . He was also assistant to the In( officer discussing the details and tlie provisions of the a. I. BIN of Rights. He Is married nnd tht. lather of u small daughter.</t>
  </si>
  <si>
    <t>                                           I aTFI III P Plf*           In tune with the natural forces This   of Information,  everything In plain,  LlrCLllVH rlV I UntO   u, t h, un(on bt. - at   doctor speaks to y?u In tht privacy flf Ms; I tween man and wife. To da this     must  have a proper - office. Nothing whatever \% KM to tht-            . Yiu tin start  standing of bath male and female Orgam and     they function. You In applying what you learn and  from It. The  mult know  what condition* six practice operates . You mutt  who wrote their books are sympathetic . They hi*a   am haw to do your part so that bath you and your matt will      couple s  In mind-  hundreds tt . AND t ornate, mrm .1 '~M.   --         . mentally and spiritually. YOU CAN BE  THEY WILL HELP YOU. TOOt Cm t\  I V CAD CC AA Thest 3  ara  1! only i* x M\  It takes alt 3 to      you lha tern* I / UKIulnALLT rUK 9O.UU rieta facts  your sex Ufa. It Is the ml of  d at it Up ya csn gat in no  way. THE MECHANICS OF SEX SEX AND THE LOVE LIFE SEX AND YOU By Dr. WILLIAM STEKEL, M.D. By WILLIAM J. FIELDING By Dr.-P. M. LOVELL Ytu may think you know alt about  ma* This book Is different from tht ordinary tea Her* U a   book that  tf ici but this  book hx\ b*   . It not Mly yM an bwe*t.  tts right  tt earth ffr  .   a nan     %fWM that       Is -  *     Bei. tt Is Ml  for  uMlf 21. It is a let mm tt It than  tnr ". It Qucstlan but im much further. It  bated *R the Qurttlons  and tha In*  the difference between the usual and yew step by step  the whole . (  by half.A million of tht  In m * how to       of  as  by all mankind  s patients and . It       in sex lift- the danger of * -from primitive  to tl**d . rrt  every problem of marital lahar*.  Ion- what   In women and You will bt. thrilled to learn what It li  -and    .      M1  what haw to  - how to  a really all about and what   ta   it    .       lh* at*  -  ta maintain mat* act as they do. tt will t*ach you to adopt tha fccU of  and om-- HitMy-whrt rs meant by  "Stmal Df-  attitude  your mate. Mur     bow often Intmotfrt*  take stac*-     n*~~      "-  nd   * hav*      this wonderful  hava   oi a good - how to act during Ing . frem  crude sti instinct*, ta an  - Dregnanty^Hntnepautt. ett. InttlMgtnt approach tft tht . They Cvtry page Is lam-packed with          In*             a  lova  a mart  worth tha pritt ft a)) 3 freak*.  jjj^1^^  **m*uul* ~* set act. V^*^i'~'^C?   "'SSi\  -SEND NO MONEY Tl VI "a  I*S *W" 'l.Z J. V.' '."."Sf^iS.ih" I MtALTH PUBLICATIONS. DEPT.'Ul   MlJ R MiSLrM     If WtSI "BOADWAY. NtW YORK 7. V ~*?l """.S C. i I Mfi  "f?l  itr-l "V, C.O.O. and  nits. If trt I ~~*       '~M'^_-- if  fw -i CITY STATl       . S!l.l;11i{iSL."     .l'!!2~:     s*vt ALI-   and c.o.o.       I I ,m.,uI.~ium.BWo. ;'!~'~,1K;?~i?iY-'~~t'' w "-^J</t>
  </si>
  <si>
    <t>                                           Why For Men Only?  Tob. cit a kick MOM THIS  AY          U ^*v .?  'll b# riM ActnV nn*       ^ Irrtloa of .a. ^ZXjM^ 4  toon CARTOONS Bad    Uffi Situation. Clrl Phelg. HU. Chb Stair Ait SibHW. JOKE S PHOTOS J"^ T*t Sapptr       . Sod          -        *   la   )t- far Ibl* An Hamar Banania.    fmj . Me BUYS 4 BOOKS U-t la  mjM  ra,    f-T  M MfbjM LARCH BOOR CO. .Dept.  3~-R Capitol   b PLATING Double Feature "Days Of Glory" AND "Army Wives" Paramount News</t>
  </si>
  <si>
    <t>                                           OUSTED COLLEGE EDITOR KEEPS EQUALITY VIEWS                 NEW YORK  CNS)- Marilyn Karmmerlc, former  of Ilic student  nt William and Mnry College, arrived in New York this' work 10 lake  of public relations work nt ilu- Wi-ikIp!! Willl:le Memorial Building Gel, K. Mill believing in  .  idea she expressed in ;~n  lust Februnry nr.cl was  fired from her .. Marilyn .stated at the Freedom House lu-rc. "Rntinl  cok i Un . Wliat I did ; was the recognition of Nci;rot'.~ as Utunaii ht^ nn an  '. "I  that Negroes should                 nil end William :mci Mnry. In our classes, join  . hann pins on our cl;issm:   .s and I lien I added Hirer .  in.'ii ry  ils. T Mill believe those things." .said Hie US-- Qliiniiii firmly, "hill there s un reason lo Ignore something before il'.s Tar oil'. You've goi lo  ideals." Though Miss Kncmmerle was fired from the editorship of the   whk-h paid S200 a year, .she munni;pd lo cpi her  of arts de(;ree in June. She Mill feels that students should decide whnt s to go In their own publications.                 FEPC Compromise Out, Solon Vows                 WASHINGTON (ANP) There will be no compromise on the pending FEPC bill, declared Sen. Wayne Morse here Thursday night  dinner guests of the National Council for ji Permanent FEPC. Afor.se, :m Oregon Republican, defended his past position in favor of FEPC legislation as well as its principle while discussing the measure in the light of its f-.t upon ihc American bill or rights.                 "This issue is so preat that, it ran not bo compromised," ho declared. "And neither intellectually nor  can I do it." EDUCATION NEEDED The Oregon . who at.  d s filibuster to  a compromise that (ravo the agency $^50,(11)0 inr.lend. of"- the full . recommended hy the President, said there Is still much educational work to ho done. He urged that it be carried out "at the crass roots." Dr. Chnnninjr JI. Tobias, secretary of the national YMCA. :l militantly  political action. ITo paid high tribute to President. H  for hiH  in  of the permanent FEPC bill but denounced the house rules . "If we cannot persuade the                 present, members of congress to bring ilu* hill tmi Tor m vote," 1m. , "wo must bring1 n congress horo in ly.u; that will." The  :i}rains( .nal inaction is with the , ho  .</t>
  </si>
  <si>
    <t>                                           PRAISED Dr. A. J. Offord and co-workers praised by Chicago's Mayor Kelly as final summer park district musical 'Search For Talent'                 concerts close. The programs were presented weekly with more than three hundred participants. Seated are the prize winners Helen Word,                 Jacob Evans, Jr., nnd Jnmcs Hunt. Atlas Ncwsphnto Service.</t>
  </si>
  <si>
    <t>                                           The Four Knights (Southland Singers) sensational spirituals and  lar vocal start of radio and stage, features of the Dill Robinson Concert. Revue, will soon appear in the nation s auditoriums in a  of Variety. Concerts headlining Etta Moten. "Porgy and " star. Pat Flowers "Bach.to-Boogic" piano wizard, will be an       added attrac- j tion. The ninety day tour scheduled to commence in rats January will be sponsored locally by religious, fra , civic and educational or. ganizations under direction of Cultural Concerts Society, 2908 RKO j Building, Radio City. N.Y.C.</t>
  </si>
  <si>
    <t>                                           SI 750 up and $750 up fP^F Wrfnre buying your IV Vjl Coat. Jacket or Snwf. *C ^        lo Itifi well-known /If OTllW     Vork ~'~*      "'ud' ill  lnr WilOr.t^i.lt.K       /It  ' nrm In   itw*  Kur Coato. Offer* J2H JlHf Utf^t I9U         Fu*h 1 If [ Ion*. Ijifitc Tartly of Pp/~ 1-- If II 1 11; Minn ,           , rrd U 1)1m- **"' . , j -Min, , *   *ul 1 lamb. ^(~            , AMI { M*NV OTIir.lt 1. II It VAI.-i IKS. y*i b^  . Fin*: r*t etna lit, v,  Unfd. all ali^*. A IX i  NEW ITBS AT AMA/        LOW .  AT1         GI AR- i  OR MONKY ltP.Kr. I  :i   \vs ir .not       *ikd.~ Writ.- Tor      fre^ 1   Ula-       .~    and  list on Fnr Cout^. Jiwk^N and Xenrf-i. AGENTS WANTED.  FlfR MFG. CO4  v*~~t 2  h l*t.     York I, N. 1 j</t>
  </si>
  <si>
    <t>                                           Rev. Huell Jackson, president of the Mt. Hermon Association will speak to the New Springfield Baptist Church WMS, Sunday, November 25 at 1 p. m. Mrs. C. Walker will conduct the devotional and music will be furnished by the choh. The church is located on Fletcher...</t>
  </si>
  <si>
    <t>                                           M/ItKS P.TriTFiDAV OVERSEAS4' steward Third CJiuw Porter I'..'.M. Ji1, c- his. 19th  on' January 21, somewhere in Chlnn. Irn Is. the son ot Mr. ;md Mrs. Porter Baldwin, Sr.,  f 327 South Chapel Apt. 205, S.11 W. and n student of the David T. Howard School.</t>
  </si>
  <si>
    <t>                                           Here Is the chance you have been looking for If you want to make thls^^^aS; ]J\ kind of  money. All you do Is call on friends  nd neighbor* In your W community with my Lucky Heart line of over COO guaranteed beauty - wt!y[ J rations, medicine*, food products and household necessities.        wry- WftJl I where need and buy these product*. You can  this blp demand- makr IvAtI this blp      *. Vou will haw product* known ami liked by millions that are AlVAi Kood a* money ran buy nt prices  art*  to pay. g.ivo time and 4BaJJ money for your friends, make tym happy when you call. bgH MEN AND WOMEN OLD AND YOUNG H In       -  nre  bif money acting oj my agent. You can tod. Ate* ^^H I and experience ha\-o nothing to do with ho* much money you ma^e. Tb"~ \UlMBH   you     on (Fie more money you ore bound to ^s*ty\~^lf? ~~$% make. He your  bos*- say Just how much money  uu will /\?K**^TBJ  each dty- each week. I send you everything *)U  ao     7?~^~v5l Rtt . Minwtr this ad if you want to make . ^P?j*-^^IVU*5fll Write today for complete details.  ]?vi^lSi' I-*K*:k- l.  Co., nep(.fiB-IO, W S f J 3 mM^li\VL I -J B Ikl r*.</t>
  </si>
  <si>
    <t>                                           MADAM EVA BHl! O*VW1 .a FACT! AND  you out 4,RH R RESULTS aQH E Wartd'a maW** -^Vi 1-iJS . *    Oil "El^f-l^         aU      . V J^ 8iS5~- problem*          Vt 4 ~#~i ^^Mk-f m hsn        TEfisSB* with  v wtf. or Lnt*. V. nn Amd  a* ane*. Offie*     a. m. to 1  p. n. Dallr *ad SOBdar-. 101  W. Marietta Strset, N. W. Atlaai* tu      te taka     Iamaa Tar* BUart ear.  aak tne ear  1st  M  Mow oa  IM   t Kin*- Plow Oa. AUaala. Special $1.00 Reading for Zfe Xaur Lmckr Dan Vomthl OlVtB VtM</t>
  </si>
  <si>
    <t>                                           Marine Workers' Convention Proves Tod Hot                 Fail To Discuss Leading Issues Before Body                 BY-CLAY CLA1B0RNE                 ATLANTA CITY, (ANP)- As it happened in Nail Germany, some one is Issuing directives and disrespecting people s rights within the (nation s labor organizations. This was asserted during the  National convention of Marine and Shipbuilding Workers of American                 CIO, hero last week. The convention, which met to discuss  labor  as "-pay," "presidential no strike pledge." and "postwar planning" adjourned without touching the-se issues. A question on union constitutional rights developed during the fir.it session of the convention when two groups of delegates from Local 16, Kearney, N. J.,  recognition from the national unit. The contention was that one delegation was appointed through, the executive board headed by Johimy Gri'en, national president, and that the other delegation was elected by a majority vote of the members of the Kearney local. There were 20 colored delegates on the alleged elected group as compared to three on the selected delegations. After four days of controversy on the Issue the^o-^Qalled^, group  wos /; NEAR RIOT STAGE Duriug -the-  over Fe- cognition of these delegates, the convention reached at near-rio stage when delegates' began Jumping from a 20-foot balcony to seek (Contlntud On Page 4 Col 2)                 'Marine Workers (Continued from I*ag*e I) recognition from johnny Green,  of the meeting. Sliouts of "this is a machine dominated union" wore  from ihe floor, and when President Green endeavored to restore order to tlie convention, boas and hisses came from the delegates. The convention s hottest issue developed when two colored members sought election to the general executive board. The contest took place between Russ Watson, union organizer from Philadelphia; and Richard Carter, or Baltimore. Wntson. who sought election as independent candidate, declared his opponent. Carter, was an "Uncle, Tom" who had been previously elected to the general executive board  of his singing and praying. Colored delegates voted almost to the man for the election of Russ Watson. Richard Carter_ machine candidate, seeking his fourth election to the board, was returned by a huge majority over Watson. Carter is from Bay City. Mich., but is assigned to the Local No. 49. Baltimore.</t>
  </si>
  <si>
    <t>                                           ATLANTA CITY,--(ANP)--As it happened in Nazi Germany, some one is issuing directives and disrespecting people's rights within the nation's labor organizations. This was asserted during the 11th National convention of Marine and Shipbuilding Workers of American...</t>
  </si>
  <si>
    <t>                                           MADAME ROSE took' Who's Here! PALMIST Gnantntew to' R*M Your entire    . part, pn.wnt o^b^im.1   *hn no-QlMakloiis but  'aJW tm ??u    "".", ^~~SJB Jnifng  -tnd^      .  Jj-ff Hid  Of .  W I H . family .  ^ft'^'^fc " 7 o. will many mad           Y^ I , -         7 Hk 1 I jnd bad lock of an kind*. 9             * SSe dally and no wbSS. dreary that I   * bmr J,       ' Junction of Brady Arama Will Komi.    j^  Com pan j. Atlanta.</t>
  </si>
  <si>
    <t>                                           The Clark College Panthers opened their 1946 basketball season in high gear, breezing thru with a 54-38 victory over the Tuskegee Army Air Field Warhawks, Monday night, at Sunset Casino, before a capacity crowd.</t>
  </si>
  <si>
    <t>                                           JOfilWA JONES                 Rr r: P. KXYNOIiDK                 Fro. Btll  lo  don l  "Nolhlnif "  bo out m "Go b*       OH Monday,</t>
  </si>
  <si>
    <t>                                           Raymond Wainwright's long field goal in the final five seconds of play enabled the Casino "Big Five" to come from behind and upset the strong Fort McClellan cagers, in a 43-42 thriller, Sunday afternoon. at Sunset Casino.</t>
  </si>
  <si>
    <t>                                           IF RHEUMATIC PAIN HAS YOU  AND  Then prove to yourself what * tite results yon can get now  this medicine Open your own way. toward deliverance others have enjoyed. Make up your mind you re going to use something that gets to wort on rheumatic pain. Vou want help you can feel. So gctC-2223, if you suffer from rheumatic pain or muscular aches. Don't be put off with ifa or buts. Caution: Use only as directed. .EicsLbotflc   refunded it cot satisfied. 6oc and $1.00, get C-2223. Pffi00PSYlPARK5KINi GOODBYE,  BLACKHEADS, TOO.' Say "Roodbye" to , darkened,  a* well.T ULACKllEADSth.it can be loosened for      . Mt*~ reduce minor blemishes and roush  externally . Here is a NEW trial offer that should begin to produce  and improve your complexion in 7 day* or your money back. Get a 2  c hex ot -Dr. F KED Palmer's Skin Whiivru-r." at your . LV as . U not *!. your money back. Galcnol Co.. Box 204. Atlanta, Cu. DR. FRED PALMER S SKIN WHITENER JACKETS FUR: SCARFS  - CK Sf)  Unown X.V."V 'uv  Prill nr op firm offers Imind nrw 1MQ Fitsbionn E^        ! Larce A***tit. J*ull       and          Com\v*. CoInrN:  Ilnk Shnda ItroTm, Sllvrrtonc. Grey. KLirk. Snbfr. Skunk -Dynl OpoMsam*, Dyrd Itaccoon, rtr. Slim U to 46. Fancy UnlnKs. If not MttNflfd. money  within 3 tiny*. Write TODAY for this FltKE - rur Cutulog und PrJco IUt. Acont- u-. ROSE FUR CO. Dept. G-132 TO VTmt :;th    . New York I. X. IT. -^Tnfc AnE YOU ONE OF THOSE Ai^FOnTUNATE FEW IMTJl (who have amazingly 115 ^V Beautiful          f* Lf^HfllR? KikT.-LX'WtuS .            . Mot te5      1          jost  bot nru . JSKBvSd               . Hair Appears Longer mod    bair c0        are normal , br(    .       .   7         .~iz-0)                                                       ttma77          !QttMM7di7i- YoaiaojS                         .1.a)w. (Send tl.Mr.ow ? 0.0^1ircS)^~. JiiW    .      *oai ; aad aur  U toon Unmit Um .  CO- .MnwmwIl^A^, Dppl. AI-r. Cblnun X,"</t>
  </si>
  <si>
    <t>                                           S I-C  WAIlli                 l.T. A. M. WAKE                 VISIT MOTHER--Lic- A. M. Ware and Seaman 1-c GcoifC Ware were together for the first lime in six years when they visited their mother Mrs. Ursula Wore Strong during the Christmas holidays. They also visited their sister                 Mrs. Mary Ware Browm Lt." Ware is stationed in New York City, while 3 1-C Ware was recently honorably discharged after .three i years of service in the Navy. 15 months of which' were spent overseas.</t>
  </si>
  <si>
    <t>                                           One of the things which help to either make life run smoothly or maket most difficult is the type of food habits your baby develop under your guidance. You want him to learn to eat a variety of foods and enjoy them. After all, eating is one of the joys of life.</t>
  </si>
  <si>
    <t>                                           A 4-1 4- /I^^^^^^^l 1Y7" 1 J CITY Atlanta ^gH^VVorlu edition Published Every Mornins Except Monday C VOLUME 18,  60 ATLANTA (.1), GA., WEDNESDAY, DECEMBER 12, 1945 PMCE FIVE CENTS</t>
  </si>
  <si>
    <t>                                           Atlanta     \ PoblNhml Erery Morning Except Monday, at 210 Antmn At* Member*: N. a- N. N. P. A.- A. N. P. Established Auk 6, 1928; Became Daily March 18, 1 M W. A. Scott, II, Founderipuhlisber, Aor. 6. 192)) to     7. 1   Telephone: WAInut 1469 1460 CnUred In Post Office at Atlanta (8), Ga., ai second clau mat' onder the Act of Congress, March 18, 1879 a A. SCOTT Editor and General Manage* Daily: 1 Tear, $9.50; fa Months, $5.00; S Months, $3.00 Saturday Only: 1 Year, $3.50; 6 Months, $2.00 Canada: 1 Yr., 14.60; 6 Months, $2.75; Foreign, 1 Vr., $6.60 THE ATLANTA DAILY WORLD ip an independent news paper, non-sectarian and non-partisan, printing news absolute]}  and supporting those things it believes to be to the   rt of tta readers and opposing those things against the interest of i ti reader*. Address ALL COMMUNICATIONS to and make CHECKS pay able to ATLANTA DAILY WORLD, rather than to individuals. j The WORLD expressly repudiates responsibility for return j rf unsolicited pictures, manuscripts, etc., unless stamps ore sent THE RIGHT TO VOTE "Tho right to       be open to all our citizen* irrespective of race, color, or creed without tax or artificial restriction of ny kind. The sooner we get to that basis of political (quality, the better it will be for the country as a whole." -FRANKLIN D. ROOSEVELT, i</t>
  </si>
  <si>
    <t>                                           Important Part In Japanese Drive                 James Rogl.Ts, steward s mote first class. 910 We si Wall Street. Grillin, Georgia played on Important part in the final drive that helped bring Japan to her knees while serving with the 135th U. S. Naval Construction Battalion on Okinawa. The outfit, one of the Ecabce units responsible (or the rapid development of this Ryukyus island into u. formidable base, still was at its task here when the news :if the Jap .surrender reached it.</t>
  </si>
  <si>
    <t>                                           BY "MY ROOM" Susy meant the largest, most lavish set of rooms the Mesquite possessed. She had taken them for herself when she first arrived at the ranch. She walked through them now, swiftly, in search of her maid.</t>
  </si>
  <si>
    <t>                                           A Marine veteran, jailed over-night at Union, S.C., was dismissed without charges or line upon NAACP intervention, James M. Hinton, state NAACP president said Tuesday.</t>
  </si>
  <si>
    <t>                                           The 1946 March of Dimes, nationwide appeal of the National Foundation for infantile Paralysis, January 14-31, has been endorsed by Mrs. Ruby E. stutts Lyells, President, Mississippi Federation of Coolred Women's Clubs, and Librarian of Jackson Ciliege, her...</t>
  </si>
  <si>
    <t>                                           Elaborate plans have been completed at historical Zion -Hill -Baptist Church for the celebration of the second anniversary of Dr. L. M. Terrill as pastor of the edifice,Unusual and spectacular things have happened at the church under, the dynamic leadership of Dr. Terrill...</t>
  </si>
  <si>
    <t>                                           Do You Want POWER, LOVE? yon undertake? Power to  peopl* admire }ooT Vovhit to earn  Power to         I will send yon InformuUon which      of Kjentlflo .      Information and direction* Kill  /on be-       more  and e*~rt          I Innnrnce. Yon will hr, alile to "    P IOI)~    i NOT DELIGHTED \OVK  .Y .. JU8I   nd  no Tour nane and .        ' on   2.    ho          ( fln* .written . or  ItS.OO  or money order and     pnr . Write now I 1TPP1? with       order: TnlUmanlo P KE/Ei Sm1 of ro(;k  n .red Ink on Eltrptlnn mottled Parchment. HARRIS, 175 East Broadway Dipt. S-49 New York 2. N. T }~iflr a\~ J M ^^Si^C"^94 ^LAXATIVE?^ Black-Draught    V^j 2-Usually thorough  k 3 Always economical /  ~^5I"^Sk I ^% aS u5n</t>
  </si>
  <si>
    <t>                                           ^^^r- No.youdon't ^~ in a mirror to ^mS^SBWf bumps ^^^jP (blackheads). of external origin. They torment you and drive your frantic fingers to rubbing and I scratching, increasing the danger of i secondary infection. 6 Your fingers won t help, won t soothe the soreness, ease the itch and smart j  burn but Black end White Oim-  will. It gives you prompt * from discomforts of such skin - tions and it contains ^ antiseptic j medication that aids healing. For over i IS years millions have found it brings I similar relief from trude eczema, fuc- tory dermatitis, simple ringworm and externally caused salt rheum tetter. J.bu can try Black and White Otnt- I i ment without risk since your dealer j will refund the retail price of the first j package if you arc not satisfied. Use only as directed. Black and White Ointment is sold j everywhere in 10c, f^S^JZ^TL 25c, and 50c sizes. For FftUtn ~?Lwi-g cleansing such skin I 'SklnoH?*?~U conditions, use mild           Black and Whitc/WgSM^^ Skin Soap. Sold in^sS^^^ 10c and 25c sizes. ^     ^/</t>
  </si>
  <si>
    <t>                                           NEW !VES ONE A  MID-SEASON.                 Uft, Lilly Oath*, lotus ; lop right, gold crown banded in mink; below, pastel  model. 'After the holidays there always is a let down, and there s nothing like a pretty hat to bring your spirits up. and make you feel cheery. The hats in this group have carefully studied lines to bring out the moat important and flattering points in your face, but the silhouette remains classic and simple. The hat shown at left Is by Lilly Dache. and is a lotus turban which is set Chinese-doll fashion on the head. Blue birds, antennae, feathers and amethyst Loned flowers cover a lattice frame. The model top right has a softly draped gold mesh crown banded in mink, with jewel accent. The third hat. below. Is brown felt accented with swirls of pastel feather*,  blue and nude, combined to cover the                 front and give added height                 (International)                 m</t>
  </si>
  <si>
    <t>                                           61 LOUIS JORDAN in "Hep-Cat .Serenade" "1'HK PHANTOM SPEAKS" Also "MANHUNT OF MYSTERY ISLAND" "royal Don AMECHE, Jack BENNY "It's In The Bag" " STARK REPORTER" ASHBY "SINCE YOU WENT AWAY" with Claudettc Colbert Hattic Me Daniel Joseph Cotton TiNcnu GARY COOPER !n "       Came Jones" "ZORRO S BLACK WHIP" HARLEM "A  AND ONE NIGHTS" with Rex Tngrnni " of MYSTERY ISLAND" STRAND BOB S1 in "Feud of the Range"  desert"</t>
  </si>
  <si>
    <t>                                           Police Hunt Vandals In Chicago Bombings                 CHICAGO- i(ANP)- Police are searching for the hoodlums who bombed the homes of two Negro families here last week In on effort to oust them from an allwhite went sldn neighborhood                 Victims of the bombing are Sherman Hempbllland family and Mrs. Anna Johnson and fatally. The two .families moved into the Bohemian neighborhood a few days before Christmas from crowded vermin Infested south si do kitchenettes. Efforts to  the Negro newcomers from their homes began almost immediately  they moved into the community The two families were threatened                 and indirectly and lost Saturday a group of mc-u mode a call to Mrs. Johnson's home to request her to move, with n threat not to coll the cops "or it ll be twice as hard for you." She was given until the following Sunday, at six o clock to move. OPEN THREATS "If you re not out by then," the  said, "50 or 100 of us will come In there and get you." She  the police or the threats and a guard was  at her home on a 2-j-hour shift. They were on duty when the . Identified ns h "molotov (Continued On Paee CoL 8)                 Police Hunt* (Continued From          ) i cocktail," or the type of  Russian soldiers used        .: Oemuui took, was thrown ln tothe Hempbll home. Mr. Johnson, an employe. oT\ the Sherman hotel here lor three years, was visiting the HemphUls. when the bomb landed in \thelr kitchen. Hemphlll, a 35--old foundry worker at the Western Metal Co., was able to prevent the: missile from burning his home; .Us wife and two children. KEPT FROM WORK "I've been able to bo to wort1 Just one day since this happen-' ed," HemphlU said. "When I'm. gone the women and children arc left alone. If It  for the children, we d stick It out." Mrs. Johnson's 12 -year -old daughter, Ethel Lee, still attends Forrestvllle school on the south- side, because "I'm afraid to let hen go to the school near here," tbe mother remarked. The Chicago Civil Liberties committee is not only assisting police In  for tbe vandals but sponsored a mass meeting at Howell Neighborhood house Sunday for more sympathetic police protection for the two families. "The police keep advising us to move," Hemphlll disclosed. "But where can ire go?"</t>
  </si>
  <si>
    <t>                                           CHICAGO--(ANP)--Police are searching for the hoodlums who bombed the homes of two Negro families here last week in an effort to oust them from an all-white west side neighborhood.</t>
  </si>
  <si>
    <t>                                           IN GMUND AREA, Germany Corporal Boy Van Willlns. 2434 Seventh Avenue. New York City, .receives' the Purple Heart and Distinguished Unit Citation from CpJ.                 John W.'Russey, Commanding Officer ot the 349th Held Artillery                 Group. CU. S. Army Signal photo from Bureau of Public Relations.) I</t>
  </si>
  <si>
    <t>                                           Atlanta jUi^, World Published Every Morning Except Monday, at 210 Auburn Avc. Members: S. N. S.- N. N. P. A.- A. N. P.  \ug. 5. 19S8; Became Dally March 13. 1932 W. A. Scott II, Founder-Publisher, An*: 1928 to Feb. 7, ml Telephone: WAlnul 1459 1460 Entered in Post Office at Atlanta (3), eta- as second class mail under the Act or Congress, March 13, 1879 C. A. SCOTT Editor and General Manager Dairy: 1 Year, $9.50; 6 Months, $5.00; 3 Months, $3.0} Saturday Only: 1 Year, $3.50; 6 Months. $2.00 Canada: 1 Year., $1.50; 6 Months, $3.75; Foreign. 1 Year., $5.50 THE ATLANTA DAILY WORLD is an independent newspaper,  and non-partisan, printing news absolutely unbiasedly and supporting those tilings it believes to be lo the Interest or Its readers and opposing those things against the interest or Its readers. Address ALL COMMUNICATIONS to and  CHECKS payable to ATLANTA DAILY WORLD, rather than to . The WORLD expressly repudiates responsibility for return of unsolicited pictures, manuscripts, etc.. unless stamps are sent. THE RIGHT TO VOTE The-  to vote must be open to all our  Irrespective of rare, color, or creed- without tax or artificial restriction of any kind. The sooner we eel to that hash of pol t cal equality, the better it will be for the country as a Trliole."- FRANKLIN P. ROOSEVELT</t>
  </si>
  <si>
    <t>                                           Man Falls Dead                 Leroy Porter. 43. of pOO Bishop Alley dropped dead about ^:30 Sun- ctay afternoon nt 1127 Morrilts Avi.- r.uc. .  to the re- port ol Ofliccrs W. E. Hickcy iind J. K. Davis. I The   t.alu(l that Uiey went lo the above address und talk' d with :r\era1  who said thai PortiT t'."'Mn: into ihi? room and it ll to the floor without saying anything to anyone present. The report further revealed that I he officers talked to the :     of the de'.- who wild that her brother had bi en ill with   pre:;!' for a l'.iny Mine and had      !ly \~rri\ :ii i:i'd  ,i    ;- In Alabama whf-rc In: is mi id lo have p.1*  .</t>
  </si>
  <si>
    <t>                                           MR. H. DAVIS WHALUM, president of the Union Protective Assurance Company, Memphis, Tenn., was in the city visiting his son Harold J. Whalum who is a Freshman at Morehouse College. White in the city Mr. Whalum was an interesting visitor in the Atlanta...</t>
  </si>
  <si>
    <t>                                           Ministers Criticize Importation Of Cheap Farm Labor For Big Farms                 Point Out Living Conditions At Home Could Stand Improvement                 WAjSmNaTow ~-=(~ trp) Whether or not tile- Importation or  ch^aft-forw, ' -far the  -; ere was to disadvantage of  farmers and domestic farm workers was one of the issues raised here tills week by church lenders In conference with representatives                 of the 0. S. Department, of Agriculture. 'Die (Uicslloit wan directed to M. C. Wilson, director of the extension service fonn labor . who gave nn evasive  which the church lenders declared w:is unsatisfactory. Pressing the issue, -he  Icndor.s pointer! out thai mini  are so low that our own people prefer   compensation und readjust  pay to  Turin Jobs while cheap foreign labor Is Imported for the big  who insist on keeping farm wages down.                They added Hint this Is not only 11 disadvantage 10 farm workers, but. also lends to lower the earnings of small farmers who must cultivate .and harvest their own crops, und then sell their products In competition with those if the; big  wbo has  thorn with  labor. Wllsnn said thai steps are   10 raise furni wages and tin- pr.ive  nnd working . lie stated  :/~me areas j  workers  as  as $1D per dny. To ensure belter housing] lie said that tither states                  follow  ii d" of Now Jersey" arid Cincinnati nnl pass farm  -imi- i.iui.: It was pointed out that while con gress lias provided minimum :s  minimum standards of Housing for foreign workers, no such  are made tor domestic farm workers. HEW HOME CONDITIONS AS for wages, n department official said that .Jamaican workers alone sent, home more than a million dollars lust year in deductions not 10 mention other savings An official  Hint such savings would i;na Ions way toward Im : the living conditions of do  workers In ihe south where colored people make up over 50 percent, of iho total form labor force. Tlie church leaders agreed to make n study of the   labor program. Among the   at the conference wt-'re: Dr.  V. Richardson of Tuskeucc. Dr. W. IT. .Icrnugln of (lie Fritter  Council of NeRro Churches In Ami't-lcu. the Rev. Richard Johnson of Maryhtnrl. and the Rev. .lohn Collier of Wllbrrfon-c's runt I ;h '~]H. Dr. Richnrtl.snu, who hns  nn DxttMisii.in M'liml lor rural .l.~r.s  a I. ilk nt Die  iii.'e on extension n-. The conferees indicated Hint, they   - nf .  :;.</t>
  </si>
  <si>
    <t>                                           WASHINGTON--(ANP)--Whether or not the importation of cheap farm labor for the big fathers was to disadvantage of small farmers and domestic farm workers was one of the issues raised here this week by church leaders in conference with representatives...</t>
  </si>
  <si>
    <t>                                           Secretary of Agriculture Clinton P. Anderson was the principal speaker at a dinner honoring the memory of Dr. George Washington Carver at he Penn-Harris hotel in Harrisburg, Penn, last week.</t>
  </si>
  <si>
    <t>                                           FEPC Cloture Move At Standstill                 Southerners Still Controlling Floor                 WASHINGTON- (NNPA)- With southerners still controlling the floor, the parliamentary situation in the Senate remained materially unchanged within the past 48 hours.                 i -The petition through which sup-porters of the bill create a permanent Fair Employment Tnx Commission hope to limit debate will not be filed here Monday unless there Is a sudden change in plans. No additional signature? to it have been obtained in two days I Forty-four signatures are on it. I Senator Theodore Bilbo democrat, Mississippi, threatened North cm democrats with secession ol Southern democrats from the Democratic Party If they did not quit "monkeying around." Bilbo took the floor with an annoucement that he might speak for a month or two. He discussed the origin and history of the FEPC movement, and the Southern Conference on He-man Welfare. Senator Haney M. Xllgorc. democrat. West Virginia in an exclusive statement to the world said: "If we abide by the ideals of our founding fathers and also by our broad boast that America Is a   pot, discrimination that Impair* any persons right to employment must be removed: For that reason I feel it incumbent upon me to support iTO--g^ -~^~~~"r-^                 REMANDS  Deinund for the Immediate filing of the petition to shut off debate on.tlie.7alr Employment Practice) Commission BUI was made in the senate Friday by Senator Kenneth hope that additional votes for  might develop. Some Sonatorn S. Wlieery. republican, or Nebraska, j Interrupting a colloquy between Senator W. Lee O'Dmilcl of Tcxns and Senator Dennis Ciiavez of Mew Mexico. Democrats. Senator Whecry said "The petition for clo ure was completed and given to ino Senator from New Mexico, a week ago Tnursday and it hasn't been tiled yet. There Is no excuse for not going further with It at this time." The petition i,. scheduled td.be filed 'Monday and voted on Wednesday. Its filing was delayed in' the had not definitely made up their minds and It was thought that  'with the shenanigans of Bilbo, Eustland and other southerners. 1 10s pressure from voters back home might persuade them to support cloture. Senator O'Dantcl resumed filibustering today charging that persons and organizations' imp( the FEPC bill  ut  MeaiT democrat, wew York, obtained the floor .yesterday in    : o\iii rift])!/ tu di       In iti * nf the L1IL While he was speaking he was called from the chamber nnd (riven, a petition by Cnnada Lee. the actor, demanding the expulsion lor Senator Bilbo from the Senate for "conduct unbecoming a member of Congress." Senator Mead said that when Senator Robert F. Wagner, democrat. New York, who is ill returns they would confer and i decide what to do with the petition. He* raid it should probably bo re- i furred to the rules committee. j</t>
  </si>
  <si>
    <t>                                           WASHINGTON--(NNPA)--With southerners still controlling the floor, the parliamentary situation in the Senate remained materially unchanged within the past 48 hours.</t>
  </si>
  <si>
    <t>                                           SKIN IMPROVEMENTS  in a few days HELPS BRIGHTEN, LIGHTEN, SOFTEN, CLEAR OFF DULL SKIN, LOOSEN BLACKHEADS i Why wait any longer for help /our  tcln and complexion can so easily have? Enjoy the  love- Ines.s unii the desirable beauty-aid  Improvements that  und White Bleuehlng Cream i an bring you. { An eye-opening, hope-awakening j , which begins In a very few Ijiyrt In In store for you If you lave been relying on ordinary  or all-purpose creams for i 'our beauty cure. Neither you nor my other woman can expect such reams to lighten and brighten our skin the way Black  White bleaching Cream docs. It brings you a different looking, righter, lighter complexion through he action that is special and  to bleaching. Start using Jlack and White Bleaching Cream iow just as we tell you and you an expect and enjoy a pleasant . Caution: Use only as . Larger sizes 25c and 50c t all dealers. Be sure to demand</t>
  </si>
  <si>
    <t>                                           In MemoriSm                 In rcv.TPiK of my don? - rr. Mrs. Diu-il!:i Anderson. On one :-.il clay. 12 years ago. Jan. 20 (he yen:- lit. Tile date will be re- tv.on-.bored for ever moi-o. My I mind often. recalls tho moment the Nirnlii: on my cheek she gave mo    oll. Yet it i tt-:~Mi't  later I knew Its mean- I inc. But as years p.iss on I know . day a happy ; will be ;.t I lie meeting. CLAUDIA. Daughter. JV RS. DALLAS NASH. Ornnd DatiRhtcr.</t>
  </si>
  <si>
    <t>                                           IN CLARK REC1TAI,- Mr. Elmor Sliocltlv. u MirmhiT   r tin- Pfbk University JiiKulty.   .%p;        of music, Is   In recital tills evening nl 7:30 in Duvuee Auditorium. He Is the nrst  of Uie .second semester concert series at Clark College. Mr. Shocttlc has studied In this country nnd , his principal work  done wt Ui E. Robert Schmltz In Not York and in Pnrls. Mr. Shoettic's conceit    him Iwrorc .-Hl audiences in Hie major elites ot the United States. His press notices after appearances north, south, east, and vest attest to his artistry and skill. Most often mention has been made oi bis fluent tech-, , intelligence of interpretation, and ft" ability to  wide variety of ;;na.' color from     pano. Thc^';; program will include "Partita in D major" from Bach, "Sonata/in B flat. Optts 7" rrom" Bcct1)%Iiuid "l^ ' lie Coupcrln" MSid Itovi-1. Clurk       (~.s a   to AlUmlfl music  to hear  . Tiip  admission fee"    ( cents.</t>
  </si>
  <si>
    <t>                                           Atlanta Negro 'Most Cultured, Most Enslaved', Dr. Mays Says                 By RUTH L.                  Using as a subject: "We Started Way Down Low; We Have Come A Long Way; But, We Have Much Further To Go," Dr. Benjamin E. Mays, world traveler, scholar, , and president of Morehouse College, addressed approximately three thousand people in Wheat Street Baptist Church Tuesday afternoon at the 83rd anniversary of the Emancipation Proclamation which was celebrated under the auspices of the Atlanta Branch of the NAACP.                 "How Ions will 104.000 Negroes in Atlanta remain slaves?" asked Dr. Mays as he deplored the Negro status In America with special ref-  la the Atlanta scene which I presents tui ugly picture even when j placed alongside 22 other southern j cities in which Negroes have been placed as members of police per- sonnel und which cities report good I results from having done so. I As Dr. Mny.s recounted facts that j make for the real situation In At- lanta he stated: I "Not one       policeman In the city of Atlanta; not one Nctiro doc- tor In the city who eun practice at i the municipally owned hospital (Oradyi for which all Atlnntaus pay in the form of taxes: Negroes are not allowed to vote in the pii- I  election for the mayor; nor can they vote for the governor ol I the stole: In fact, Negroes do not count iu the shaping of the government of the city or In the state. DEPLORES NEGRO S PLIGHT "The Negro child in Atlanta Is taught three and n half hours a day in contrast to the white child who Is  six Hours." said Dr.                 Mays as he related the hideous truth of the Atlanta public school system. Dr. Mays continued ns he recounted facts ot the study sponsored by the Atlanta Urban Lengue chief among which were, the per  expenditure for a white child Is $107 as against per  expenditure for a Negro Is S37: the median salary for the elementary white teacher Is $400 more annually Hum that same salary Is for a Negro teacher of the elementary school; the median salary  between the white and Negro teacher on the Junior high school level is $900 more for the while teacher: and, for the teachers on the hlp,h school level, there Is u  of $1000 more to the while teacher. ATLANTA NEGRO ENSLAVED "How long will 104,000 Negroes allow this situation continue?  ~.~ked Dr. Mays, who in 1um ;- (1ml it would, continue until Negroes arc not willing to go to the courts and pay for their share of freedom In Atlanta. "Some say there Is more culture per cubic foot In Atlanta among Negroes   Is in most nny other city of America and .vet the Negro Is more enslaved in Atlanta than he Is in most, cities." declared Dr. Mays. "Learning patriotism and lighting and dying on foreign soil for your country will not give you the ballot. We must be willing to pay for It. Just as willing to do that as so many Negroes are willing to go down the side alley, climb many flights of stairs to ge,t to the 'buzzards' roost' of the Jiincrow theater. As he further  his address Dr. Mays recapitulated the status of the 'Negro In America since his coming ns a chattel to  landed rich. "No  In history started further down than the Negro In the United States; no more despicable things have been raid about uny other race; everything                 that Hitler dirt to the Jew has been done to the Negro here in Ameri- j ca," declared Dr. Mays. j "Everything has been done to moke      world believe  the Negro is nobody... everything1 to! break, the backs and souls of a i race 1ms been done to the Negro race, stated Dr. Mays as a preliminary to the documentation of the point of view taken by science, statesmanship and pseudo-religion toward the relative status ot the Negro and Anglo-Saxon In America. Generally one hundred years Ago. even fifty years ago exponents oC each  believed in the Inferiority of the Negro und made It known through the respective i media, according 10 the proof pro- I  Tuesday  by Presi-  Mays. "All oi  means" continued Dr. Mays, "ihat science was against the Negro. leading statesmen were against you; pseudo-religion was against you. As a result, the Negro had little faith I in himself. The white stove  I (Continued on Pa*e 5 Col. 7)                 1 Atlanta Negro (Contlnneri  Vige 1) j told the slaves thai Uiey occupied tin' position that Cod would   hold." asserted the speaker as he related the fact thai these and their descendants the white supremacists had to place the blame on someone, so God was the logical one at the time. "Fortunately, science has seen the light of reality and today not a  reputable scientist can be found who would dare put. in  that the "Negro is inherently and biologically inferior to any race," said Dr. Mays. "The repudiation, has come within the last twenty- five years. If you were to appraise a man, it is not enough to Judge him by the heights he has attained but he . also bo Judged by tl'.e dis- I mal depths from which he ." Ucclureu Dr. .U3yx-ar^!e"~[p7iaSi2- ecl the fact that the Nejjro "v. way down low;" that he "started way down under:" that he ". way down yonder:" that he has "come a Ions way:" but. Mint he has "much further to fin.' The speaker paid tribute 10 the American Negro soldier who went i to foreign soil smd lived In such a way th:il he cave the lie to ihr American whit.- soldier had said about, him. i Noteworthy is the fact  the- i address eml^it on a hopeful note which was wonted us a challenge. "He who would      ln-e must pay for his freedom. Eighty-three- years i apo loyal freedom was Riven to us:  i'  earn moral and mental i ." concluded Dr. M::ys. In explaining the legal freedom Dr. Mays made it a point that Lincoln sinned the Emancipation Proclama. tion not because of his belief and i confidence in the Negro but because it was expedient for the nation. Dr. Forrester B. Washington, director of the Atlunta University School of Socijrl Work, presided a\ the celebration. Other contributors to tiie program were Rev. ,J. w. Thomas. Pastor. Warren Memorial Methodist Church: Raphael A. Mclver. a veteran; Miss Maf. Dobbs; Mrs. J. g. Flipper: Mr. C. L. Harper, president ot Atlanta Branch. NAACP; and Bishop W. E. Fuller: Mrs. E. M. Groves: Miss j Mne LSellc Finch; Clarence Render. John Neilson and Mrs. B. E. Mays. I The local branch is in the midst or its campaign for $10,000 for  defense and for membership. On Tuesday Mrs. B. E. Mays reported 1 that $'.'121 had been collected with I an additional $955 pledged for dei fen.se. Mr. L. D. Milton reported that between $450 and $500 were collected Tuesday for memberships.</t>
  </si>
  <si>
    <t>                                           Using as a subject: "We Started Way Down Lois; We Have Come A Long Way; But, We Have Much Further To Go," Dr. Benjamin E. Mays, world traveler, scholar, author, and president of Morehouse College, addressed approximately three thousand people in Wheat Street Baptist Church Tuesday afternoon at the 83rd anniversary of the Emancipation Proclamation which was celebrated under the auspices of the Atlanta Branch of the NAACP.</t>
  </si>
  <si>
    <t>                                           W^^KBg***^ ~~^mSK^^   'oscl)'1 Aspirin. There's no          , r^^^Ut l/K^Sg^M pi^iii fa^tcr-. ClinicaUy,  ^tJT^jP^^il^BBPMBt          judges aspirin, no  can Bj5W52W(Bir "**~~~T do more for you. Why pay more? HhBK^^^ w Demand St. JosopU Aapirin, world s ^~^k- ^Aldlnbff  seller at 10c. 100 tablets only ^^ ,i mga 35~- Got St. Joseph Aspirin, and be yBE^^^^^/ti/BSS 0 ready when  pain .</t>
  </si>
  <si>
    <t>                                           Harper Urges Negroes To Vote                 "The organizations that were interested .In having Negroes register, nrc now urging them to take the time  go to the polls next Tucsdey and vote." President C. L Harper oC  Atlanta Branch ol the NAACP . Thursday. "Registering was the first step but that which really counts Is voting. "Registering puts us in position to vote. Voting is. assuming oui responsibility as citizens and expressing our choice or tlic person whom we  to represent this district In Congress. "The election     Tuesday Is not a primary, but a special elec- i lion in which all persons who were registered January 12. have the i right to vote. It is important- that v:e take  of every op- I  v.(.  [ur exercising Ihe  mill (.very citizen .lt(led to vole should go out of the way to cast his ballot. Tuesday, February 12."</t>
  </si>
  <si>
    <t>                                           How women anc/ girls  get wanted relief [from functional  pain Oardul Is a liquid   many women aay haa  relief from the   Rony and no-rou*  or   * Hereto bow if, mv help: t        Ilka too*, m ( stimulate , aid digestion.* thua help build  Air tho "time" ta eema. 9 9 daj1*  T -roar time". It         helP relieve pain dua f INTO A to purely functional r      5y Pertodln cause*. WJ^j/TTT OkwduL If It , O^K youll be (?Iad yoi .</t>
  </si>
  <si>
    <t>                                           WASHINGTON (SNS)- There are  bright-. up-- young people on the headquarters  of the United Natlous Relief and Rehabilitation Administration In Washington. They find TJNRRA's strongest attraction to be ih(~  s humanitarian aim of                 assisting the people regardless of race, creed or color in countries invaded and laid waste by the Axis. Interviewed this week are I the following: I) MRS. SUSIE TAYLOR . Supply Assistant to UNRRA's Pood Division. Her Job la to.  requests for food, ana- j  them, pass the Information a- I long to the proper commodity divisions for action. Basically statistical, the job involves setting up tables, and requires a Knowledge of the operation of  food programs as well as a knowledge of indigenous production and Import requirements of the various countries. Mrs. Poshee's work Is concerned with the program In Czechoslovakia, Yugoslavia, Italy Albania. Born in Atlanta, Georgia, Mrs. Poshee grew up on the Clark University Campus where her father, Professor Lawyer Taylor, taught mathematics. She was valedictorian of her class of 1835 at the Booker T. Washington High School, and took her A. B. degree at Spelman College where she majored In Economics. Mrs. Foshee is the wife of CorporRl Samuel Foshee, a native of Akron. Ohio, and alumnus ot Kent College there. He has been sta- j Honed at Aberdeen. Maryland, (Continued on Page 4 CoL 0)                 Mrs. SusU- Taylor Fashe*                 "Miss Sna.. n.                        United Nations (Continued From Page II j where he trained soldiers through- j out the war. j 2) MISS SARA H. MAYO. Secretary to Dr. Raphael CHara Lan- 1 icr. Special Assistant In the Bureau of Services, and former Dean ol Faculty at Hampton Institute, Virginia. Miss Mnyo. Is u native of Philadelphia where her family live tit 417 No. Wannmoker Street. She is R-. proud of her record In Overbrim): High School where she took u college preparatory course. She was unable to go to college,  to study by herself later. particularly the French . Joining 'UNRRA In March 19  Miss Mayo did cataloging In the library, later resigned to work for three months in the library of the Soviet Purchasing Commission. But since, as she says, she is "truly In( In International affairs," she returned to UNRRA to be secretary to Harold Brown ot the Bureau of Supply,  she was asked to assist Dr. Lanier In July of IMS.                 RECENT BRIDE Mrs. James Brown, before her marriage, was Miss Magnolia L. Harris of Toccoa. Georgia. She is the daughter of Mrs: Elizabeth Harris. Mrs. Brown served 16 months with the 168th Station Hospital, Army Nurse Corps. Mr. and Mrs. Brown are now residing at 1012} East Bottoa Street Savannah, Georgia.</t>
  </si>
  <si>
    <t>                                           WASHINGTON (SNS)--There are many bright, up-and-coming young people on the headquarters staff of the United Nations Relief and Rehabilitation Administration in Washington. They find UNRRA's strongest attraction to be the agency's humanitarian aim of...</t>
  </si>
  <si>
    <t>                                           Strikers Get Backing By Robeson, Calloway                 CHCAGO-(ANP)' Paul Robcson noted singer and actor, was joined by Cab Calloway. popular hi-do!io .bandleader and recent Jim erb;FWttl!nj"~iri -Kausmrtntiyrsuns' day to assuring striking packinghouse workers that they have  .                 "I will be right on the picket :ine with you. and If anything- Imp "ens, let it happen to me too,"  told 1,500 persons at Durable High School during a mass meeting in support of the packing Mouse workers. "This is a common struggle lor all laboring groups md I am very proud -of the leadership that has been taken by Ne:ro labor." As a means of lifting their me- .ale to continue the "."  concluded by singing everal of his favorite songs. He  to the mass meeting, accompanied by Calloway.  ap- i rearing in a concert at Orchestra i  lall. i Cab assured the s-.rikers that 'icy had his sympathy a?id was                 interested In their welfare. He Is appearing: at the Panther room of the Sherman hotel, following his unpleasant Jim crow experience at E;*rr5ss'-'T?--             -~- The meeting, sponsored by the ^o_i!jUis.i.cf-e__CL izens_ -Cgram ittee Supporting the Packinghouse work rrs. attracted a cross-section of lo- mtf citizens. The  wis i formed a week ago. Temporary officers are Oscar C. Brown, NAACP Thompson Patterson, president of the Chicago council of the Inter- national Workers order, secretary; and William P. Harrison, Grand hotel manager, treasurer. The  is seeking the I support of the "entire south side community behind the fight of the workers In packing, steel, auto and farm equipment for a living wage." Brown said.</t>
  </si>
  <si>
    <t>                                           CHICAGO-(ANP)- Paul Robeson noted singer and actor, was joined by Cab Calloway, popular hi-do-ho bandleader and recent jim crow victim in Kansas City, Sunday in assuring striking packinghouse workers that they have their support.</t>
  </si>
  <si>
    <t>                                           BLACK BARONS: Owner Tom Hayes. Jr., will launch his postwar program for the Black Barons in 1946. It calls for more games in Birmingham. Tommy Sampson, as manager and a rebuilt team. He has broken off with Abe Saperstein and will do his own booking. He will...</t>
  </si>
  <si>
    <t>                                           SCALP  a a special W *Ii*N OFFER W^P rOMAM Ut CliMI  tt u*~t     * 1  MM  1    k0N0 Y ~$~ 11. tl MA UfH)t HOW-MINT,  HO         HAIt. Send No Money! ~'~~~~5  fw fol/x                    ip-$ Beauty Products Ho. I .Vnk 4v*.  .KI) Ntw.Ywk</t>
  </si>
  <si>
    <t>                                           Colored Atlantans Hit New High In Vote Drive; Today's Deadline                 Books On Special Elections Close Today; On General Elections May 1                 BY JOEL W. SMITH                 In order to qualify for tile special  election to be held on February ]2, Negroes from all  of the city flooded the Registrar's Office, at the Fulton County Courthouse. Wednesday.                 Shortly  noon, n long line was formed, extending out of the Registrar^ O(Hcc Into the lobby. Lutor In the afternoon the line was so long, two additional windows were provided to take care of the Inrge crowd. The doors closed at 5 o clock, bin the clerks remained at their posts to register those n!ri'~dy in line. This response may be attributed to the clty- drive for registered voters, spearheaded by the Atlantn Branch of the NAACPi  I he whole-hearted support of local churches, civic and  organizations. .sm^Sgt'WTimyE  The ; crowd represented n cross-section of the city, .iim, mall carriers, clerks, ministers, teachers, cooks, molds. Janitors t and even -li school students. Also                 Important Is the  that none of these people appeared bored al having lo wait In llm\ To the contrary, most, of I hem  a broad smile on their fares on leaving tin' Registrar's OllVe. Ordinarily, only  minutes or less ure required for registration. Persons who are planning to i- cull help spend up things if they can give the following information without hesitation: age, exact date uf birth, place of  nnd mother'.maiden name. TODAY  FOIl SI . KI.KC:T1ON Today Is the last day to register lo vote In the special election on February 12 to elect it representative to Congrers from the fifth Congressional District. Dlrehnrged .servicemen who have previously registered should check with the registrar as to their status nnd be assigned to a precinct. Regarding the  election, the registration ^ will remain open until                 six  before, the election. Clark Noble, of !)01 Muy.son-Tiirlier spent till  Wednesday in the lobby, showing potential voters f. where to register. Among those spotted by the writer were: Mr. and Mrs. L. C. Harmon; Mesclames Hutiie Bagsb.v. Alpharetta I Craves. Elizabeth Kurrls Duvbon Anna Juckj-nn, Lena D. Sayles, Inez Doilun. Anna Lynn. Irene Overtoil, EllZiibeUi Tliomsis. Josephine Davis Matilda Horn). Ariel P. Strong and Murbel Urcwsler. Misses OzKie I'lwmun, Margaret Jesters  Mnttte Dorsey. J. M. Carsidr. Claude B. Nicks. Clem Madison. Tony Hawkins. Henry Greenwood, John Clark. C. G. Marcliman, Frank Wlniberly' and Joseph McGuhee.</t>
  </si>
  <si>
    <t>                                           In order to qualify for life special congressional election to be held on February 12, Negroes from all sections of the city flooded the Registrar's Office, at the Fulton County Courthouse, Wednesday.</t>
  </si>
  <si>
    <t>                                           ?I1"0 U"?~  Of IHt         COMPANT IV THE ATLANTA COCA-COLA BOTTLING COMPANY ^^^HH^^</t>
  </si>
  <si>
    <t>                                           BRUNSWICK, Ga.--Prof. and Mrs. J. S. Wilkerson, Mr. and Mrs. E. V. Wright and Mrs. Nina Murphy spent the week end at Ft Valley State College with President and Mrs. C. V. Troup. Mr. Hudson of the Pilgrim Life Ins. Co. was in the city last week...</t>
  </si>
  <si>
    <t>                                           Etching a. For quick relief from Itcliinj  by eczema,  n Cnou'icahta  and  , use num. . . liquid D. D. D. PRESCRIPTION. A -~ l^mula. Greax-lcm ami Gt-. Sonihn  and quickly alim         . 35c trial   t. ur money Uiek. Don't . Atk   today (or D. PncsCRirnofi 1  show  -i. lo (rl.n-L.Tto ..JriT; ~^~JmI. :.     or lull . \       Vr- . '.* Uboratorta,       * ment W-6, Mompliii, Tcnn. DIONNJEQUINIIr        on tills great rub for COUGHS^COlgSi</t>
  </si>
  <si>
    <t>                                           Despite the rainy, Inclement weather, the Greater Mount Calvary Baptist church was a full church Sunday morning with members and friends.</t>
  </si>
  <si>
    <t>                                           Greater Mt. Zion Baptist Church, Sunday the Adult Dept. of the Sunday School. Mrs. E. L. Thompson, supt., will preside during a Bible Quiz. Last Sunday the Primary Dept. rendered a program and led in finance of $50. Each Dept. made fine reports and attendance moves...</t>
  </si>
  <si>
    <t>                                           The Morehouse College Tigers will officially open their baseball season, when they cross bats with the Florida A and M College Rattlers in a two-game series, Friday and Saturday, March 29 and 30, Tallahassee, Florida. This will be Morehouse's first intercollegiate...</t>
  </si>
  <si>
    <t>                                           Songstar Etta Moten, Top Headliner In Variety Concert Friday Night At Wheat Street Baptist Church                 l  Preview of Program Listed Helow: % "None  The Lonely Heart". "Chi Kieio Costume", j 'Ave Maria" and "Setiuildilla" from "Carmen" by Miss Molcn. The 1'mir Kni'J'1-'. ~'IU-' stars, will he hoard singing 'Good News, The Chariot's Coming", "You Better Mind", 'Lead Me To The Kock", "Couldn't Rest Contented" and "Little David Play On Your Harp". George Pierson. accompanist for Miss Moten. is in his own right an accomplished concert pianist. This will he i proven as he opens his part of the  with "Prelude In 'V Sharp Minor", then iis he plays ''Malaguiiia" ami "Clare He Lime". 1 NOTE- The above is  a pail of the  thai v..m will hear Kridav  at Wheat Street Baptist Chnreh. I</t>
  </si>
  <si>
    <t>                                           f I'M -ini man) VoMITHTHE HANDSOME HAIR] MIPS HAIR HANDSOME You won t    afraid lo Lpft t tok* off,  hot -when.- 3j*~ L you do as other smart  i     do use JERIS to J W*        well groomed  *^fcw i all day long. Everyone tel -yj^'lj admires the            F] J  fragrance of JERIS  j/2-iM^*l; and JERIS corrects Ioom:  K^( dandruff and relieves ^ttj^gl itching - It's the Ifllr'. f' Jill favorite  tonic of mil- ijH^^^SH lions of man. ^ ~~?~3f^ ANTISEPTIC 4fGf\fQ) HAIR TONIC</t>
  </si>
  <si>
    <t>                                           leant up to $     COMMUNITY loan Investmenf CORPORATION  OOM 209, CONN ALLY olOO. 98 ALABAMA STREET. S. W. 0 r./.phon. MAin 1308  M. 221. GRANT ., 2iU N.  and WALTON STREETS, N. W. Telephone WAImjl 2046 Cimigiialt/ Ftrimuia MADAME ROSE Look Who'* Here! 8T OuniMi to Row] Tow tman  fe. tut, !. Mm do * bat       (JolaMHa 70a all job wmot to     , InJI   and     ^ H^^Jw f*cti of , tor*,  TU       .  , Ulla W]l 'll whom job will   aa     when, *  F^wK^M . loren , nil \r*j , *  1 ul   4 lark  l  n      . Q^ Kosdlnn Kfe   aa 8     . ~*.m.   ( p.m. fan will find ber *         All other*. Tbern la no   *n m lad or boa* 7       1       * U It. (UadJngs for white and colored. I.                 at       Attmmt and BowaU Mill Horn* 1 M    *U Mill Kowl. iU rare ta take     *u av -BowiU Hill Boad hi. 8M* at d*  .        Mill Trailer,  of Wblta Pn Haloa Oampaar, Atlas**, JEAN WORTH   Calls your name. Aeka you no . Qives the object of your Tlrit Tells wbo you want to Imow. Ad* rises to certainty. Help* you no matter what your trouble may M. Ml who are unlucky,  or dissatisfied, we have a remedy Come today, tomorrow may be too late. Hours dully from 9:80 a. m. to 8 p. m. Closed Wedoeadayi. Reception        for White and Colored. LOCATED AT 1   BA1  1 Block rait Clly Umlta at MMtbony Btnu. Almoad Paik  r  r Oar    Aathany tL</t>
  </si>
  <si>
    <t>                                           I would cull her a human dynamo of help sent from Heaven to work with Rev. B. J. Johnson in making Greater Mt. Calvary synonymous to its name.</t>
  </si>
  <si>
    <t>                                           Smoother, . Softer to the touch. Women want it. Men love it. You can have it. Just use PluV ne famous Black and White -reation that lovely women everywhere have depended on for years to help them have more glamorous looking hair. Uauc IFhaiYou Wunt Voudon'thavctoputupwithstringy, straggly, liard-to-keep-in-place hair without doing something about it. Pluko will soften your hair. Help iC .. You'll be able to set your hair in so many attractive . And Pluko will keep it set and looking well Groomed. Best All Pluko has a fragrance appealing to men. Sweet, lovely, lingering. It brings such added lustre to your hair, a shiny, radiant glass. And it is so inexpensive. Sold in bit; economy sizes everywhere. Amber 25c. White 50c. You won t ever want to be without it, once you ve seen how much it cor, j do for your hair. Always demand I</t>
  </si>
  <si>
    <t>                                           CHATTANOOGA,                 -(SNS)                 MASS MEETING SPEAKER: 1' above is Miss Primrose I Flinches, National Field WorKer, Furtipn Missions Board, of the N:i".!onal Baptist convention, will be     principal speaker at the 1' Mission Mass Meeting to bo held Monday January 7. 7:30 P. M. at r.he Second Baptist Church on Grove Street, Rev. M H. Rlbbm-. naMor. Tlin'inass meeting is being given  til.; auspices of the North C'luatiuiuoea and Chlclfamauga I    -t;:ci. and the Pilgrim Joy As- j ir-.::.s of Chattnooga. Rev. Ed- I v.-.-j-i! Angel, moderator of the i N\ c. C D Association and gen- i f.4-.; ; Mrs. Fannie Spence pi;~       of the Woman's Con- vca: ion of the seme  ;u l-.tant chairman, Rev J P Dan- ;i:-~ moderator of the Pilgrim Joy .As.  and co-: Mrs. Grorplii Jones, president of the Woman's convention Of the same . and  to Rev. D..:n,-Ls. .^gj Music will be  oy ft chorus of  voices. Laymen :.:v! junior Matrons. Mr. L. Gholston is president of the District I..nyn:cn and Mrs. .Flossie Foster If president, of the District Junior M:,s. All Churches are  to p-port-  Gleaners.</t>
  </si>
  <si>
    <t>                                           Governor Of Term. Condones Police                 NASHVILLE,      , (SNS)- Governor Jim MeCord said  to the action of police officers In the 'recent race disturbances In Tennessee: "If a similar  .should arise  In this state we would take the   as we took In Columbln." Tennessee  had been con damned, by a group of 180 . in Washington. Police Chief Orfffln of Columbia stated  there km "not n word of truth" tn. statements. Qrlffln waa among the first to be Injured.</t>
  </si>
  <si>
    <t>                                           The announcement last week of the artists, scientists and professional people under the capable leadership of James Roosevelt and Harold lekes sounds like a step in the right direction. Known officially as Independent Citizens Committee of the Arts, Science and Professions its membership includes sonic of the nation's most famous, covering a wide area and including notables of both races.</t>
  </si>
  <si>
    <t>                                           For  Foot Comfort Plus Style Wear JfcyNs.    . Bender's  S^k Prescription u^^ Shoes (J ^WS9 Black Kid  f   . 74510 -*v AH Shoes Fitted by X-Rag A DR. BENDER S I 124 PEACHTREE ARC ABB</t>
  </si>
  <si>
    <t>                                           ?^</t>
  </si>
  <si>
    <t>                                           I GUTS "FIRS T  KNT The  administrative . established at Sydenhuni Hospital, under its new ruling of including  ^ in  pj UK~'ilin of  hospital pvr.'1, was  to Frank II. Adiiir, , l In.* lii sl Ncfft'o Itj win t lii.s recognition in ;iny  .iil in Amuj-ica, it was  il last week. In making the announcement, Ouvid Rl. Dorin,  ICxocutive Dirct*toi* of .the- hu.. - that. Mr. Ailair "was awarded the   Linen L on the basis of Ins                 personal and  I qualifications," after completing; six  of a fellowship in  administration sil Sytlenlmm Hospital. Mi-. Ailair was   '          f rum Moi'uliniiM! ColU'jjc, All.'inla, Cia., where )ic  in Kcnnoniics and Kuciulucy- ll'~~ went lo  University's' Crucluulc Schuol uf llu..^s AdininiKtruliun at Camljritlge, Miis-s.,  afterward taught Uusincsx AihuiiiisLralion for twn years at l.'.ston I'riivi'Vsity,      .</t>
  </si>
  <si>
    <t>                                           MADAM MINGY A GENUINE PALMIST AND TRCE ADVISER i SOc Complete Keadlnr- 5fle B Without asking a single question she will tell your secret desires slid greatest ambitious and bow to galo them. Give* never falling adI vice on all affairs or life,  as love, Inflnence. money matters, Oaslneu, iu fact, no matter what roar problem do; be. Stop being a loser, chance your luck. Gain the things too want most In life. See ber today  i this special low price may not be extended. 40 years experience ten years In Atlanta- Ir MADAM MINCrS  U f on that no better reading or fast- er results can be obtained anywhere. Readings Dally and 8onday at 10 a. m. 'Ill It p. in. 632 McOonongb Road, across from Federal Prison. Take Pryor Federal Prison car to      of line. Look for Neon sign.</t>
  </si>
  <si>
    <t>                                           Senate Hearings On Hastie Begin                 By LOUIS LAUT1EK (For the NNPA      Service)                 WASHINGTON. D. C- Hearinjjs on the nomination of William H. HiiBtic,  of Hie Howard University Law School, to be governor of the Virgin Islands, were begun last Wednesday before a Senate Territories and Insular Affairs subcommittee.                 The hearings were scheduled to lie held in the offices of the Senate District of Columbia Committee in the Cnnitol. lmt the r Vinvd. overflowed into the           . Senator Abe Murdoch'. Demncml, of Utah, subcommittee chairman, delayed the start from 10:."0 to 11 a. m.. when the Public Lands Committee room in the Senate Office Build-' inpr became available and held them there. Only four .tk u( the   ; ! wen' present Wednesday morning. UesidoH the chairman, they were Senators                 James 0. Eastland, of Mississippi, and Warren G. Magnuson. of Washington, Democrats, and Owen Bretvster, Republican, of Maine. HAVOKABliB PROXY Before the hearing was very many minutes old. Senator Magnuson took his leave but left his proxy to be voted for a favorable report on Hastic's nomination. He paid he \    leaving for the Pacilic coast. Senator Brewster made il known that in so far as he is concerned there is no  of Hastic's ability to bo governor of the Virgin Islands since both lie and Hastie are graduates of thn Harvard Law Sehocl and both were editors of the Harvard Law Review. "Of what I have heard  learned of the record of Judge Hastic." said Senator Hrewstcr, "I do nut think his ability can be challenged, certainly,  by a fellow-Harvard man.' Before -the subcommittee recessed. Hastic asked the subcommittee if it would indicate the line oX the inquiry it wished to pursue regarding him in order that he might prepare his statement to moot the questions in their minds1. Senator Brcwstcr told hini that he was concerned only with his concept of how the United States is  to solve the economic   of the Virgin Islands. EASTLAND QUESTIONS Eastland said he wished to question Haslie. Mrcwster then warned Hastii; that  -\A be asked him about his social and economic views. Hastie is a member of tho Board of Directors of the National Association for the Advancement of Colored Peoplr      is i' n"-        of the Na(Contlnucd On Papc 2)                 Senate Hearings (Continued From Page One) tional Lawyers Guild. the first witness called was Warren \V. Gardner, Solicitor of  Interior Dcpnrtmcnt, who  a statement in behalf of Secretary of the Interior Juiius A. Krug. Mr. Krujr had taken the  of office only two days before the  besan, and Senator Eastland sought to make much of the fact that he had not had time to familiarize himself with the Hastic nomination and the problems of the Virgin Islands. The prepared statement accredited to Secretary Krusr, which Mr. Gardner read, pointed' out that , while assistant solicitor of the Interior Department, worked on the Virgin Islands' Organic Act,  Congress' passed in 1930, and that because of his work or. this legislation     the two years tic (pent in the Virgin Islands as the 'Federal judge there, he gained the. "respect ,and warm affection" of the islanders. "GLADLY WELCOME HIM" He added that islanders were reluctant: to se2 Hastta  in j 1939 and "now mcs*. 'gladly welcome h:in back as governor'" The Se: etary s statement pointed out- that, the population of the Virgin Islund was 90 per cent cs'.~ . "Confirmation of the man who is warmly i- by those he is to govern, who has so well demonstrated his many abilities, and who is. also a Negro, would be a convincing display to the world that United States officials have not merely been paying lip-service j to abstract principles," the state- 1  declarer*. j "The President could not have a man more likely to provide a sympathetic administration. The Department of the Interior, which closely works with the governors of all territorial areas, will wel- come the opportunity to cooperate with Dean Hastie," he said. Mr. Gardner disclosed that Secretary KruR had talked over the nomination with Interior officials and had met Hastie on Tuesday and had been very much impressed by him. Only one other witness testified it the  session. He was Jesus T. Pinero, resident commissioner of Puerto Rico, who agreed with the statement of the Secretary of the Interior that the appointment and confirmation of Hastie is the next best thing- to the Virgin Islanders electing their own governor.</t>
  </si>
  <si>
    <t>                                           WASHINGTON, D. C.--Hearings on the nomination of William H. Hastie, denn of the Howard University Law School, to be governor of the Virgin Islands were begun last Wednesday before a Senates Territories and Insular Affairs subcommittee.</t>
  </si>
  <si>
    <t>                                           CONFERENCE ON PROBLEMS OF MINORITIES APRIL 5                 Citing  it charges is gross neglect of the rights of minority veterans under the G. Bill, the American Council on Rare Relations Saturday issued a call for a national emergency conference to investigate and take action on the problems of Negro, Japanese                 American and other minority veterans. Top officers and veteran*' representatives or more than fifty national organizations have been called lo New York City tn meet in all-day session Friday, April 5, at the Willlcie Memorial Building.' The conference will hear the results of the American Council's survey of Veterans' Information Centers in twenty-one major cities across the country. Delegates of organizations including the Urban League, the Japanese American Citizens League, the National As-, sociation for the Advancement of Colored People, and    ; Southern                 Keeionul Council will also present their estimates of the manner in which provisions of the G.I. Bill are  withheld from minority veterans. MAULDIN TO SPEAK Cartoonist Bill Mauldin will ad' dress the delegates at a lunch oon, and the business sessions will be conducted by Charles Houston, vice-chairman of the American Council who recently resigned from the President's rair Employment Practices Committee. Results of the Council's survey will be presented by Vincent Maiveaux. former combat sergeant who served with one of tlie famous mixed battalions in Germany. The action of the American Council in nulling the emergency conference is the first organized I  to consider the plight of minority veterans on a national Continued On Page Four                 Conference On (Continued From l afrc One) scale. A. A. Livcrisht, executive director, said the American Council would seek joint action from all the organizations present to carry the  of discrimination and inadequate facilities to every government  involved. An effort will also he made to establish greater cooperation between local branches of the national organizations, so that treatment of minority veterans at the community Information Centers can bo improved. The American Council's survey revealed that whole areas of the O.I. Bill, such as apprenticeship training, are ; denied to minority veterans in many -  titles. Nc(?ro veterans are  few opportunities to use their army- skills as mechanics, electricians, etc., and in some                 stances these same skilled :ins :ire  'trained" at  expense as porters.</t>
  </si>
  <si>
    <t>                                           Citing what it charges is gross neglect of the rights of minority veterans under the G. I. Bill, the American Council on Rare Relations Saturday issued a call for a national emergency conference to investigate and take action on the problems of Negro, Japanese...</t>
  </si>
  <si>
    <t>                                           Light weight t Sfcnrrav that you will ^"ipf*^!~?*v like fo -wear II v^SK?~V"' \^fefe5?~ '^y Good pajamas are like pure II ^V^kX'*^ V^LtRP$[ Rold these days- and when I v^i^^iv_^^'*^^^s wo finis ied "" II \     .  jri^~X^i^y ~%\ for  lightweight flan- II IPMUlut^.^ j^^" j?'"s*'ii'~^\ rle s wc ^^ they were II Bsw/^ffi T@    \ *  ^ plus economy, tr\* these II 62 Peachtree St.- thru to Brood</t>
  </si>
  <si>
    <t>                                           Special $1.00 Reading fox 25i Torn- Ineky days and mouth* Given Free Madam Eva BHE  ^Sfe FACTS AND 3B ron ort S\ 3C H RESULTS    3 a     Aid *at 'T'litJ to""" f*v "h. r-4y^f     6  NrVS^ZT-r-l ""h  c liV^-VftJ^J or Lock W   World*        V -T VUr. J . Alter     ^~f*?l y  with 7001 Illlii-SmI  Co MxUn  oro aad  m onoe. OfDo* boon m. to 10 p. m. DallT and Sondaj 1015 W. Kwletta St.. N. W., Atlanta    aunt to  tba Iluui Tard        car. PlMM alk the cmr  to let 70a off two  on the other     of Klnr Plow Atlanta, Ooorrta.</t>
  </si>
  <si>
    <t>                                           1 The Fulton County Post of tbe Georgia Veteran i League     ! have a special meeting to be held Sun. January 13, 4:00 P. M. at the U.S. 1000 Heater Street ALL  AES URGED TO ATTEND</t>
  </si>
  <si>
    <t>                                           Nothing /Significant' in Okinawa List- War Dept.                 Powell Writes War Secretary On Conditions                 WASHINGTON. D. C- N. N. A.) The War Department found nothing significant in a  that a shipping list posted in Okinawa was marked "White roops only."                 "i believe it an entirely reasonable assumption that your constituent -will also find shipping lists containing the names of NegTo troops, in fair proportion to their scores and relative number marked 'Negro troops only'," Brigadier General -Miles  of the Army General Staff wrote Rep. Adam C. Powell, Jr., Democrat, of New York. Jlr. Powell had written Secretary of War Robert P. Patterson concerning conditions in Okinawa and problems respecting the demobilization and  of colored soldiers. Air. Patterson wns in Japan, and Gen. Reber. replied to Mr. Powell for him. BEYOND CONTROL The fact that Australia restricts admission of immigrants to white United States veterans of European descent, Gen. Reber said, "is a condition beyond the control of the War Department." In evaluating the Army's ef- forts toward the maintenance of j adequate living standards for soldiers serving in Okinawa and the return to the United States of the men eligible for discharge, Gun. Rebel' :d it wan necessary to consider the history of operations there.</t>
  </si>
  <si>
    <t>                                           WASHINGTON, D. C.--(N. N. P. A.) -- The War Department found nothing significant in a charge that a shipping list posted on Okinawa was marked "White troops only."</t>
  </si>
  <si>
    <t>                                           SUE TO REMOVE SAVANNAH REGISTRATION-BARS                 Federal Suit Filed Against i County Registrar                 District Judge Scarlett Sets Hearing April 18                 SAVANNAH, da.. (SNS) Determined to remove all discriminatory impediments being lodged in the pathway of Savannah Negroes seeking to qualify aa registered voters, a group of local, leaden, headed by young Dr. J. W. Jamison, filed a Civil Action                 suit Thursday, charging the Regis trar, John I. CabeU. Chatham. County, with employing outmoded and repressive measures as a means of discouraging heavy registration among them. Specifically, the suit charges that the Registrar lias consistently discriminated against Negroes by requiring a personal property  prior -to-' -registration;, that the methods thus employed are "repressive, purely . and calculated to discourage legitimate enrollment of Negroes on      Registrar's rolls. DENIES ALLEGATION CabeU denies the allegation, stating that, applicants are not required to pay any tax at the time but are asked simply to file a tax return on taxable property owned. Federal District Judge Prank M. i Scarlet set. a date for the hearing I j on the request for the Injunction I and declaratory Judgement for j April 18. For many months past. Savannah has been a beehive for registration activities among Negroes. At the recent session of the Legislature a bill, sponored by Senator Orayson of Chatham County, attempted to Invalidate the .y of the more than 7.000 Negro voters. Two local organizations, the Savannah NAACP and the A F of L have spearheaded the registration drive. ANOTHER DETERRENT Another objective feature of Savannah registration tactics Is the presence or a large sign, threatening prosecution of delinquent Negroes. The suit seeks also an injunction, restraining the registration officials from displaying these or such other signs which apply only to a certain race or class. In  terms, It.  the officials to desist from "using any sign or employing any method different from those employed toward white people, and which vould have the tendency to hinder, delay, hamper, restrain, repress or in any sense Interfere with the free and unhampered right to register as citizens of the United States for parti  in the primaries and elections. { Chatman County Is, thus far. the only county In the state whose Registrar reportedly has so much as mentioned the educational quail  idea as a possible enforceable  for registration although two counties have been said to be still using the unpaid poll tax argument as a means of discouraging Negro registrants.</t>
  </si>
  <si>
    <t>                                           SAVANNAH, Ga.,--(SNS)--Determined to remove all discriminatory impediments being lodged in the pathway of Savannah Negroes seeking to qualify as registered voters, a group of local, leaders, headed by young Dr. J. W. Jamison, filed a Civil Action...</t>
  </si>
  <si>
    <t>                                           The New Spring Is (Here, So Am I i 1 It's good to be here and see the new Spring j That God sent Us above everything .Thanks and- praises should come from everyone Lots of our relatives and friends I i have gone on beyond. (The new spring is here, so am I No need to thank my head and j sigh Think of the  r am left here J to do i The "undone work is also meant l for you. j i Pick up  troubles and carry j your cross j i Renew your soul before it, Is lost j Terieh the -young ones, help the old i Pray to thi: Lord* that you may  the Goal. j The new spring Is here, so nm I t Dnwn on my knees to thee I cry [Don't let me  from the  that Is clean j Tljnnks for. the new spring T  never seen. "Just Nut" Jackson</t>
  </si>
  <si>
    <t>                                           BETHUNE SPEAKS AT EBENEZER TONIGHT                 Noted Leader To Address SCHWMassMee                  Capacity- Crowd Expected To Be On Hand For Ga. Committee Event                 Great interest is being shown in the. meeting a1* which Dr. Mary Metaod-BeUiima--leader^and clubwoman,- will speak ..tonight" at 8 o clock, in Ebenezer Baptist   Arenut: at Jackson Street.' A capacity crowd Li expected. The public Is cordially - j                 ed to 'attend and there will be no admission charge.. Dr. Bethune is. currently an tour: for the Southern Conference for Human Welfare, social agency which proposes to help Improve education al. economic and social conditions in the South. Considered one of the great women of America because of her leadership among her own people and her active participation In United States and international events. Dr. Bethune is on the board of director of Americans United for World organization, American Council on Race relations and the American Women's Voluntary services. Founder and president emeritus of Bethune-Cookman College, Fla., she is also founder and president of the National Council of Negro Women. The 15th of 17 children born of"       ""t3 lit Aiilysvine, C through courage and perseverance she founded on $1.50 the education- al institution valued today at over                 a million dollars and which bears her name. Firbtlnr ^"^"^ Tonight's meeting is sponsored by tiro Cuiiiiiullee For - SCHW . which is righting many of the evils -tending to keep Negroes In the position of secondrate citizenship. An organ prelude by Mrs. Alberta W. King, choir director and wife of the Ebenezer pastor, will start tonight s program at 7:5o o clock. Dr. M. L. King, pastor of the church, will call the meeting to order. The choir will lead in the  of the Star Spangled Banner and will render two selections. Mrs. W. A. scott, Sr., of the Atlanta Daily World, wlil preside. Dr. Stuart R. Oglesby will give Invocation, while Or. King will pronounce benediction. Mrs. Bethune will be introduced by the Rev. J. Milton Richardson. ALso taking part in the program will be Dr. Witherspoon Dodge, of the Southern Conference for Human Welfare field staff, and Miss Margaret Fisher, secretary of the A large number of prominent Atlanta citizens are patrons of the meeting.</t>
  </si>
  <si>
    <t>                                           Great interest is being shown in the meeting at which Dr. Mary MeLaod Bethune noted leader and clubwoman, will speak tonight at 8 o'clock, in Ebenezer Baptist Church Auburn Avenge at Jackson Street. A capacity crowd is expected. The public is cordially...</t>
  </si>
  <si>
    <t>                                           I VfiL MU5CUU'  m nm $f**[NS  I ^^SLOANJjJNaMENjJ SPREADING EVERYWHERE get 7 WAY RELIEF    FOR YOUR MISERIES Penctro applied to Medication gets into Vapors help you" the chest and back skin and relieves breathe easier, as help? to break up pain at n'.rve ends, phlegm loosens,' local congestion. You feel tetter. coughing lessens. Luckv for you this 3 way relief is ready blood to those parts faster, to help to help you. For r.olds are raping nil break up local congest ion. Right then, . So when a cold gets your chest muscle tightness, soreness, aro chest muscles tight and , sore 3.3 from ,     vou feel " and p.iins aro eased. l hle(rm loosens, up" cet I'ctiL-tro. It works fast on sore throat, .o and mushing Grandma's old reliable idea,  lessens. That "all in" feeling  suet to help carry medication pears. Its toothing vapors help you to do its local pain-easing. Only Pen- breathe easier, too. And for hours,  is Grandma's idea made even Penctro keeps on working in a natural belter by science. That's why people way to make: you feel better. You rest, everywhere count on Penetro. more comfortably, especially at night. You rub Penttro on chest, throat These aro the reasons so many . As its abdication reaches pie everywhere are using Penetro, snd nerve ends in the skin, pain eases. why your druggist bo - Penetro draws more warm red - only 25c,  35c,</t>
  </si>
  <si>
    <t>                                           Youth Congress At Columbia                 "Unit HailecFAs Spearheading Democracy Drive                 COLUMBIA. S. r.                 Thi* ryes of around 700 southern Nei^ni youths are  toward Columbia. S. C, for the annual  of the Southern Negro Youth congress in April.                 The congress, founded in          . Ya., in IK", has been bailed by Negro leaders ns               the Himvp t or  democracy in r lie south. Its activities touch tin1 Molds of politics and labor, it conducts right-to-vote campaigns, speaks out  Ku Klnxism Continued On Page Six                 Youth Congress j (Continued From Page One) j and crowism and is credited with I developing the first Negro - I co workers union. I Recreational facilities, - ity youth centers and ten-ages can- j teens have been sponsored by ths congress A rehabilitation program has been  Tor returning i Negro GIs, who number nearly j 1,000,000, said Esther V. Cooper,! executive secretary. Louis Burn- 1 ham, organizational secretary, quit I a $G5-a-week job to serve the congress for $25 a week. He is a j graduate of the City college of j New York and the New York School i of Social work. I Wrilcrs, Artists An  of the congress is Hie Association of Young writer.* and Artists, whose members are slated to attend the annual meet in Columbia, S. C. The function of the young writers and artists is to preserve and contribute the Negro culture I through the Congress. A iion-pi : ; The"! congress' activities are sustained j by membership fees and voluntary contributions. Members of its ad- visory board include Dr. F. D. Patterson, president of Tuskegee institute; Dr. Mary McLeod Me- j thune and Dr. Ira DcA. Reid, i author and educator. "Their statements and messages 1 carry the exuberance and idealism I of youth but the soundness of their i j doctrine in terms of the American i ideal ( lip ." it- '.narked Dr. !'    :r:;ui!. "II they . to function in- 1 dependent of- 'isms' as they seem to do now, a great contribution can be made."</t>
  </si>
  <si>
    <t>                                           The eyes of around 700 southern Negro youths are turning toward Columbia, S. C., for the annual meeting of the Southern Negro Youth congress in April.</t>
  </si>
  <si>
    <t>                                           Roosevelt passed on while the sun of his glory was at high noon. Churchill is living to see his sun decline. Herein lies something of a tragedy. However reluctant we are to face death in the strength of years, there is something desirable and dramatic in seeing a...</t>
  </si>
  <si>
    <t>                                           Nat'l Voters League Steps Up Activity                 Muynhrd Kolbrook Jackson president of the National Progressive Voters League, 11011- Mm organisation, has announced from Atlanta a speeding up of the League's program in the southern states with emphasis on  tion political organization hi                 preparing for the slate and  elections which will be taking place during this year. This organization which  out of the Ozark Conference at Hot Springs Immediately after the favorable decision of the supreme Court In the Texus Primary case Is now reportedly a solid southern group, the Gergla Stcite unit having been organized at Macon In November, 1945. with John Wesley Dobbs, Atlanta, president. Tills fact, together with the broadening of North Corollna's Progressive Voters League under Pies. Beatty. completes the cycle of organization BontaUyn which was  at                 which wiii contemplated at Hoi Springs mill In two annual meeting which followed In New Orleans antl Birmingham. Other officers or the National League arc Vtce Presidents Roscoe Dun.iee. Oklnhuma City, publisher or the Black Dispatch: J. W. Dobbs Atlanta. Grand Master or Masons: Dr. Robinson. Little Rock, Arkansas; Secretaries W. H. Holllns. Birmingham, Alabama business man; J. M McConlco, Birmingham. Treasurer. Rcvereml Mr. Jackson was president of tiie Texas State  Voters League ror eleven years from its organization until the time he left the state to become pastor of the Friendship Baptist Church. Atlanta. Oa. The executive Commlttpe of the League will meet In April preparing for the annual meeting which is scheduled lor May.</t>
  </si>
  <si>
    <t>                                           Maynard Holbrook Jackson president of the National Progressive Voters League, non-partisan organization, has announced from Atlanta a speeding up of the League's program in the southern states with emphasis on registration political organization in...</t>
  </si>
  <si>
    <t>                                           Atlanta      World  J Published Every Morning Except Monday, at 210 Auburn Ave. Members: S. N. S.- N. N. P. A.- A. X. 1". Established Aur. 5, 1928; Became Daily March 13, 1932 W. A. Scott II. Founder-Publisher. Aug. 5, 1928 In l ob.7. 1!I34 ",t Telephone: WAInut M50 1460 Entered In Post office ot Atlanta i.3), Ga., as second class  under the Act of CoiiRrt'Ss, Mnrch 13. 1679 0.' A. SCOTT Editor and General Manager OaHy: L Year. S3M; e Months,, S5.0O-. 3 Months, S3.00 Saturday Only: 1 year, S3J0; 6 Months. S3.00 Canada: I Year., $4.50; 6 Aronths, $2."!~; Foreign. 1 Year., $5.50 THE ATLANTA DAILY WORLD is an independent newspaper, non.. sectarian nnd non-,  news absolutely  inn supporting: those tilings it believes lo be to the Interest of Its readers and opposing those tilings against the interest of its readers. Address ALL COMMUNICATIONS to and make CHECKS  lo ATLANTA DArt,y W0RU3. rather Uian to Individuals. The WORLD expressly repudiates responsibility lor return Of unsolicited pictures, manuscripts, etc.. unless stamps are .~ent.  RIGHT T(7 **Thr right to vote must br open to all our citizens irrespective of *ace., color, nr  without tax or artificial restriction of any kind. The sooner we sn to that basis of political , the better it will le tor the country as a whole."- ' n. .T</t>
  </si>
  <si>
    <t>                                           Bar Week To Stress Constitution Fight                 ClllflACO.- (ANT) National liar AiWM-   -i-k, April 7 to 13, announced here last week, will stress tlie  fur an unrelenting  of .\*           ; about enforcement of the United States; constitution, particularly the l?.th, j 14th  15th amen ImMits, - iner to Eari 1J. Diikf-, as.'Micialion . hi .i  (I^FiRnnting I the- \\v(~l;, .'on said April 7: t- 1" was flins^n because;   includes April 0. the 81st anniversary of the surrender of Gen. Lee to Gen. Grant at ApDomsUox. an event which led to enactment of the amendments  benefitting- minority groups. Thp them? of par Association i week activities will he  Amer- ica o.ui'.i iot ' "half-free f*nd half -5," DiV.kfT.son ^aid In a i statement which  tho a?so-  to ficht  for the   - mentation of the constitution and the amendments. The theme will he carried out in public meetings, radio programs, speeches, and other si Livities  lo give i impetus lo a continued ficht for                 .m and c- for all :'Pi's i  of r:ii*~',    ri-fd or                 Fla. Rail Case To Be Appealed NEW YORK, N. Y. Stating that Mrs.- Berta-Mae- Watkins, of N'ew York City, was a passenger in Ir.tf -    2nn ii re*-8mr-tl*rc"fore not suh.iwl to local regulations concerning the separation of the races in jim-crow states, the NAACP, through its legal department, announced it would  the conviction and fine of Mrs. Watkins in a Jacksonville, Florida, court last week. Mrs. Watkins was en route from New York City lo West Palm Reach, Florida, and was riding in, a reserved seat in one of the coaches of the Atlantic Coast' Line's Champion. When authorities asked her to moved to the "colored section" of the train she refused to do so. At. Jacksonville, Florida, Mrs. Watkins was taken off the train for allegedly violating the  law and disorderly conduct. Local NAACP representatives secured her release from jail and furnished counsel for defense. At the trial no disorderly conduct was shown except her refusal to move to the "colored section." It was further contended that since she was an interstate passenger, she was not subject to local race separation laws. She was convicted and t ined $25.00 on each charge. The appeal is expected to come up in June.</t>
  </si>
  <si>
    <t>                                           -ONS)-                 CIM.. .R K.  All smile, and who wouldn't be? Mice- having served overseas in the Wilds of Burma, and Ihen bung  enough to be back  again with mother, dud and the rest of the  R rc.-:t of the family. That is the way Cpl. Oliver Robert Moon*, son of Mr. and Mrs. E. C. Moore of S98 Provinc Aw., feels about the mat- ter. i Oliver intends to  :i brief j visit with ins u:      . then to j Nashville lo see his  bro- ther, Percy, who is at  State Colleg';. He also plans to spend a few day? vu- his sister and brother in Chicago 4 return- ins to Los Angeles where he was making his home before being in- ducted. Cpl. Moorr say:~ he is anxious to I ret buck lo U A. where he was In j the  business. I He likes lo talk about       any- . except, the experiences he liad in , which lie relates j was really  KOing. I The Moorcs  iwn other sons in the service: Pfo. \Vinslun Moore stationed at Tu'scou, Ariz., j and Ph. i\r. 3/c William B. Moore, I who is with a hospital outfit in Guam</t>
  </si>
  <si>
    <t>                                           Congressional Press Reporter Is Recommended                 WASHINGTON. D. C. (NNPA) -Representative Joseph W. Martin. Jr.. of Massachusetts. Republican, leader, has recommended favorable action on the application of Louis Lautier, chief of the Nerro Newspaper Publishers Association news service, for admission to the Congressional press galleries. The question was brought to Mr. Martin's attention by Perry W. Howard, Republicnit national  for Mississippi. Mr Martin told Mr. Howard he thought Mr. Lautier met the requirements for admission to     House Press Gallery, and as he looked over his application lie did nut see how it could be rejected.       Qualification* In a letter to Samuel XV. Bell, chairman of the Standing Committee of Correspondents on the Congressional Press Galleries, Mr. Martin said: "Apparently lie (Mr. Lautier) meets all the qualifications set forth for admission and therefore I  to recommend that favorable action be  on his application.  v No colored newspaper correspondent has ever been admitted to the congressional press galleries, ami Mr. Lautier contends that hi* application was rejected because of his race or color. It is now before the committee of  for, reconsideration. Portland Raps Rankin Committee . OJ-**-(    - Thr Portland Council of churches recently adopted n resolution changing the Wood-Ronkln committee on un-Amorlcnn. activities with "antl-Somltlc attitudes."   nd urg. cd local ministers and their              8 to work toward dissolution of the . The action followed a resolution ConMomd Op      Foot                 Portland Raps (Continued From Page One)  My the board of directors of the Greater New York                 tlon' of Churches which cited an investigator -for- the Wood-Rankin committee as making -ScmltIc . He- is -quoted as saying: "You should - your Jewish friends that the jews In Germany stuck their -necks out toi tar and Hitler took care or them and the same  wiU happen here unless they watch their steps."</t>
  </si>
  <si>
    <t>                                           EDNA TRUITT, daughter of Mr. and Mrs, William Truitt, our bride of last week was quite the center of attraction at that time. Of course you know that she was married to Norris Connally, son of Mr. and Mrs. Norris Connally, also of Atlanta, at the bride's home on Fraser...</t>
  </si>
  <si>
    <t>                                           ST. PAUl'sPEAKER Dr. I'Yank j Cunningham, D'tiiii ol* the School uf Religion, Murrt.s Brown Ceil- luge will be the guest speaker on the first of a series or monthly Vesper programs, featuring the St Cecilia Children's Choir, at Saint Paul AME Clmreh. Rev. Rieliarc. Harvey Porter, pastor .'.his after- noon, ai ii . i Prof. Earl A. Siarliiig. director, j of this well- cln.ral j;roup has arranged a program of  i sal favorites, including: Bralun'.s "Lullaby." The Lords Prayer." I by Malolte. and God Our Help In Ages Past." Among tlic talent- i ~(I  sol. wili \k Miss i Helen Shepherd and Henry I. Por- -tun</t>
  </si>
  <si>
    <t>                                           SPRING CALLS EOR SASIC SUIT IN EVERY 1 toft, fit-front suir with yoke; center, . flannel      -     ; right, pur* wool flannel suit.. I t (The basic suit' 18 the most important wardrobe asset a woman can possess al this time of year. Tito I correct color, line ami design are the Important features to note when selecting nuch a suit. The trend ta  8, straight  -r.i. .l.-i-~j-.sct m .i and smooth back lines. The tie-front suit.! i 1  Ml .-. Im.M a yoke  ul the .shoulder lint- that .subtly  the shoulders and  I In the u*al!]t. It has ti Itigti nt*ck closing uml (.-^s in guy colors. The suit, right, hits a round neck and flange shoulder, the Jacket closing In front  u He bell. The skirt has it Welt pleat In front. It Is  of pure wool  In various clear colors. The chalk stripe suit and topcoat, center, ara I menswear ). The petal rounded coal ri vern and L- neckline are new features in this typo* or model. The sul: is particularly  with furs. (. J i</t>
  </si>
  <si>
    <t>                                           The students of the senior High School department handed by Mrs Theola Couch of 12th grade as president have organized a choral society of student gifted with the talent of singing throughout the school. Miss ... is secretary, Mrs. Barnes, assistant...</t>
  </si>
  <si>
    <t>                                           F/nnk Boyd, newly elected Chairman of the Twin Cities District OPA Lnbor Advisory Committee,    shown between Daniel        Cruse, OPA Regional Labor Adviser and Dr. Card Ci Koch, OPA DUb-U't DUccior for St.     . Mi"-t. r %</t>
  </si>
  <si>
    <t>                                           ssi^P:             Brown and White Saddle Oxfords PollSroi SHffiBS .1 I Poll-Pairot saddle oxfords are here. White elk with brown saddles and red rubber AIRFLEX Barefoot soles. Pre-te.sted for long wear because of hidden reinforcements and rugged materials. MAII,  FILLED i I</t>
  </si>
  <si>
    <t>                                           CME Women Present Clark College Dean Today At 4 O'clock                 Dr. E. B. Winston, Dean or WomfP       .jp.  bo in*  speaker this Sunday afternoon at 4 o clock, at the Bcthelehem Community Center, South At Innta. Dean Winston's address is being delivered in connection with the Goodwill Program under the  of the Holsey-Allanta District Missionary Society or the C. M. E. Church. "the Philharmonic Society of Clark College and Gammon Seminary will be featured in special musical selections, while five choirs gathered from CMC Churches in the Atlanta District will also render selected numbers. Mrs. Musla K. White. Executive Director for the Center, called attention also to the Baby Contest, which will be terminated In the meeting this afternoon. The program is being held for the purpose i.i raising funds sufficient to  the Community Center's playground, thus affording an adequate outlet for the more than 50 boys ond girls of the South Atlanta Community. The contestant* Include Master John Adams Jenkins, son of Mr. and Mrs. John Jenkins of Gammon Seminary and Little Ethnn Beulah Wyatt, daughter of Mr. mid Mrs. Willie Wyutt.                 JOSHUA JONES Brother Bell says much with In has caused many a nun to end np in lots of sin.</t>
  </si>
  <si>
    <t>                                           Ga. Agricultural Extension Service Activities Told                 By A. 8. BACON,         -Nccro Wmh                 The enthusiasm of Negro County Agents In the state has been great iy Increased alter the Annual Agents' Conference recently held nt the Georgia State College, the1        at industrial College. Georgia; reports.                 It was stated by some of the  that the meeting was one of Uie, .. Jield. the office disclosed. Mony of the agents, according to the report*, have already begun to help neighborhood groups Incorporate many of the Ideas obtained from the  Into the Individual  and community plans, some of the points that are being stressed are: Producing sufficient food and feed crops necessary to maintain the people and livestock In the county producing a wider variety of cash crops to Increase the family farm Income and conserving our natural resouces. The agents  rendered  to farmers In developing  caring fro home orchards. Doughcrty county agent reports that two demonstrations were conducted in spraying orchards for diseases with an attendance of sixty persons. Mitchell county agent reports that seven demonstrations .were conducted In vegetables and truck garden production. Attempts are being made to  the family cash Income by adding' additional crops and livestock Baldwin county agent reports that several farmers are Increasing their farm poultry flocks, ns a source of increasing farm Income. Onc fanner has put In 300  chicks which lic plans to grow out to . SunitHr county  reports that efforts arc being made to .get farmers plant pepper ror Hie  plant located at Amer icus. Culhoun county agent reports efforts arc being made to Improve livestock production and that out purebred- Duroc Jersey boar lias been purchased already Irr one' community.</t>
  </si>
  <si>
    <t>                                           The enthusiasm of Negro County Agents in the state has been greatly increased after the Annual Agents' Conference recently held at the Georgia State College, the state office at Industrial College, Georgia, reports.</t>
  </si>
  <si>
    <t>                                           LODGE AfWi-i! .NOTICES WF.~ A.M. [AUBURN AVE.at H1 ST. j Catc City        No. 42 Tliur.., March 21 8 P. M. H. E. EichelbOrffer, W. M. E. C. Brown, Sec'y*Plymouth Rock Lodge No. 86 Fri. March 22 8 P. M. J. W. Dobbi, G. M.    . Crow ford, Acting Sec'y</t>
  </si>
  <si>
    <t>                                           Texas Woman Boasts Of 8 7s" In Row                 Offers News. For Ripley's Unique Page                 Bv C. E. CHAPMAN                 PALESTINE, Tex: (ANP)- Here's one worthy of Ripley's "Believe It or Not," so someone will kindly page him. Mrs. Exzora I,      , daughter of the late Rev. Nero Ilerry; pioneer CMK preacher,- is the woman who boasts eight "sevens" that are unique, if not . Here (hey are, as she explained them this week: Unusual Record I. She is the seventh daughter. 2. She is the 17th child. 3 Her father was buried May 7. 4. He was 67 years old when he died. 5. He had been preaching 47 years at his death, fi. Mrs. Little'R father began preaching when he     17 y#ars old. 7. Mrs.'  was 17 years oli) at rho time or her         . . 8r-  .i. l. t.ai .17 years old when her granddaughter, little Kvl^n Prnnci^ ('', was born.</t>
  </si>
  <si>
    <t>                                           -DO's .'and DONTs                 "Don't continue to drink catnip, fill your glass with the milk of  kindness."</t>
  </si>
  <si>
    <t>                                           VALDOSTA, Ga. Marding Albritten of Detroit is spending the holidays with his parents, Mr. and Mrs. Roosevelt Albritten Otis Larkin of Chicago is visiting his sisters and brothers. Mr Larkin has been given honorable discharge after spending three years...</t>
  </si>
  <si>
    <t>                                           COLDS SPREADING EVERYWHERE get T WAV RELIEF ^J FOR YOUR MISERIES Peneiro applied to Medication gets into Vapors help you the chert and back skin and relieves breathe easier, as i helps tit break up pain at nerve ends. phlegm loosens t local congestion. You feel better. coughing lessens. l.3 blood to those ports faster, to help j to l.rlp you. For colds are raging all break tip local con . , . Sowhcn a cold grin your chest muscle tightness, ?, arc cli'^t       les tight and , pore relieved and distressing  irc.m i out iing, and you feel "choked and pains are eased, i  loosens.  ip", Kfl I'enctro. It works fast on sore throat, hoarseness and  Crnn'lnu'.'i old reliable idea, using lessons. Thit "all in" feeling  r-u?t to help carry  pears. Ita soothing vapors help you to do it.t local -casing. Only Pen- breathe easier, too. And for hours,      is Gmndma'B idea made even Penctro keeps on working in a natural bet tcr  science That's why people way to make you feel better. You rest ev ry where count on Pcnetro. more comfortably, especially at night. iTou rub Penetto on chest, throat These are the reasons so         back. .As its  reaches pic everywhere are using Penctro, and nerve ends in , pain cases, why your druggist so             .11I Pem-tro draws  warm red .- only2oc,3.r)c.</t>
  </si>
  <si>
    <t>                                           BASKETBALL SCHEDULE-: TAAF WARHAWKS VS. CASINO ''BIG 5," TODAY, 4 P. M. SUNSET CASINO ?                  ' M0NDAY' 8 P- M FORT BENNING VS. MOREHOUSE, TUESDAY 4 P M. MOREHOUSE COLLEGE GYMNASIUM RENAISSANCE BIG FIVE VS. MACDILL FIELD JKSSKgffi0  tSa* I^KuS'IaIS'oT' saturday- feb- 23  286 AUBURN AVE. 286 JUST A FEW DOORS FROM FORT STREET REMEMBER THIS NUMBER It Is HERE You GET The VERY BEST In SANITARY SERVICE FROM WELL TRAINED Experienced Barbers COME IN TODAY-:_LET US SERVE YOU NEW MODERNISTIC BARBER SHOP 286 AUBURN AVE. GEORGE BATTLE, Prop.</t>
  </si>
  <si>
    <t>                                           SMITH S RECORD SHOP "Cock-a-Doodle-Do" Wynonie Harris "Milfon's Boogie" Roy Milton_ "Soothe Me" Ernie Andrews "If I Had A Wish" Pvt. Cecil Gant "Am I To Blame" Pvt. Cecil Gant "Miss Betty's Blues" Joe Liggins "Bull Moose Jackson's Blues" Bull Moose Jackson "You Won't Be Satisfied" Ella Fitzgerald and Louis Armstrong "It Is Better To Be By Yourself" l King Cole Trio "Just In Case You Change Your Mind" Deke Watson "He May Be Your Man" Helen Humes "Can't Get Enough Of You" Savannah Churchill "Confessing The Blues"__Jay McShann "Feather Merchant" Count Basie "For Sentimental Reasons" Deke Watson Fine Albums for every Music Lover: *KING COLE and LESTER YOUNG *1 ELLINGTON S BLACK BROWN and BEIGE ART TATUM S JAZZ ALBUM For the Record Collector: *COMMO.D0RB RECORDS (12 inch) MEMORIES OF YOU" Ben Webster 'BEGIN THE BEGUINE" Eddie Heywood King Colo Trio i 190 AUBURN AVE JA. 0211</t>
  </si>
  <si>
    <t>                                           Attorney Arthur D. Shores chief counsel in the salary fight and Emory O. Jackson, member of the ASTA's citizens' committee on education, appeared before the meeting Wednesday evening of the executive committee of the Jefferson County Negro Teachers...</t>
  </si>
  <si>
    <t>                                           The Weather Cloudy and WARMER. i</t>
  </si>
  <si>
    <t>                                           IN  TRAINING              Diinhar. Well-known Nci;ro- social  and pioneer in I.Me. vocational  work  :. by New York. CUy in .11)35. Jiuk  : UNilRA TiiiluiliB Cviitvr In Wiisliinidoii, D. C, to  for !lK! :; ol' Assislnm Director of a displaced   er noil at      )  in Gernuiiiy. A ,. of       ;, British CulaiiLi. Mr. Diinbar was educated  l Now Yorlt City College and CoJuinWa  lie Iiuk '.ed decorate requirements, and is u  U. y. citizen. Besides  .-r  Negn.1, :n til ' .s.  ':   !ii:. - work, lie lias  in migratory hibor camp ninn:i!'.~:  wl'.li ISiilUimnn :uul . a.s Wull       laborers.</t>
  </si>
  <si>
    <t>                                           COLDS SPREADING EVERYWHERE get 7 WAY RELIEF ^J FOR YOUR MISERIES Penelro applied to Medication gets into Vapors help you the chest and back thin and relieve* breathe easier, at helps to break up pain at nerve ends. phlegm loosens local congestion. You feet better. coughing lessens. Dicky  relief  lv blood In I how parts faster, to lt"lp     lii lp . For colds arc ; all brenk up local congestion. KightthiM).  . So when a cold gets your cbt sf- muscle , soreness, are dust -les  ami , "on:  from , niid you  " am!  itro eased, l  loosens, up", cct Penclro. It works f:    on  throat, hoarseness and  !r.     .i's  reliable idea.  lessens. That, "all in" feeling              sui t to help carry  tM'.irs. It.s ^  help you In iId its local nain-;. Only Pen- breathe, easier, too \nd for hours,  ii (Jranduia's idea   IVnetro    [ hy *. Tluil/s why    way lo . you  U.'t'~:r. Von rent ; count on Pcnctro. more , especially at . You rub IVnetro on chest,  Thi'sear*: the  many          back. As ils medication  pie everywhere are using l , ami         ends in the skin, pain eases, why your druggist so often recom- j j\           warm red - vu]y'25v, :. t</t>
  </si>
  <si>
    <t>                                           I IN HAIR CULTURE j ^^   ^^ CiuUUmi I ^^^^Bl TlngerwiTlng WJ^^^^Bat Formal* I CUBAN COSMETIC CO.      . S31S.Y Chict.a. IU. Acid Indigestion; RtlUied in S minute* or j double your money back Wlao  ul.l (tmei  .-u- lot ct*. war    Ooftari * MADAM EVA BHE  fife KAC-fB ANO *1ER p Kf.8tn/   i   ^ i"~3S         . Atur   \ ^r^CpSrr  all Albert  f\          muk with /~~r V^Of         . U IUm \i 4-  J^ B** A^* lW Uvl know.  1L 11 ^     joa      ^ i )   fc  wlf* LHk,  ra aad MM oea. Otfle*      m. to 1  P. m. Dallr     I0K W. BUrlatca 8     . N. W. Atlaata    tara lu Uka tha laau Vard        aw.  uk     aw MtiiUf  a UI raa off           oa tha Vlka' aM* of Elw flow 0~, , Oa. Special $1.00 Reading for 254     (Mkj Dan ml Hsmtka (Hven Fra*</t>
  </si>
  <si>
    <t>                                           The following people were admitted to Grady hospital since the beginning of the New Year:</t>
  </si>
  <si>
    <t>                                           Maternity Ward Mix-Up Ends In Death For Baby                 On .lca ; the Maternity Ward, at drady Hospital, two mothers got their babies mixed and shortly after A the error was corrected one of the three-day old tots died. According to officers J. E. Reims and Win. Hollard, Walter Brown Jr.. three-day old son of Mr. Walter Brown, Sr.. was pronounced "dead on arrival" nt Grady Hospltiil. early Wednesday morning. Walter. Jr.. was born at Grndy and when his mother. Mrs. Lanlc Brown returned to her home, nt 492 Robbing Street. S. W.. she discovered that she had the wrong Ijnby. Throirih the efforts of a                 representative the mixup was corrected, with the baby Mrs. Brown had, being .carried to his mother. Mrs. Lonise')Bo\ven.l28 Franklin Street. College f. park and Mrs. Brown's        returned to her. According to the officers, both women reported that Waiter Jr., refused to nurse and cried excessively. Then early Wednesday  the baby become suddenly ill and was rushed" to Grady but died before arrival.</t>
  </si>
  <si>
    <t>                                           Scores of telephone calls commending the coast-to-coast broadcast over Columbia Broadcasting System Sunday night of this week saiuting the 110th Anniversary of the negro Press., have been ... by the Memphis World, from both Negro and white citizens.</t>
  </si>
  <si>
    <t>                                           BLEACHES BEAUTIFIES   * Only Af Oirtctfd         SKIM WITH PRESTO SKI* SOiP IDLE HOUR CAFE   79!C- TATNALL STREET (UPSTAIRS) Chicken Dinners *Barbecue Private Parties Arranged and Served STOP IN AND SEE US  POOLER, Mgr.</t>
  </si>
  <si>
    <t>                                           Churchill Again Ignores Africa, India Oppressed                 Thousands See War Premier In Virginia Capitol                 . Vu., (ANPi .i        . Churchill, wnr prime minister of Great BriUiln,  AmeriL-a foi-  \~Ml In World War U for human freedom uud  his conviction  the two great English }  should maintain a.  unity                 of purpose aud  in' his address to Uic Virginia General u:~ Bcjnbly here Friday, but lie uttered not one word on behalf of the oppressed peoples -of India, Hie Union or South Africa where the natives are struggling for the freedom which Englishmen cherish Ipr-^^'^eny'^lo2 .*- Mr; Churchill spoke in the  -of the  of delegate1!   between 600 and 100 people. Admission was limited to members of the general assembly, their wives, a few state . Virginia . their wives, die assembly employes and members of Mr. Churchill's party nnd members of the press. HEDGE ON ISSUES Of the -thousands of citizens who crowded into Capital Square to get a glimpse of the British guest nnd to listen to the address over loud speaker.-. Installed In the square, hundreds were Negroes. Mr. Churcliill sidetracked written inquiries on ills personal feeling about the crisis In India, the problems of Palestine and South Africa on behalf of the Assoclatrd Negro Press by referring tho matter to the British embassy in Washington. P. Solly-Plod of tho   embassy explained that "owing lo very Ihtbc number of i public engagements It la not possible for Mr. Churchill tu deal with anything except strictly  correspondence</t>
  </si>
  <si>
    <t>                                           RICHMOND, Va., -- (ANP) -- Winston Churchill, war prime minister of Great Britain, praised America for her part in World War II for human freedom and emphasized his conviction that the two great English speaking nations should maintain a close unity...</t>
  </si>
  <si>
    <t>                                           A Little Skylight Out of sacrifice Comes gold. The kind that s neither I Bought nor sold. I</t>
  </si>
  <si>
    <t>                                           PLAX BUILDING PROGRAM President H. Aiken and Secretary M. F. Whirtaker with other members of the Executive Committee of rhn National Builders Association, mel on March 7 and 3, 19415, at Howard University /or the purpose of planning their first nost-war convention. After making a survey of past home building accomplishments and other DUilding Huccesscs coming to the members of the Association, it was decided that the' present requires :omplete attention to the theme, 'Homes for our Veterans." Since                 onr veterans ar^ coining in "*t tlu^ tin1.!'- [V.p   ?f-ri cl i^**n?=  -    n in thi* hulls of Congress ami 'iiO  icr.s of Feileral- officials  to housing:, il was      #d f' bring the next convention 10 Washing- ton, D. C. On April 23, 24 and 25, j l!   . all members will assemble in Washington. In the picture above are: Standing left to right: Spurgeon Burke, manager of Slowe and Carver Halls; Dr. Frank S. Home, Racial Relations Advisor to the Commissioner of ; seated, left to right: Dr. M. F. Whittaker, President, South                 Carolina Flate College, OranRihtirg. S. C: .Mr. Waller It. Aiken. ~!~   '~t  if      Xaiional Builders Association, Atlanta. Georgia; [).\iri I... K. Downiing-, Doan nC            of Engineering and Architecture, Howard University-; Professor Howard H. Mackey. Department of Architecture, Howard University; Dr. Cooker T. McGraw. Housing Analyst, National Housing Agency [Professor Addison E. Richards,' Department of Civil Engineering1; Howard University.</t>
  </si>
  <si>
    <t>                                           LOANS    make loan* as low a* SIO on  AUTO or JEWELRY. Ton get the money name day Too Apply. WALNUT FINANCE CO. 146} PEACHTREE STREET</t>
  </si>
  <si>
    <t>                                           ELLAVILLE, Ga.--Miss Lucile King, Marvin Powell, Lula Mac Moody and Mrs. Dariel Terry were the Fri, night supper guests of Mr. and Mrs. George Terry. Mr. Idella Jones of Dothan, Ala, was week-end guest of Mr. and Mrs. Roy Jones Mr. Edgar Oliver, of Atlanta, was...</t>
  </si>
  <si>
    <t>                                           BOUDOIR      NEW  m-th AMD "                 loll, robe with detachable apron peplum; center, fingertip  coot; right, blue sheer .coal and gown. A new - in the lingerie line Hit open  .?rm:. recently made Its debut In a Now YorK fur.hion, show. This showing also introduced  ~:. of color; fabric and trimming. The open  robe is another of the many unique creation* of Odette Barsa, designer of this collection. The filmy sheer robe, left, has a detachable apron peplum which can double as a breakfast Ktipe over the white satin gown. The    . center, i.s posed over a matching Kov.'ii. I'll* quilted coal is blue with n flower  prim. It Is trimmed with lace. The  , right, Is made of blue sheer with a hand- motif of two love birds below the bateau neckline which Is edged with point J'vsprit. Matching net frills outline1 the wide rounded yoke                 of the peignoir coal. (International)</t>
  </si>
  <si>
    <t>                                           Under Wants White Primary Preserved                 "I all! support, j man who  preserve lhe white  or .its  In Georgia. If some other candidate does not appear who will preserve th* white  or     equivalent 1 will curry Ihe  myself, stated Tom Undi'-r.  of Agricu!, Prldiiy when he was asked if he would run for governor.</t>
  </si>
  <si>
    <t>                                           The Weather I\.v CLOUDY unil</t>
  </si>
  <si>
    <t>                                           CHECKING AND SAVINGS ACCOUNT SERVICE First National Bank ATLANTA Founded 1S6S CAPITAL, SURPLUS PROFITS 10,000,000 Membar Federal Depoilt Inturanca Corp. BUY DEFENSE SAVING BONDS</t>
  </si>
  <si>
    <t>                                           CAPITOL SPQTLKsHT                 By f.OUIS  (For NNPA)                 Support Deterred                 British Imperialism and colonial  deter colored Americana from support Ing ihe proposal for an anti-Communist, Anulo- American alliance  by Winston Churchill, former British Prime Minister, in his Fulton (Missouri) speech. TVie rule of people by                 er people is nol the freedom mm colored peoples, who  with the United Nntlons, fought.    preserve. fids country could be made 10 look less  In the eyes of I he world If House mid Senaterules were changed so llm men with anti-Negro and -Jewlsh altitudes like nankin and Biluo could not hold key positions simply by  of seniority. And  is raid of nankin. BII!)O and  Ilk may  be said or  Republicans. Mine*; and not seniority ought 10    -  of- committee chairmen. No tears will be shed over the decision of Hepreseiitsitivp. Huttou W. Stunners, of Texas, chairman i nf the House Judiciary Committee not to seek reelection. He hus con  sought. Lo bury anil poll lax legislation In the Judiciary Committee only to have It ultimately emerge, (when the House voted to discharge the committee from further  oi the measure) and be passed ay that r.ody. Senator Wayne Morse, Republican, oi Oregon, who fought valiantly to break tilts filibuster against fair employment practice legislation, Is one of the  ing progressives of tin' country. Fie IS former dean of thfi University of Oregon Law School. Representatives Adam Clayton Powell Jr., Democrat of New York asked Herbert H. Lehman before he resigned as director Kcneral ot I Dp United Nations Delief and Tiehnhllltatlon Adminlnstrntion to promote Blanchard Bnker 8 New Yorker, from an   field officer to a deputy field director. Baker Is serving In the office of the UNRRA field  at Uibeck, Oenuany. David N. NUes. !." assistant to President Trumnn has informed. Mr. Powell that Attorney Cenern! Tom C. Clink Is work Inc on the question of   'i nr   . Mr. Powell  the Pres idem to Issue a proclamation .sinK   ! their (Continued On 'Page Four)                 Capitol Spotlight (Continued from page I) civil rights. The $64 question: Who will sue- I ceed Raphael O'Hora Lanier as special :i$. Bureau of Areas. UNRRA? I Acceptance by Bob Weaver ot the post of supply officer of the j UNRRA Ukrauiun mission was no surprise In  circles. A schism hud developed iii the Anier lean Council on Rucc Relations in                 of which he wus director oi the community service and it r was a question whether he would stay with that organization or seek n Job elsewhere. Nou-  the hearings on the nomination of Edwin W. Pauley to be Under Secretary of the Navy nre ended, action may be expected on the nomination of Bill Hastie to be governor of the Virgin Islands. Senator MiUard Tydings, Democrat of Maryland, who has been acting as defense counsel for Pauley before the Senate Naval A0airs Committee, is chairman ol the senate Committee on Territories and Insular Affairs and will have time to devote to the hearings on Hastie's nomination which the latter committee voted to hold Senators Allen J. EUcmler. of Lousiaim and James Eastkmd of Mississippi. Democrats, are the two race-baiters on this committee. Prediction: The vote to approve j Hastic's nomination will be IS to2- unless some senators arc absent, j Senator w. Leec Pappy) ODoniel Democrat, of Texas, is up in amis f because colored and white personnel at Kelly Field (Texas) are using -rr.irc .1 and  }~ facilities at that Air Forces Instal I lation And Representatives Hel- I rn Gahagan Douglas, Democrat of California received some of the most scurrilous letters ever written bemuse she made a  and put into the Congressional I Retold the record of colored soldiers, sailors and marines in World War II. Wonder who is the transmitter of social diseases in Japan- Japan ese women or American soldiers?</t>
  </si>
  <si>
    <t>                                           British imperialism and colonial policy deter colored Americans from supporting the proposal for an anti-Communist Anglo-American alliance mode by Winston Churchill, former British Prime Minister, in his Fulton (Missouri) speech. The rule of people by...</t>
  </si>
  <si>
    <t>                                           The Atlanta Union of Gospel Singers will present week of revival in song beginning Mar 24 The Union will meet Sunday at the St John Spiritualist Church on Mayson-Turner Ave., Rev. Arnold, pastor, beginning promptly at 3 P. m.</t>
  </si>
  <si>
    <t>                                           w</t>
  </si>
  <si>
    <t>                                           EASTMAN, Ga. -- Rev. Joseph George and two daughter Mary and Essie visited their mother and father in Ocilla while there attended Quarterly Conference and was called to Tifton on business before returning home. Mrs. Jack Smith of New York City is...</t>
  </si>
  <si>
    <t>                                           %# .a ft\ Yoiicuiuilsoci'l  V- fp% ^iLvi* KcIIoks's VARIETY 6 ,lil". y^ ^P^"^  , 10 Rciicrous  u\       in  handy carton 1 YOUR CHANCE TO MAKE BIG MONEY P ^Jflj] Do you want to earn more and  money *^^r I  r*ubl*t- have money coming In all the  V aL^*^ Cl You enn do Itr We show you how send* you \^Rav--Bi g U%\ - you need to get storied. If you ore nn Vi mM Ij*r4?t*/i ^.  who fs already  money. X  -^M        Heart can help you make more. IX you vv Mw^^ M have failed with other  companies you con *v\\VT ^r/ make good with Lucky Hcnrt. And II you vr never 0\\*~i^. Jm"r  M anything before. Lucky Heart can  you   e^^    -^~     Iww make big money. ~^                LUCKY HEART USED BY THOUSANDS [~^^@~ Lucky Henrt leads the wny ana our line Includes FS^STcQS'jlifSZ over 100         !ns-  cosmetics, med- asw^N^'SiCLlcinei, food products, nnd household necessities. '3%KtS=^f-!S, oted and needed by IhoiMandt. Just show friends. *~~?g^-d^-l X^ neighbors  . too. the blc Lucky . ii iV^ Heart line, and the dollars start rolling in. The       wry li^V more calls you make the more money you get K^HataW-HMMPH Write today for complete detail* so you will be  t3^55HT#i1y1iI ~-f d euro to get your SHARE OF BIG MONEY. Free iav/    7il W IJ -I Wl Minptes and free agent s offer. LUCKY HEART ^^mg^^mm^M^m^m CO.. W5PT- g.j.n Mimphii a, Tono,</t>
  </si>
  <si>
    <t>                                           ^Scratching i;^ For  from   by .  foot, tablet,  and pth* r  , uw par*, coaling.         .. D.O.O.  *CSCa)IPTt0N.A doctor s formula. Grennetett and Itainlesa. Sootbd. Comforts and  alms intense itching. 35c trial  , cur money back. Don't  r. Ask   today lor D. FHUCHirrioM Tortured man gets help! t Lemon Juice Mixed at Hotna Relieved RHEUMATIC PAIN sayt Sufferert "I  used A1. for  months. I could  walk account of my knees. But now those pains aie . I can go  a race horse now,"'! Mott Shepard of Ohio. Doi't be a victim of die pains and aches: caused by rheumatism, lumbago or neuritis without trying this simple, inexpensive recipe you can mix ai  Two tablespoons of ALLENRUi plus ^ie juice of V; lemon in a  of water* Vour money bade if xoi entirely . Just 85~!jat ill       . Buy      . MADAM MINGY a ;        : PiiiWasT and  ADVISER 56c- Compute Reading- 50c HWflbont  a. single question she will tell your secret desires and greatest ambitions and how.to. gain them. Gives never, falling advice on all affairs of life, such as love, influence, money matters, , in fact, no matter what your .-Stoptiehig a .i change your luck. Gain the  yon want, most In life. See her today hj4Ms  low price may not be' extended. 40 yean experience ten yean In Atlanta- is MADAM M1 guarantee to you that no better reading or" fast'~r  can be obtained -anywhere. Readings Dally and Sunday at 10   . '~il 10 p. m.-  5J McPonongh              Federal Prison. I'ike Pryor Federal Prison ear    .fid of line. Look for Neon</t>
  </si>
  <si>
    <t>                                           HATTIE McDANIEL in "Since You Went Amy" KOVAL ROCHESTER in "Brewster". Millions" And "MAnhunl Of My.tery" IilAncl*' I, nut Choplvr 7 smiley "Brunette' iu "Coll of Ihc Rocklr^"  nfj "TEN CENTS A DANCE  .n:\  in ..i. or Tin: i " Ullll          ok .v HARLEM Kor.M.UiNU O. in: "I lire,, un .1 Trail" A  UV. GAL, A 1'AL"   "THE SANTA FE SCOUT' with the Three Mesquttecr* And "HOLT OF THE SECRET SERVICE"</t>
  </si>
  <si>
    <t>                                           National Independents At Wheat Street Today                 SAVS I- I". .DS This . ;it 4 o clock I he FVniO'iN National IndciH- Qi.. at Wlie;it Street Baptist Ci'. will  Sonn;e AIcLfy/klin  Aloiiro Itillis m :i br. of inns. The public is cordially                 invited to lic:ir Mr. McLocklin brins  Mr. Hnlli.s us he .. '~Kiclu On Kin: .Jesus." Mr. Hollis will battle him with "Tlie Lord Will Make A Way Somehow." Admission 50 cents.</t>
  </si>
  <si>
    <t>                                           STAR IN KiltSr MoinjREAL  Sanford, Flu. Jackie Robinson, first Neifro            to be signed by a major leaguer baseball team, pictured iii Action  his workout at Sanford with the Montreal Royals, the                 Brooklyn IJimIitim- Minor League  to which lit; kus I'iirmcil. Hobinson, shortstop, worked ?jide * Xe^rn signed for Montrwil, Jifhri Wright, u pitcher.                 (IKP)</t>
  </si>
  <si>
    <t>                                           FREE VOICE TRAINING i SING WITH CHARIOT WHEELS WAGA j Rehearse each Wednesday and Saturday 8:00 P. M. j Call Ra. 9895 or Wa. 1159, 5-S P. M. LOANS $30.00 to $2,500.00 j ON FURNITURE- AUTO- OR CO-MAKER SPEEDY SERVICE LOCAL LOAN AND THRIFT CORP. 72 FORSYTH ST., N. W. i Ja. 0816 H. J. McGOWAN, Manager j</t>
  </si>
  <si>
    <t>                                           NATURAL PAGE BOY ATTACHMENTS YOU CAN HAVE YOUR HAIR PERFECTLY MATCHED FOR ^fch v$4^AA Latest Creation* .^lE? Jf W** Easily Attached J? WL, I -.TB Human Hair- lm\ I All Shades      BETTER QUALITY SEND NO MONEY "'fci^Bki Jutt  nd  of your  or Hot* color. KflMp PAY POSTMAN $1.00    , Poilage on      .ry Glamour Page Boy $7.50 All Over Wig $35.00 Pompadour Glamour 17.50 Half Wig 19.50 All Around Roll 8.50 1st Qualify Page 8oy$ 8!oO! (A Depojif ol JO'i it Required   Orderl) i AISO PUFfS, WIGS AND  SATISFACTION GUARANTEED OKAY HAIR JI.JO  StND YOUR  TODAY W^ConraMI tin. .1 -Alt  Including           JESSIE KARE BEAUTY PRODUCTS COMPANY 507 FIFTH AVE. (Room 905) NEW YORK</t>
  </si>
  <si>
    <t>                                           I lit *"^i.- \V\\ \Hoir Orstiing I i HO-RO-CO., St. Louis, Mo. \f y^ FREE COURSE IN HAIR CULTURE ^^BSP^^ Ccniizting of CUBAN COSMETIC CO. Ptpt, 5315-V Chicajo, 111. I Hf^TrT ""Tl^ inic one r'.- ,        i'L*;. SllfkV' Chick Slip-Over Sweater* and go merrily on you:- v.vy. i Whkl a hit you ll br v.ilh      " Bi::Time Joes  you strut yc;:r M*-down the Avenue. Wlirrever you  U oe a Spotl-shl Sp^ciol m \~^ir new Slick-Chick Slip-Over Sweater. J Extra Ions All Wool Heavy Knit Sizes: 32 hi -40. f, nr i Kine quality- -".'H I Best          4.35 i Choose  favorite color from ':.*-.le 1 rUi.T.*  : mutt- -Browt:- Ir.f*I 1 -Lilac- Blut- 1' CJrwiv U:-'!: I SEND FOR I ^Am^iu  r\j7\. . Now, UtIlT. !Zh0/9 ~~-lJ V0MI'~     Cr/     LAIALwO it  nJ  iay fw.   ""' j I -I b.Luli. oil      .  .</t>
  </si>
  <si>
    <t>                                           How women aw/ girls may get wanted relief horn functional periodic pain Cardul Is a liquid medicine which many women say has brought relief from the  agony and nervous strata of functional periodic distress. Here's how It may help: J_ Taken like a tonic, it should Humiliate appetite, aid digestion.* thus help build resist- ance for the "time" to come. 9 Started S days before "your time". It should XJoQjfV help relieve  into to purely functional i hi'/oW) Peri0 Uc causes. Try Oardul. It It helps,  B9\ youll bo glad        . 4CARDUI 1- D^IMTii XSDarXaaarXatanat.              CO. Oapl. 34ta, Mala t%O. 3 VA1  Oaaalaa BtmssaT  SS 1UI ua 1 Wa  a  iaS</t>
  </si>
  <si>
    <t>                                           Aii 4 /$        ^ ifT t j CITY k Atlanta   W)rld. edition Publijh^Every Morning Ex^tM^nday "News Wfllfc VOLUME 18, NUMBER 143 ATLANTA CD, C.A., WEDNESDAY, MARCH 13, lft-IG PRICE FIVE CENTS</t>
  </si>
  <si>
    <t>                                           23RD ANNIVERSARY --Monday night, Januray 1, marked the beginning of the 93rd Anniversary Rev. G. W. Gideon as pastor of Rice Memorial Church, corner of Mary and Coleman. Rev. Gideon came to Atlanta when this church was but a Mission, and during its...</t>
  </si>
  <si>
    <t>                                           "I -Distributors- Nnlionul Distributing Company, Ltd. ATLANTA, GEORGIA j</t>
  </si>
  <si>
    <t>                                           H K K CASH 0       or       - B      TOD NIII IT 1 THJ * AND  I 0    to mni Sm           (      On! Wllb</t>
  </si>
  <si>
    <t>                                           Government Workers Granted Pay Raises                 WASHINGTON- (    - The senate earlv last week voted a raise to government employes which would  the calories or the classified workers on the federal payroll an average of 11 per cent. The measure was a compromise amendment to the Downey bill which asked the senate to grant the federal worker an average raise In pay of 20 per cent. The final vote law a vote of 82-3. The bill which has been tent to the house for action by the civil service committee  sonic 40.000 Negroes on tbe government  TVasysgtos. a?                  Negroes are  In the lower brackets they will receive the greater benefits. If f.hr bill I* enacted. Basic Increase The bill provides mi Increase In basic salaries   tn . 1, 1945. to be computed on u sliding scale formula; 36 per cent on the first $1,200 tn base salary: 18 per cent on salary between $1200 nnd $4600; and nine per cent on everything over (4600. As the average Negro worker on the federal payroll now receives$1704 u year, they would receive S2127.5O under the  senate Co now H*11 t -   * $- y Yrtn</t>
  </si>
  <si>
    <t>                                           Estranged Wife, In-Laws Held In S. C. Hanging                 "Lynching" Turns Out S. C. Family Affair                 COLUMBIA. S. C. ISNS) Sheriff Jofl Blue.!:, ol U. ,  four       *       in  with the  of ex suitor  lli-cn ;~i . S. C. laM  whoso ,v  -  in - wee :N oi il:.~ii  "I lhe  r :i r"'1~'                 unai  10   - 'u  j ly ion- 1  cross. ~~'    four  r* Doris Reed,  \ili* at     -     'l:in. !ht  . Kh'/ii Kolaml. Mil,  tv.o -: nt imp v.il p. . Iri.l.. i : lir^. It'iltuiii, :im. i  Siu'rin iiia.?u .-vmi ill.- -   iK.ii :i  :ir,Mhient foll.-.A.-.l ! ni rnr    :il I lie i-. Im-iif   '.-id.'i.v mm nint; ;  out into I he yard  her brother . in n. ac.^ with (lie dead m;\n A ?hon time afterwards the woman 15; quoted as ; .- ri--*rcd ihf Iioum1 and 1 reported Rood had      of choking during n. . but sold they j had not intended to kill him. In . the brothers,  in order to avert suspicions as to the actual e*\\.~i of       .  the body on the cross that ap-  of suicide  bo made. It was discovered at dawn j by . i Tlie brothers, however, maintain- ed innocence and asserted they knew nothing of how Reed died. I Pas-, noting the dangling body, easily viewed from a nearby highway, helped to spread the "lynch" rumor. In Elk'oa. , a small town of 200 people, colored i-men dirt- not- --rti*l                 .~ K office  the  and cleared somewhat ilu- mystery nf Reed's death.</t>
  </si>
  <si>
    <t>                                           COLUMBIA, S. C. -- (SNS) -- Sheriff Jeff Black, of Barnwell county, reported four suspects held in connection with the death of exsaitor Raymond Heed at Eilto, S. C. last week whose body was discovered in the wee hours of dawn dandling at the end of a roue...</t>
  </si>
  <si>
    <t>                                           -^4   try the clean, mod-rn f\ f \fk proved war to help f\\ /I *'mP c ^attache. J'."~ /AV /III aPP^y     Johmon'* U A /I BACK PLASTER \\S -dr*      the lore -pet. M*  Iti mild * gently HEATS  back. ir* up circulation, fight* conge* . e/ie* JlJP, Warm flannel covering l;ceps 1 -it ia, cold out- - con   - great I  on the GENUINE, made by Jthnton Jefinsci. Ax   drug tore</t>
  </si>
  <si>
    <t>                                           Atlanta will make its official bow to Youth Citizenship Week this morning at noon, when the young people will be featured in a broadcast with an all-Negro cast in the show: titled "Rising to Greater Heights in Citizenship." That subject is also the central theme of the week. Citizenship Week is sponsored by the Butler Street YMCA, the YWCA, the several housing projects and the churches and schools.</t>
  </si>
  <si>
    <t>                                           CHAMPION JOE LOUTS BACK STAGE- JOE LOUIS visits  Barburu liel Gcrtdus and Gordon                 i Hwith. stars of the Broadway hit drama. "Doup Are The Roots."                 (ANP)</t>
  </si>
  <si>
    <t>                                           'Efrr hates-, J^~amr J^e^^^ Address City Youth Today                 Saturday Morning Broadcast Hailed By Press And WSB                 Dr. William Lloyd Imcs, president of Knoxvllle College, and Dean Rairmmdo de Ovlea of the Cathedral of St. Philip, will be principal speaker today at 4:30 o clock at Wheat Street Baptist Church as Youth Citizenship Week progresses here. ^                 The Auburn Avenue-Ybnge St., edifice is expected to be crowded to capacity with the presentation of the able speakers and a wellrounded program featuring, youth. BROADCAST HELD The Youth Citizenship Week Brobdcasr was held Saturday. Mar i 1G over Radio Station WBS, spon sored by Butler St. YMCA. The title of the dramatic skit was "The Negro Youth.' The story was written by Miss Estelle Ashmore, assistant to the dean at Spelman College, in cooperation with the Program Office at ihe Butler St. YMCA. The play was adapted to Radio by Mr. Bert Crandull, Program Writer for Radio Station WSB. Till"  depicted the rise of the Negro in the face of adverse , to greater heights in citizenship. The diameters  played by Miss Genevteve W. Lawless and Miss Mui'iaii E. Davis of Spplman College; .lames  of Moretinu.se College: Nathaniel Lnniar U'miUmieil On Vagi- KiuMH                 Dr. Imes (Continued From page One) of Howard Junior High School. Raphael Mclver acted us narrator nml Charles L. Gideons. Howard School  was RW'st  for the program. Tin* broadcast        I'rotn I hi" sl-att uf WSB :uid llK! public. MLssi's lawless ami  appear cil mi Hip  thru -.lie i.' of Hie Atlanta University players  the direction of Miss [.' IVrklns. At one stage, in the skit. Negra youth was urged to work hard and educate It self so that the right to vote might be based wisely and community and citizenry helped.                 Ynutli Citizenship Week' program will continue throughout tlio week with many features nt tho schools and community institutions. l</t>
  </si>
  <si>
    <t>                                           Dr. William Lloyd Imes, president of Knoxville College, and Dean Raimundo de Ovles of the Cathedral of St. Philip, will be principal speaker today at 4:30 o'clock at Wheat Street Baptist Church as Youth Citizenship Week progresses here.</t>
  </si>
  <si>
    <t>                                           "WHY?" queried Gordon Adams, in response to his wife's announcement that she intended to make a tong stay at the Mesquite Ranch. "Don't you trust the bookkeeper's report on your share of the profits?"</t>
  </si>
  <si>
    <t>                                           Mexico shows $87,300,000 foreign trade deficit for 1945.</t>
  </si>
  <si>
    <t>                                           Cultural League Gets Wide Response                 UV WILLIAM A. FOWLKES                 The Incorporated Negro Cultural League and tls sponsors have quite un Idea and wo.  e It . Tlic League aims to produce better trained domestic workers and ";" the No(?ro Kenrrully.                 According to Mrs. Ruby Ulndtburn, the  civic worker, the training center, whose nlm Is to 1.11111 out better cooks, , laundresses, yardmen and others will bo opened here in n lew months. It Is proposed Unit other MinUar centers be opened Inter     the cities arou\d the . Mrs. Blackburn Is the director of the efforts of a number of officials and organizers of the League which has headquarters at 250 Auburn Avenue, Room 515. 15 CLASSIFICATIONS As It was explained. Uie center to tmln domestics will reach approximately 15                 or employes In the lower-wage brackets. Her explanation ot the League"* purpose Is: "Our. people want a !o!r day E pay   x a  iay$ wart. We                  half-paid, .but wc vu been hall- or nob trained at oil. We want to make every Job a good job.'' Ambitions of the Lctiguj.' arc high. It is the aim to house the center in n 12-story building to offer nil phases of domestic training and opportunities tor Negroes A laundry is planned as well us small curb market for all. A scientific kitchen where catering will be practiced and  is )n Uie project. An employment  also Is in the planning. Buys Mrs. Blackburn: "We'll send out trained. courteous workers. When they quit they will be required to give notice and they ll expect notice in return. Well keep our books balanced expecting fairness from the employer and the employee." The League's Center also Is  have reading and writing rooms And Instructors to teach illiterates to read and write. GOOD WILL RELATIONSHIP Behind the movement Is tho Cultural League's aim lo establish                 Culture League (Continued from Vagi: .11 "a pood-will relationship between employer and in the employe in thp  of domestic service." Mrs. Blackburn  that some of the good-wilt was destroyed with the  or and through the recently ended World Win- IT. My the establishment- of yood-v.Mll relationships. Mrs- Blackburn believes the League can 'lake the zool-sulter off the streets; abolish  : educate our people :iv; flim-flam artist.1; ami other racketeers and raise our health, standards." she said this I will be the natural result, of a people "earning ;i decent . Itvlnt: :i decent life, free of charity ;md fei ling pride In a job well done. If only a yard mall s job?' I Another aim of the League Is to train so lhat higher wages can be earned, not demanded. .MEMBERSHIP INCREASE The Cultural League started with n nucleus or Mrs. BlacKbum and tome 200 lower-brocket employes. Memberships have now increased beyond a thousand. And national response to press public- j ity has been tremendous, from j the East and Welt, from exceeding- ingly rich and famous  as j well as ordinary folk, have come i letters endorsing the movement j and ready to join in Its financing and work. I The majority of the           wlm j Imvc participated in the League'* 1 meeting-drives, conn; from t.ln: working class, according to Mrs. Blackburn, who accomplished   Us president Of the T. I. C I 'To Improve Conditions) Club. i It  was the plan of thr Lvaeuc to enlist 70.000 AUnnta i domestics at $1.25 per member. j Voluntary memberships  have been more than this amount, according to Mrs. Black burn.</t>
  </si>
  <si>
    <t>                                           The incorporated Negro Cultural League and its sponsors have quite an idea and worthy objective it appears. The League aims to produce better trained domestic workers and "culturalize" the Negro generally.</t>
  </si>
  <si>
    <t>                                           STELLE SAYS LEGION S POLICY IS EQUALITY                 Nat Fl Commander Says Unit Is Working For All                 Full Departmental Status Resolution Under Advisement                 HALE1OH. N. C. (     Niiiioivj) L/--Blon Commander Jojm H. .Slelle. former Governor of III  Negru workers here    ii  NUi*prise  that ilio American Lesion ivus ; tor Hie benefit of the veteran aii J hit family without regard to race.                 Introduced to members ol the Negro post officers of the North Carolina department of the American Legion by Victor Johnson, Mate commander, during the  session of their two-day meeti J115 here at the Bloodworth Street USO. stelle assured them or thn Legions non- roi "cy. SPEAKERS LISTED i Other speakers on. the program vere John R. Larkin. state welfare department Col. Wiley Pickens. director of the N- C. Veterans' commission; Dr. Virgil A. CUlt, student of A T. .college, Greensboro; and Lew .-Sumtier, contact I man here for the. U. S. Veterans' administration. Frovisions for veterans vocation al courses at A ifc T college hove       outlined, said. Dr. Clltt. while Col. Pickens revealed ho had been authorized by the Veterans commission to employ Negro contact workers to handle Negro '-:-*-*- I A resolution call for full  mental status for the Negro  wa3  under advisement, land Vice Commander Charles G. Irving, a local resident was empowered to work with departmental affairs on this matter. Women members of the organization held  sessions at the Mary Talbert j home here.</t>
  </si>
  <si>
    <t>                                           RALEIGH, N. C. -- (ANP) -- National Legion Commander John H. Stelle, former Governor of Ill., told Negro workers here last week during a short surprise visit that the American Legion was working for the benefit of the veteran and his family without regard to race.</t>
  </si>
  <si>
    <t>                                           Woman Gets Death For Murder Here                 After tier conviction was confirmed by i lip Georgia Supreme. Court", Annie Ruth Daniel was resentenced to die in (he electric chub- by Judge Walter C. Hendrlx, of the Fulton County Superior Court. l*     \ nnH Mnreh 2) was net as the execution date. On August t, 1945. a Fulton County jury returned a  ot guilty- against, her in connection with the fatal stabbing of Louise                 I Novell on May 27, IMS. Wyman Daniel, husband or the defendant, who was also  In the crime was found guilty imd Riven a life sentence.</t>
  </si>
  <si>
    <t>                                           Aflanfans Attend YMCA Confab                 NEW YORK (SNS) Delegules from this rily are expected to play vital roles lit the 45th International Convention ot the YM CA's of the United States and Canadn. Mr. W. R. Cochrane. general ' of the Butler Street YMCA declared here Thursday.                 The three-day convention, which opens In Atlantic City. N. J.. Mar.. 15 Is being staged to formulate a broad Christian program through which the YMCA's or North Aincr !ca can meet the challenge of world conditions, the T man said. Climaxing the sessions, which ire expected to be attended by 2. 100 delegates will be addresses by lohn R. Mott, world-famed Tf" 'eader who recently received I he ?rince Carl Medal from Kins Gus af of Sweden for his humanitarian activities, and Eugene E. Bar r.ett. general secretary of the Tn'crnatlonal Committee of the YM CA's of the United States and Canada. Now attending the first postwar  of the Executive Commlt'ec of the World's Committee of 'lie YMC A In Geneva. Switzerland   the devasted areas  f Europe, both men. according to Mr. Coclirone. will arrive shortly before the Convention gets underway. Tlir world challenge to the YMC a will be voiced by Dr. Mott at the final session, with Mr. Barnett accepting it In the name of the American and Canadian 'Y\ Butler Street YMCA delegates lated to attend the convention arc T. M. Alexander. Chairman Board of Managers, and Mr. Warren R. Cochrane, Executive Secretary.</t>
  </si>
  <si>
    <t>                                           NEW YORK --(SNS) -- Delegates from this city are expected to play vital roles at the 45th International Convention of the YMCA's of the United States and Canada, Mr. W. R. Cochrane, general secretary of the Butler Street YMCA declared here Thursday.</t>
  </si>
  <si>
    <t>                                           :-m-i ^tj^~ Acnontunlr Your IjOVOMmpss  SEVEN  :,l .lie l.OVF.LY. : HICIfit. and ENHANCES      .IANfTK or your BEAUTY. QUERN ANN COMPANY Atlanta 1, G:i.</t>
  </si>
  <si>
    <t>                                           Jfi^ Blue Jeans for Teens f 'ni^ T -^"^P**""^ Ever popular navy blue denim j h\, I \~ss* I OrA^J wl T  L I 1 I s\\ ~-;-i':''     .s'-^. jeans with bright red stitching g ^T .-^C^^f,. ,.v,..^v i^./ ^T trims. 2 pockets. Right for sum^^J^^life. *J*y -'fT./^ mer. Teens' sizes 8 to 16. 2.98 j* _J- -5\^- ~~~^^H Teens' Soft Cotton Knit Polos 'J"""^  Short sleeves, crew neck. Red,              navy, white. Sizes 12 to 16. 1.00 g         ;~sb TEENS'  Rich's  Inc^ Atlanta 2, Ga. I /~"-5""i ^   ^" I Jeans: Size I Quantity j ^s\ Esfcti*--^ "]^^.^":~-^^^^P^ j Polos: Size I Color   ' l!*J^f4 \^s^7 0f*^ Blalernity Dresses I ^^5^ ^^^^^fe 1 j^MMy^s i ip m f I/ v /^HW'^^WWk -A Coming Attraction dress in cool }\ 4 i j I /iTf '*^*ii^^ Amber Light, a Blackman Fabric, 3 I I I j I I I 1 M?lr "5O ^^/l) A fan print in black on pink, aqua, 1 J 9 ji^WPjft chartreuse. Si,es 12 to 20.. 5.9O 1 j\ W ^Li I" f$?i ^i W,^ i Rich's, Inc. Atlanta 2, Ga. j I I I I ft X     liJ ll j Please Send me { J A C II C I I U C ll 3 VV PlHa I OT C  jp*'  j^^i* ~} I Maternity Dresses ia 1 ^-^v^'aN '^"i- i Size ,-^-~~y\ fa'-'-t iC'-Y*-^iJ -r -$ 5 Color =    '^fi^^ V           F"110'^ Seersucker in a gay daisy print li- fy\~-*'-.~$^.t*Y$* L :i j J .^^^^C^~^~^ pinafore with ruffled bodice and full gathered ^-^"^-^VT i- ^L-^"" me i ''i MW  stt'' Sk'rt' So "      "nd cool, and easy to keep .y^T^y' j Address f "~^s   '     '- f'-osh. Pretty pastel shades of . , rose, -:::f City. .State.... f ^^tS^^^^''' Jml ' In sizes from 12 to 2H 3.38 V ':,:::i/C-i: Cash Cl,arge COD I S \/4   Order Pinafore by W^ii, or C^IWfl. 433G. I Piense arid 15c postage on all ..,w I I prepaid orders. i 5 Atlrl 15c Poctoya on Euch F: Ji.'Qirf Order' l4^i-i4.,~. -....^v^ .A""""r 3 ~-.~~f.M. hi:(sm-.</t>
  </si>
  <si>
    <t>                                           ByLYNYOUNG                 FELIX  By SULLIVAN</t>
  </si>
  <si>
    <t>                                           VETERANS ATTENTION Hell) us work t or democracy at home Just a.s we fought for democracy in I he war! Join us today in knocking on the doors of everyone in the old Fourth Wan! and Westside sections. Let's urge every man. woman and child, over J8 yews of age to go to the courthouse to register to vote. The ballot must be our weapon against  ot' real democracy at home. i even as we fought fascism with guns, planes shovels, and tank.* overseas! Wear part of your uniform and meet us 1-100 hour^at one; of the following locations: WHEAT STREET BAPTIST CHURCH. CORNER AUIUiRN-  MT. OLIVE BAPTIST CHURCH. CORNER BUTLER- .HARRIS FRIENDSHIP BAPTIST CHURCH. CORNER MITCHELL- HAYNES PROVIDENCE BAPTIST CHURCH. CORNER LARKIN- DORA</t>
  </si>
  <si>
    <t>                                           HAIR SCALP TREATMENT use  special" w OFFER  tSc  NEW 'HISSING 4 OUNCE JAIS Oil 45t  Jill SIM an  uon., broken, nu  unduly haik. Send Ho Money! ^XtJ:33.~,! SCUD TOUR ORDtS TOOAr I SAfUfACIION GUABANtEID I les.sie Kare Beauty Products.Co. S0~.5lh     (dm.MJ) N.y.    )~ Clly j</t>
  </si>
  <si>
    <t>                                           Dr. J. W. Haywood, president of Gammon Theological Seminary, addressed the Atlanta Open Forum at Friendship Baptist Church last Sunday evening. Dr. Haywood gave a serching analysis of some of the pressing situations which must be honestly faced in these days...</t>
  </si>
  <si>
    <t>                                           Because the American Bible Soviets believes that the surest road peaceful days ahead is the road that leads, back to teaching of the Bible in all our doily relationships, it suggests daily rending of the Book for people throughout the country. The reading period began...</t>
  </si>
  <si>
    <t>                                           j (I'M FOR HIM-T* man" \WITH THE HANDSOME HAIR1 ~%*-- KEEPS KAIR HANDSOME You'll gel ihe  with i    goli when you ! p] "ing JERIS . fgO Succesilul men use JERIS .^^ to keep their hair neut, .^j^^^Pn , free of looi.; -" Jandruff. Slorl 0 I JtKls*  today.     this I -;, Jopulor, pleasantly '~! . hair tonic from ' ^our favorite barber M^~/^y[~ )~op or drog counter.        ^[~^ 50/?*ANTisEpT'c \rU*f\?~ HAIR TONIC</t>
  </si>
  <si>
    <t>                                           Judge Callaway Frees Streetcar Operator !n Slaying Of Veteran                 Finds Killing Justifiable Despite Testimony                 WAY FINDS KILLING                 In spill: of this overwhelming testimony 01 reputable eye-, -iy  to  the . ili;ii Me April 10 buying of MucILVjii Hurrl.1, Ti--old  Dy 'I'. II. l url. sli cul cur ), M 2131 Buiiklieucl .'uy. was , - Cuuri JudKe                 A. VV. CUIluivuy ruled mat "tu me, tills IS MfitlliMB Dili .M.S.: Ol Jll.'- :." CHy police  wus jammed to Hi . Mciioriiien ana buj drivers 01 Geurgta. 4-ower Power Company completely filled the two sections of the court-room, at least an hour before- time tor tlie hearing, which meant thai, i large ' 01 interested NfHjro citizens HUil til Stand After turning more Uiun :sa Negroes ntt ay, policemen were ! in nont of ilie Police Station. According to . sources,  )  admitted  spectators, but In u dis-courteous manner continued to refuse admission to Negroes. convincing: evidence Representing the deceased Attorney A. Walton Nail and A. T. Walden presented convincing evidence against the defendant. They put eight on the spot witnesses, who were either on the street cor or at the scene of the shooting on the stand his group included: Mrs. Caldonia Shanks, who was waiting to get on the cor; J. P. Grlffln. J. D. Williams, Aaron Dlggs, Bem/V F).g,:Arrle Jackson. Henry. PoyIhress and Robert Tonslll. These witnesses confirmed Hip Tact that the deceased .was on the side-walk, apparently on his way home, when the motorman called him and , -Boy, give me that gun." These witnesses also testified that Harris had his empty : in the air. when the motorman fired the fatal .shot; that he did not threaten the ; and added that when the policemen arrived, one of the officers found a pistol in the right hip-pocket of the deceased. ONLY ONE WITNESS CI.AIMS HE SAW GUN The only conflicting evidence presented by Attorney William Schley Howard, defense counsel was given by Ed Atkins, of 418 Magnolia Street. Atkins, who was.' later referred to by Attorney Howard as "Uncle Ed" claimed that he was Kitting three stats from the rear of the. car. He was the only witness who claimed that the young veteran had a gun In his hand at the time he wns shot.Officer R. S. Stowcrs, who. together with his partner 3. 3. Morris arrived on the scene shortly after the slaying, testified that the pistol was found under the body of the deceased, rather than in his right hip-pocket. Mrs. Gertrude Maddox told the Judge that she got off the car at Hnnlcr mid Vine Street.". because the victim and the motorman had been arguing and she was afraid there  going to be soine trouble. WITNESSES "BACK-FIRE" The first two witnesses for the defense "back-tired." Attorney Howard told the Judge that. Uf was b'~Ing to pt we char  deceased was going around creating trouble on the day of the shooting. His first two witnesses, Lester Napt tiler, proprietor of a pool room on MltL'holl SI reel, nnd Simiuel Carroll, proprietor oC Dow Drop Inn on Aihby Streni. denied that- (he ( hud caused a disturbance in their vst:(s during the day. It wns then (lint Alorney Howard  to  his own    .s.se.s. In summarizing the case. Attorney Howard cited tin old law which gives operators of street cars and buses police  pr, mid re-slated the testimony of Alkinr, and Officer Stowers. Attorney Null stated that in the face of overwhelming evidence the defendant should be held on charge of . Attorney Walden emphasized the  that since It was a. cose of "Uncle Ed's" testimony against the testimony of the other witnesses, he sole question  the Judge was the probability of guilt, mid added that there was sufficient evidence to warrant that the defendant be bound over. Many of the Negroes attending the hearing were young people from Atlanta's colleges and high schools. These young people expressed themselves  is being alarmed over the outcome of the trial. An  of the local NAACP wlio attended the hearing  d that lie hoped that steps will be Inllated to take "police power" away from motormen on Negro lines.</t>
  </si>
  <si>
    <t>                                           In spite of the overwhelming testimony of reputable eye-witnesses, definitely tending to establish the ... that the April 10 slaying of Madison Harris, 22-year-old veteran by T. H. Purl, street car motorman, of 2131 Bankhead Highway, was unwarranted, ... Court Judge...</t>
  </si>
  <si>
    <t>                                           Now in its new quarters at 1706 5th Avenue, No. Booker T. Washington Business College, readjusting for its spring term, will be able to enter, Mrs. A. G. Gaston directress, announced this week.</t>
  </si>
  <si>
    <t>                                           "THAT young man has a restless nature." murmured Mr. Treves as Ted Latimer left the room.</t>
  </si>
  <si>
    <t>                                           Despite threats, believe to be from members of the Ku Klux Klan of Jacksonville that Negroes not vote in the forthcoming Democratic primary elections of May 7 and 28, scores of Negroes of this city are still finding their way to the county courthouse where they...</t>
  </si>
  <si>
    <t>                                           'Q06 : \*U9H.tD OUT 1" L -5^</t>
  </si>
  <si>
    <t>                                           We came across an interesting item the other day. It was done by a man who had been working for two or thre years in a war plant. When the war was officially ended, he said the plant folded up shop, for its mission had been completed. No doubt the man had come front a...</t>
  </si>
  <si>
    <t>                                           HE S NOT THE NERVOUS TYPE                 UT S HOPE THAT "RAJAH" doesn't bite oft more than he should chew. And just to prove that he won t, lion  Nicolal offers him a chunk of raw meat from hi3  Just before the opening of the  at Wlndtor Encland. Nieolni has returned to his old profession after five years                 from the big cais as a war worker. ()                 K i?</t>
  </si>
  <si>
    <t>                                           TWO NEWS ITEMS of the past week provide more hope for larger and more immediate integration or America's largest minority.</t>
  </si>
  <si>
    <t>                                           Atlanta sports fans always gave a plenty of action of the court, and that is precisely what is in store for them tonight, when the Morehouse College Maroon Tigers and Morris Brown College Purple Wolverines tie-up, at the Morehouse Gymnasium. The game will start at...</t>
  </si>
  <si>
    <t>                                           f. ffi..T',-~~~T,~1-.y-~- OEMArtO HA I ft RBOOUCrS, I job WW8M fl^u*. 'OANORUf F-FAOlNG ANO  N  HA1H  BALO /SSfl i T6MPLtS-MAlR AND NUV. J^ SCALP DISOROCRSv f WUitL i  oil   nf  Aeoui-AB  so*  Bu.f TOiPlC STRENGTH   .OO  H(\     COMPOUND   .QO ISH^'A 8end Cnsh With Order   19 0           HfcilL           Ur  i+12</t>
  </si>
  <si>
    <t>                                           The Morris Brown College Wolverines will draw the curtain on the 1946 pre-tournament season with two heated hardwood contest. Monday and Tuesday nights on the Sunset Casino Court. On Monday night, the Wolverines clash with the strong South Carolina...</t>
  </si>
  <si>
    <t>                                           FIRST NAIL IN HOUSING tQR VET-;                 OFFIC'/.aY ;is Governor of New York and by Honorary card as an AFL union carpenter for the occasion, Governor Thomas E. Dev.ey hammers the first nail in the State's reconversion Fox Hills .-.eist into                 emergency housing for fc-, on Stolen Island. In. V.                 (International)</t>
  </si>
  <si>
    <t>                                           ll Sj'lf I graph" ill T*r^-'"zl5 3k It I I irf-i ^i^^^ t Iv/as j     il' "^"^"^S^fiS lti01 1 i 5R-.'      ,,.., should ~)ot j D!inU.f.O f ROM. ';1  % AME8ICAN QHttlK.HEUTr.AU SPIRITS 96 PROS*  ' PRODUCTS GO, 8 0Bt HO. t-"</t>
  </si>
  <si>
    <t>                                           Musical Program At Hanley Chapel T'day                 Musical program  m be given !at Kanley Chapel. 21 Bell St. N. E You :ii)d your friends are invited to attend from 5 to 7 p. m. today. This program is being given for Bethel Church by the Trustees. Rev. D. T. Babcock. pas'.or. (Advi</t>
  </si>
  <si>
    <t>                                           lll!!lil!^ CSS I I Goodyear Welt 1 s All Leather i^^ VV s Uppers iEM 1  ^^P, 1 1 Soles l0 1 s Soles H% Q C 1 InSOIVew    8k I s e Brown, Black,  = Two-tones ^SPr = sa I I "3 HBB' ^^M ^P ^9 9 gk T JHH</t>
  </si>
  <si>
    <t>                                           MADAM EVA i-*- sue gives ^Hfe FACTS AND W =E ft TOD GET Hi gfc g RESULTS V^: 9 ITorid'i gr*        3*2        . After xon \Zbc ^^^T**!  mil other* ^^    V V^  9 problem* to HadMD X.' it -J ~~*C knows *IL If Too       yB*Tajf with  or  1fa or Lock, b*       ad canu  t     . OfrlM boor* J s. tn. to 10 p. m. U1UI7 wA RondAT. 1015 W. Uiirlott* StrMt. 7J. XT. AlUnU    rare to  the        Turd Htreel r*r. * ask the car conductor to lt*t yon off  stop* on the other    # of Klnc Plow Co., Atlanta, Oa. Special $1.00 Reading for 25r Tour Lacfcy Dayx and Moothl Given Free 29k Steady Work-Good Wagw """tt^  of  ood      for w  and war . -*^\*XV Polp and FJpcT- 5th Urreet V           * RTk^-^W       - loader*, . mil Tialf^i\       .      m ff^^'a.i. -t * Oltm</t>
  </si>
  <si>
    <t>                                           OPA's temporary increase in the ceiling price for kerosene and fuel oil, recently allowed to help relieve shortages of these products, has now been extended to cover all the Southeastern states, a spokesman for the Atlanta District Office of Price Administration announced...</t>
  </si>
  <si>
    <t>                                           MADAM MINGY A GENUINE PALMIST AND" TODE-A0V1SBK 50c- Complete Heading- 50c B Without  a single question abe will tell  secret desires and greatest ambition* and  to gain them. Given never failing advice on all affairs of life,   us love, Influence, money matter*, business, in fact, r.o matter what your problem may be. Stop being a loser, change your luck, Cain the things  want most In life. See her today as tills special low price may not be extended. 40 yearn experience ten years In Atlanta is 1 MINGY S guarantee U rou that no better reading or         can be obtained  . Readings Dally and Sunday at 10 u m. '(II 10 p. m.- 652 McDonoogb load, across from Federal Prison, rake Pryor Federal Prison car tn :nd of line. Look for Neon sign. Watch For Opening University Taxi Company On Westside Date of Opening   ilion Announced Later. Now 24 Hour Service s.c.r. .t.t.ork;c;s Proprietors</t>
  </si>
  <si>
    <t>                                           OPENING! THURSDAY, FEB. 21 IDLE HOUR CAFE CORNER OF TATNALL AND MITCHELL upstairs over S Men Drcp Inn BEST PLACE TO GET YOUR MEALS HOME COOKING OUR SPECIALTY BARBECUE ROBERT POOLER, MGR. JOHN GREENLEA ROBERT POOLER JOSEPH HALL OWNERS 20,000 Slightly Used Records Many Late Numbers 15c EACH 7 FOR $1.00 The Record Shop 441 EDGEWOOD AVE.</t>
  </si>
  <si>
    <t>                                           M. H. J.--I am a young lady of 19 with a child of ten months. Since making my mistake, I have held myself high and am still respected in my community and church. I have known a man for years my senior I have never given him much thought. He's...</t>
  </si>
  <si>
    <t>                                           JEFFERSON CITY, Mo. ().--The first National High School Track and Field Meet will held in combination with the Middle-Western Track Carnival St. Louis on Saturday, May 11, at Public School Stadium, At the recent meeting of the National High...</t>
  </si>
  <si>
    <t>                                           GUAM MEDICAL OFFICER- Lt. (itr) Arthur U Thompson, of the Medical Corps. USNR, is shown at work as a medical         on Guam. He came into thn Navy by way of the Army,  resigned an Army commission to be admitted ino the Navy as its first Neirro medical officer. An honor ( of Meharry Medical College, lie was a member of Alpha Phi Alpha and served as student. physician at Fisk. Mrs. Thompson is a- nurse at the Universiiv. of- Illinois-.                 ^y-^WlT^i ^'</t>
  </si>
  <si>
    <t>                                           THAT WINS MEN Make him thrill to the touch  f-your beautiful looking hair. 'TJie'PIuko Hair Dressing, a Black and White creation. Pluko helps you to comb out youg-           , helps it stay "set" longer in many heart-winning ways. Pluko's perfume brings added charm for hours. LOOK YOUR BEST At work and play, you ll feel that you look your best knowing Pluko is keeping your hair in place. Especially popular with those bothered by stringy , bad-looking hair. MEN LOVE IT Men love that soft, smooth, shining lustre Pluko Hair Dressing brings to your hair. Yet Pluko costs only a few cents. Sold by dealers everywhere in large money-saving sizes. Amber, 2S(i. White, 50f. Try Pluko, you ll love it. Always be sure you ask for  JiiBWMJ</t>
  </si>
  <si>
    <t>                                           m^PEB f A leant up is  COMMUNITY Voan.~ I  ment CORPORATION *OOm S09,      . '8 ALABAMA STREET, S. W. W.pAon. MA!~) 1308 331, GRANT BIDO., 2m4 H.         ond  , M.W, T*      - WAhwt 3046 i                    ..       ,~M. I,</t>
  </si>
  <si>
    <t>                                           To be admired is every woman s hearts . And what can add more to your beauty than to have  which is smoother, lovelier, soft- I er to the touch. And lhat s why Pluko is such a favorite cf v. everywhere. It does so much to beautify your hair. You will have hair "looks" that men admire and other                     }Tit . You Can Depend On Ul A genuine Black and White creation, Pluko really helps make your hair look lovelier. You can coir.b it out softer and smoother. You will be able to arrange your hair in so many flattering ways all the newest styles. Your hair will glisten, for Pluko will give it a  lustre. And Plukn will keep your hair looking well groomed smart and (;ood-loo!dng for hours.   \ Dull I        h$k- Romance. /'Vi'^i :o lias the thrilling y/'Uljji1  perfume. You M. will love it. And men will  ljj^^~~ love you for it. It lingers and clings to you irresistibly. Try Pluko today. You'll never be without it once you sec how much this perfect hair dressing can do for you. Andit's so inexpensive. Sold in big economy sizes everywhere. Amber 25c. White SOc. 5 Always be sure that you get Does Your Hair Need Something Special? Write Now Tor \ia\u\c . I -A .Mall No Morn-t Try Medalo No. 1-a Treatment, If your hair Is dry, brittle, cracks and breaks off. If-youi- scalp Is ," . then try Medolo No. l-A with directions: Medalo Scalp Formula, Cream Shampoo.-Metlafo Hnlr Hbt OH,        Pressing Oil Compound (ti- treatment, size). Everything only jS2^.r), not. a penny more. Mall no money. Only s.^nd name and address. Pay on delivery of     your 3ood.~; and free ..i of perfume and face powder. Write now! 9;iy 'Treatment No. 1-A." GOI-D MEDAL HAIR PRODUCTS 337 Kings Highway, B'ldyn, N. V. . SC-1</t>
  </si>
  <si>
    <t>                                           Brazeal Open Forum Speaker                 The Atlantn Open Forum Is  as Its speaker lor Sunday. April 14. Dr. Brnllsfoid R. Brazeal, professor of economics at Morehouse College. Dr. Brazcni. whose book. The Brotherhood of Sleeping Car Porters, has recently been rek':ised by Harper Brothers, will discuss the Importance of the Brotherhood of Sleeping Car Porters In the development of labor unionism among American Negroes. AH open forum meetings take place at Friendship Baptist Church, corner of Mitchell and Hnynes Street, S. W., and begin nt 7:30 p m. As . there will be a social hour following the forum, and refreshments will be served during the Informal period of the social hour. The  Ik  v Invltm* to attend this forum and to participate in the discussion. All  meetings,- which take place the second and fourth Sundays of each month, nre public, and there Is no admission fee.</t>
  </si>
  <si>
    <t>                                           The headline sports attraction for the current week end will be the heated doubleheader between the Atlanta Black Crackers and the Baltimore Elites, which will transpire at 2:30 p. m. Sunday at Ponce de Leon Park.</t>
  </si>
  <si>
    <t>                                           An open letter to all citizens and property owners in College Park:</t>
  </si>
  <si>
    <t>                                           MAKE NEW FRIENDS i Join a milon-wiac social  club devoted to the Interest of sincere men and women who seek new friendship. A 3.cent slump for  nes-led. Cet Acqiiaii'tet) Club J.!ox 3735 Dfliid Klatlo." JJiil!~Uioie 27. Mprvland. Depf.. SP</t>
  </si>
  <si>
    <t>                                           "Fireside chats" as instituted by the late Franklin D. Roosevelt, taking his issues directly to the people were effective agencies in the functions of government. This innovation, which is purely democratic, promises to be the safety value between-the President and the people.</t>
  </si>
  <si>
    <t>                                           Rich's Basement "GirFSuits 12.00 Adorable classic suits in soft Shetland  Wool contents labeled. So delightfully  ing in blue, aqua, maize, coraL Sizes 7 to 14. Tots' Coats 5.0ft Kojt: He-man styles, in tweeds, plaids, . Wool as labeled. Sizes 1 to 3 and 3 to 6x. Girls.- Adorable styles in tiny checks, ,  Wool "ss labeled. Sizes 1 to 3, S to 6x, 1OII' A.   Glut*' MrACTJXJM* Boys' Sport Coats i TV. ~{^^^Boys' Gubarriinc l.mn; Punt\. Boys' Shirts   {S% Dress-up for Easter. Vai- a^J dyed shirts in fancy pat- lot- /viJ . Sanforized shrunk, t I If 7 Size* from 6 to \W2. ^~-at^L-Jy W^Ut ~^   fc fx lint</t>
  </si>
  <si>
    <t>                                           TRUCKS FIRED BY INDIAN RIOTERS                 FIRES SET BY RIOTERS sweep through sections of Bombay and Calcutta In- J.. war." of widespread rioting and disorder. Here is one of Ihe first pictures to  by radio from Calcutta showing how  have put                 the torch lo trucks and other vehicles  the rioting. {International)</t>
  </si>
  <si>
    <t>                                           MADAME ROSE      Who'll : I-ALM1BT Moarvjlte**  a K**~~1  a*lr* BWe, part, *OB. fatty* Askt no     UlU i      !W3 y  u     * Bfn  , mnn  nrt       M*f t Sf Mi of         ,     . B3   EJOi .        affairs, * WQj**~^      roa win  aa4 i^M wbn, TpreoiBe        , j 1 "8^2^* , l*     , #rti m \T^        . . Mft6    Jt .ci.l wl  of  ll      . RoDtej. a. m. 10 p. m r,~ul Mill Tmjlor. front ot WWh r- '~    ~~~.     - roa  ni nort          -r  ri."   . Then la       M     ' 4    7 ll-~a        m1 1   i 'l*e*  3 .1  of j,d llo-rll Mill KnJ B.   . ~!ll      .     U'" Mow^ll VIII     1 nr. Moo M         $1.00 Reading for Z5t Voar lacky days and Booth* I Given Frre Madam Eva SHE  Set FACTS AND  qQ r TOD GET  Me h results i !TA[ B era and     j?^=VS5fc'   *~  all. I) '~v. -v* \z^^S         Voil *^v^C/ 3        \~V'-VTCiy-*/ or I'ocl1 1 V. V     "l WwM'o.  \t -T Vi(? 1 .       m iy-j oon.uU Kll . ^O^5 ^2  with row ~~^*    to MwUs anre  n4 tome         . Offleo bnan a, nt. to lu p. ra.   !l? sad 80D1U7 1019 \1. Morlxlta HI.. N. W.. Atlaata     to i*ma the Inm*a Tard  par. PtAAao atk tbn oar  a*  ort' off two ~(~   od      Athar     of Kfajr Pltiw Co.. Atlanta,       .</t>
  </si>
  <si>
    <t>                                           India Needs Wheat And Rice To Ward Off Mass Starvation                 WASHINGTON. (SNS1 Delegates from the governments of India and Ceylon met with the Combined Food Board last week and explained the' critical food situation in their countries.                 The Indian delegate pointed out that his country- which had just suffered the worst drought in 60 years faced  starvation an- I leas her urgent need for wheat and rice in met through imports. He said that India needs to import a minimum of two million tons of cereal* principally wheat and rive during the six  ending June .10, and an additional two million tons during the second half of 1946. Ceylon's    4R,- 000 tons of rice nnd flour are needed each month in order to maintain even the present stringent cereal ration of 1,200 calories in i his . Tim Minister of the South African Legation also will meet with j representatives of the Combined1                 Food Board to discuss the cereal needs of his country that have arisen a.s a result of serious drought. Secretary of Agriculture Clinton P. Anderson told representatives of the food trades industries meeting here on March 8 that Indiu has asked for four times more food (Trains than their earlier requests totaled. He said that this was due to drought which had seriously reduced all  crops in India. Pointing to thn increased needs for food . the Secretary urged the food industry representatives to develop a conservation .-program that will make it possible. for this country to ship more food to starvation areas. "Present export needs for wheat total 20 n million tons' and only Jim to 12V4 million tons are in ." he said, "in all the countries where wheat is produced for export. The United States has un(Continued on Page 6)                 India Needs (Continued From Page One)  to supply a million Ions of wheat monthly for the first half of 1!~4I5, but shipments so far this year have fallen below that rote." As a step toward further assuring  for the starving peoples abroad. Secretary Anderson has  State and county emergency food program managers to help speed the job of supplying food under President Truman s emergency famine relief program. The designated managers are State directors of the Production and Marketing Administration and chairmen of the county agricultural conservation committees,  will set specific local food conservation goals, work out conservation measures adapted to local conditions, and marshal the forces of citizens' organizations and food trades that will help carry out. tht program on a voluntary basis.</t>
  </si>
  <si>
    <t>                                           WASHINGTON, -- (SNS) -- Delegates from the government of India and Ceylon met with the Combined Food Board last week and explained the critical food situation in their countries.</t>
  </si>
  <si>
    <t>                                           WASHINGTON, D. C.-- The National Builders Association will convene in their first annual convention since the war at Howard University, Washington. D. C., Apr 23, 24, and 25 to discuss "Housing our Veterans."</t>
  </si>
  <si>
    <t>                                           ==\ ^~C':':-:r:-';; v Overcome Obstacles And Hidden Fears These Are Things Within Your Grasp Tell* Too Dow To- ^^d^b^^hT Know What To Do Get A Job.          Know When To Do It Uanlsb Misery. H8H*I I*BH Rain The Mastery of AT Remove Cnhappiness. MH-1*~"VJ Cure- Sickness without Know What Others Are    -^;'    . Medicine Dolhgi E^I^Ma' fia n thj;toTe of Re Lucky.- fc- ^Ir^H OPP""''^ Se3t. Onln Property. A^j M H Make People Do Yonr P Regiln YouthT Vlcor       ! Bidding J;'" Remove the Cause. ^^^=^*!l^!?7 "ring Back ITapplneM Get Back Stolen Good*. CalK Yoor Name 1269 Bankhead Highway j ALma^d Park or River Car to Anthony 'St.</t>
  </si>
  <si>
    <t>                                           Duckworth                 In a hot verbal exchange between former Governor Eugene a. Talmadgc and Chairman J. Lou Duckworth of the Stntc Democratic Executive Committee, reported in the local press here, Georgia voters got a sampling of Ihc heat which promises to generate in                 politics in the state this Summer nnd Fall. Mr. Duckworth had  Urn "no man who sought to c( Uiu Democratic Party should be  to carry its banner." Kc also insisted that "only persons who c;m  they both supported ami voted [or the party s national nominee in ly-IU and llM i. should be allowed Uj participate in I he primary." Mr. 'Jalmadge shot back with a reply chari;inu Mr. Duckworth  having been ;i Republican at one time,  he; "Lon Duckwortii Is a  Republican. He came from a Republican County, Towns Cumily. Every Olllccr in Towns County is Republican, r am not  off Hie record." concluded Mr. Tiilinadcc. "You can quote me." "Anybody." replies Mr. Duckworth "who says UtaL I am ur anybody else who bears thu name of Duckworth ever voted the Republican ticket or conspired or .cooperated with the Republican Party, or  t:el. tip a ticket, ior a  party made up of Republican* anu  Democrats, is a plain, unadulterated ." "Furthermore," declared Mr. Duckworth. 'I am a native of Union County, not Towns." Mr. Duckworth stated thai while he did not originate tile "idea. I am in favor it." I am also in favor of not accepting the mere statement of a candidate about his party loyally. If such a statement is challenged. I favor culling the                 committee or n subcommittee together for u public hearing and accepting proof on both sides." INDEPENDENT DEMOCRAT Chairman Duckworth pointed out that former Governor Talmadgc. when a candidate for  en the Democratic ticket in I!M0,  nomination by the independent Democrats and also ran on their ticket, which was headed by Wendell L. Willkie for president and contained the same elector* as the .straight Republican ticket, six Republicans  six independent. Democrats. \ui!5- 1. Mr. Duckworth   that Governor Taiimidgc conferred nnd collaborated with the Republicans in Kill and aided hi  out a ticket, of mixed Republicans mid independent. Democrats     oppose President. I'Yanklin D. Roosevelt and other Democratic nominees. Ji* l!)40 the , Dcmycnits. while  President Roosevelt,  lite names nil Democratic  fur slate offices. However nine  tor .statehouse . two candidates Tor llic Supreme Court thren candidates for the Court, or Appeals, - candidates for Superior Court judgeships and I wenty- candidates for solicitor general refused to  nomination by the independent Democrats and requested the secretary of state to place their names on the Democratic ticket only. Governor Talmadgc. Comnils- i sioner of Agriculture Tom Lindcr, Judse Eschol Gmham. of McRae, Governor Tnlmadge's home town. and Judge James C. Davis, of the Stone Mountain circuit, were the only Democratic candidates who allowed their names to go on the Independent Democratic ticket.</t>
  </si>
  <si>
    <t>                                           In a hot verbal exchange between former Governor Eugene S. Talmadge and Chairman J. Lon Duckworth of the State Democratic Executive Committee, reported in the local press here, Georgia voters got a sampling of the heat which promises to generate in...</t>
  </si>
  <si>
    <t>                                           Wide indorsement, and support in Birmingham is bone given to the observance of Negro Newspaper Week, Feb. 24-March 3, celebrating the 119th anniversary of the Negro Press, the Birmingham Negro Press Week Committee announced yesterday.</t>
  </si>
  <si>
    <t>                                           GREENSBORO, N. C.--"Liberalism as an end within itself means little unless there is action to assert that liberalism." declared Dr. Witherspoon Dodge, field representative of the Southern Conference for Human Welfare, as he addressed the Bennett College...</t>
  </si>
  <si>
    <t>                                           Sunday School at usual hour Preaching by the pastor on: "Decisive Moments." At 3 p. m. a quartet will sing.</t>
  </si>
  <si>
    <t>                                           Atlanta JlUfe World Paul*** *   7 Homing Except Monday, at J10 Antaa A*   Members: a N. a- N. N. P. A-A. Betebllsbed An*. 1988  Btctmt Daily March II,      W. A. , H Fonnder-Pobliaher. Aug. 5. .1828 to    . 7,     Telephone: WAlnnt 1469 1480 bUnd to Port Office at Atlanta (3), Oa., m   man under the Act of CongreM, March 18, 1879 'A.  Editor and General Manager Dally: 1 Tear,  9.60;    Months, $5.00; 8 Monthi, 13.00 Saturday Only: 1 Year, $3.60; 6 Month*, $2.00 Canada: 1 Tr., $4.50; 8 MonthB, $2.76; Foreign. 1 *r.,  6.~0 TfflC ATLANTA DAILr WORLD    an independent          ,  and non-partisan, printing newa absolutely  and supporting those things it  to be to the intersat of Ua readers and opposing those things against the Interest of its readers, Address ALL COMMUNICATIONS to and make CHECKS payable to ATLANTA DAILY WORLD, rather than to individuals. The WORLD expressly repudiates responsibility for return rtf unsolicited pictures, manuscripts, etc, unless stamps are sent     RIGHT TO VOTE j The right lo rote  tie  to *II our               mf raca color, or  without ~*z or artificial restriction of any kind. Tho       wa fat to that       of political quality, tha batUr it will be for the country at a whole." -FRANKLIN D. ROOSEVELT.</t>
  </si>
  <si>
    <t>                                           THE DENTAL TECHNICIANS SCHOOL OF ATLANTA Will Open On May 6th Riickc-r nMK. 1 r.S: 1-2 Auburn Avc. N K. Wai eli This I'.'1~)it For Annonnci-. Address nil communications lo: T. i\1. Alexander, I'. IJov (M(i. Atlanta, C.a. "FOOD THAT JS TRULY DELICIOUS" THE M^SMlTAH CAFE</t>
  </si>
  <si>
    <t>                                           Samuel Carroll, Jr. Entertains Pi'iends                 IJttle Samuel Orirroll, Jr., son of Mr. and Mrs. Samuel Carroll. 221 Troy St., N'. W.,  several of his litt o  on   birthday, at the ; v( his grandmother, .Mrs. Leita Car- j roll, !    Alayson Turner Avenue, N. W. (A'iv.) I</t>
  </si>
  <si>
    <t>                                           Vets Denounce Senate Action                 WASHINGTON. D. C- (NNPA) The Veterans League' of America lost Saturday denounced thg action of Senate leaders in allowing legislation tor a permanent P. E P. C. to be aside because of the filibuster by southern Senators. Brljadior Gen. H. C. Holdrldgt (retired) chairman of the League'? legislative commission, said the ac  of the Senate was "an abrogation ot democratic rights and a step in the direction or Fascist   Up." Colored veterans are entitled tu a fair chance to get decent employment at good salaries the same as  veterans are, the former general said. Jews, Catholics, ana other- minority, religious group should not be made to suffer for want of. employment, because of the beliefs of  conscience, he added. The.. VLA.; called; upon veterans throughout" "-~ fff--gether In the  for FEPC legislation. Man Gets From One To Ten Years On Manslaughter Count In returning a verdict of guilty of voluntary manslaughter against James Tell, Wednesday, the allwhite jury fixed his punishment at from one to ten years In prison. The cuse opened, .Tuesday, to Pullou County Buperior Court, with Judge Edgar E. Poraroy, presiding. Tell was charged with the alleged murder of Willie Booker, who died of shotgun wounds, on the night of December 8, in the Beer of 2S33 Andrews Drive. According to the .report of Officer Orr, who investigated th. crime eye-witnesses told him that Tell and the deceased got Into an argument, over a  during a crap game. Tell left the room and asked his brother John Tell where he could find the rifle. Th? report also stated that later, the deceased grabbed Toll's brother by mistake and pressed a knife to his throat. It was then, that he was alleged to have been shot from the outside. Brooklyn High School Refuses D.A.R. Medal Brooklyn. N. Y.- The Girls' High School of Brooklyn, which lias a goodly percentage of Negro students enrolled, has refused to accept the annual American History medals awarded by the Battle Pasa Chapter of the DAR. The action was taken because the Battle Pass Chapter wrote Principal Edith 31. Ward that its policy was 'not to comment on any action :al;en by the National Society of the Daughters of the' American Revolution." Sirs. Ward had written the chapter that her students were "upset it the discrimination shown by :he Washington Chapter of the DAR in the case of Hazel Scott, uid earlier. Marian Anderson." She asked what the attitude was of iho Battle Pass chapter. When informed that the Battlo Puss Chapter hud "no comment/' Principal Ward : "To evade a stand is equivalent agreement with those who would lony to the Negro his American- i ant. I regret, therefore, that be: of this, our long and hitherto pleasant relations will have to be severed." I</t>
  </si>
  <si>
    <t>                                           NATURAL PAGE BOY ATTACHMENTS  a88838aSS8S8SS8SSS8S8SS88Sr3SSSSSSSaeS3SSS38S YOU CAN HAVE YOUR HAIR PERFECTLY MATCHED FOR 48   M^ Human Hair- T*' J AH Shade* JU( 1  SEND NO MONEY 7^         Pag* _ $7*50 All Ov*r Wio ^_1_T.$35.OO Powpodow        .H.U30 Half Wig 19.50 Al Arovmi ReU K50 1st Qualify Pane Boy* 8.00 (A 0     ~#~%! Itt^lrW  U TkM. Onlwt) MM  WHM AND MAIM Utiff    ur imm  f    anu smo you* o*     Cmr Mi Uw tt 0      -AU  ImIoA^ Mlz*d 0  r ICy IWH AVI. (la- 90S) NEW YORK CITY</t>
  </si>
  <si>
    <t>                                           MORF1 SPEAKER- DR. GEOIKiU SNOW13EN,  oi the Department, of Economics at D! third University who will  the Morehou.se Colleprc Fonun nt II p. in. on Wednesday. Fob 13. in tilt' Exliibition Room of the University Library. His  will be "Trends In Employment A 11 d Employment. Opportunities For Negroes In The South."</t>
  </si>
  <si>
    <t>                                           Back Again, Metal Bathroom Fixtures! All Metal ^Sv White Enamel p^^JUl Only A Few v Electric Clocks ca K- l- ^^^m^^^3^^--^ y^^^^S^^^l Scott Paper Towels          $139 S. Hi SflSQ^ A1so Received Shipment Of ^J^l '        Waldorf Toilet ALUMINUM SAUCE PANS l^ Tissue ll-2Qt-56c;2Qt..77c;3Qt..85c I T^^j^ Oblong Baking Pan 68c  ColleSe 5 10c Store $1.49 The Store With The Hard To Find Items 660 W. Fair Street (Doun In The Hollow)</t>
  </si>
  <si>
    <t>                                           Combining superb power at bat, brilliant fielding and clever baserunning, the Morehouse College Maroon Tigers routed the Alabama State Teachers College Hornets, 20-3, in the final contest of a two game series, played Saturday afternoon, at Harper's Field.</t>
  </si>
  <si>
    <t>                                           JEAN WORTH  READER ^alls your name. Asks  no questions. Gives the object of your visit Fells who you  to know. Ad'Iscs to a certainty. Helps you no  natter what ; trouble may be Ml who are ;  ir dissatisfied, we have a remedy Corae today, tomorrow may bo too late. Hours daily from 9:30 a m to 8 p. m. Closed Wednesdays Reception rooms for White and Stored. LOCATED AT 1W9   1 Block Fact City UhaMa M Abtbony Street. Ahnond Park or BITer Car to Anthony 8t</t>
  </si>
  <si>
    <t>                                           ROCKY MOUNT, Va.--(SNS)--On May 23, companion bills were introduced in the Senate and the House asking for authorization for the Director of the Mint to coin 5,000,000 silver, Fifty-cents pieces to the used as Booker T. Washington Birthplace Coins in connection...</t>
  </si>
  <si>
    <t>                                           Do Your KIDNEYS, BLADDER Need Help?   Taaaaaadj win                     from painful Ud{9B9G9    "   d bladder  HHKjE^BBdoa to mm bod*  la WWflHklilnn, report       !^Mfaat nW die to a ^H01"*1'      nd     KVSftaBfNATUltAI. BXI D      WmZJSEm^"4   *      . If.joa ,  Blcttui ,  ,  back and         Mrei'afltilnr Joint*.  hj don't 7 m Ma what tUa  aan do for  You, Uka Ibosaaadi mar nod II la Jut what rs* acad.t*      joa    ) .  aa4 Toonvtr.                 . barka,       fr*m India, Cblna. aad Afrtfm n ta- I Cq  fin* .       help      la aon-Kritamlo-Isomsle  aAd bladder   t*~T h*lD jour        asA  which mar mm- roar *. Too mar bare  to bl?~i toa da* I foa beard of     Drmroa- Berbt.: Try them   Send no.monar- Jnat oar ttw. n.n rlu     euM  wben he  700  (la  box).'   or       . at no SUM      4ad. (VriU toda/i VITA BOTANICAL CO. U W. tab M. Jtev 7ark I. I.      8 8. I</t>
  </si>
  <si>
    <t>                                           AlAKftlACK Tul.U-Mr. :iW{ Mrs. Cleveland Clayton -c llu; marri;ij;i: of their only ^h. ler, Mary Uiuiw i.', lo Mr.  .Shurkk-y, the .son of Mr. anil Airs. K:n-~rat Sluvrklfiy of Atlantn, (loor^ia. \U*\. ({     !' the  :il W'heal Sjlrcct  Chiiri'U. Tin-  is a former student of  'I'. WiishinKlun H'tfh School. Mr. Scliotrkley is a  ^-nV of Mnri'hnuse CoIIcro mill will  thi' Korvit'i! April Hi.</t>
  </si>
  <si>
    <t>                                           SILHOUETTES SOCIAL CLUB will meet today at 6 p.m. with Mrs. Daisy Miles, 562 Rhodes St.</t>
  </si>
  <si>
    <t>                                           DAR HEAD CLAIMS "PRESSURE" HINDERS CHOIR APPEARANCE                 Tuskegee Unit Prepares To Sing In Constitution Hall On June 1                 WASHINGTON. D. C- I                 SNS)                 "Pressure" by Representative Clitre Booth Luce, Republican, Connecticut, hinders preparations for Tuskegee Instituc  to sing In Cofi ',' "Jii'ne ''1  d  b. a statement by Mrs. Julius Y. TnlT"     , - ^-g^noal- of- s!: of the American Revolu                 Uon, Thursday. Mrs. Tiilmade said that she Iirni received a telegram from Mrs. Luce  for the DAR committee .st racial discrimination in Constitution HjII. Wednesday in  Mrs. Luce urged thai the hall be made available for the choir "lest once more DAFt's all ov er Hie country arc-  to ." REACTIONS IN PAST Mrs. Franklin D. Roosevelt resigned from tlie DAR as a result                 of its  lu permit Marian Anderson to sing In concert  in 103C. Miss Hazel Scott wife of Representative Powell,. Democrat... New Yprk,~'wiis also refused permission to_play_in the  of a few " ago Part of the  reply lo Mrs. Luce was made public by Mrs. Talmndge : "Tuskegee Institute a n d its founder (Booker T. Washington-) stand high in esteem of every American and since the request was received last week we have been  fo work out i ways nnd means to  the choir appear in Constitution HnlL.Your antagonistic message, however, I with its threats and un-American insinuations, has seriously complicated the matter i</t>
  </si>
  <si>
    <t>                                           "Pressure" by Representative Clare Booth Luce, Republican, Connecticut, hinders preparations for Tuskegee Institue choir to sing in Constitution Hail, June 1, according to a statement by Mrs. Julius Y. Talmadge, president general of the Daughters of the American...</t>
  </si>
  <si>
    <t>                                           Ft. Valley Negroes Vote In March 29 Democratic Primary                 FORT VALLEY. Ga. On Friday, March 29. Negro citizens of Fort Valley participated tor the first time in the Democratic primary. .Approximately. 200. Negroes were"0'"'at1     '* pui-" cen tage took advantage of the "7l mayor,  ai- dermen, and other city officials were elected. Voting toe* place without Incident of any sort.</t>
  </si>
  <si>
    <t>                                           Young Voters Hear Scott And Walden                 Spcaklni; before! flic Atl:is Social Club al  Butler SI reel YMCA. Sunday, C. A. Scull., president ol Die Citizens Democratic Club ol Fulton County and Editor of the Atlanta Dally World. Attorney A. T. Wulden president of the state /ations of Neuro Democrats                 urged a group of young voters, who were mostly veterans, lo cost I heir lot with llic liberal white forces in Uk1 stale. Attorney Wiildcn explained the  of Mic Ncmio Democratic / untl urged a lni Kr. vote for the ;  Democratic primary .June 4. Mr. Scott discussed briefly tile Ijubcnintorlal race scheduled for July 17th. He declared  the Nepro's  integrity Is at stuke lu the gubernatorial race  on the basis of the record and platform of the three principal candidates In it, we have only one choice. Scott said lot of money would be spent but "any Negro lenders who is guilty of taking money and influencing his people because of II ought to be repudiated." He added that lie has report.1-: that some Negroes In a position to Influence others arc allegedly supporting the candidacy of one candidate lor governor who Is linked with the Ku Klux Klan. The Kluu is definitely an issue In this race. Scott said. S. C. Harvey Is president of the Atlns club. Warren , secretary of the Y presented- the  tc and marie  .</t>
  </si>
  <si>
    <t>                                           Speaking before the Atlas Social Club at the Butler Street YMCA. Sunday, C. A. Scott president of he Citizens Democratic Club of Fulton County and Editor of the Atlanta Daily World. Attorney A. T. Walden president of the state organizations of Negro Democrats</t>
  </si>
  <si>
    <t>                                           Bar Race Principals In New Panama Schools                 B.v E. S. JAMIESON                 . R. P.- (ANP)- No Negro. whatever his scholastic attainment. \ be appointed as principal or supervisor in the Canal Zone high schools tor colored children no* Being built in Silver City and LsBoca at the cost ol $675,000 to the American taxpayer.                 Prlnclpalshlps and supervisory teaching positions will go to white male Americans qualified in the field of general or vocational education and  at least, a bachelor's degree. From sources usually reliable, the Associated Press obtained the Information that the buildings will be ready for occupancy in another three months and that classes, are to commence some time in Aueust. Graduates of the LaBoca Normal school where Negroes are trained for the teaching profession will be given the opportunity to teach in the high schools provided they have taken post-graduate courses In special subjects at the Balboa (White) Junior college. TO PIT PATTERN Higher education which seems on the way lor "native English speaking colored children, most of West Indian descent who reside on the Canal Zone" Is designed and calculated to fit In with the pattern of occupational opportunities available on the Cnnal Zone Though the  will be extended to Include secondary academic work and studios in music an art. emphasis will be laid on .vocational training. In some informed quarters It Is believed that the. high -school program, which should fit Canal Zone Negro children to meet the exigencies of a more enlightened. age, will', not, because of its circumscription, raise their status                 from the lone accepted system of :, poorly paid artisans, sales-clerks and other minor positions under ihe Canal Zone system ot "silver roll" Jobs, which Is interpreted to mean a low economic stanis:</t>
  </si>
  <si>
    <t>                                           PANAMA, R. P.--(ANP)--No Negro, whatever his scholastic attainment, will be appointed as principal or supervisor in the Canal Zone high schools for colored children now being built in Silver City and LaBoca at the cost of $675,000 to the American taxpayer...</t>
  </si>
  <si>
    <t>                                           iiv ii. r Ti"" v Mitchell, first blind veteran oi, World War II t'.   :  ~.y the; PYderal ^tA '/nL in tile Wash- i  ar('M.  Iiis his (''.s                 ;il the Navy   :~);'.s Bureau, "f .\li::!ni'      .Sum:ry :i.~      faithful ii.-rini,' i:yi: iI iKi "Ta-ic"." lies . i I</t>
  </si>
  <si>
    <t>                                           JEAN WORTH Overcome Obstacles And Hidden Fears These Are Things Within Your dr-dsp TcTJs You How To Kmnr What To IJn I Get A Job. WSSSrW^SS      Whi'ii To Do tt Hanbh Miser}'. Hf'] B'ffiM Ga n Thr 1I        nf A" Remove UnMpplnes*. HB"I.'I *Bra r"rc ^'c'^''^ without Know What Others Are  MJt-i4F'fl ~'   1 Iicinc Doing, PB^fcl^H C:i'n ''ovp "f Bo Lucky. 1T^ ^fe Sj Oppusltc Sex Gain Property. BL Jj JH Make People Do Your f Regain Youth Vigor  Mt^~^/m Bi'I'Unr i Remove the Cause. BSR   *l  Hack Happiness Get BacU Stolen Goods. Calls Your Name 1269. Bankheud Highway Almand Park-.oj- River Car to Anthony St.</t>
  </si>
  <si>
    <t>                                           Do minority groups have power to many, it is a foregone conclusion that no minority group has power To prove their contention, they point to the success and power of the dominant or majority group. There are people in the Negro group who wish they were...</t>
  </si>
  <si>
    <t>                                           BUY</t>
  </si>
  <si>
    <t>                                           Old Mr. Trayes, the named criminologist, has long ago retired from active practice, but his views on the subject of murder were still highly respected. In his opinion, the 'dark deed' really began long before the actual crime was committed. Here, then, are the causes and events that brought certain people...</t>
  </si>
  <si>
    <t>                                           I LEADS USO CAMPAIGN                 APPOINTED USO NATIONAL CAMPAIGN CHAIRMAN. Car) Whitmore,. President of the New York:. Telephone Company, will head the nation-wide, appeal dor- ing September and October for .519,000,000 to carry CSO through 1947. Gen. Eisenhower's statement, "I, want as much of USO as lean get, for as long as I can get it." was all Mr. Whitmore needed to make up Ills mind, he said in accepting the job. Mr. Whitmore was chairman or New York City's National War Fund campaign last year and .has. been Identified   philanthropic work;..</t>
  </si>
  <si>
    <t>                                           Announcing The Grand Opening I Of The CONGO CLUB 10$) Houston SI. NE (Corner Piedmont) Tunis!!*. Icbniary 27, I DIG at 8 p. m. We specialize in BARBECUE AND FINE FOODS also SOFT DRINKS AND BEER George Brown, Manager</t>
  </si>
  <si>
    <t>                                           N. C. Voters League Starts State Registration Drive                 Progressive Units Tell Of Ambitious Plans                 Headquarters To Be Set Up In Central Location                 1LLE, N. C. (ANP)A -wide registration movement was started here last  Iw the North Carolina PitJtfresslvu Voters league with the slogan " people are a hopeless  anywhere on ."                 Organized last May, the league claims to    interracial but roost of Its membership Is Kegro and all ol Its  arc Negroes. R. H. Scatty, a local resident. Is president. Pluiis were made during a meeting at Raleigh to organize the  on a unit-wide basis     get     )li: to register and  In local, stute and national elections. Beatty said. His organization is progressive but not radical, ho pointed out, nnd merely wishes "in an orderly fashion to Interest all people in the  of their government, and to participate in them by voting." The Progressive Voters' league stands behind full employment and  wages, adequate unemployment , further equalization of educational opportunities in North Carolina and  aid to education. "We must take time to educate our people,'" Bealty said. -"    "-v.^be                .~ mediately." The league P.la!Hj l0 Bet up a           On   ^~ 5 Col. 5                 Progressive Units' j Continued From Pase One I state headquarters somewhere in .the central part of the state,  in Raleigh or Greensboro. The Rev. G. E. Check, field agent lor Shaw university, is director of    ; league s membership drive and i'.ul organization. His  l^ and '.vide experience makes him invaluable to the league, Beatty remarked. Several southern states are                 ported to have organisations similar to the Progressive Voters league. I</t>
  </si>
  <si>
    <t>                                           FAYETTEVILLE, N. C. (ANP)-- A state-wide registration movement was started here last week by the North Carolina Progressive Voters league with the slogan "voteless people are a hopeless people anywhere on earth."</t>
  </si>
  <si>
    <t>                                           I How women cW girls may get wanted relief from functional periodic pain Cardul is a liquid  which many women say has brought relief from the cramp- like,  and nervous strain or functional periodic distress. Here's hew It may help: % m Taken like a tonic, It should stimulate appetite, aid digestion,* thus help build resistance for the "time" to come. 2BEtar' d 3 days before !_L "your time", it should /"ToOK*\ help relieve pain due INTO to purely functional \T **f ~*7 Periodic causes. .^Try Cardui. If it helps, *7ii;M you ll bo glad you did. L \       * Mystic Luve Drops 8Eci:irr  nv.]j\s wm THE ONK VOU  II fit^t oim t)rnp Df   HtftnainlliiK ri-HKnutce r**n put u *(; .l.                 love,   t   jou.- which.  i,.iri i.M.  - tub  to success, . LUCK unil IittVKIt,       lKm*   lr4PM  help  MAKK A HIT IN  ( K LIKE     I.OVE. ~' or - Mfl  un how lucky they liat* . Top're Mire lo  Hid T1!_ AX-MI I Hii:i: I-. IllKKI       linn i tn (IiIn to win     . SliND NO . 1*1111 Hl7n  Hflil bj  on I   plUN , or Mfld onl5 Icl.nfl unil nn  . One tattle  If liro        . .MONKY HACK CI'AICANTKi:. .I L CO.. Dipt. tW 00, 20 Tnrr 8tr."t  w Tork CltT,</t>
  </si>
  <si>
    <t>                                           NAT! NEGRO NEWSPAPER WEEK BEGINS TODAY                 Radio Station W6ST In Initial Airing Tonight                 Program Slated From 11:30 P. MTo 12:00 Midnight                 Atlanta, home of Wia only Nc Bro dally In the United States Joliw the nation In    , celebration of negro Newspaper. Week Feb. 34-Mareh and  the' HDth anniversary, of the Negro press with on initial nation-wide broad cast over radio station WOST at                 11:30 tonight. This broadcast and a subsequent one. the. theme of which * the fact that the establishment of democracy, is the  of every man In the nation, brings many celebrities of the state, radio and screen or the white..' and Negro races and outstanding contributors to science, government and literature. Rank Sinatra, one of the most active advocates of full democracy is slated to sins "The Hoime I Live In," and later will be Interviewed during *he broadcast. DREW UISCUSStON The first successful  of a blood bank In this country, Dr. Charles H. Drew, will discuss the Negro'.* contribution lo the Held or science emphasizing the-, development of blood plasma. Dr. Drew Is now head of the surgical Instruction nf Howard University School of Medicine. In addition, Lionel Hampton nnd his oche.stra, the Ink 8pot.s, and Carol Brlce, a young contralto are stated to be heard on this  broadcast. TTie NBC network will carry the Second broadcast Saturday March 2 at 12:30 p.. m. .EST which will be Initiated by a dramatic  of 'he progress of the Negro since the' ^'Freedom's Journal," founded by Samuel Rukswurm, .will, . Ralph. Cooper, outstanding emcee arid actor/ The broadcast here Saturday Is from 2 to 2:30 p. m.'over S'jition WSB. OTHER ACTIVITIES Hundreds .of high  s t ur dents throughput 'the country are finishing essays for en'.ry in the  --sponsored corf'.est whish closes March 2. The essay subject is "Tho Importance nf, the- Negro Press In Postwarv America." The prizes, are",. f 100., $50, and .*25. In ^e-'Weh^l^' ?or Journalism achievement wHl.be. made. March 1st at- a- meeting in -3Woshtaeton-at-4h9-^i!ted-            -where- nationally known speakers of both races wiP. address the group. If possible, this program will be on a national n e t w rjc. All American Negro newspapermen- were eligible to try for the award. MEYTJt AWARDS %frs. Eugene Meyer, wife of the publisher of the Washington Past hns  the .awards possible, and  commemorate thB ]atn Wendell U Wlllkie, the OOP pre,'.lal candidate. Dr. Douglas S. Freeman, prize-winning author nnd editor of the Richmond. Va. "News Leader," is chairman of the honorary committee. COMMITTEE CHAIRMEN' Mark P. Etheridge. one time FEPC chairman and now publisher of the Louisville Courfer-Jour(Cominued on pare S, col. 3)                 Radio Station Continued From V*go One mil. Is chairman of the committee of the  j judging the entries for the awards. Louis E. Martin, editor publisher of the Michigan Chronicle at Detroit 1*  of Ihc          -c on the awards.</t>
  </si>
  <si>
    <t>                                           Atlanta, home of the only Negro daily in the United States Joins the nation in its, celebration of Negro Newspaper Week Feb. 24-March 2nd marking the 110th anniversary, of the Negro press with an initial nation-wide broad cast over radio station WGST at...</t>
  </si>
  <si>
    <t>                                           To Play Sunset Casino Monday Night                 DEEK HAMPTON AND HIS ORCHESTRA                 HAMPTON and His Orchestra, from out of the mid-west comes the above mixed combination, to play Monday night, April 15,                 8:30 P. M.- 12:30 A. M. nt the Sunset Casino. Admission 80c.</t>
  </si>
  <si>
    <t>                                           Revive KKK To Operate As A 'Fraternal Order'                 The Ku Klux Klan was officially registered with the state as n 'fraternal' order Wednesday. The Klan. paid a registration of fee of 50 cents a year through the years 1940-46 to comply \rtth a Georpla law requiring all corporations doing business with the state to                 with the secretary or the state. - NOT RELINQUISHED Dr.  Green, dragon of the Georgia Klan, said thai the Klan did nol have lo register as 'a      organization because It had kepi Its charter which was granted heri In 1916. He further stated that the registration proceedings were followed lti order to comply with the statutes of the state. James A. Colescotl. a veterinarian of Miami, formerly known as the Imperial wizard, was listed as the president of the Klan. The secretary was listed as Morgan Bel sor. an Atlanta attorney. The Klan was Incorporated here July 1 1916 by the Superior Court of Fulton County. Life of the Klan was extended for twenty years by an amendment of the same court February 1, 1935. Green said that Klan activity did not function on n national basis during the Second World War. but that It operated on n suits I ^Continued, on Page Six)                 Revive KKK To (Continued from page 1) "voluntary" Ect-up. APPLICATION BLANDS I Tlie application blanks contain the same old material. They con                 lain the following: "I, llic undersigned, a native born, true and loyal citizen of tlie United States of America, being a white male gentile person of temperate habits, sound In mind and a believer In Hie tenets of the Christian religion, maintenance of white supremacy, principles of  pure Americanism," do most re- 1  apply for membership in the Knights of the Ku Klux Klan through Klan No. Realm of "I guarantee on my honor to conform strictly to all rules ami  regulating my 'naturalization1 and the continuance of my membership, and at all times a strict and loyal obedience I to your constitutional authority I and the constitutional laws of the fraternity, not In conflict with the Constitution and constitutional laws of the United States of Amer lea and the states thereof. If I prove untrue as a Klansman, I will willingly accept as my portion whatever penalty your authority may impose. "The required 'Klectokon' *  application.</t>
  </si>
  <si>
    <t>                                           The Ku Klux Klan was officially registered with the state as a 'fraternal' order Wednesday. The Klan paid a registration of fee of 50 cents a year through the years 1940-46 to comply with a Georgia law requiring all corporations doing business with the state to...</t>
  </si>
  <si>
    <t>                                           As Equipment Becomes Available More Telephones Can Be Installed As new (switchboards, , wire and telephones Income available, we will     able lo serve more ami more of those who have been waiting  for service. To catch up on all hold orders for    will require very large addition* to our telephone plant. i This is a tremendous construction job that will require much lime to' complete even after the delivery of equipment. There are many places where we have                to install, even placed where we must construct new buildings or building addition* to house new switchboards. But we can say that we are on our way to furnish service to all  want it- on our i way to restore Bell System standards of service and raise them even higher. Southern Bell Telephone- and Telegraph Company IMCOHrOKAT 1 1</t>
  </si>
  <si>
    <t>                                           The Allen Hotel Grill SO Rooms, steam neat, Baths, Ra dlo. 2S1G W. Madison, Louisville 11 Ky. Telephone SII. 9-129 II. McClarln, Manager I A     - A-  AT      '.! No r*oll.-. no D-...II .~r.l*r, no incline t'*oj-l'.'. l-.'a-*y, . *. DelAinn, Dlokunn SII Main Ililllillnk-,  Cnll*~r*', ~^r**~*       , S, C.</t>
  </si>
  <si>
    <t>                                           Howard Praises New Chairman Of Republicans                 B. Carrol! Reece Named; Change In Committee Seen                 . U. C. 'NNPA)- After Keiirpwntativi- R. r.- ICcotu. i.f TomiHiuee.    !    -  ff l.h- Ronuhtirn-i n: !    . held a   lust Tuesday afternoon,  were  bv sonio   of .Snnntor Robert A.                 Tuft, .if Olii".  soine of the "mi " " would     tp.   ..uly until  the fall elections. Tlivw  h-    Interpreted '~v some as Possible bad news for         Washington, a member of Illinois  Commission, who recently was appointed to coordinate activities of colored KcDiiblicnns. Mr. Jle.ecc raid     did not believe Hint criticism of him hv HmoM E. Stasseii. a Presidential contender, would mean a rift in Re" ranks. NOnODV'S MAN "I   you are still a Taft man?" a reporter inquired, and he replied: "As chairman. I am not anybody s man. t am not Eoinc to sharpen anybody s ox for l!M8. l nin  to devote myself to the i Congressional     ; of 1946 and -tins1 RehaWicnhTc^ for""" 1948. The duty of the- chairman h to elect and not so ect." Mr. Reece said that he would  n from Cotip-rcss. at a vet  Mine, to  all his      t" the National Committee. He will draw no salary, since he has n "  means." he added. Mr. Reece said th.it thn  committee of the National Committee,  on his recommendation, had  Representative Brown of Ohio as Up . He will have  of             activities relating to the November elections. WO.V THIRD BALLOT Members of the Republican national committee elected Mr. Reece national  last Monday. He won on the third ballot over twn   former Senator .T"bn A. Danaher. of Connecticut, who hail the  of supporters of Governor Tb"inas E.        of \~w Vork. nnd John W. Hanes, Now York      ..~ . who was backed by former /ers of Wend'.-ll U Willkie. Onv  of Mr. Reecc's election.  Drivately and in  bv .tee members, wns his   colored voters. Perry W. Howard. Republican n.* commit.teeman for Mississippi, in seconding the nomination, recalled his "" record' of votes in the House on questions in which colored people were interested. With Mr. Keece is chairman, hs  "n  homecoming of colored. Republicans in the fall of this vear."</t>
  </si>
  <si>
    <t>                                           WASHINGTON, D. C. -- (NNPA)--After Representative B. Carroll Reece, of Tennessee, the new chairman of the Republican national committee, held a press conference last Tuesday afternoon, reports were circulated be some supporters of Senator Robert A.</t>
  </si>
  <si>
    <t>                                           GRANT S Known for Values TENNIS SHOES Built for service .Black and brown canvas, laced to  H A Vv the toe, rubber-soled. Men's B  flA sizes 6'A-?0.    4_^^Jr Boys' Sizes, 2^-6 $1.89 Youths*, 11-2 $1.79 Woods Bro^ra Sturdy, all-leather shoes in styles that are so popular with the school-girl set. Brown leather -ins and loafers with  or rubber spies and rubber heels. G;rls sizes4 to 9. W. T. GRANT CO. 82 Whitehall St. j  i</t>
  </si>
  <si>
    <t>                                           The premier presentation of the new National Independent Quartette in a great homecoming event will take place Sunday night February 17th, in the City Auditorium.</t>
  </si>
  <si>
    <t>                                           Young Jenifer Howtez, recently spectated secretary to Justice Kathaway, brad of the Roshavan Shipyard, thought her now been the nest attractive man she had ever ... sad wondered why the wife, Andrea remained in England, where she had goes four years age, following the death of their only child.</t>
  </si>
  <si>
    <t>                                           Testimonials For Scott Family At Butler Y Tonight                 The Atlanta Business and TraHe Association will honor the Atlanta Daily World and Scott Newspaper Syndicate with a testimonial banquet, tonight, at the Kymnasium of the Butler StrMlVYBICA. The Inrgo number of reservations received by. the. committee on  last week      evidence of the value and * in which     -Atlanta. Daily World is held among its readers. Reprtiseniintivex of various ors;Bnir:itions ? to  on  hv program will express their appn1 to the publishers. Appropviate  will bo             by Bishop E. D. Crockett's new National Independent Quartette. Mrs. Christine Cooper and Mrs. LohUi1. Nolan. The principal  will delivered by T.j. D. Milton,        :nt vC the Citizens Trust Company and president of the Nationol Ncpro Bankers Association. Tli.-  Nrfrro Chamber *t Commerce will hold a special mo*'.in^ in the city today, and iho.~o  will join the  and trade i,' honoring the Scotts.</t>
  </si>
  <si>
    <t>                                           Staley Attending Labor Conference                 BALTIMORE, Md. (SNS)- T. M. Staley. farm labor assistant of the War Food Administration for the Southeastern area, this week is attending the Regional Labor Conference  held at the Lord Baltimore Hotel. Representatives are discussing migratory labor problems, farm Inbor supply and demand out-look for 10 IB. the foreign program in HiIO. the domestic program in 19-IC and youth in KMC.Stalfv in  to discuss "Wlmt Mi. (.-runts Want."</t>
  </si>
  <si>
    <t>                                           Army Dependent Arrives In Italy                 MiCillOKN. Malv .She didn't  for the Army to semi her       Uulloil  Inslcuri .she (         In Ivl I hi' Army rand her lo him.                 Tim.-, when Mrs. Hurry C. Turn of ChlciiRo. Illinois, came down Hi.. Kiiimplank or III1" USS Vtilriinla Into Ihr arms of her   nl Nuple.s I Inly, she  the Hrsl NfiRro  to arrive In tlic Mnlllerranciin ; Troiii 1 )irr Unllpd suites. .Sin* Is Mm       of First LiruliMitjiit tinny C. Tiiii'  til Ilio I lot li QM Bl) III LcKhorn. Reunlcn was h;      ot:cy5ion for the  who  been separated by  for more than Ihrre years. Mrs. TarlL  her  Iroin the Viilcniitn before lie hud a chance to sue her. she said Three years had not clia:i(;ed him very much, slip added. Ni;i;      no i . "The lust time I saw my husband whs May 1. l!~:t  I \ him al C'ainii Fonrsl. Tcnncsre.  hi his di parture                 m'.'iy I  ir;i[i/r Mien Dial Ihe  Mint' I  sit Mini  be in ICily." Mr.-. T:ir(l. explained. Comiimk U1 Ili'ly u-:i.s her husband s iM-it: i );t I :i. lull no  ~.iii.i ni  in ui t. lu-r . she . 'I lie Hip :ii:rn.ss      At Imitlc iicr;in  Ma?   shipment "I  In  I hi:; IlicnMT if.W -.vives iint! 7(i  h;r,     -n hrr Mil- ;~- in . Mrs K  l)n Ititrk I'llgr)                 Army Dependent  I'rnni Pace fuel Turn Miirt. She wants to sec nil of Jluly bc.mc returning lu -the United states. Before living to Leghorn from Naples, the couple spent, two days in Sorrento, Italy. "It Is such a lovely place." Mrs. Turtt commented. Recently, the couple  from a -dny tour In Paris. ] by the Army Special Service. "KurnDC ts very . bill there t.       liki? Iwini'." Mrs Titrti Miid. Tin; Turtls live  ;i middle a^c ItaliHti  ut NuutUci* ti Hivv.udo Cirpriiiiii in Lctlioru. 'I'lie Iiohm'.  h Vllt'Hii  VII- I l.i by the *. sets one block from tin;  of the Tyrrenhenl- j an ben in an exclu.sWc \ I where Italians of wealth resided Rrior to the war. The couple hns  a bedroom, living room mid  room on the second floor of theh two-Mory house and a dining room and kitchen on the first floor. Finding something to keep occupied noes not. present, loo much ot a problem. Mrs. Turtt explained i Wlicn her  Is ot camp .~  " has   her   ihr Italian Unigua^e. she y,ml         al.su )   !nup to st w I</t>
  </si>
  <si>
    <t>                                           LEGHORN, Italy-- She didn't wait for the Army to send her husband back to the United States Instead she decided in let the Army send her to him.</t>
  </si>
  <si>
    <t>                                           A I.ITTl.H  j Tilt' reason  p Have li.sl (In- way? A million ust Icss Words :i day. -V. Karl.</t>
  </si>
  <si>
    <t>                                           Atlanta Mjk World I-:; r*Mti twit          ;      ., Published Every Morning Except Monday, at 210 Aaburn Are. Members: S. N. S.- N. N. P. A.- A. N. P. .Established Aug. 3. 1KB: Became Daily March 13. 1932 W. A. Scott II, Pounder-Publisher. Aug. 5, 1928 to Feb. 7. 1M4 Telephone: WAlnut US9 1460 Entered la Post Office nt Atlanta (3). Qa., as second class mall under tlic Act of Congress, March 13. 1870 C. A. SCOTT Editor and General Manager Dalfr: 1 Tear, $8.56; 0 Months, $5.00; 3 Months, $3.M Saturday Only: 1 Year, J3.50; 6 Months, S2.00 Canada: 1 Year., S4.50; 6 Months, $2.75; Forcism, 1 Year, fSM THE ATLANTA DAILY WORLD is an Independent, newspaper, non-sectarian and non-partisan, printing news absolutely   nd supporting those things It believes to be to the interest of Its readers and opposing those things against the Interest of its readers. Address ALL COMMUNICATIONS to and make CHECKS payAble to ATLANTA DAILY WORLD,  than to individuals. The WORLD expressly repudiates responsibility for return of ua-   pictures, manuscripts, etc.. unless  are sent.    THE RIGHT TO VOTE ''The  to vote must be open to all our citizens Irrespective of    . color, or creed- without tax or artificial restriction of any kind. The sooner we set to that basis of political equality, the better it will be for the country a, a whole."- FRANKLIN P. ROOSEVELT J</t>
  </si>
  <si>
    <t>                                           YOUTHFUL CAMPERS PROVE AMITY NOT SO DIFFICULT                 VOUK (ANT) Dr. Thomas \v. I'atriek, feels , On', cl . .Ti'Mlly, have ii'-' pi-i- On ihis b;isis. : lo : '    l".'lii:f '.u '.':-. he has  cl C'iim i Willuwomoc, an  i-iii ial camv in    :  ^ near hen'. Tin." ramp, ii'-iw iii                 second i , provides a .il  for   of r\n\.  of varied rues anil creel-     -  also K  iJ. mul tli*.      described a* a medley of colors und religion*. Smi'fbsfiil from   in what it uet out. ty do, Ciunp Wiltewnttn: V\\U   I'i'jili atli . Tilt first,  I'p.Miylii. 100 bo.\^ : K'rls to  (~'   ), 28 Nugro, 58 ^, anil the * other races;  year Its wit'.' Ni-^ro  60 . 'Jlp: , who include    . I*     *k'8 l;iu^hU*i^, comt' from 20 cities  Jivir purt-'itU  37. f.rj i'-J iv professions. Dr. Patrick, wlio is a            . is Bcuton born mid Hinviid . Encounttriui;  tutoring a medical ! of  . because of hi--, , he          his M.D. abroad in   36 from Jiu University of Rerlin. Wlilln lit fc,  Hitler tactics k"'~ i" momentum, hi' ln caim: con- ~'!(J  the Neifio problem ii  rt     u world wide problem of  . Scttinif out to prove Ihut prc  uru acquired, Or. l*     '      find   Wlllewaniuc In 1U4J. One i                 Cwtlniiril From Pace One. Youthful Campers of his instructors at New York university now is co-director of the camp. Dr. Patrick,  is  and medical director of the Neighborhood Day nursery of HurIcra,</t>
  </si>
  <si>
    <t>                                           NEW YORK (ANP) -- Dr. Thomas W. Patrick, Jr., feels contident the children, inherently, have no prejudices. On this basis, and to prove his belief to others, he has founded Camp Willowcome, all interrarial camp in the Catskills near here. The camp, low in...</t>
  </si>
  <si>
    <t>                                           MPs Patrol Together In Paris, France Area                 PARIS.- (ANT)- N'pRrn policemen on duty with ;i lily-white SIP  here    ? now 'in tin-  stages of Weaning \ip vii-c, CII crimp and tlm apprehension of  or AWOLk  i"  I Paris .                 The unions integration of \ policemen with tlip 7S7th Military policemen is  lo the wishes of Gen. Eisenhower two years ago in London  this unit was activated. Sini'e the activation, of the unit, it lias drawn on some nf I lie best  N'egro Ml' personnel in the European theatre. Hundreds of N'egro soldiers have served with this outfit, hoth in Paris and in London. Negro Mi's use the same mess facilities, HX, facilities for shower purposes,  rooms and other provisions of the battalion. The Xegro detachment, however, chose lo billet in its own separate quarters which is adjoining one of the battalion s units in the Mugasin. Dufayel in Northern I'nris. KNOW ALL TRICKS It is evident, that the Negro detachment serves with the same ~? as it. did two years ago in London. Most of the AIPs who were with the unit in 1944 have been redeployed to the States and the remaining soldiers are now on the job, but they appear to know all i                 of the Iricks nf upholding military law. Neatness of dress i.^ one of the aspects which has distinguished this detachment. White shiny helmets,  combat boots, pistols, dubs, creased trousers and hra^s buttons rival that for a  s banquet. SHOOT IT OUT These soldiers often get the task of having to "shoot it out" with some of the toughest gangsters in the city. As patrolmen, investigators, jeep drivers, radio operators and special  men their job is to clean up all GI criminals in the Paris area. Besides serving in tactical , Negro si. also serve in the battalion s headquarters. Chief clerk f-i,- Hie battalion ip Earl Novil'.o. e\01 ..f NV.\ Orleans, chief clerk, and Sgt. Arthur B. Cummins of Ch'cajro. Other Negro policemen of the detachment include: Pfc. Rogers W. Johnson. Phoenix, Ariz.: Pvt. Henderson Burton,Detroit: Pfc. Charlie Walton, New York Citv; Pvt. Dennis Osby, Springfield. III.: S/Sgt. William Rurkle". Kentucky: Pvt. Willie King, Buena Viata, Ga.; Cpl. Samuel Patton, Indianapolis, and Sgt. Booker T. Mills, Detroit.</t>
  </si>
  <si>
    <t>                                           PARIS.--(ANP)--Negro policemen on duty with a lily-white MP battalion here are now in the closing stages of cleaning up vice, GI crime and the apprehension of hundreds of A WOLs hiding in the Paris area.</t>
  </si>
  <si>
    <t>                                           Columbia,s packed to to overflowing Township Auditorium applaused loudly Friday night when Walter White, national NAACP secretary, promised that the full resources of the NAACP would be used immediately aganist the "white Democratic Primary...</t>
  </si>
  <si>
    <t>                                           LOANS $30.00 to $2,500.00 ON FURNITURE- AUTO- OR CO-MAKER SPEEDY SERVICE  ". 72 FORSYTH ST., N. W. Ja. 0816 H. J. McGOWAN, Manager</t>
  </si>
  <si>
    <t>                                           The Weather Cloud/ and WARMER.</t>
  </si>
  <si>
    <t>                                           HBfW^n^^^B LIFEBUOY SOAP 3 for      !HW^ Only 2 days more 5ft lW$~'  -\.$~^*^   '^''^^~m I %^ i' I ft T ft 11 ft 'y*   ~''N^*-^^/r;:V;'^ff?    HV ill I I m I I t I Hj pr pint^~P 50c VITAL1S^^T7T7^ M ",^~Ki f AsRp? 50c LYONS            21C 1 I AM8 II 50c AQUA VELVA 39C 1 S 98c i I 12 QUIM8NE CHN, gr5a,n 33C A m^T^^0\ PT- WITCH HAZEL ^ 29c I $2 ELMO Special K  DIIM RIDOlevs jjc FORMULA CREAM W r OZS. PgjI  brand 0*1 A Aids m  your 9 30  HILL S ^i C^I.   1 4 C  soft ;iml smooth 5 T 00 B*. "U Hllili W TABS ONLY a m m a J,  protects against R  i^^ J 1 'v _    ~^n  CORN* B g n_fc_a g J "4  2 ozs. CASCARA AROM. ^LsbpHE 23C I $1.25  .69c' P* 7Cc RflfiWO KIDNEY foi? *~*~r 3 50c PABLUM 39c V  Q PILLS ONLY 33 c^p^a'^S^e I S1QO QUICK L1N8MENT no^ 49c 1 A"   " !^^^l 25C CASTOR OSL op^~'^ 17C I N^T  rlv I 10  ASP8RIN TABS- l1T" Sc J :^y    -sj     Mr ten ^g 2-WAY METAL  '"MTi "mM^B- M f I 5W^V^r STTtfO % Makeup or m ut  ancr-8 I ii??- IB SHAVE COc m    ' Si7e I  iH'. ~:'lr'' A man s   lotion HV ~*~if-~wfc,  ij mi Kulf Films, c or npc B v)    ^y. I'rcsli and . UlnnAD ^w X lx'"';'ur'"s f"r ~^~3 I I V^I^y Aflor. comfort (Ie luxe. K IVliKKUn ^ I BERKELEY 'KB J r^^^v f J         %, BLADES 12 for 25C }^~ 1 EXTENSION I ^k GILLETTE BLUE J$ 9 CORDS 59CJ ^SL ri Artec ~;~c da *--     kazor with /Ik. ^?i= f 3 GEfVS blades for 39~^            ^T^^ -r^*"11**!*^^" g CHARM CURL $i  HAIR  79C f^JP'ifl      -'1* J 100  P8LLS.. 49C f $100 /^3)hP^^^^T^ 25C-666 COOGHTrQUgb^F I     ^ I M fo55ta7n I  P!NF A TARfl()rc"4Qc :"ul a ~^-'~ i^Szs Mm SYRINGE 1 BBL   "  -    - ^Ka^y^Mi anil Hot Water Bottle... QT. MfNERAL_OIL_!Sfe. 59C ML"111- ^^r"' JH SSU^nh 9 c I 35c CASTORIA, Pitcher j24c ^^h,, .^^f^TOL I 50c JERGENS' LOTION. 39C stop that  yT"T^1^     -jL-T-r-" TAKE ELU DEE W POPULAR BRANDS fl 250 Brewers' Yeast Tabs 59C CREOSOTED i  I 35c     'S SALVE. 27C EMULSION I lGc,2for31 J $1.35 V.G.B. Female Tonlc89c I carton of 200 I $1.25 S.S.S. 99C E  5.  I $154 I SL20ScotfsEnmSsSon..98c Jg Aids ta   $1.25 WampoBeJsPrepsU.04 S^ SSlSi-.1"1^ .1 waldorf 25c B C POWDERS 19^ SS2' "^th" 1 T0ILET I I ?1 Waterbury's Comp....83c try ll j.""" 5 J I 25c  19C ?Zr  cT  PSHc iTi*~ JSH^ ELL-DEE ^Wj $1.25 size i ^c carter s Liver nils. igc w^ rniD CAP^^^B  I 60c ALKA-SEITZER. 49C f ~^r 49c toSic i*- S J, I 125 Ft. WAXED PAPER 14C' J ~^  ^'^"~, W^iL-JLJ 1 I n- tile  of  I^^^^^HI^^HHB^^^B 25c EX-LAX 19C i cols  f 1 T n!SS rl 12 KOTEX -^,i01, 22- ^'t,1!^^ batter,es I FLASHLIGHTS v -,df $1.29 S^29C 2 17  I</t>
  </si>
  <si>
    <t>                                           Discrimination In Panama Is Charged                 MEXICO CITY- (NNPA)- Rncinl discrimination against  American workers In the Punnimi Cannl Zone was charged last Friday by Murcial Cucrvnrn, Punnmu's delegate to the third ret  .' of the Intornutlonal Labor Ornnnlzation. In                 support of Ills resolution that (ho I I L. Investigate conditions there. "Racial discrimination Is an un- I solved problem In the c. Zone" Oucvuru     id. "The working * Iptlon in the zone nrc victims of: a wide  between  nnd the ciut of living. A worker must, pay  half of what he  merely for n  to live, which .s his- ability to buy proper foods. "Workers who arc not North" American.*! receive extremely low salaries. North Americans get their food al special stores nnd live In comfortable homes. Natives and persons of  nationalities must                 pay exorbitant prices for food and housing." II. S. WORKERS HIT Riici.il discrimination also Is   colored workers from the continental United States under nn ui;ri; between the Panamanian government and the United Stales. The Panamanian Government Is said to be opposed to the Immigration ol colored work its to Panama. Tlielr presence there n.i well as In the Canal Zone causes unrest turning colored workers -I'roni the West Indies. Very few colored workers  been used nn projects in the 'Canal Zone, and those employed usually art- paid on the silver standard In contrast In white North Americans who arc   on the gold standard. The Republic of Panama Is one of the few Lutln American countries in which rece prejudice exists.</t>
  </si>
  <si>
    <t>                                           MEXICO CITY--(NNPA)-- Racial discrimination against non-North American workers in the Panama Canal Zone was charged last Friday by Marcial Guervara, Panama's delegate to the third regional conference of the International Labor Organization...</t>
  </si>
  <si>
    <t>                                           The Alien Hotel Grill 50 Rooms. Steam Hoat, Bnths, Ra. dlo, 2516 IV. Madison Louisville M. K.v. Telephone SI!. 9129 II. IWcClarln, MansiRrr. Do You Want POWER, LOVE?  t*      7    la all roa IIIrrUliT rower U nake BropU *4 joa? Power to r-~ra        Power to mak*   70a T will Kad roo Information which li      of  . TijU !~ and . will  r.-a        mor.  and        . Toa will br aliU tu make prevailing . Zr 1OU AIU SOT .   IH. .T . JI'8T Riff roar      and Mlrfrrw. PB7 pool* tiaa n  fC.ll wbra bo dr.         aa4 written          , or **  or       wo M* -.         FREE                  KmI  if Iji -n4 la* asn^laa  PtThmi-M. 1R         RmbHwht . S-SI New Vork 2. N. T.</t>
  </si>
  <si>
    <t>                                           DAILY CROSSWORD                 ACROSS 1.' Domestic animal 4. Cigarette (slang) 7. Metal mounting of a scabbard D. Angry 12. Seraglio 13. Work 14. At one time 15. White linen vestment ( 16. Klng-_Of i', Bish'an l'.'Frozan ,~~ater 18. Attempt 19. Girl V nickname 20. Trusted 22. Speedy ,,u 23. Reason 2B. SLnubiu \v 28.WeighU' ?i 32. Simian 33. Areaaround a tooth 34. Mature 35. Sun god 36. Fuel; 37. Capital (Switz.) 38. Care'for medically 40. Receptacle! for Oowen 41. Break a hole In 42. Subside' 43. Property (L.)'J i 44.       (   .)                 DOWN 1. Package' 2. Fencing sword 3. Evening: sun god (Egypt.) 4. Female colt 5. Native of Arabia 8. Talk 7. Part of a church 8.- The haunch of an arch 10. Implements 11. Disease of rye                 15. Difficult 18. Beverage 19. Music note 21. Cold 22. Marsh 24. Total amount 23. skin tumors 26. Aside 27. Norse god 29. A Roman emperor 30. Wading bird 31. Meaning 33. Movable barriers                 jt                 YeaterUky's AatwAf 36. Bestowed jji 37 Infant .Me} 39. Organ of 2s hearing '^W 40. Ciatern                 Lj W 1_1 I Wl l__ li_ i: L__l!__ II. ii  ia* 2? 2a 3tH Jo ii                 - A cryptogram quotation .1 ,B    Q C P R C E K N N R B L V , AKO  H,.- C R R S V N P.. Yestertlay'i Cryptoquote: AND WHAT HE GREATLY THOUGHT HE NOBLY DARED- POPE.</t>
  </si>
  <si>
    <t>                                           Mrs. Mary .Inli:i H.~..k.,. :i ~:- J ale ul Tlsi1 I'i'i'"' Bc-mily School, i wi.shi".^ '    hor  cti. and Irifiicls  ^f is i now  at the Priemily ISoauiy i Sliop. WJ Irwii) St. N. K. For    - i  c-:ill .1:1. 1)3 ;u .i</t>
  </si>
  <si>
    <t>                                           Tribune To Become Semi-Weekly Paper                 PHILADELPHIA- (AKP.l- The Philadelphia Tribune, 64-year-old weekly, will begin publication twice n week. beginning next month. It has been  by E Washington Rhodes, executive editor. Instead of publication every Wednesday. It will now be Issued every Tuesday and Friday Tills move has come after much consideration, according to Rhodes who declares  "the world Is moving too fast and the future ot the Negro too delicate to depend on news once .n week. In Addition, there Is too much news for one paper ." V While these. plans ore going on. It Is abo. known that .the Americans   will soon seek lo represent Tribune employe* its collective  -a state of affairs not to the Illclnj of the Tribune ,'</t>
  </si>
  <si>
    <t>                                           The Allen Hotel Grill W Haunts. St*am Heat, Batlis. Ha     . aniC W. Madison, Louisville it Ky. Telci)lione Sit. 9429 11. McClarin, Manager</t>
  </si>
  <si>
    <t>                                           B^^K'^^^^^^'  a'.    !BB 's st- Joseph Aspirin. There's no ^' ^_^          '~ /Jt^ter-. Clinically, as your Wf^^K0*^^^^^^^^m doctor judges aspirin, no  can ^TB 3? do moro     you. Wiy pay more?  Kfli1"^r**' j. W Jloiiiuiicl SI. .l(      Aspirin, world s    -.- /aJ^"  seller at 10c. KM)  only T^ yS **  2r 3 Jusupli Aspirin, mid bn 0 ^      ^'i r'.';      (':itv:..</t>
  </si>
  <si>
    <t>                                           t_   it j CHOIR GOWNS *7 "l^ b Ministers Pulpit             J.  I53.H W. Slrd HI. N. Y. C. 1 MADAME ROSE Lou* Who's Hcrct  ~)~ t*         *r       ,   4t, pr^~~al. *. Aalia * but           04~^k   JI }db         ,  Qf  of , lova,  til . rual]/ ~((alra.      f^^^^^H whom 7   will Hwrr ud uH when, OTereorna         * [UN .  ,     1^1 , Mamkllas Macks.     1 ud bad luck of sll kinds-  Ue          Sandsr, a. m.    1# p.m. Tot  find Her    *     thas ajl      ara. Tbcre la ae heart m aad or  ae  thai I  hraf * la It. Keadln(!i for white and colored. Located at Juctlaa af Bra4j ATaana aad Uow.U MIU Boad      UafraU Mill maad. Ba awa t* taka tba aaa au HowfU Mill Koad aar. Mop at daar. BawaU MIU TnUl.r.  af White Prarlalaa CaajBaa,, Jllla.ta.</t>
  </si>
  <si>
    <t>                                           TUNNEY S HOME IN AREA SELECTED AS UNO SITE                 FORMER HEAVYWEIGHT CHAMPION Gene Tunney is  the ice  in from or hU: h,.,,,o (L-,. i ound) in Fairfleld County, Conn., within the area recommended by the United Nations In ;i,,., c mf asite for the  headquarters. Many residents nf      ,::v\-h :n:d ~::.:--i-,a. c.n.u " united in opposition to the recommendation of the .\" St:m;:.jul-r.rr.-nw;,-'i :~  :i  t.iT,~. .n-'i.-."                 willing to abide by it. New York City was the committee s "choice"f or 'iho   s"i Ti. Miil-."~   .v-r'~^'ii.Xw.                    1</t>
  </si>
  <si>
    <t>                                           NO MOSE GRAY. DULL OR FADED HAIR j mi Jessie Kare's IMPROVED HAIR DYE 1 look toung c-ann AND BEAUTIFUL-11  u IT WONT WASH OUT OR RUB OUT. VERY SIMPLE TO USE C4L'7.'ON.- (/SC ONLT AS DIRECTED ON LAltl SEND NO MONEY. PAT POST MAN SI .00 pl.i          . S*ad order today. Saflsfactfo*  r  ' JESSIE KARE BEAUTY PRODUCTS' CO. I JOT m* An. N.w York</t>
  </si>
  <si>
    <t>                                           ENTER the EXCITING CONTEST   . $5OO1  cash 41 other valuable  i IBB^'TAail a B-B wrapper or            facsimile, with 23 worth  less on "I prefer B-B - to B-B Headache Powder, Atlanta, Go-'</t>
  </si>
  <si>
    <t>                                           TIIKltl?.? ON1.V O.VH MADAME ROSE PALMIST Guaranlrei lo Head i onr  lite, post, present,  Aski no qa#*       fi     at) HB-I'g't SivinK  and Jf/ff ^LL"  9ml  of 5H Or* , lote. health \\y  you will mar. Om, If ry and when, \er n quarrel],  habits,  Ifuf . noil had luck of tall . Reading! 25c daily and Sim- 1 J:iv, 9 a.   , lo It p. m. Von will I rind lier smarter      all others. Tlieri; Is no heart so bid or home to drear; (hat i    Id li. j  M  ut Brad? -^ in.)  mill R-'act I IIH.O Hnvril  Road. Be cure to]          one car Uowrll Mil)</t>
  </si>
  <si>
    <t>                                           Smitty's Radio Service a.  We I'iil: up and deliver We rcpa r all makes home and auto. SK Uichardson Street. S. W. All Work Guaranteed.</t>
  </si>
  <si>
    <t>                                           WASHINGTON- () - Among the 3600 Southerners, signers of a petition early this week addressed to the United States Senate calling for a stop to the Filibuster against the FEPC Bill and urging majority rule were more than one hundred...</t>
  </si>
  <si>
    <t>                                           cS,?^: SingeT' Convention Field Workers' Tteporl Of Miss" Margaret Alexander St. John AME. 8th St. Atlanta ,onn .*ew Springfield Baptist Church """''oVm .:^!e Chapel Baptist Church "Zm Afro; Social Club.  T* Victjory:.SaYine Club ^on Chajae's Furriers TT Modern Art Beauty Shop .Mrs.,G). J^.-porter-.,^--^ ""I".--!T" Golden Circle Club o on Liberty Saving CTuli Z'nn 3rd Ward -Saving-1 CIulj f 50 Marietta' Union- of Gospel Choirs "1000 Mrs.      .'175 Newman Street -I". Ill" s!oo For December 1945- Jjuiunry 1940' Totai"s2nJ5 Mrs. Tressie Phinizeu PLEASANT I-ULL BAPTIST """" Rev. T. K. Ford. Pastor 7() j Mrs. Marj- Winfrey Mrs. Hattic Txn-eH II. II. 2  n i ^  .' Sadie Howard "...l.l. *".2.~ Mrs. Hudson .-500 Grjiiirl -Ti. ?2i!::~.2r. ~'22  .'2r,</t>
  </si>
  <si>
    <t>                                           c 1 SKIN IMPROVEMENTS Begin in a few days HELPS BRIGHTEN. LIGHTEN. SOFTEN. CLEAR OFF DULL SKIN. LOOSEN BLACKHEADS Why wait any longer for help your skin and complexion cam so easily have? Enjoy     added .1.1 und the  beauty-aid complexion Improvements that Black and White Bleaching Cream can bring you. An eye-opening, hope-awakening reward, which begins In a very few days Is in store for you If you bave been relying on ordinary beauty or all-purpose creams for your beauty care. Neither you nor any other woman con expect such creams to lighten and brighten your  the way Black and Whlta Bleaching Cream docs. It brings you a different looking, brighter, lighter complexion through "The  mat 15 5i"~7 ei? elusive to bleaching. Start       Black and White Oloochlng Cream now just as we tell you and you can expect and enjoy a pleasant surprise.. Caution: Use only as . Larger sizes 23c and SOo at all dealers.    sure to demand</t>
  </si>
  <si>
    <t>                                           'Strange Fruit' No Attempt To Reform, Author States!                 ~:l./\ Vll iN. I i ANI'i l.llll ill SlMllll. :      "ir "I I 111- 111"-: :- i]"V'-l si i :t i nr l-'nnl." InUTVP-v.ril in  tii ;i li ll  I-.T.' . :inl -If ll H II..' II 'In hi ni.Tlii uli.n hr  I hr lii"ik ll Wl ll'. il     ll"  !       in 1 1 in Ihr .                 .In: i Miliiiiii-il. .Mini: (Ii.i:/: "I h r t:'~jk.  ;iln::  !y has - almost U.CiUIUHHl (Ujilf1'. Mis;. .Suillll .said "it \\;l-. :i I'lav  \v 1 1 1 i Cli)ti3ri'. and I was ~:ty!ni', Iliui mir ' MliKlli ri'.* if 11 i;i-fN :. -t ill 1 1 (I II Iki.v I vv:   ;:: hi 'S:r:ni::r Knur      i ir.in i In' live-, cif nil i'l us." Tin- 1 1 1 i tin-  is iir:-t. for ilir  x.inU'.tl Ihf.iin1. v." ;i i::lii In Hrn:i(.v   inns in I'rii'iuls "1 -.  mid Ntiirii. ;i n i! hy pc!*:-nns who It'll  Inward Ihc bunk. Appvnxinmii-ly $IX.nt)n of ihc S 1 (K.ooo need re! lln'  s  \v:i.s i-i (.'d by ., she (Ici'l.nrd. vai!ii:d cuts Miss Sniiili's : l.;iNi driver i  Sl.: hi r  ronk iii'. .'"ill. a  d I ruck driver. $"~IKI, and i:i of Chiylnn'.s !MH) tm/.nis allied Ihc fund. Much                 nt tin iii'-ni-y uas - to -Mn, 'l.il' 111 '$"~ :ili(l $11) lull.'-. Mi-.-. Sinilh.  .'iirs nil Ir.i-tJ in 'ir near Clayton, [-(.-stric* mi a iii'. ik-hi line which :.bv     '.. II i. "Old Screamil.' I. located  a mite and a hull Irctm loun. In n Mule link house alop till- IMOIIlUlllll. .lif      :i'd l"r M-vni .vi-nrs on .~Man-i- I'nnt Dunn;1. Hint limo. 11'.-' i-Jlh'ir :il I' ;):u1    ): III lilt- n: !hc Nurtli ( . mil !i:i il:i'  ,-      -i-I ni1 lit"! M'-"!'.--. .ATI i-r .- "T I Ik- -l sl'.i- i.uu' i^ : on. "Mr. Wl'.iti- M:ii:." Mis'- Clinch  she will In- "Hiriiiiuli with rare Mll) fur ?. " whal.         ;i.-(l li.v Uil-  of Unuitlwiiy (li  critics      play, flu-  thai it, will re- I urn to New Ynik. I SDKS IMI  ObM.Tvinu on llu- ..  Sinilh .Miys. "II is full ill .   pimple who j fi-el .Mined by old customs. but don l know how to ln.'c - i .s. i "I wouldn't  ol living -ri; except in the . "I love the sweetness and ^ of the people. Wi- c:in"l have n world j in which everybody Haves . can wl V" At. 4R. Miss Smith is still youth- fill, very alert,   Tin' publication. "South Today." which flip tins edited  with Paulii ;, also a .  iI} i.'. MispiMick'd after* 10  ul c.'li - . It will In-  ai;am when she p Utnis Irotn . m* which she sails this month.</t>
  </si>
  <si>
    <t>                                           CLAYTON, Ga. (ANP) -- Lillian Smith, author of the best ... novel "Strange Fruit," interviewed in her mountain home here recently said she had no thought of reform when she wrote the book. It was intended to hold up a mirror to life in the south...</t>
  </si>
  <si>
    <t>                                           Mystic Love Drops  AJtOMA HKITfl WIB TUT. ONK YOU       /    one d Oo  f thin *  *)     pot BEvii it fc* INO Hl'RI.L. oth' the     you lofe,      n't  ( )on.-~. brimo R..SS- TTIR KKT TO 8S1 MONK*. LURK  nd WlWI*       lov?  JroiM wilt  ^~a MAX9 HIT IN TUF.  or UFB ANU (,O\"K.  or        oi how  ther Iiktv       . Ton'r* ure to tutor m Bid TmtllX.  PltKT. . 1OW8 how to nxr       to win    ". 8    NO IION. KT. Full      N^ot bf  %m       *frf R'1'*       ", or  1 onl^ 91.00 siu) tmr * On* * nilu If lira .  BACK ~)l AKA5TBK. -I m, Dcpt. CT-I07 N. t*      8         Toft CUT. HOW!  890SB,  r  IH 3 DAYS! { N rvr  Us . MM V i    " yes ud. If rw N*f e*~       by wef friends,  ohm, m    ei MtVOLtHC BL5ACH CREAM     fM   ?r  yoa rvm t RQVAnC?. I i,    .             . HtnCi ~!t  M  ji '9*1 *rr*v Mflhtir (*        *t b*   ). IW THRrE  rwi n M  4 itH*ff yar J nnt  *fl. Ort a Jv  f NCVOLIKr "LEACH n*F*~  E-.k^~     f^,  h4~-~~ k Wu F*r CO.D.      fV **-twin.             . *~fn lit f ,  , SMd *r ~**r        "lw  fc     '-int^4   r  *9*~i7 !te?t Writ* #w t Jcr- S\.M J     - PARIS UAfSUAt DUTRtt. I2C5         . \ew Yort I, Y. Dcpt. N.jjj</t>
  </si>
  <si>
    <t>                                           Without picking up in hitting, the Black Barons tumbled to 3rd place in team fielding in the Negro American League. The team is batting 200. That is a seven-point improvement over the week before.</t>
  </si>
  <si>
    <t>                                           We Are At Your Service The Triangle Rx Shops 207 HERNDON BLDG. 480 A. MITCHELL When you phone Wa SS50 anytime, day or nite. you gel Correct 'lime. When you phone CYpress 1398 or CYpre.SS 3931 you get correctly Filled Prescriptions,                  '"6raduate7"~RegiJ5      "Piiarniacisfs And from ingredients, none of which are over 5 1-2 months old. All of our drugs and chemicals are fresh. We are also happy to announce that you do not have to come ALL THE WAY BACK TO THE PRESCRIPTION SHOP TO HAVE A REFILL. Just phone us at :Cy-1398 or Cypress 3931. Those living in the RURAL AREAS MAY DROP A POSTAL OR LETTER WITH ONLY THE NUMBER OF THE PRESCRIPTION. YOUR MEDICINE WILL BE MAILED C.O.D. THE SAME DAY. IN APPRECIATION OF YOUR PATRONAGE FOR THE PAST FIVE AND A HALF MONTHS WE BEGIN ON JULY FIRST TO GIVE 10 percent discount on all prescriptions brought to us. Carry it anywhere, have it priced, and we fill it for 10 percent less. Our delivery department has been in charge of Mr. Archie Flowers (ALONE) for the duration of 5Vo months ten- i ure. He still is, but we have given him some efficient help in the person of Mr. A. E. DUNN. Orchids to Ar-  for his untiring, unselfish service. He has delivered more than 4,800 prescriptions, breaking only 2 bottles, and delivering all but 2S. How is that for a record? The names of Doctors Nash and Burney were erroneously omitted from our list of supporters. We wish to thank them also. Phone us for Quinine or Coco Butter ALL YOU WANT. WE FILL ANY DOCTOR S PRESCRIPTION, AND WE DELIVER ANYWHERE. OUR DELIVERY EQUIPMENT INCLUDES THE FOLLOWING: 1 JEEP, 1 HARLEY-DAVIDSON MOTORCYCLE, 1 , ALL MOTOR DRIVEN, AND AT YOUR SERVICE. JAS. E. DUNCAN, Managing Director</t>
  </si>
  <si>
    <t>                                           l'()l( Kl'SSIAN ItKI.IKK The . he. Haviil N. l. Hit Abyssiniiiii Baplisl Cliiirrli, N.~ Yoi'li (rii/hl) -s wild I'r.  W. .  "I I lit-  Ifclifl" Natii'iiiil. Inli-rI  -i' lli ft),  ICmi.* Siiiiunitv, Mutj-d SuvioL                 :iml 1 1 i-.- 1- i j I I'-.nl.T),     (HiiliiilU'i-'s pl:in I" - . S.nicl in'~ili:ins. I'lfM'iiliM al :i iv ~-.til -i- li.M in N''W Vnrli ~'ily.  iip  '-'l I In- i-i il H MII1CIII ill'  Illllll -11" i- '~'"I l:iy Ic.-  l' tu.-i     - I'liiti'Slwnl  li  .</t>
  </si>
  <si>
    <t>                                           Entries continue to pile up for the First Annual Piney Acres Country Club, Inc., Invitational Track and Field Championships, which will be held, at 2 o'clock, Saturday afternoon, at Harper's Field.</t>
  </si>
  <si>
    <t>                                           H Atl ant a Jfiiil^Wbii d edition       ^W:    Published Every Morning Except Monday Ttf *^"//ff ^s*gg=- It Is News" Sum/((r ii/ 1 VOI.IMIC IS. Nl'MltKW -lin ATLANTA CD. (.', I'llIDAY. .HiNK M, ['RICK FIVE</t>
  </si>
  <si>
    <t>                                           1J ACNE PIMPLES RUIN GOOD TIMES picking at them can /^~MB cause you endless cm.  y .- When you   A follow such annoying, Bfc/3 n  actions, you ^R_ -'I feel as though being' 3j^~~,_y       people is the last thing you want to do in T this world. Black and White Oinrn.enc, with its antiseptic action,_         . cases      -.i and itching of those externally causal, - pimples. Easily ap- j plied as a dressing irs      to Nature's I active healing cumes from its anti- 1 septic ingredient. Black and White Ointment goes right to work, anil the itching is relieved, scratching is discouraged. It also relieves itch- i ing, burning  of eczema ex-  caused. Use only as directed, j Black and White Ointment. 10f, I large economical si?es 25d. 50fi. At all dealers. j For daily skin cleansing use mild,  Black and White Skin Soap, lOff and 25)i everywhere.</t>
  </si>
  <si>
    <t>                                           DAILY CRO5SWORD                 ACROSS l.Evtl 4. Liltlsgirl 7. Fodder vat 8. Poker stake 10. Boy's school 'Eng 11 Matter used for ! 12. Concocl 13. MiddN IS. Sloth 16 To comb af wool 17 Masurium 'sym.i 18 A style of sundial 21. Mine entrance 23 Devotee of a sport 24. Shoshonean Indian 23. Convulsion* 27. Soak 30. Landmeasure 31. Front pall of a leg 53. Exclamation 34. Landed MUte 36. Kill 38. To chip 33. Bellow 40. Wither 41 In the midst of 12. Man's nickname 13. Marry DOWN 1. To cat Into                 1 Below 'naut. I 3. Put on a? clothes I. More secure   . Oorllou1 Lcl it stand .) 7 Finch i Eur. i An  12. Saclt 13 Recentaclr M Roilenl 16 To study                 wa r r wf r r pp 1: l! _jl ill: I I" li i II: _w. 18 in to J' ^J _li; 11  ir i: I ^"1 W*\ WM,                 IB. Often 'poet. I 23 Slaughter 22. Lair 2-1 Vamnvith A tMOl 2S CfH/n 2   Mhpiu'Ici 27 Claim." 28. L! -~f thr ;           jn 'Jras;;  fur fo  32 Tramped                 H3    flL5"rL3 W Any  it  19 Uncooked                 A cryptogram quotation  LJ- PTK  !PWB LOR   ROM SO 8R lUI.'-H-JTSTSliHJB vy^'DS ANP WATERS MAKE US- LA--</t>
  </si>
  <si>
    <t>                                           JACKSON, Tennessee: Dr. T. R. M. Howard, Superintendent, Taborian Hospital, Mound Bayou, Mississippi, delivered the principal address at the mass metting closing Friday the 42nd annual session of the Lune College Farmers' Conference. In his eloquent and...</t>
  </si>
  <si>
    <t>                                           81 BUSTER CRABBE.-F " "Oath of Vengeance" and "Jungle Raiders''  "Gay Senorila" nnd "Falcon Out Wesl" ASHBY "Scotland Yard Investigator" nnd 1 "Crime Doctor's Warning" Abo "Federal Operator No. ~(~T   CARSON In "Oregon Trail' and "CRY OF THE WHISTLER" nnd "Federal Operator No. OP"  JOHNNY MACK BROWN In "Gun Smoke'" :ind "Federal Operator No. 90' STRAND -MAYNARD-STEELE Marked Trails' ALSO "KING OF THK MONTIES"</t>
  </si>
  <si>
    <t>                                           Fight Polio                 Keep "'clean. Wash hands before . Keep flies and other, insects away from</t>
  </si>
  <si>
    <t>                                           I I STACE AND SCREEN f^^^^J Bp^Sm^B^ jiS'-^b^BmB ^BmiSSf and Lustious I J^'E fi^*-. pE/     H^^^^^H^^^^^^BI^^H Pralusloul j AlM ioe  d20        I E^^^^H^^^^^^^^^^^^^^^H Sill l lavonta lit" in* dim* I</t>
  </si>
  <si>
    <t>                                           JACKSON, Miss--The Mississipi State Supreme Court here Monday heard the cases of two Negro men, charged with rape of white women and sentenced to death. In the case of Willie McGee, of Laurel, the court reserves the decision of the lower court and...</t>
  </si>
  <si>
    <t>                                           BUY YOUR FUR COAT NOW-SAYE! ^p^' '^TiT fi^M ^V' AFTER  ,We guarantee to save you more than enough lo pay the tax -*-.y  'during this sale. Buy now lor next winter. Smail weekly pay-     /t :\   ments, and your clown payment  be made whan you need ^*';;:'J.V"V -'^^P^k your coat. Pay balance while you wear coat! ^^^f J Sre ''"^1111^ ,~'       t iq s!:)."3, i-'"'-""'"1 Across Hunter From Main Store v-'* 7 Two Seasons' Free Storage on</t>
  </si>
  <si>
    <t>                                           1 MICA I STY Ol'KU A TOffS Wr S"'ll l;iivi' Priiincl;. "I J'lC.s-Illi: Oil fur S2.50. Plus Pt.M;.:-r. 1 Will        Anj'v.'ln-ri".   CTS 1 COMPANY Kox 1!P(K. Allunia 2, C:i. Joseph F. Fielder Wntrlinuicrr 3.19 N. Ashhy SI.. N. ^V. Ni'ar SitnpMin SI. On Kivrr ~'ar</t>
  </si>
  <si>
    <t>                                           The Black Barons are on the road again. They were scheduled to play the New York Cuban Stars in Baton Rouge Monday, and in New Orleans Tuesday. From Louisian they move to Hattiesburg, Miss., for games with the Lincoln Giants Wednesday...</t>
  </si>
  <si>
    <t>                                           UNRRA charters weekly flights to Orient hy rnn-Americhn. Administration moves for passage of OPA extension hy May 1. Stocking supply "to     around" if bought fairly, says</t>
  </si>
  <si>
    <t>                                           Southeastern Tours Co. Ami Citizens Trust Co. 8 -DAY CONDUCTED TOUR NEW YORK WASHINGTON IVoni Atlanta 1:10    - Sunday. Aiijrusl 2   SI 07.50 Id MONTHS TO PAY Covers Ml Expenses Except Meals VOl'Pv  MAPK IN        "I-". I'rival.- Inillvliliial.vi-nl Hi-: Chair i-ars fast trains. Cnnplrlf  -s.-1-iiu; W:.vl.int:l.iii an.l vi..v. Mm-  lavs anil  in N.-iv V.irk  li iui with -.li-i-: ail  - anil wiM.  -i aK - in  Inillili,. ..-si.i-inr     Si-v ^~~~lk :miiI -in. Iti'tlinil    *~ M-- "I l.'-.'.li" a-i.l T.l.~ Ki.i.i :.l Ita.lii. Cily- MM:        . VWl Mil' llh--iu lim-r In IIiifki-rfl.'iT  . IliillliT. ll.illi"ll(! ami Hour .      -r ~--i Itiiiimi'iil (ti Im*  ril . I'lirilli'Mv l'"lll!lli IVll HH'1 ^IIIWIVl'-I'll. Sill'll1 Milll:,"-iii a-   - Wrlil'v mi lli:-:~i an l l'i-lii AnI:  iiiii- who m:      Hi" trip. i H.' Hi N.- i.s.nv.lli.ll S7..MI. It.- in rasli or Irll ]i MUHItlllV IKlVIUftlK. I'.nOK .Y A(X OMM(ll)AI'lf NS I.IMri'KU i I'nr Aililllluiiil Infumiiiiiiii ami I!~".itv:: Soul I -"I'Tii T-ns. \V\!    CISI C. I'. Cral'tun. Mirr.. I."."J IV;  - Arcmlc I Mivc I I.. P:m.c. (ili i ii.. TiuvI Cii.. WMiiiiI (. 'll l Aiitmrii Am1.. Allanla. Ca. i JEAN WORTH I * Olislacle* And Iliddtn !~~ni I Then* Arc TtiiriKM Within Your Crimp Trll. V..o ll..w T^- ^nnw       To I). I Gel A Job ^^^W^^WM " Wnrn To Do M 1 KnnlOi MImtt. Hf I I HB "l1"; MaKtwy K. l)            B I I.V] "rr  Kmiw What      . H J fi XHtlrlnt I Oc LarkT. Pl'Ife'S ~"'H1"IU 8  T.aln I'n.iM-rtT M fl   " I Urt.iln Vnuth a TI(W ^^J)f\ JS ^Wdlnt Krmnvr thr        ^=?flH 1          n*  4      ck KtolfK      . Vnar      I2CU Hanlihi-iid          .v Almjiml I'ark or Klver     { to Ant lion t St.</t>
  </si>
  <si>
    <t>                                           Two local Negroes were freed this week in Duval County circuit court on murder charges following not guilty verdicts by two 12-man-all-white juries, sitting before Judge Bayard B. Shields.</t>
  </si>
  <si>
    <t>                                           SKIN IMPROVEMENTS; Begin in a few days! HELPS BRIGHTEN, LIGHTEN. J SOFTEN, CLEAR OFF DULL SKIN, LOOSEN BLACKHEADS Why wait any longer for help your skin and complexion can ao easily have? Enjoy the added  and the desirable beauty-aid complexion improvements that Black und White Bleaching Cream can bring you. 0 An eye-opening, - reward, which begins in a very few days is in store for you If you have been relying on ordinary beauty or all-purpose creams for your beauty care. Neither you nor any other woman can expect such creams to lighten and brighten your skin the way Black and White Bleaching Cream docs. It brings you a different looking, brighter, lighter complexion through the action that is special and exclusive to bleaching. Start using Black and White Bleaching Cream now just as we tell you and you can expect and enjoy a pleasant surprise. Caution: Use only as directed. Larger sizes 25c and 50c at all dealers. Be sure to demand 4</t>
  </si>
  <si>
    <t>                                           Famous College Girl Band Now At Apollo Theatre Coming To Sunset Mon., Aug. 12                 I Tlic I'r..-     r.i-l.~K       n M.I. ( Band,  l.'-:"i"tr Mi- Xtiuiict-Tkyal rv. \pw V.-ir!i ~'   . Iliis week i will  ;i low '-m -s ;inr/ (hen  fie "Cnpitof of Swinji". Sunscl CaMim. Monil;tv. Aimnsl 1^. S-.:!(l p.m. 12::i(l a.m. Adniissiini SI. 0(1. Sontlioiistern Attraction.</t>
  </si>
  <si>
    <t>                                           Motorman Slays Youth At Door Of Trolley                 The twentieth homicide of the year was  to Atlanta Police Records, late Wednesday afternoon, when Madison Harris. 22. of 38 Maple Street. S. \V Apt No. 'J was pronounced "dead on arrival" tit Qrady Hospital.                 According ro Officers a. s. Stowers and J. J. Morris, T. H. Purl. of 2131 Bankhead Highway, Mmotorman on an East-bound Irwin Street Car was booked on a charge of Disorderly Conduct and Shooting Another and was released on "copy." The police reported that when they arrived on the scene in the vicinity 01 Mitchell and Walnut Streets, they found the deceased lying on the street, with a bullet wound in the left temple. One of the eye-witnesses to the slaying told Thp World last night that tile deceased got off at the rear  of the cnr. The Informant was waiting to s;et on the car. but the  did not open the door until the victim, who was walking down the street was even with the door. According to this cye-. the motorman opened the door and said "boy give me that. Run." "When the victim saw the  s gun. he put his empty hands straight up in the ulr." the witness said, "and ns he did so, the  shot him." The World learned  the police found 11 pistol In Harris" pocket. HEARING AT 2:30  The hearing will be held In Recorder's Court nt 2:30 thl.i afternoon. Severnl representative citizens called the Atlanta World late last night In connection with the crime. These citizens are anxious to have                 nil witnesses In the slaying present in Recorder's Court this afternoon. These witnesses are also  in  n Committee from the N. A. A. C. P. ;il- 1U:3O this morning hi the Y. M. C. A. This wus tin:  shooting of n youngster by a  in tern than two weeks. Ou March 30, a. 20-year-old- was shot by a I motorman on tne West Pair Car Mid Pair Streets.</t>
  </si>
  <si>
    <t>                                           The twentieth homicide of the year was added to Atlanta Police Records, late Wednesday afternoon, when Madison Harris, 22, of 38 Maple Street, S. W., Apt No. 2 was pronounced "dead on arrival" at Grady Hospital.</t>
  </si>
  <si>
    <t>                                           charm to summer; clothes                 , low.heeled strop sandal; center, flower basket sandal; right, filigree shoe with curving suede strips. The new shoe. fashions have been designed to set ntt a sun-drenched skin and give coolness and charm to all types of summer clothes. Strips of snowy white suede are an eye-catching contrast to the  of your skin. The shoes shown above, all I. Miller designs, in flat daytime and afternoon ver-j lions, carry out the brief and bare look that is no smart this season. The sandal at the left has a! carefree low heel and in composed solely of straps. II may be worn with starched, full-skirted cot-i tons or billowy rayons und .i. The flower basket sandal, center, has soft white bands of  crossed-fct right angles, making a. sophisticated checkerboard; and th* * shoe, right, has curv-i Ing strips of suede which  a harmonious symmetrical . It Icntlv a nice  tol                 Wftfctever you wear. //nr*. ~#v</t>
  </si>
  <si>
    <t>                                           DURHAM, N. C. The American Teachers' Association opened its national meeting here at the North Carolina College for Negroes July 23 with Dr. Lloyd Allen Cooke, sociologist of Wayne University. Detroit, Michigan, as speaker.</t>
  </si>
  <si>
    <t>                                           SPECIAL INTRODUCTORY OFFER $1,011 (UdihI for  week only) SI. 00 GRAHAM STUDIO I-8XJ0 B \V ( not include m-.? or frames) Cut this coupon out and  it to  STUDIO 308 Auburn Avenue. Ami you will  him b.-;        $ x Hi Portrait- with ,i ..-i.-t ion of proofs to choose from. To be paid at timu of sitting. I</t>
  </si>
  <si>
    <t>                                           Million Veterans Plan For Sen. Bilbo's Impeachment                 Defiance Of Supreme Court, Hiss. Law Hit                 President Urged To Send Troops To Insure Suffrage                 CHICAGO 1ANP1- One million Ni-ki-m veterans ol World W.ir II will . petitions Lu impeach Si'iiaitir UilUo II lie Ls re-elected mi his "whrt! supremacy' tlck i i. cxl lull,  to   here this  Dy Uie N';i [tonal Neuro council. Hlllxi In ; his (Im'7 on   ticket, u MH'iily  mid directly  the 19-14 decision of the Uult.i'd SUUia Supreme court or. Texas' primaries, the council declared. Further, the statement ,   uch   Is contrary to Mississippi's present law ; payment of poll tax by war , some 100.000 of :irc Nctro. I CONSlSTIi.N CY SEEN j Polntlnn utn that Sen.  of Illinois .and Sen. Ware of Pennsylvania both were denied scots in I lie; senate, disqualified on Rrounut  f  aitd  lit' the pending ol'  sums of money MMency would deny Bilbo n.'-,i( were he  o;i July 2. I           Truman and the attor- 1  general s  were urged \~y the council to send  to Mississippi to Insure suffrage justice for Mississippi Nckio citizens in the primary voting.</t>
  </si>
  <si>
    <t>                                           Mrs. Withe Mae Billings, of 324 Cain St., N. E., was admitted to Grady Hospital, Saturday night with severe stab wounds on the body and face. Her condition at that time was described as "serious," but according to the hospital records Monday it was "fair."</t>
  </si>
  <si>
    <t>                                           81 "George While Scandals" with .:onn Uiivis Jack Haley and 'Wanderer of the Wasteland" ROYAL Dorothy ' .Ion Hull in "The Hurricane" "Purple Monster Strikes"' ASHBY WILD HIM.. KI.MOTI' ill "Alarshall .if Laredo" "Ck- White Scandals" with Joun Duvis Jack Hiitvy LINCOLN       -Y"  ilh Fruiil: Siimrn        Muiphy  "DaredeviU ol" I he West"'  DfNN'IS MORGAN in "DESERT SONC and "G-Men Versus B!:ick .Dragon" STRAUS  A. m "The Hip; Bonanza" "Secret Code" Sore EJJIy; H,\ Protection Iti i i IM8TALI.  He i Burglar  l I      SI \\m Chetrtully HJ1H^I_I^*~ PHONE ^C""^^-- ~_1~^ MA. 530S "^^^~^gg</t>
  </si>
  <si>
    <t>                                           Atlanta  SSn Published Every Morning Except Monday "NeWS While it is News --*m . IH.  IS!) ATLANTA (:i), CiBOKClA, FRIDAY, .MAY 2). 1!)l(i PRICE FIVE CENTS 1</t>
  </si>
  <si>
    <t>                                           DRY CLEANING Th*t maker your clothe. lik*    _.I*o  car*   r*p*rims             g'6         WE PICK UP AND DELIVER CASH AND CARRY ONE DAY SERVICE TED LEWIS CLEANERS 704 McDANIEL ST., S. W., WA. *85  680 FRASER ST., S. E., JA. 0284 RITE- WAY CLEANERS 867 WEST HUNTER STREET RA,  131 JEAN WORTH Ovorrnnu- Obslnclos And Hidden Fe:irs These Are Things Within Your Oc'isp Ti-lls Vow IIow.Tn- Know M'liat To Do del A .loh. 9H     "' "l"'1 II Kunisli Misery. Bh'I I  99 G:1 n 'rl"" ^I^ nf All Iteinovc Unliuppinrss. ^'~'~ fine SU'Iiiipsk  Know What nihi-rs Are  H*v *^H  u'''li(''1"' f)~. Fn ~^3     Oai" tlle  liu l.. g^' Si^lH ')  '1:ls''~!   %x  Property. Hjk M JM - l  Do Vour lt.-f.'jin Voulli A Vigor BBft^a^Hi ~:          Iti-  Causi".    I W" ISriii); Bark Happiness di l HarU Stolon Gmxls. Calls Vonr Namr l^ Ifimlilic.-ul Ilifihwiiy A I in an d l"*;i rli or Hivcr Cnr Anthony St. J. D. SMITH PRESSING CLUB AH Work Done While You Wait  MODERN EQUIPMENT "ALTERATIONS EXPERT WORKMANSHIP "SHOWER RAT] IS 283 AIJiniRN AVENUE N.R. (Between Hell and Fort Streets)</t>
  </si>
  <si>
    <t>                                           J" J Li  p**^ Midnignt   ^^ i LUCKY MILLINDER And His ORCHESTRA FEATURING Bull Monst- JACKSON Annisteen ALLEN Sunday Night, May 26 12 Midnight To 4 A. M. CITY AUDITORIUM Advance $1.20 Al Box $1.50</t>
  </si>
  <si>
    <t>                                           MADAM EVA i I SHE  Sfo       AND i      YOU GET  sMSc*    'i  \T-\H   . Atua X\i2X$Vi*~t*; ^    -3 fV'-h  1L U ^ktj^l rom                 wick  "If. %r     . la                 iru lo JU p. m. Dsllj and HnniUj. 1010 W. Marietta 8    , K. W. Atlanta    sure lo take the Inmu Ymrd 0      Mtr.         r           M IM joa off too  the  f Klnf 1-low Alljuita. I Special $1.00 Reading for 25i 1     I.uky       nl HaaUx       Vtm</t>
  </si>
  <si>
    <t>                                           United Club Organization held its installation services Friday at the Club Room 222 Lampkin Street. Mrs. Geneva Haugabrooks. Atlanta business woman installed the officers being assisted by Mr. Williams, well known business man.</t>
  </si>
  <si>
    <t>                                           CAYENNE, French Guiana -- (ANP) -- Senegalese troops in this area were shipped home last week following an outbreak between them and French creole residents here recently during the first big local pre-Lenten festival in six years. The French government had...</t>
  </si>
  <si>
    <t>                                           IT S AMAZING!                 1 TVO QUARTS A     .    dRP' I  193.~ Coxfoao. m.v.) (c- I9~'j F.im. K-iium          . Iw 111 I</t>
  </si>
  <si>
    <t>                                           J. D. SMITH PRESSING CLUB All Work Done While You Wait "MODERN EQUIPMENT ALTERATIONS "EXPERT WORKMANSHIP SHOWER  2.s;j  AVENUE, N. E. (Hetuoen Bell and Fort Streets) Prompt Delivery /fl^u\ DRY CLEANING tff^S Ooe Day Service ^5^/ Oh happy clay! We're back on schedule. ifr.e will pick up and deliver your clothes the same day. Call US tomorrow. Broad nax Cleaners 870 HUNTER ST., S. W. ftA. 029) Artistic Cleaners 907 HUNTER ST. N. \V. RA. 9370</t>
  </si>
  <si>
    <t>                                           IRTC AT CAMP JOSEPH ROBINSON ENDS JULY 23                 WASHINGTON, D.C.- (NNI A) The Infantry Replacement Training Center at (Jump Joseph T. Kubinson, Ark., will be discontinued July 2'J, Gen. Jacob I,. Uevcrs, commanding general of the Army Ground Forces,   Friday.                 Camp Robinson was regarded as a bud station for colored troop*. It maintained a general policy of race segregation, anil police brutality was particularly rife there. Several incidents occurred at the camp and in the nearby town of Little Rock. Ark., Involving colored soldiers. On September 4, 1944,  a white civilian stood guard  with a machine gun soldiers were paraded before the post commander and a while woman in an effort to have her identify a soldier wh" allegedly had                  her.  Whiln mi a USO lour nf Army camps in thin country, I^tiii Honii! whs  discourteously ul Camp Knhinson ami nan Instructed In  for the white  hikI            lie fore   for colored . and tho  off!' cor asked her to  for thi Cor man prisoners of wur. With the  of (Jump Hoh inson, centers thut will  in operation to train men for thn Army's occupational forces and other post-war requirement* arc tho Infantry Replacement Training Center lit Fort McClellan, Ala.; The Field Artillery             Training Center nt Fort Bragg, N. C; the Anti-Aircraft Replace, mont Training* Center at Fort Bliss, Texas, and the Replacement Training Center at Fort $nox, Ky,</t>
  </si>
  <si>
    <t>                                           WASHINGTON, D.C.--(NNPA)The Infantry Replacement Training Center at Camp Joseph T. Robinson, Ark., will be discontinued July 23, Gen. Jacob L. Devers, commanding general of the Army Ground Forces, announced last Friday.</t>
  </si>
  <si>
    <t>                                           Do You Know Where To Vote?                 St.' thousands ol ciU/.t:  ; wlm havu never voted  will i:'~ lu llic IjoII.s loci:iy l/i select judge for Fulloii County Criminul I Court ami two commissioners. Vol.urs will also decide ihc ( ol  or not Ihcy desire a coun- I ly manager. i Of *sc to be able to vote 10- clay tl'.e voter  ko to the      j find precinct in which he or she i Is registered. 'When registering  citizen wus Kiven u blue  which carried ;i  and an al-  letter such as 3-B or 4- C, die. The figure indicates the                 Wiii'd number and the Idler indi- i cuins the precinct where tbc - Irani- is lo report lo vote. A complete libt or voting places is published below. He sure lo exercise your  . and duly and cast your vole today. Remember your govern- i muni is your business. 11 you don't have your   j your neighbor where lie votes. Ex- cept in n rare case.  luc to an ei- i ror. you will be listed iit tlic .souk precinct as your neighbor or .you may check with Hie Registrar's of- lice ill the Court House.                 kidnap Victim Is Questioned CHICAGO- )- Edwairi P.. Jones, millionaire policy  operator for whose release kidnapers collected $100,000. was questioned for more  two hours last Monday in the office of Chief of Detectives Storms. He was accompanied to the detective bureau by his brother. George, who delivered the money for Jones' release. He was questioned by as  State's Attorney Richard B. Austin. Captain Timothy O'Connor, Patrolman Timothy O'Con... and .Lieutenant John -Olson. After the questioning. Tuohy - JdtiO.t ful ]}}  fOT the first time since his release that he wus kidnaped, but .said he did not see the kidnapers and could not identify their voices.</t>
  </si>
  <si>
    <t>                                           WASHINGTON.--(ANP)--Dick Campbell, personal representative and manager of Muriel Rahn, concert and stage artist, who was ousted from the "St. Louis Woman" cast, informed the writer that both Harold Nicholas and Rex Ingram are being sued through the...</t>
  </si>
  <si>
    <t>                                           Sunday the junior department of the Sunday School of Mt. Zion Baptist Church, Rev. J. T. Dorsey, pastor, will conduct the services. A timely program will be rendered. Under the leadership of Mr. E. D. Dorsey, the Sunday School is progressing nicely and is one of the...</t>
  </si>
  <si>
    <t>                                           The 77th commencement speaker at Atlanta University will be the Right Reverend John Moore Walker. Bishop of Atlanta. President Rufus E. Clement announced this week. Approximately 125 men and women who are candidates for graduate or professional degrees...</t>
  </si>
  <si>
    <t>                                           HASTIE INAUGURATED GOVERNOR OF VIRGINS I':                 New Executive Sees Progress For Islands                 Interior Secretary KLrug Predicts Fine Rul^ By Governor                 C.'HAItl  AM A I.IK. HI. . Viruln I:       - Tin: Iliuitirulili- Wlllhuii (I. U:-. Kimxvlllr, 'IViiii., Ixirn AintTinih. w;is -.     ivn-- i ". Kinhiy. Muy IV u* C.uv.- ill tin- Viri'.ln IMuntlii.                 Thf - Viinln Islands Judrj-1. Civilian War Dcparuncnl Aide. (Iran ill Howard University Law H'.- ami ,hed lawyer .did /en. trial: I It c-  ol oilier j as i He first Negro ruler ol an American possession. Sccrelury ()t the Interior Krue, was  the.  S present on the occasion. In lii.s  speech. Governor Ilasliu said it was his "sincere l.-liel that the Vlryin Islands -land today at Hie bei/', ol a i. nf .significant progress and liii-." He :aid the Virgin Island:, "are happy anil -* tut* an  cd '::t  of the resi-     good will Mount up for us in W., ii ami in mi:. f -aii iii--i:!iI 1 1. ...i I Sl.l.Ks RKS'fOilA'MON 'tin- ex-rum-- said lw.  i. i..' Hull If, I lit- SlUlCS Mull Ol Ii:i-;iHi : BC'riuli- i lie ie;tf.r; ol i:..'.i llll.ll !. Ill (In- :         :i 1 11,11 I'm' I In1 Vnv.in Island-.. i'I IiiS:i-li:iti.' lopped oil      :li.se:i loi erl   hv 1:. Ill I In: hiSi UllllHrl-.i  said the Virgin Islanus "have two ;;r-i:it  of *: a reservoir of  will  our  and a reservoir of ability and energy and wisdom  . 1 believe ive are ready to pool those sources ol ~~~\ver and hi make- ! T, hum with  ." No new  for the future was announced immediately by Governor Ha.stie because "snap          ...is   -.   then only by sheerest, luck." he said. There was need for deliberation on a program, il was  . "The people of these Islunds uro proud to be an Integral -ISH^-oM-Ue-Uuil f4 -SlAi.as.-aC. Amit. rica.' Hasiie pointed out, adding that "the aspirations of the Virgin Islands for future political status are in     ; direction of more complete realization of the privileges of .-hip in our Republic." He called upon his people "for our own .s.-. and . to make this place in these limes as Rood a place lo live as we possibly can." KKltfi Si'KAKS    )         the  inaugural ceremony. Svcretary Knti4. said "Ihe eventual attainment of  for I lie territories fs Hie fundamental k a 1 toward which our policy is directed" as he spoke of Ihe role ol the 0. S. De- . of Interior. KniK cited the approval of  s - i mem hv Viiniti Islanders in - 'I'liiiuaii :ind the IX- ol fi  to CoiiRriKis, President Interior, as well as the press. He expressed belief lhat Hustle "will prepare a practical program lo build a firm economy for the f\i- lure development of the Islands.'                 INAUGURATED HON. WIL- I MAM , whose iii:iui;- j I lun us Governor ol1 tlio Virgin I:~-  wns. ;it Chi'irlnlti'U Amu- lit', Muy 17. I04U. The  were  by the Scciclaiy ol'                 Tin* Interior .1. A. Knit;, wlm fN.-w  Wii. }1 lor  occasion,  i urt) by - liii;l) t)l!k:ial.s ol i Jit- l)i-p:-iif ol' Lliu Inh- ;unl Ii lew Invited .</t>
  </si>
  <si>
    <t>                                           CHARIOTTE AMALIE, St. Thomas, Virgin Islands--(SNS)--The Honorable William H. Hastie, Knoxville, Tenn., born American was inaugurated in colorful ceremonies Friday, May 17 as Governor of the Virgin Islands.</t>
  </si>
  <si>
    <t>                                           ANNOUNCING 5 The Opening Of Our Electrical Appliance Department Cohen Music    Electric Appliance Company ~^.^~:-?;f;Ml l!^-::!t-  r;.::;-" I 305-307 Edgewood Ave. Ja. 5171 Floor Table $4.95 Electric Electric GAS ^1^00 Oscillating GE- 14 to t $3.95 IRONS $7 90 LAMPS A $22.95          3    ^ HEATERS up I Electric Fans General Electric Electric $ Electric Automatic  $4Q 25 $12 50 DOOR ^0:)U HOT] $5 00 RECORD ^oyj sondra CLOCKS CHIMES: ^up PLATES; jK PLAYERS up RADIOS $44.85 r f % Must Be Plugged In Radio With Battery Complete a 4. r *   Our Service Dept. ir A Automatic Cut-Off con ~:n M AI F Visit Our ^~^~y.ju Portable Aigene RECORD PLAYERS to RADIOS REPAIRED DErftDn cu_o PMoa,,,^ $66.95 RADIOS $42.50 1DayService_WorkGuaranteed REG0RD SHOP Electric Amplifier-Automatic 5 TUBES -Free Estimates Work Call For All The Latest HitS Record Changer And Delivered Cohen Music Electric Appliance Company 305-307 Edgewood Ave. Ja. 5171</t>
  </si>
  <si>
    <t>                                           AT 81- ANNE BROWN SlliRS Summertime1 in Worners' "RHAP SODY IN BLUE.' "R Sundiiy . Tuesday at the Koyul Theatre.</t>
  </si>
  <si>
    <t>                                           DAILY CROSSWORD                 ACROSS 1. Cushion 4. Slight taste 7 Kind of wolf 0. End of a magnet 10. Voided escutcheon 11 Smallest particle of an element 12 Remain 13 A crown 15 Close to 16 Elecl rifled particle 17 ,\        reply IS Announcement 21 Porl of pedestal 23 Abounding innr* 24 Gain id A  piece  n An ensign 30 Type mea."*     U Wei earth J2 Radium  t     13 Pellucid )6 TointPr vr 18 Manners 19       trra.  10 A  11 Employed 12 24 hours 13 Beverage DOWN 1 A common  syllabi* )                 2. With great ability 3.DI;*it 4 European country 5 A Jot 6 Walk laboriously 7 Game of chance 9 Correct 'i 12 River (Poland) 13 Female deer 14 Cry of a cow 16 Frosty 19 Weight                 20. Vex 21. Clamor 22. Girl's name 24 Roll of paper money (slang) 2i Goddess of the dead Norse I 26 Eskimo boal 27 Undeveloped flower 28 Blundered 29 Beam ol Foggy .1J Intellect 3ii Malayan boat                 Mr s.lu] n                 VeHtrrtlay'  AnvMer 36 Foundation 37 Part of the fri.i of (lie     39 A groove                 1: i! Li li 1:: 1            '8    a J? 54 35 36 3? 1*^ in I                 - A cryptogram quotation 1DR RFD XT KIP YtZPD. IDR R F b  KT; B  JTN , BOF 8  JIN XTD</t>
  </si>
  <si>
    <t>                                           VETERANS RECEIVING TRAIN ING IN ALABAMA- Some 20.000 veterans are participating in the on-tlie-Job and school training program in Alabama. Negro business in every section of the state is encouraging participation. The above group is among the eighteen employed by the Protective Industrial Insurance Company of Alabama. The veterans In Birmingham are from left to right: R.                 Saundcrs; Arthur" Reed, supervisor of veterans activities: A Sanders; Miss Irene E. Gandy; L. Johnson assistant manager; R. Belcher and J. Dubose. The federal government has announced a program to cost from 10 to 14 billion dollars for the training oi veterans under the GI bill. Negro co- arc being employed in every town and city to encourage participation and to direct veterans.</t>
  </si>
  <si>
    <t>                                           .'%~       ( (teat/  ud NATURAL HAIR ATTACHMENTS OH - AGAIN HAM DO S To meet all  I'" 1  ?W!W PS*Kenv MATCHtt I d^la  PAGE BOn I i'N" NO MONtY AU .ROllS       f IRST  PAGE BOYS f" "^"r  CLAMORS POMPADOUR .:t;?*7c J2Af:*e*'  ^''-:~*''     .CLAMORS ond AU OVER WlOi ;?.-/^f^^~^^'?fli^ftt!~~ $07 FIFTH AVENUE (Room 90S) NEW YORK \T, N. Y.</t>
  </si>
  <si>
    <t>                                           Agents Wanted Wake Me money  Kbony, the Wjjro  magazine       . Srml ( ad and your  and  for Sptrlal AgrnLs Itnlm In- FlM.nv. r.1^5 Calumet      ,:     IS. III. Itrpl. 64</t>
  </si>
  <si>
    <t>                                           AMP TO  SURE B#^6Sp^IMMh3 THeRB'S NOTHING WnR$F^ttR^^   ?# veer? to</t>
  </si>
  <si>
    <t>                                           ITALIAN CAMP NAMED      HERO OF WORLD WAR II                 LKliHOIJN,     - J-~.i\Tl- Tin: JKjlIi Qnrifleiniiistor Truck' Usiltalton iii.'iii"   wi.'t.'k t. "" Chai'Ius K" Mainly, "'~    in honor  f Mic   of the HTWIi  , !~2ml Infantry, wlm was  in uction Oct. 12, .                 Cupt. (lar.dy, who  shut down  :t burst oi machine gun fire while lending l is company  m an attack in the hills ne.ar Serravozza, directed his  tui in  of tlic   credited to Die !~2iul division. Cinisiderrd :i  lender  Iijk men a ml  (, the   is  by those wlm   us fearless. Lt. d   Sinini'ins, wily  of: Ihe famed "I"'  uf (lie I .'I7()th . in Italy l., re- 1   Inntline up to tin!         'K d.'iith nt (li  con:-  (r Ihr now . lie; (aid: I "During tin' .I, nf A'ir JJ. Ihe 2nd  (.f tlm ::7'Mli ft*--!   i"Vfil ,. (he l,w- - i   of Hip Isl AniHiri'ill Mivijiii'ii ali iiB Ilir A rim . j   inp.Miiy F  i"'k i i   isi!      in I t .'dvi-i. Afl.T lii.-ini: InOil      on the .A I'/id fur a uvi lc. Hi" - lint  I'russcd the Imrriiir and I H'lP^ l.. Knr  , i F Company stayed in l.uica and then -d  dm\ii Ih'1 .Scr- chio rivi-r valley,  "lit de- Inyod (K'rnian roar ^uard forces until  di l.neea was reached.  KKKdlCMRI) "Alniiit this timr the I'limlial                 tc:im w;is reformed into Task T-Ynvt1 I1-, ami given  mission of  and  up...     !. "left '  f ; Cidtliii: lino in Hit?  "f Honnvczza. After Irailini; Ills unit t litre. Cnpt. dandy wns confronted  itli Hie task of  the foi-            later to lie known as hills X, Y, and 'A. "C(        ' F w-'is the only unit In Scirayczzo until Oct. 7 whore the remainder of I he battalion arrived. On Oc-t. 8, the company actually achieved its Roal. occupation of the mountain. Then on Oct 12, our gallant captain was killed."</t>
  </si>
  <si>
    <t>                                           LEGHORN, Italy--(ANP)--The 110th Quartermaster Truck Battalion near here last week became "Camp Charles F. Gandy," renamed in honor of the heroic commander of the 370th combat team, 92nd Infantry, who was killed in action Oct. 12, 1944.</t>
  </si>
  <si>
    <t>                                           HAIR TROUBLE? C1MOTA HAIR PRODUCTS MANUFACTURERS OV HUMAN nAUl ACCESSOEIEa (Owned and Operated by Negro Veterans) OFFER YOlj a ro-MPI.ETV tine OF HAIR ACCESSORIES: PAGE BOYS $3.00 BRAIDS 54.50 CHIGNONS CLUSTER BANGS V- ROLLS 53.49 IX ALL . INCLUDING CRAY We Gnarantce :i Perfect Match. Send Sample of Hair (We Pay Postage on Prepaid Orders) C1MOTA HAin PRODUCTS X Page Boy X "-RoTl P.  (ig. Sla. M X Chignon New York 32. N. Y. x' Braid Han** Name Street CHy or Town .......Zone.... State........'.'..:1 t- fc MUSCULAR *~</t>
  </si>
  <si>
    <t>                                           IT ISN'T LIKELY that there will be another genius of the sort that is fourteen year old Phillippa Duke Schuyler in your-life time or mine, and so her recent appearance at New York's Lewisohn Stadium which amounts to her debut as a pianist is too broad...</t>
  </si>
  <si>
    <t>                                           FOR SALT CASH, it - combinations. S4!~ Eicirncs 7 to tll i Whitehall St. 2nd floor. FOR S.U.E- CASH. I  pi. ano. S115. Ewnings 7 to 9. lll'.-i Whitehall St. 2ml floor. HAViNvi FOOT TKOl'Bl.ESJ 8~? I)i. A. F. ITarrij Foot Specialiit Hrrndnn Ulilg. Auborn Ate. Hoitrs 3 P. M. to 8 p. m.  Appointments rail CY. 24 ',0 "tt" til II nl    mm Mm Make him thrill to the touch of your beautiful looking hair. Use Pluko Hair Dressing, a Black and White creation. Pluko helps you to comb out your hair softer and smoother, helps it stay "set" longer     many heart-winning v/ays. Pluko's perfume brings added charm for hours. LOOK YOUR BEST At 'vork and play, you ll feel that you look your best knowing Pluko is keeping your hair in place Especially popular with those bothered by stringy, straggly, bad-looking hair. MEN LOVE IT Men love that soft, smooth, shining lustre Pluko Hair Dressing brings to your hair. Yet Pluko costs only a few cents. Sold by dealers everywhere in large money-saving sizes. Amber, 25C. White, 50?. Try Pluko, you ll love it. Always be sure you ask for</t>
  </si>
  <si>
    <t>                                           MANCHESTER, Ga.--Mr. and Mrs John Nelson and children Mrs Ida Melson spent Saturday with Mrs. Charlotte Milling Alle ... has received honorable discharges visiting his wife Mrs. Minnie Huel J. W. Owens has received his honorable discharge and is visiting his...</t>
  </si>
  <si>
    <t>                                           WATER RATIONED IN OREGON CitlES                 A GROUP OF SEVENTH DAY  at CI:i.UI'.".-. On: ,-vr :U:wn *~..lii.K tin,, d-ily K..~.,, ..I v.,..,. Cil.~.-.1!. ,t tins ............ml, Law-                 "~""MrWau"r'"i;*ri7.~~: m,,,v :;.,r, ,;,,,l.r....ii..</t>
  </si>
  <si>
    <t>                                           loan Investmenr COdPOIUTION  OOM 209,      . M ALABAMA STREET, S. W. r./.phon. MAin 1308  M. 231. GRANT BLDG, 2jrf N.         and WALTON , K. W, r.l.. WAInul 2044 (mi Malty            \twt?*fl% fit Inn ItauaH Swiss Coujji/   Italian Swiss Colony .California Wine. Now On Sale In Atlanta At Your Favorite Retail Store Mlslrll.utor* NATIONAL DISTRIBUTING CO., Inc. Atlanta, (in.</t>
  </si>
  <si>
    <t>                                           Washington Hi In Fine Army Day Rites Here                 8,000 Witness Army i And Civilian Units In Colorful Parade                 By V. W. HODGES                 Army Day. adding a patriotic finish to the three eventful daya on the year s calendar at the , was observed here Friday when students and faculty of the Booker T. Washington high school sere Joined by high-ranking Army officers and enlisted personnel on                 the Harper's Field Stadium before a crowd estimated at nearly 8,000. 1 The formal exercises, beginning ai. 11. were preceded by an extensive parade, threading It* way through the main arteries of Atlanta's Negro Westslde. The line of the parade began at 0:30 o clock with nine separate detachments, headed .by motorcycle escorts. The parade followed in this order: Parade Marshalls. Ft, McClellan bond. Infantry, Array Jeeps and vehicles, Veterans' organizations, Washington high school bond,   aud the Boys and Girls Scouts outfits. Student-groups from the DaVIs Street School, E. R. Ciirter (Ashby Street) School, together with a considerable sprinkling of students from the local colleges, were also witnesses to ihe unusual celebration. MAJOR W. A. CLARK CHIEF SPEAKER C. N. Cornell, principal of the school, presided and Introduced Major .E.. A. Freeman, a 1933,         of   .school, and returne d U. S. Army Chaplaltr Two numbers were played by the Fl. MuCleilaiiU Bunii. Speaking under the glow of an 'April sunshine. Major W. A. Clark, field representative attached to the Fourth Service Command, Atlanta, extolled the heroism of the Negro soldier in all wars and paid special tribute to the productive leadership of America "In waging the toughest military conflict" In all it,s glorious history. Major Clark chose to speak from the subject: "The Negro Soldier in World War". Said he: "In exact figures, 920,000 Negroes served In tho Army between December 1. 1941, and September 2, 1045. Those Inducted since September bring the total well above 1,000,000. In addition, those serving In the Women's Army Corns and the Army Nurse Corps, must be considered. Have you registered? Continued on P*ge 4                 Washingfon Hi Continued From Tage 1 This number exceeds several times the number of Negroes who served    the Army ot World War I. "Prom the beginning to the end of World War I." continued Major Clnrk. "a total of 404,348 Negroes were brought into the Army. The total. Negro strength of our Anrfy of the present ii 372,369. In World War -I, there was a tofal of 1,353 Negro officers. In World War II. tte had more than 7.500 Negro officers In all brandies of the Army.</t>
  </si>
  <si>
    <t>                                           Army Day, adding a patriotic finish to the three eventful days on the year's calendar at the school, was observed here Friday when students and faculty of the Booker T. Washington high school were joined by high-ranking Army officers and enlisted personnel on...</t>
  </si>
  <si>
    <t>                                           It isn't easy to keep one's mind on Shakespeare when Paulette Goddard is decorating the theatre ... wearing one of those ... Hollywood necklaces that appear made-to-order for coal strike dimouts.</t>
  </si>
  <si>
    <t>                                           Every Straw HAT In Our Store */2 Price! Kxrcllcnl  l'i  I'rnm. MuK regularly  fiom S2.!l.ri In SI I. ."5 now . Ciiiih' ! 62 Peaclitrcc    Him 1o Broad i</t>
  </si>
  <si>
    <t>                                           giBg  aj foil KCt    "Uty too in Morolinr.      3 Vtrolcum Jelly- A  chc;-t ^^Wt "must". AJd*   ^^  to aln^r bu--r:;- ~^^v ^ uts. HigbcstquaUty. Yets IH^M^ NO MORE GRAY, DULL OR FADED HAIR USE Jessie Kare's IMPROVED HAIR DYE LOOK YOUNGttgnn AND BEAUTIFUL IT WONT WASH OUT OR RUB OUT. VERY SIMPLE TO USE CAUTION: USE ONLY 4S DIRECTED ON  5ENI) NO MONEY. PAT POST MAN J1.nO             " on delivery. Send  today. Saffifocfron or money re^ JESSIE KARE BEAUTY PRODUCTS CO. 507 Fifth AveM New York Cl* (fO5l</t>
  </si>
  <si>
    <t>                                           U.S.'DELfegtfTiGRAT Bi0 FOUR' PARLEY iN PAJiS                 MERE iS A ClOSEUP of members of the American delegation ot the conference  of the Big Four Kieles Ministers meeting in the Luxembourg Palace. Paris. France. Secretory of Stale Jumes F. Byrnes (center) U                 flanked by Sen. Tom ConnaJJfc (left) and Charles Bohlen (right), of the State Department. (JnternoliomUJ</t>
  </si>
  <si>
    <t>                                           Do You Want POWER, LOVE? * t*  yon  la all row  Poiror to make        i ft4n(        rcw#~r U ~*n  i Power to  * follow yonT 1 I frill  tod Information  In the  of c1~**~         . Thli -   nd ^t;    will  r'.o M*      mnT*  nm\               j Inrinrar** Ton will f  U* i*      m)~      *pt1ot-J. 17 1O(J  NOT  TOOK MfNKt 1M- HKIUATKLr . Jl'HT  o4 I ma jour aamr             . ~*~j po^t- nan on delivery SCli when h*~        j ff.OO  or tmm*7  rdf"-      wr DM I ^4        . Writ* mowl  "Ith      7        TftUimMlt H^ol of  in,,v In Mn9(1.rM t*i 1     ^t*ii  FureHmesi.       . in Ewit Hroidwc? Dcpt, S- 53 New York 2. N". Y. fi^AiTe^Hotel Grill I 50 Rooms,  nc.it, Bath?, Ra Ho. ZS1B XV. Madison. Luiilsrlllft U Ky. Tflrplmnr   . 0128 B. M'Gtorln. Manseer</t>
  </si>
  <si>
    <t>                                           J^^^~~ yf-4$   HAIR PO MADE {</t>
  </si>
  <si>
    <t>                                           81 "i\M!RJ.~KK RAI*" wild All CuliiriMl ~;ist :incl "KOAI) TO AU " ROYAL DAKOTA"  JOHN WAVNt; ami CAl.DONIA" with LOUIS JORDAN AIM! "Tin: .         ;mcl thr Apr" ASHBY .Miintan Moicland in "Up .In nip I'd the Di'vil" nnd "Aloiifr Ihu Niiviijo Tniil" .N ' ZOMKIIi" with BELA LUGOSI und MARCH 01" CRIME" HARLEM "; JUROR" with JIM BANNON iind "WATliR RUSTLERS" STRAND "Cisco Kid Returns" und "Secret Code"</t>
  </si>
  <si>
    <t>                                           Atlanta  J8M^ W)rld  Published Every Morning Except Monday "      Whih \YirnrNriMHKiTm ATrA"    (3ni"EoiM:"iA. . .Timo prick five cen i  -^r==^i=i:</t>
  </si>
  <si>
    <t>                                           Start Drive To Register 50,000 Voters In N' Orleans                 ORI..- (AM1) A  to    { !~n,       Ni-fcm  hrrc      tin1 l.:iii:i  in Si'iiliMiihi'r was    ) last  U) In*  liv On1 l ''s Diifrnsi" IrtiBilP. .sori rt I by lni-.il CIO and A!1'!, unions. j Already a.UdO      'S nro  m the mils,  I" Kriifst .1. Wright, Ii'Iikiip -. wlm Msrloseil that the  is  10 "voti is si '' to  t j NcRrm'S I"1"' surmount   :~r riots i-ri cK d by loi-.'il ri'^.                 - ~- IIk- i- in" ~~~}'~' on Ilio registrar s         ". My  is 'Hi'' i-  is "i-iil." IT   i fills in ".Wifru" nr -Lhuk" nr I "." is  d, \S  I s:    . Tin1 ili- that ii   '~'  it  w :ii-             by twn ri-Kisti-ri il        his own ward nul pri i- is the umsl  i-  M  il thus far. In- ;             5Wl. I Miiny registrars Impo that  I  tinK -s m w  rants will i;ivo "P. Wnt-'ht said.                 $25,000 Carver Club Drive Opens Thursday                 Jli'lirosrntiilivr.s of teams  Ixiaril iiu-mUi-n- lor    - SSfi. li- I         of 111'- Cjrnriic Washington Culver Buys' Cluu met at tin1 Ma.-      .lr Thwxluy  ami ui:   -  i)l;    lor Mir  which has     formal '. 'I'lmcMliiy , July IHTIik Boanl  l 1'Jirt'i'inr.s nl ihr Allsntfi Buys Club nl which Oar- \er Cinh is ;in   i-H'.000 which has      brim: ihr c-i.il-.1 him nl ihr : i" IIS    *'M-llt  t:iU'. Tlw Mriiciurr is lin-uh-d :il 111"1                 I'oiwr "f Oavls ami ' Sutci.n. WIiimi  the 1K will ic. :i law Mvimmim: pool, .-imn. i-      \ lil.r;iry ami  mil.-. .--    ' l0 !-l"     buys IIOlll H Hi 1H ~~'.'      !~  "Tlu-  ;  bu tin1 kli k-nll (in- Illr - ill till' M: 'IViiiiiIi'         :iy . .lulin      -y Ui'1     gi-'wriC.han mi. .11; Hi. M;nk :. ami ICi-i-. A A. im:liii)Wi-r hit ni- anil. I'riiH-.-iir N. l.'. ami W .1 Sliatt ari- .m 1I1..11nu-ll.                 Democratic Club Mass Meet At Ariel Bowen Tonite The Citizens Democratic Club of Pillion Comity will continue Its series of muss' mri- tonight, at H:30 o clock ut Ariel Dowcn Methodist Church, corner of Arthur and Smith streets, the Rev. M. J Jones, . TonlKht's meet Ins previously  been slated ut Mt. Calvary Bnptlsl Church, the Rev. B. J. Johnson, pastor. The Kcncrn! public Is Invliert to hear discussion of the Issues at stake in the July 17 . The club will sponsor n mass  Mondny  at West Hunter Street Baptist Church and                 ii  one before the election on Tuesday night. July IG nt Greater Wheat Street Baptist Church.</t>
  </si>
  <si>
    <t>                                           New Vet Group Incorporated In Chicago As National Body                 CHICAGO.-- The Untt.~d       mid Allied veterans of America, and  founded to the interests ot Negro  is now  ns a national body. It wns announced by ilm  tun s  Iwrc                 purposes  f Die  zillions were  us follows-: t 1. To preserve I Hi- comradeship and  of war  j winch wus forced by I' common sacrifices und experiences of men and women In the armed forces. CiUIDANCi: I'Olt  2. To   R nun personnel service 10 war vcu ratis; lo fai - Miitir  iiii iil to  life, mid lo . than In  and  tlie benefits provided by Hie OI Hill i of rights mid oilier federal anil, st^ie mea. (.~~Uiictcd lo nld I . 3. To promote the Ideiils ol U'Ui! democracy, lo  for the j public Rood mid [or tho  i of ea inl  und  opportunities. I 4. To * its resources and i   social, civic und j economic Improvement of Its mem- j bers by nil legal anil  means  with the spirit j :ind purpose the ConsUtution j of 'the United Stales of America TO  H1 5. To secure for veterans of i the  forces of America the                 lull measure of democratic , . '~"l  s0~:i;'1 development, economic- .security.  -li are the  Iwnw of ail . 0 To   veterans and nil 'veterans In  efforts to .secure- push ions in I he erne  economic lift- of Hu'ir ;  with I heir .v  a nil : s. 7. 'I'D work toward n Jiisl m") ! pi-!  the  (il the World and    promote Rood will and   all peoples. H Tu preserve und publicize (lie Iilsuiry of ihe  of Ni-gro veterans  all veterans 10  victory of the United Stales and its allies in World War II. U. To establish im educational fund for the aid of war veterans. OI-TK.'KKs INCOlU'OltATOKs Officers of the  who arc listed as  are: Lester Davis, New York, finance j officer: Ceoi-Ru B, Murphy Jr., Washington, D. C. national ud- ; Edward S Atciniui,  officer; and Ruth L. Freeman. Chicnijo. vk-e-.  officials said Ihn'l. Incorporation as ,i national body would be followed by Incorporation In the various slates. The  will shortly i begin a nationwide } j drive in which special  will be given to organizing the  600.000 Negro veterans who live ill the south.</t>
  </si>
  <si>
    <t>                                           CHICAGO.--(ANP)-- The United Negro and Allied veterans of America, and organization founded to the interests of Negro veterans is now incorporated as a national body, it was announced by tile association's headquarters here.</t>
  </si>
  <si>
    <t>                                           Ministers attending the weeKly session of the Atlanta Baptist Ministers Union Tuesday afternoon at Wheat Street Baptist Church heard D. J. M. Tute. pastor, Walker Memorial Baptist Church, New York City. who is in the city conducting a great revival at...</t>
  </si>
  <si>
    <t>                                           THERE S ONLY ONE MADAME ROSE PALMIST Cluarantee* to Read fout entire life, put. , tuI_^hh tux. Asks no     BtTI lions but  you Hi ^~-~'~    wunt Co Icnofc  H l.l.rj * hum ui t^t L.l_fj      . and      01      I'll*'*"** luve- he*1" S^' I family affair*.      \ whom yon will      k \y M ry arid , over ~^^/r romc f-Drmlea  '~ ^ls, evil uut/lu, .tomb  . and bad link      l . Ktadlor.       and Suu day, S in. (ii      . m Vnu wil I find )~-t irr  th.ili ^11 . I Tliere u no hi-jrt on iid 'ic doom i dreary Out I .       inn i - In It. l. nt  uf Bruii \ uud Uuwrll MIU Eoad i 1060 DoweM Mill ISoud. Kr Miry     the nnr ~"r     ;il Mil (toad car. Slop at door,  Mil Trailer, front of Whllr Provislni Company, Atlanta. It pays lo srf Ilii- best In till; rl(v MADAME LYDIA Palmist I'nnunc Trllrr l.nrk.l.ovi'.SiircMs-"'*' If In doubt, consult, u  . One visit Is all lh:~l ' No calls from door ic door. ^___a__  and .  r.lvM   IS I I iH fn 5, lorr and ill I W  and family  attain;  you  f -vo"r  "    pM ff^^^J* b Guarantrrd to read ^Jjjjl* M what  Is WffSPjBl:      lucky for  and what part of the world will be more Mirr* for yon;  how to tain ami hold good positions; ".hr  If Iht nor you  Is  or . GIVE  BANDS  BUS .STOPS AT THF DOOR- 2973 PEACHTREE RD BRING THIS AD WITH YOU READINGS Ur</t>
  </si>
  <si>
    <t>                                           BOMBER CRASH VICTIMS REMOVED  MT TOM- Charred  Mi- on the flour of an Army Hinbuluiu'o :  ;\l from the  oj n B-1T                 I Army bomber (hut crashed ul full  Into Minna Tom. Holyoke, Mass.. killing all twenty-five aboard. Many Army and Navy ;  were aboard:                 .it I he Lime 01 the crush. Niimi'S  it t lie victims  been    of  ul kin.;                 ( Suumlpliolui</t>
  </si>
  <si>
    <t>                                           MADAM EVA (v sob amm S(} PACT* AND  BWa TOD -3ET '*JraR B umn- V +     iff'-i bum all. If ^b^~ jf     kin towM* TThiaiF  haiku*    wife er Laek. k* mm art mbm nM OfflM bran i a. m. ta    9. mt. Dally aad       101  W. Marietta BfMt. V. W. Atlaata Be Mm to take Mw Inau Tar* BtrfM*  ar* Fleaae alk the ear  te     i*a off two  the  aMe ef      Flaw Oa,       ,  aSpecial $1.00 Reading for lit Itu Lmtkj Day*     OIvcb It** i __i      j CAN B?THE GIRL j OF WIS DREAMS That man in your life will dream abou\ you more often if your hair is soft, smooth and lovely looking. Plukb Hair Dressing will give it this new beauty look. For years, Pluko has been the favorite hair dressing of thousands of  women. You will be delighted with it, toot Wise Women Know Pluko, a genuine Black and White creation, brings an appealing gloss to your hair. Gives a lovely softness, smoothness. And so your hair comb3 out easier. It stays set longer. You know you  best during those wonderful hours you re with him. Something More tfa Pluko has a fragrance nil its own. Perfume-like. Teasing. Irresistible. And it clings to you for hours. Its sweet scent invites romance. No wonder Pluko is a preferred hair dressing. It does so much to beautify your hair. And it s so inexpensive. Sold at toilet goods counters everywhere in big economy sizes. Amber 25c. WhitL'50c. You'll never want to be without it, once you ve tried this way to lovelier looking hair. Always^</t>
  </si>
  <si>
    <t>                                           Mr. Henry Young a prominent Negro of Atlanta who recently moved in his new home at 557 Thurmond St., N. W. left May 3 for Louisville, Kentucky, where he will be a the guest or Mr. Gus King, president of the Capitol City Supply Company.</t>
  </si>
  <si>
    <t>                                           Xoiii fcv.\  Attention Consiill DR.  HIVI I'S  PEPT. riH8T 'l.OOH WEST S LELAND IMll'li: I. I.I.. FLORID, K/mii, lie ills mill runts fur v:il l ins f(~      ; alut           ol Ul M...I.V- l,,rli  ymi wMi. CH.MCA.STK!-: Itl'SOLT Wi'ilt* fur         ;       ( Si-nt) Stamp fur reply. SIX DRESSES {% v.  f .1 B tn-^^i .,u.ni,  //'':)illS II II. ~*lut'~    ^ %^  r..d Ir pH.inr.l.  /JO-OX       -~it T!    ^7't3    ;E?aa^i flf you *r* run down * you re not   J1 th* A*U Vluminn you nc*J-~     Ukln* Scott's Kmultion to promptly hell*  bock  und OcHlt.Mintr Sc"    if rich in n. A.tn          .ind . .l oil. Hny  1 All c^uKl^lit^.</t>
  </si>
  <si>
    <t>                                           MOIRA'S HEAD, with its aureole of amber hair tilted back on the long throat. She rested the crown of her head against the back of the chair and smiled a little. "Mr. Lester's trying," she said, "to give you the impression that I'm a flowery and sensitive little thing. I'm...</t>
  </si>
  <si>
    <t>                                           TROPICAL                 MH.S. MINNIE  WED? MR.  SHELLMAN- Climax in .c  .school romance was thn Tuesday after Easier wedding of Miss Minnie Lucy Ayers Mid dins Monroe Shellman. Tlicy pledged I (heir nuptial vows :ii a TwiliRhl I ceremony before ftn .sed al-; lar of palms and white flowers in lovely home of Ihe bride s paren'.s Mr. unit Mrs. Archie Ayers at 19-13 i N. W. Sixili Comi. -wilh Kev. T. .Johnson, assistant pastor fif flic Hi. John'* I3.iti.si.  .il- iiiii. -ja. i</t>
  </si>
  <si>
    <t>                                           WASHINGTON, D. C. -- (NNPA)--The House last Tuesday passed a bill to liberalize the present law relative to hospitalization of veterans so as to encourage them to enter hospitals for needed care, to remain until their release is advisable and not to leave against...</t>
  </si>
  <si>
    <t>                                           27th Annual Convention of the National Bcnuty Cull  league INC. AuKusl 1 1-12-13-14 .1946 ON  . CAMPUS OK Til K. I TENN. A. I.  .'OI--:. NASI1, T'iim 1 SPECIAL Ki;  I . 1NC Sun. 11-S I'.M. al Ilic College I  01" Al.l. DKI AUT. Mini. 12. S I'.M. I  ir;(in)i KNercises of Teachers" .Division I Tui'sriav 1.). S V. iM. j I KOM \\~~l. II. !i m!  Scmiiiiir 'I'hnrx. U.. Ill A.M. Ivicli Iby: Itoll Call  l A. M..  E;  'h Day: l.t-i luros and Dcnimislralions  Lunch The Tcaelicrs" Division will meet al I he College for 1    Summer ("nurse "Inch "ill open Monday A. M..    . :i. j There will lie 5 (lavs. S hours each day. ;j .us lor Leeturi's. COItDICI.IA  .IO1INSON. National I'rcNldcnl Z M l-'~~ Slrrct. .Irrsoy ('ily, N. .1. KVA COItllKI. . Nallunal t  I'halrman 10!) -till Avr.. Nnrlli Nashville 3. Trnn. Tern-hen -   president (or -s. All business sessions will be held :~t the Colli-nc. All social . ot Uic  will be held al tin- College. HOUSING : MRS. TOMMIE MITCHELL. Chairman 1G14 Ilclnmn Stn-ct MISS DORA HANNA. Co-Clmlrman. 1003 1.1th Avc. So. Nnshvllle. Tcim.</t>
  </si>
  <si>
    <t>                                           CHICAGO--Dr. T. R. M. Howard prescribed a "miracle cure" for the all-Negro town of Mound Bayou, Miss., and under his physical and civic surgery it is responding beautifully to treatment.</t>
  </si>
  <si>
    <t>                                           BRUNSWICK, Ga.-- Mrs. Ruth Logan and daughter are spending a while in New York, Rev. R. B. Baisden and Zion Baptist choir were heard over Station WMOG Sunday. Mr. Marco Campbell spent the week end with his brother, Mr Edward Campbell. Gladys Sirmis...</t>
  </si>
  <si>
    <t>                                           TUSKEGEE INSTITUE, Ala.-- (SNS)--The Purple and Gold Panthers of Prairie View University set a blistering pace for the brilliant array of stars competing in the twentieth Annual Tuskegee Relay Carnival, held Saturday, in the Tuskegee Institute Alumni Bowl.</t>
  </si>
  <si>
    <t>                                           t I'- T Africans To Attend Business League Meet                 ..I IIIA.- (AM1) A li li KUlion of Wi'sl African Imsilu-ss ini ii is  to  tht'  of Ihi* National    * KM liii.~iin:s.s Ii'Iikuo Auk. it ~:is  this wi-k by  cf tin- I'liilaclolphla Musinpss and  M Ioui^ii*, host                 In . An invitation to attend tho sessions has Ihm'ii extended to the Went Africans by the national organization ami thoy are expected to fly    this country in time Tor the convention. The  will be bonded by Prince Kkel Inyangt'doh, president of the Prince Ekct's Manufacturing company, nn import- enterprise. . ASPECT The Rev. J. S. , .lr., executive secretary of the host group. I said that the extending of such I an invitation was unprecedented in the history of the business league, but added that the step will mean that the convention will                 h:      i. trial si^ aiin'. In (In* nii ii n I i 1 1 1 .Mr. IIimiii said lh:it t -i's aiv  l\anl at wurk in shaping 1* In      ;  I hi- most  in I hi1 history .if the lc;it;up. He said that approximately l,0(Ki  anil visitors aro  to attend the nu Ctiujj. AiTording to Mr. , this will bo tho  convention since 1942 whon tho Inaguo was  to curtail its convention activities because of wartime restrictions. The convention was not held in 1045, only the steering committee met.</t>
  </si>
  <si>
    <t>                                           PHILADELPHIA.--(ANP)--A delegation of West African business men is expected to attend the convention of the National Negro Business league Aug. 20-23, it was announced this week by officials of the Philadelphia Business and Housewives league, host...</t>
  </si>
  <si>
    <t>                                           WINXKt.'S IN SUL   C  (.C  1 Ken. line li-ft tu  I'mmir I-". l -11. V.'ra Kar-ii^ut. of Tamp:i.i Kla: Lilliim lii-iiiii-tl. Julinnii' .Ma.1                 Mui'iv.  "Mis* Southern     :ty I'tilturi':" Mr*. Willie Mat C'~o!v. s[m.w sni- of tho  r; Kusa Mac Kiilil. "1 the "Quren   ( Somliprn Hair Sylist." ami l.ulu                 Peoples. The winning  was sponsored     "book s Heauty Nook." Mrs. Until Jackson wns i-li: of the SISC, which  in Hirniiinrhiini. April 2\-'S.i.</t>
  </si>
  <si>
    <t>                                           NEWNAN, Ga.--Negroes of Newton voted 100st last week for the candidate of their choice. James J. Carmichael. There were no out-coursts during election hours. Highest compliments are due Sheriff Lamar Potts and his deputies for the fine spirit and vigglant...</t>
  </si>
  <si>
    <t>                                           Mr. James A. Cobb, well-known prominent young businessman and fraternal leader of Columbus, passed away at the City Hospital Monday afternoon. July 8, at 6:30 o'clock, following un illness of several days.</t>
  </si>
  <si>
    <t>                                           BIKINI JEEP   W4ST,r                 SiATEO ATOP A JEEP,      .i-lt.     P:. Md., n:.es a Gcigar i , In n.e;iv.:ie .'i.-.Klli .ly un ll-.i-  follo-.vins the explosion of I. in -.-ilcT ;(l'.inic- IjiiimU. Ml- \v:is n  nl ;i party thai        *iv hi.ni;:  tlio IhukIi M-l "II    (.w Ilic army i)f                 v,vi in iTl-i' "l:i!;i!   . Tayl; Force I l.'. v (/)</t>
  </si>
  <si>
    <t>                                           jfr^ 'PHANtOM' LEAVES CARRIER                 WITH IT COMMANDER Jamrt J. Davidson. Rochester, Minn., al the control. ."The Phantom," 8rst Navy  plane exclusively powered will, jel engines, makes the      take-ort from b  dur.nc   Ihe carrier Franklin D. Roosevelt. oH Uie Virginia Capes. Tlie new .  -1. has service  of seven miles and attains a                 oY 50O miles per hour. (International Soimdp/.oro)                 p</t>
  </si>
  <si>
    <t>                                           with smart, HPSMFf a\ HO-RO-CO., St. t-ouK</t>
  </si>
  <si>
    <t>                                           In Memoriam                 In  memory nf III I If; f-' Palmore  died n  Hl!(. Mi'.v 4, . you :nv \   ;  t.'. lull not : We loved you. IHtlo . IjiiI. Ood loved you Ijpsi; Sleep on, IHtlc Ccorije,  p . Roan Piilinorc.  Memoriam In memory of our : .son and -r. Chnrliu Mfi-, who  Uiis life six        u rjo. Mny II- Days of  ss  come over us: In our  we love you.  you died six   t; i amu.y Funeral Notice Pl-.NttYMAN--li.fr. John. Died May . Piincriil  later. Miirdaii!~li Uras.. Morticinni. 1! r U . '. Nf"'</t>
  </si>
  <si>
    <t>                                           ENLISTING THE SINCERE interest of Atlantans is the the announcement made today of the wedding personnel and plans for the wedding of Miss Geraldine Gaines and Lt. Arnold Lynch which is to be a brilliant affair of June 15 at Wheat Street Baptist Church. Rev. W. H. Borders. will officiate.</t>
  </si>
  <si>
    <t>                                           Atlanta Jiife World    " Published Every Morning Except Monday News"  IS.  22,i AlT;AWATir^^5        6;'l94G PRICE FIVE CENTS</t>
  </si>
  <si>
    <t>                                           Butler St. "Y" Campaign Passes 55,000 Mark                 With only two morr  meetings to the 104R Membership Campaign of tlio Butler Street Y M. C. A., hus reached the :iy mark. Plve. and forty six (S4G) members nnd $5,400 in cash Is the total report to date This Includes both the teams and                 the Executive Committee. The Executive Committee has reported tot.il of $2,300. High Team for the Ropoit Meeting Friday Night was Captain H. M. (Continued on Pugc 4, CoL 2)                 Butler Street UY" (Continued From Page One) Brown with a total of $334. and high man was J. A. Hunter, with a total of S130. Division A again ;ook the honors for the Evening Division B's leading team was the Boys Team, headed by Melvin Gaston. Jr.. Stanley Scoit. and William H. Borders Jr. This  reported a total for the evening ot 5130. The second highest team ol Division A was headed oy Mene- i lik Jackson, which reported S113. j The Executive Committee will I meet Monday at 12:30. and it is i expected that they will bring ir i their largest report. The Team? will meet promptly at 8:30 Monday.</t>
  </si>
  <si>
    <t>                                           With only two more report meetings to go the 1946 Membership Campaign of the Butler Street Y. M. C. A., has reached the half-way mark. Five hundred and forty six (546) members and $5,400 in cash is the total report to date This includes both the teams and...</t>
  </si>
  <si>
    <t>                                           \I''"''/ S     ( quiT* tv lli-^'v^ Ity Guarintred *^ faction. Heavy duty Special  professional  nick* 1 1 sen  I M        and *~~ and pay postman J2.OT plus C.OiD B chor^eit or  I2.!13. and  iron   M Allyn and Cnmpnny. Dept. At Box 2611. Memphis, Tttm itching Skin? Slop Scralrliiiijf Here It Quick  and Comfort Now  Ktainle^. powerful,    .1 rating Monnc'9 Knn:rald Oil I*  ut druK stores thousand* li.iv.:    from     (            Itclung ami torture of rushes, .  Ivy and     !r externally  akin troubles. Not only does the Intense Itching,  or .- quickly Mibslda, 1 hul lu- i3 moru  proi -'J. I Oct an   of Emerald Oil-    !-s.s-        ;w. Money . if not satisfied.</t>
  </si>
  <si>
    <t>                                           WINX I'ANKIi RK PORTS ON LIBERIA- These key  of Hie ; on Liberia al Howard University l;isl Friday discussed Liberia for WINX radio audience, Washington, D. C.( on a twenty minutes broadcast .Weducsdtiy i-; ^t X:10.- I'iincipals in t hn broadcast scaled, left tn . weir; Ililyanl II. Robin.sun. ; , Liberia!!                 Ccuionniiil commission Dr. Charles S. Johnson. Director Soct;il S'.i"ncc Institute. Ki.sk University. Dr. IJnyfnrd W. l."Kaii, Chairman. Department "f History,  University, and Or. Ira I)e , , Dopai  of Sooinlopy, AUunta University. "I"1 served as . Stanilin^;, left t" . arc Muss Mylcs Keni]ri.\, (Hnflic :t: :.                      tlio C'lnimission.  Sol I'anit?., W1NX producer. Thrci! members "f the panel have been in Liberia. Dr. John- son was there as a member  if the League of Nations Inquire u  was sent to Liberia in i J M. while Dr. Reid visited the  republic ten years later in l!   . Mr. Koliiiison has been in Liberia Iwice in ilm last-year.</t>
  </si>
  <si>
    <t>                                           SAN ANTONIO, Texas--(SNS)--Negro track stars took the light in the 59th annual nationa: Amateur ... Union junior and ... truck and filed championship, before on enthusiastic crowd of upproxitnutely 5,000 fans, Friday and Suturduy, June 28 and 29...</t>
  </si>
  <si>
    <t>                                           (VACATION      I'^^/Have yon enough money M ? I] I TOO CAN GET Ai j I II LOAN mOM US FOR j I Vl A VACATION OB ANYb {W.  loan Investmenf CORPORATION tOOM 109, CONN AllT      . tl AlAIAMA STREET, S. W.   (~ MAIn 130* i ML *31,        i"^ K. '~       and  STREfTS. M. W, r.l.    . WAInut 20i6 fr-.                      ;</t>
  </si>
  <si>
    <t>                                           AT BIO BETHEL THURSDAY - The famous Blue Jacket                 Octvt, I ho original a real Lnke3 Double Quartette, will appear at j                 Blp; Bethel AME church Thursday night, Mny 2, beginning at 8:30 o clock.</t>
  </si>
  <si>
    <t>                                           IN                  Id loving memory nf my Mis- band. BENNIE MANN, who passed away July 5. 1945. Just one ye:ir ago today, when I heard that you were gone My heart was crushed and broken And I felt .so alone, . dear, my heart Is sud. : I cars of sadness flow i As lime, turns bark its par.rs Tw Just one year :u,'O. When the  came and look you Ki a mansion in the sky You went from me forever, without even one good bye Now there are only memories of a husband sweet and dear, Memories and a picture. ;tnat  a silent tear No one knows Bennie Dcnr Hniv much I would give today to .see your sunny smile That death has wiped away You will never be forgotten  In the grave you sleep So as life .shall last dear your memories I shall keep My heart still  with loneliness My ryes shed many a tear ThouKlus of you  around me That ends tins first, sad year." Your wife. Micilc. and children.</t>
  </si>
  <si>
    <t>                                           BmH^^""* ^ I fe^ I; S?^@s^:?:~ Mil ~'oii Wiinl Mure l. Appcariui; Iliiir! Martin's 'JL's Mome Beauly Tn- l-'or Scalp Ilair C'aif.W Alii Ml .XA H IS RRAliTiFYIKi; ,\Nii Cri.TiVATiKc i rfS/fo LOVFiV am! LUSTROUS        LOOKING HAIR  F^ LIGHT, LIVELY,  2^ Users Aiv  Wlrh Ri-miIi.n.  TODAY  FOUR : 4L's SCALP AND HAIR  Aids In thP removing loose UandruK. ." Hnd lend; \a . .-~  s.- . 41. i.. . Oil. A light oil Hint. dn.'S Ms work nnd . ..n shampoo Ald.s In  . oil and p,rr:isc dial- may dor Ilii"  Loaves till! sculp  and Hip  ^(l. 41/s WATER .I-KNT CREAM Wards off perspiration aids in making your press and curls last . ALL 4 PRODUCTS FOR ONLY $2.40-FEDEnAL TAX INCLUDED. SEND NO MONEY! PAY POSTMAN $2.40-Plus Postage. MARTIN S BEAUTY PRODUCTS CO. P. BOX 40- STATION (M) NEW YORK 32, N. V</t>
  </si>
  <si>
    <t>                                           NEW YORK--(ANP)--Ella Fitzgerale, the tisket-tasket girl. won't be singing her swinging nursery rhymes for the entertainment seekers of Madrid--at leas: not for quite a whille., This fact emphasized by the singer here this week when she flatly turned down an...</t>
  </si>
  <si>
    <t>                                           Where 21-Nation Peace Parley Convenes to Write Treaties                 ON  29. I" Luxembourg palace at Paris u 21-  conference will be called to order, and delegates from the Allic.l nations wilt draft peace treaties with IUily, Hungary, Romania, Bulgaria 'and Finland. The Big Four foreign ministers have l)~-en convening in tile luxurious palace, laying    ! groundwork     me all-important peace parley. At Hie right la un exterior view uf Hie palace, while ut left belou la  stairway up whli-h  gales will pass to ~;uin 11"* Kr''aI  hall, lower . win Ihc   wl" 1'                 1                 . (::il)</t>
  </si>
  <si>
    <t>                                           The 6th session of the Griffin Dbitriet Conference of the Atlanta Conference Methodist Church will be held with the Trinity Methodist Church, Stockbridge, Ga., July 24 to 28, Rev. P. Wilson, pastor, Rev. Harry L. Burney, district superintendent. More than...</t>
  </si>
  <si>
    <t>                                           High Cost Of Biased Schools Is Shown                 NEW YO11K. N. Y.- ll Ims cost the Slulv of MUaourl mure limn $500,000 lo graduate one Negro student (rom the School of L 11 w und leu trom the School of Journalism, according to R. I. Brlghain, In :in article "Tlie Price of " appearing In the                 May SURVEY GRAPHIC. lout'! Muy 10) I This is  Hie  ul j Missouri pay for extending to uoa graduate education the principle; of separate schools for Negroes who represent only six percent ol tlie State's total population. j In 1938. LIuyd Gaiucs applied lor admission to the Law School ot the University of Missouri. He was barred because of Ills race. He curried his case to the United  States Supreme Court which ruled j that all states must provide      :il educational facilities'" for all qualified students. It also ruled that this obligation could not be met by paying tuition in colleges imd universities outside the state. In line with tills decision. Mr. Brlgliam reports. Missouri established ;it Its segregated institution. Lincoln University, a Graduate School and schools of Low and Journalism I                 OFFICIAL ItEFOIlTS Mr.  cites  Irom ) reports showing that the Faculty of the Luw School received Sn.GW in salaries in 1911 when It hud 33 students. In ,thu war year 19-13 although there were no students unrolled the School hail to  a Faculty payroll of 59,000 in order to remain on the inactive list of accrediting Institution.. The Slate of Missouri appro pi la ted Siu.OOO lor the Journalism Building and acquired a Faculty with .salaries' totalling 5H.0-1O to instruct  student In 1041.  lx in 1912 and fourteen In 1013. Mr. BriglKim points out that lor the  1039.40, JUM.OOO was appropriated tor 1,238  ill Lincoln University ($697 per  Ludent) and S3JOO.0OO for 17,010          at the University of MIhsouri (S22D per student.) This   will  worse financially nu ( NeKioca request  in engineering, mining,  and other  fields. ILLOGICAL' DESIRE Mr. Brlghnm concludes that  this Is "Justice to the Nogru with (C'uiitlnued on l it$e i)                 High Cost (Continued From Vage I) ii vengeance such justice will not  to Missouri taxpayers" since it is forced on them "by Missouri's illogic:il desire to suport u separate school system lor a six percent, minority with si skin -inn which  from ilia: of the 94 permit majority. While the wnr postponed action In the w;(~i:ii  ;     :  'il by tlie GsiiiMS! '.ision. all ol tln-m musl now imii a  II they follow the .Missouri procedure. Mr.BrlRham believes thf taxpayer.' will find the cust . . Hie Survey Graphic writer comments, I hey will ue continuing a practice which "runs  to the  and to the political  they profess."</t>
  </si>
  <si>
    <t>                                           NEW YORK, N. Y.--It has cost the State of Missouri more than $500,000 to graduate one Negro student from the School of Law and ten from the School of Journalism, according to R. I. Brigham, in an article "The Price of segregation" appearing in the...</t>
  </si>
  <si>
    <t>                                           Smoother, . Softer to llic touch. Women want it. Men  it You can have it. Just use Pluko. the famous Black mid While "" that lonely    depended on for  to help thi"" bw*       clamorous looking   "  IT'halY'm IT'ntV Vr?'jd"!*'' !?3%'*top'_'t 'ip vit!? ?*.Mrzv ^. hird-lo-k-eer-!!? place ",- do'.nc, -g 2bc'_'t I FJ'jko vi!! soften your hair. Help i' I c^ softer and  Vou I1 I be able to set your hair in so    'u i . And Phikn will  it set and looking well RrtvitTied. I Best of. Ill Pluko has a fragrance  to men. Sweet, lovely, lingering. It brings such added lustre to your hair, a shiny, radiant gloss. And it is so inexpensive. Sold in big economy sizes everywhere. Amber 25c. White 50c. You won t ever want to be without it, once you ve seen how  it can do for  hair. Always den-and IJIPIifWM</t>
  </si>
  <si>
    <t>                                           Atlanta       World r.bl.iVi i City Mo***    *      , PliMlnhed Erery Morning Except        . at Z19    *   Memben: 8. N. 6.-N. N- P- A.-A. N. P. KatabUnhcd Aur. 3. 1928; Became Bally March W A. 8     11. (T.       . Aot. 6. 1928 to    . 7. 1   Telephone: WAlnot 14M    Itotered to PmI Office at Atlanta (3), Ob., us second  mail under the Act of Congress. March 13. 1379 A SCOTT Editor and General Manner     : 1 Tear, fSM; 8 Montfts, $5.00; S Montta, 13.09 Saturday Only: 1 Year.  50j 6 Months, $2.M C*  (U: 1 Year- HJOj Months. g-~: Foreign. 1 Year^  5.~ Address ALL COMMUNICATIONS to and         to ATLANTA DAILY WORLD, rather than to Individuate. The WORLD expressly repudiates responsibility ror return of  Pictures, . etc., .-^ -stamp, are sent.</t>
  </si>
  <si>
    <t>                                           The Atlanta Black Crackers and lough Asheville Blues will and their bitter Negro Southern League series, at 8:30 tonight, under the Hoodlights at Ponce de Leon Park A large crowd is exiscted to turn cut to see the Black Crackers in their all out effort in even the...</t>
  </si>
  <si>
    <t>                                           NO MORE GRAY. DULL OR FADED HAIR USEJess/ s IMPROVED HAIR DYE LOOK 4QQ AND BEAUUFUf' IT WON T WASH OUT OR RUB OUT.   : VU  41 0 ON 14*11 SIMP NO . TAT      MAN S1.W    * * w 4*~Mnr.   4 nlM' ~*~~y. 1E KARI  * COk ^Ss ^^Ks       WW wWS ^H^</t>
  </si>
  <si>
    <t>                                           Map Plans For Citizenship Schools Here                 Immediate .steps to iii\e direction Mild focus to the '.15,000 registered voters of fulton County, is the Job  of Negro leaders ill Atlanta, it was declared Friday night.                 The -; which attracted nearly 700 newly  Negro voters. ward leaders i.Tii:~Ub trail workers and  leader:., was  ul tlie Wheat Street Baptist Church at which Miss. Ella J. Baker. Field Director of Branches of Hie NAACP delivered the principal address, in which -she lauded the high degree of unity among Atlanta leaders  X all shades and opinions: called upon the Negro voters to maintain that spirit of unity in  other immediate objectives. Bishop W. A. Fountain of. the AME Church offered Uic led congregation In the invocation. C. A. Bacotc. Chairman or the city-wiry registration committee. presided Mrs. Grace T. Hamilton explained the inc.M'iiiB and work oi the AllCitizens CommiUct:. Ur. R. Johnson gave a report of ? of the Committee. Rev. Holders p;is- lor of the church presented Miss Baker to the meeting. Attorney Waldcn outlined the objectives and i I (Continued un Pace 5)                 Map Plans Con tinned From l* I) task ahead, counseled n   ol' political education  citizenship schools, in which lie said the local NArtCP chapter lius  pledged to sponsor. "The primary step in our fight," declared Mr. Walclcn, "is to  that we can  and  full use of the Rovcrnmcntiil machinery." CertllU'ale.-. of merit,  for those who hud rendered meritorious service during the registration . were  W over 000 workers, ward directors, census tract leaders, and workers. Wallace Van Jackson made the awards. Mrs. Essie M. Groves, director of the NAACP chorus fare' two musical numbers.</t>
  </si>
  <si>
    <t>                                           Immediate steps to give direction and focus to the 25,000 registered voters of Fulton County, is the job ahead of Negro leaders in Atlanta, it was declared Friday night.</t>
  </si>
  <si>
    <t>                                           Attend Citizenship Schools In Your Communities                 Three slr;~s in citizenship: I .  m1    Mtiim. . \uu- that \ou have rc^Mem!. it is time that  itti         ac-  willi the proper iisr of (llr li. in  r I" promote I Cunil cn\-(. Atlnu) (llr Ci- (i7 Sflmols ami m-Hvr i   nf n  s . Tlir  Schoiil m IipiI- ulr Tollou-*: TflnlRlil nl X n  at tlic HSO. 1WM) Muntrr Strret, ann at Ariel Bowen MrdiwlLst Church I at the same time. j Friday night at st-    AJ1K I Church. Rockdnle I'.irk nt 8 j o clock and at tlie umt time one will be held at Slloani Baptist Church In East Point.</t>
  </si>
  <si>
    <t>                                           12 f 81 BUSTER (:."I-1I/.7.V" In "Shadow or Death" :im! "JUNGLE " K0VA1 " CHANCE" with John O'Mallry and "FALCON IN HOLLYWOOD" with Tom Cnmvii}' ASH8V "MEXICANA" with Tllu Ciiilxar IIIKl "SHAKE HANDS WITH  Also "JUNGLE "  DON "BEH" IIAKIir in "Alan From The Kin Grande" and "CAPTAIN  ANNIE" Also "JUNGLE "  SUNSET CARSON in "Days Of  Hill" and "JUNGLE "  charles  in "Sascbrush .s"  nd " Of MVSTIillY ISLAND" Madam Eva Mo SPECIAL READING 2S SHE GIVES EVjb, FACTS AND AC Q You GET HP H fi  ]SE H H World's great. 5^~30 cst palmist. Af^Jv ^Sj"rnf *cr yoa consult \       3jK a" others, come \7 1 Ip^t w"n 3tour proh. ^fc T 1 #t J lem.i to Madam ^S^A* 1 **va and nee on ^~Hnv that known all. TOO have * with husband or life or luck, be cure and come ul once. Office hours 0 a.m. to 10 p.m -Daily and Sunday. 1015 W. Marlet ta Street. N.W., Atlanta. He      to take the Inman Tard Street car Please ask the car conductor to let yon ofr two slop, on   of Kin; Plow Cc Atlanta, Ga C5c SPECIAL READING 25 I Your Luckr Day*  Months Glreo Free</t>
  </si>
  <si>
    <t>                                           May 10 was a red letter day for pupils, teachers and patrons in DeKnlb County. It was May Day at the Lithonia High School. Present were approximately 1000 persons form all over the conty. Many came in school buses, trucks, cars and on foot to witness the very...</t>
  </si>
  <si>
    <t>                                           VOTE WEDNESDAY FOR REUBEN A. GARLAND CANDIDATE FOR THE LEGISLATURE (To I'ill Tlie Seal v   Mrs. Helen Douglas Mankin) .Fulton County needs in its Assembly a representative with a program of service for all the people. i .1 have practiced law in the- courts of Hie Stale for the last M years. .se years 1 have conceived what I  lit lie a program of i Mil and lusting  to the people. .At this lime I wish to announce thai foremost in my aims, if elected, i is to create legislation which will give FREE SCHOOL LUNCHES FOR i GEORGIA SCHOOL CHILDREN .The Federal (. has set tip a plan to furnish half the money for this vital need, if the Stale will furnish the other half. Li .Bill so far. nothing has  done  I lie Slate. On this matter I pledge  wholehearted effort and I have reason lo believe that I will succeed. .In the name of progress for our county and Slate. I earnestly solicit your vote and influence and if elected. I promise faithful and vigorous service. REUBEN A. GARLAND Speaks Tonight On WGST At 6 P. M.</t>
  </si>
  <si>
    <t>                                           11H TYLER BjLYMVOWJC                 FELIX THE CAT i.lr By SULLIVAN                 BREEZY By T.</t>
  </si>
  <si>
    <t>                                           The Rev. Taschereau Arnold, pastor, (Greater) Mt. Calvary Baptist Church, Commerce. Georgia is making an appeal to his liberal friends in Atlanta and other parts of the country to contribute funds to help him entertain his young members during a party to...</t>
  </si>
  <si>
    <t>                                           QUALITY AMD QUANTITY W^^3 Id Morolln*. Prtrolwm      . [v1^^"* Too i* quantity of     quail- pC9ROL*N3i ly doctor* . Soothing tor IS55E555, minor      - cut*, . ^^         The Allen Hotel Grill 90 Rooms,  (Teal, Bath*,     dto. 2516 W. Madison, Loultrillo tv Kj. Telephone 8H. 9129 II. McClariD, Manager Mystic Love Drops      .T AIW.WA ItKM-d Will TUB ONK TOV  J0 l      Or thin         * wn pat Di;mTin 1 O VI-KLx.     the  M ma       whn ain't  l^ rss^-KMflk.        IMI--   T(~  DOORfW. . I.DCK mhI POfVKK. TtMW ^Wil  "III hnp     MAKJt 1 UIT IX   or  JLNIi .  of   m      u. how ( Ibr/ Iihtx kfnn. Too"rf  ur*     U/li . Al^tti ntr.r, PKuaoaAt. .     w air IJila to Ml ror-i.Mr.    HO MOM foil .lie . wot    Dtxtmita an Jrllrgrr DIM ulai ,  r wud   Ij ll.Ot Mil  e p., po^ase.- flu. . mac a m .  back UUAitA.. , O(K, Dcpt.^GT.105 M      Btrt*~  Sork GU7, 1</t>
  </si>
  <si>
    <t>                                           ROCKDALE COUNTY FARMER RELEASED ON $4,000 BOND                 Roswcll Pierce Biegers of Rockdnlc County was released Wednes. day on n $4,000 bond  lie tad ton charged with holding live Negroes In .                 Tlic NoRrocs who :ire said tn have been held mo N. Booker T Johnson, Bobble Rackstraw, Fel- mon Jnckson, Lester Banks mid J. C. Bnnks. According to the U. S. attorney Harvey H. Tisinger. the farmer had Che Avc men arrested on warrants charging them with "getting money under false pretenses." The Atty said Blggers would get the men out of Jail and have them work for him for no wage. The                 added that this was in Keep Inp wilh an old Georgia statute which was declared  a few years ago In the Supri-mc Court's decision 1n the cast- ot Slati' nf Georgia vmu.s Taylor. The  of I he prosperous farmer was based on Section H4, Title 18 of the U. S. Code, which forbids "involuntary slavery and servitude." The maximum penalty is a fine of $5,000 and five years Imprisonment or both. Mr. Tislngcr said Mr. Blggers was  on a similar charge in 1916 but was acquitted at a second trial afrer the first had ended in n mistrial.</t>
  </si>
  <si>
    <t>                                           Roswell Pierce Biggers of Rockdale County was released Wednesday on a $4,000 bond after he had been charged with holding five Negroes in peonage.</t>
  </si>
  <si>
    <t>                                           The Weather I'iirtly ( untl Conllnuril Wurin</t>
  </si>
  <si>
    <t>                                           The Sunday School and BYPU Convention of the Overcoming Churches of God recently closed a great meeting with fine reports from each Church and District with elder Rains host pastor of Mt. Sinai Overcoming Church of God, Hogansville, Ga., cor., Elm...</t>
  </si>
  <si>
    <t>                                           Household Upholstering-Aut Seat Covers Made To Order -ior view of our Modem Upholstering Department OTIS TIRE SHOP 214 BUTLER STREET NE. MAin 0101 THE ONLY EQUIPPED COLORED RECAPPING PLANT IN ATLANTA 15 Years Experience Tire Recapping. Get Your LEE TIRES From US for  .h-.n anH tiro Ufe. One Day Service on Tire Recapping f.nd Made to Order Seat Covers. We Sell Used Tires and AH Types Automobile Accessories. Owned and Operated by Otis Babbs</t>
  </si>
  <si>
    <t>                                           MARRIAGE ANNOUNCED- Mr. :~ud Mrs. William Bailey of Lincoln Avenue, South Atlsuuo announced the-  of thi;ir (IfiUKlilc-r. Ids) Kuril Baker lu Mr. Joe Elder Jr. r.on of Mi", and Mrs. Joe Elder Sr. of 1!!5 Elm St. Apl. 2 The  \v:i*- solen)!  in February.</t>
  </si>
  <si>
    <t>                                           Mt. Zion Baptist Church, Rev. J. T. Dorsey, pastor, announces its state. The Junior Dept. of the Church School led by Mrs. L. B. Williams will preside Sunday morning.</t>
  </si>
  <si>
    <t>                                           Powel! Praises j tns u f a nrc^ Pro gres s                 VOItK- - In iin -s It) the New York public ami (IrlCKiltC* 10 lilt! Mill  CUI1 of  Naliomil Nciiro InMintuci: a. la.il- Tuesday  Rep. Adam Clayton Powell. Jr.. praised tile pror.rc.ss  lias been made by Ncki'u                  CUmpUIIIC.S Wl.lUll Ml .1   u.~i^. ii century have conic uul of  depths." i Con^rc-Mimii Puwrll. who  I he ll.  in Cuiitrre.'.-.. : "I -ss you :i* II -       n I.Iip Nn:l" * '~:-   l       "lni. Ymir r(           :i nil* m:     " "I ;i Av:  iiir ihiI, Kr^ro , Out .t"M  . .:  with the Ucsi  Is in  . "I u-Honvr you- Ui  iin unr who .s Iliirti'tn, not lor ll.s                 .slum.'-, not lur its crime, not for I its Injustices, not for it*  I :u:d its ;ilr treatment of llic i Ni'sro. but for  Harlem .symbolizes, Negroes,  and .south. cast nnd west: Negroes from the Caribbcnn and Africa have come here and established a degree of unity thai cannot be approximated in any other city in, the, j United States of America." J-iigS;; WANTS  U. Guv. Joe R. Elmtlcy.' In ; Ciov. Thoiims K. Dewcy ol New York said Uml lie  to sec real  democracy lor all people everywhere in tills world. The door ol opportunity must, be open to till. We must all remember Uuil. the minority of today is the  uf tomorrow. We must have freedom of press, freedom of  and freedom of . The I Bilbos and the Rankins should, be 1 flushed out of office. l rr idem Charles W. Green  to the   ); night  for the association. Gcorpc I w. .Ioiics. vice-president, and di- 1 rector ol . Victory Mutual j I IJIV InMirimcr company. New York. pve..~    .'it al- the public meet- ICiuilinui'il on ~:,nc      ) I                 Powell Praises (Continued From 1'age Onr) j iti(T. Musir. was supplied by Prof Mann ami . and    ' si-nioi  or ilu' Coinvni Aivmic j. Baptist. Cliurcli. :r-: M. C. Clr.iUe. second yuv-~- j ili iu, ri  for Ilif   j-.  :n planning  on Thursday. He stressed ihu 1  i encouraging home   lo cri  markets for  and .s. Ho  the encouragement, and active participation in the organization of savings and loan associations and savings and commercial bunk.-; in urban centers. Mr. Clarke said. "When the Negro comes into a full  or the fact thai his strength lies within hi*, ability to corral and conserve his money i value by ," and developing j from within, many of our problems will have been solved." I</t>
  </si>
  <si>
    <t>                                           NEW YORK--(ANP)--In an address to the New York public and delegates to the 26th annual convention of the National Negro Insurance association last Tuesday night Rep. Adam Clayton Powell, Jr., praised the progress that has been made by Negro insurance...</t>
  </si>
  <si>
    <t>                                           Bury Teacher Who Died In Car Crash; 3 Officers Hurt                 NORFOLK. V:i. 1ANP1 F-i- ;il rites for .Mi.   CmIIktiik- I Orci'iihlll. wlio mm -  In ii n automobile  :   'Ut 4:    Prlclny . :un.     i n  crowd nt First Ikipitt i Church horn Wpcinr^day. IIil' Ihn wns  Known hen- and                 \va;  popular       the                 nci:!l i        nf I hi' city. j Victims in tin? Mime i':ir crash were ;m army officer. .S'cnnd I.!. I ColHMd Mlllltl'OM'. II"  JiM- I ftl ami Krm-siino Raiuliilph uf Now.~Hiri Ni-vv.-. Va. Mi.-s  j -d wink- Norfolk County Puirnl- I (Canllnu2ti On      Foarj                 Bury Teacher (Ciindniicil 1' PaRr One) nmn .1. .1. Ki:lli:y  to net her mil. of Ihe wrecked cur of which  1\k was reported to he the owner. All  victims  broken necks. Two other passengers In          Injured. They wore Capt. Mel vln Nelson. 21st Quartermaster Training . Camp Lee, Vu., who was taken to the naval  for treatment of  Ot the libs mid pelvis, and Captain George A- Roberts. 30. U. S. Army, who wiik  In .hill on b ; or being intoxicated but was Inter . It Ik reported thul the  hud   the Hlfnliitln Sorlsil  lit- the residence ot Miss CtiTcnlilll Mint night .mil wns en ? lo Ncv/port. News ;il)ly (uke   mid Miw  horns whpn Ihr (sir  Into the rear   [ a loaded :.i: on Ilniiip III  PorlMiimitli about mie : west ol Huulo 17.</t>
  </si>
  <si>
    <t>                                           INTERRACIAL MEETGOES TO OHIO</t>
  </si>
  <si>
    <t>                                           YWCA                 University Homes Station Open today, 2 To 5                 i Special Deputy Contingents I Work Efficiently                 rv v w .F.s                 The largest number of registrants ever to be enrolled at any .single  station In Pulton L'onnly. is Hie record chalked uft Here Wednesday afternoon from 2 10 o clock  t Uiu Butter Streel YMCA.'F. Young Howell iind Rev A. C. Peweock,  Registrars                 lor Pulton County. assisted by tlie well-oiled machine. of the Butler Street ,'YMCA, including special deputy contingents from the Atlanta Daily World, the Atlanta Urban League, Morris Brown College, Atlanta University, and More house College, conducted registration for 678 Atlantu Negroes in three brief hours.                 The process will be repeated this' afternoon at he University Hurries, Brcreutlon Hall. 688 Pair Street, when the same retinue of workers, augmented by all' additional stuff  it workers to be .supplied by Hu;wrt M. Jackson, Mnnnger of the University Homes, will receive all Negroes who have not , between the. hours of 2 to 5 o clock FLOCK TO  Meanwhile. Negroes continued to. flock to the Fulton County Court House, where at 8 o clock again Wednesday morning u sol"lil line, two arid three abreast, flunked the building, awaiting arrival of the Registrar to write their names among the eligible .'voters of the county. A check on registration progress at I hi: Court J'ouse Wednesday \~l - .o clock showed that  250 iwere unable lo be served before I closing nine at 5 o clock. Not one whs turni/d back at the Butler Street Y,  suited at closing time. Rev. A. C. Peacock, declaring that "tills Is the largest number ever lo be  at any single registration .station ;il any time In Its history," paid high tribute I'o the speed, skill and  llke " of the large number of deputies who were assembled by the YMCA officials ror the purpose of assisting the Registrars. STUDENTS  Led on by Dr. R. Johnson, .seven students of Morris Bruwu College: Robert Threatt, Herbert        , Claybon Edward, Alfonso i Jessie Marvin L. J3rown, Luellil IrJaugherty, Leonard Summers, I worked prodigiously throughout the; registration hours. In addition to this significant contribution, forty other Morris Brown Students have given faithful and Intelligent service us block workers throughout the campaign. Oth ers who rendered significant ser(Continued nil Page Five)                 Thursday, *-May;-~,~  'om''-S-tov5p.m.V University lS*'crea  Hall," 808 Fair St. Friday. Bfuy a. from 2 lo 5 p. on,           f* . *    Frasrr St., S. E.                 678 Registered (Continued from Page 1) vice at Wednesday's registration included William Brooks of the Y. M. C. A. staff'; Charles' Hunter and Robert Thompson of the Urban League staff: Mrs. Annie Doris Hull, of the OPA staff: Murgiieriie Hulbm, Evelyn Shropshire and ^     Jargon, also nv Iho.  j staff; Claude Weaver of the Ati.'.nra Daily' World staff, Attorney A. '1'. Walden, legal Counsel for the NAACP, Robert Gadsdeu or Atlanta University and Warren Cochrane,- Execuitve Secretary of i the Butler Street YMCA. together with Robert Jordan, student of iMo .se Collegp. David Watson, generalissimo or the total activities of the Citizens' RfE^ Committee, kept up "a hot chase between the Butler Street YMCA and the Fulton County Court House, where he maintained a steady stream of registrants In line and with place assignment, thus facilitating the registration procedure. MASS MEET TONITE Officials of the Executive Committee announced Wednesday an important mass-meeting this eve-nrag-ar-8-~"al the USo. All precinct leaders, tract lenders, block workers and every qualified registered voter of the 4th Ward district which includes the section bounded by Hunter street. Ashby street and Greensferry Ave.. and. also the Pittsbttrg section bounded- by Whitehall street, McDaniel street and University avenue are asked to meet ut the USO at 100 Hunter street tonight af, 8 o clock for the final meeting before closing of the registration books. As the first ward in the city to attain a lOOy,, registration under the auspices of the Voter League, the leaders of the ward are presenting many outstanding leaders of the  to appear on this Victor program to celebrate notable accomplishments, included on the program tonight are T. M. Alexander. J. \v. Dobbs. J. H. Calhoun and John Long. The following officers of the -llh Ward invite their co-workers and the (jeneral public to the mass meeting: W. L. Callaway. ward leader; Rev. It. H. Porter. Precinct leader; Scliley Williams und Georpc Andrews of Precinct A and Mrs. IVfultie Briscoe of Precinct C.   ST1UKE Whatever may be the effects of I the transport strike of trolley and                 operators, ii has done nothing 10 it*     it,e      - colored Atlnnums, Jamming thp.lr way Into the registration points. The All-Citizens Committee again Wednesday night, called- attention to the great importance of Negroes continuing to go to the Court House, rather than taking chances on forming a. bottle-neck at ithe other branch stations. Nevertheless. Negroes who cannot get transportation to the court house are advised to take advantage of one of the remaining stations, either 01 C98 Fair Street this afternoon between the hours I uf 2 to s or at Ponard Funeral I Home, 439 Fraser Street, tomorrow I afternoon. May 3, between the I same hours.</t>
  </si>
  <si>
    <t>                                           The largest number of registrants ever to be enrolled at any single registration station in Fulton County, is the record chalked up here Wednesday afternoon from 2 to 5 o'clock at the Butler Street YMCA. F. Young Howell and Rev A. C. Peacock, official Registrars...</t>
  </si>
  <si>
    <t>                                           The Scripto Black Cuts and Augusta Giants divided a heated doubleheader, Sunday afternoon, at Harper's Field.</t>
  </si>
  <si>
    <t>                                           JEAN WORTH       ;!??      Hid*!?? Fsars 1'*     Tbinjfo VVlUii" Your Grasp *!= 9    ~.how What To Ds lilt a i^ji m^trw^m  whta ^9       SUswf. ^Va-I^H  Bln Th* Btortery 41 R^     ? Onhapplsea. ^B ~-~^l Cnr* 81        Knovr What Othen An HI IV-J Medicine      . PP*^!Ai Omla th* LoT#    . W '^M OppwlU     Gain Property Yf Make People        ~(-   !? vc^ib     ! ~^^\fl Olddtaf Ji*. Eiiv" Stt!s= JJsrdS. Calls !5S MtSSS  2U2 Bs^ Hiphnaj Ahsaad Fark r.~ Hit??  to Aathcnj- St. :i--~..,;j.^</t>
  </si>
  <si>
    <t>                                           i..i- i.'ix K. .\ii.                 'NNSl                 IIIII..M\ 11(11.1 \                   C(  ! I" I Will.-.! r.inl.M .~~.Ci-..~.       III.- I L:l ll I (VlltlMS I -I I X I 1 1 1 r I 'lull. Ml'Allllli' l.ri- I-' III. ill. mill -  n i -11} r.irl. Mr..' 'I'Ih-Iii1;i Hnlhiiul. li it won  phiri'.</t>
  </si>
  <si>
    <t>                                           hELICOPTER CRASH INJURES FOUR                 CARRYING THREE MEMBERS ot an Arsemine government m!      a Sikorsky S-51 helicopter is pictured (top) shortly  it crashed during tesl Eight at Bridgeport. Conn., airport. Below,  wreckage b all that remains alter plane crash-landed when or.e nl its rotor blades "flew oB." Injured were, pilot Robert S. Decker. Bridgeport, Conn.. Wv  Eduardn N. Arcinelll.  Kclipe J- Hacham, am                 i=.*   - Caxic* GsdJti ol     *UIm. (l.u*it*atu}HQl ^^/  (w,</t>
  </si>
  <si>
    <t>                                           . Trim.                 )                 " ?  MdSF'ITAI. I' S. Vi'hTiill-s llO i MI:il  l:-1ll. I.KAI.'N - ili,- i.'mm ii "1 Hie  4 l "Wiiiu- O\n .Iiinhin" C'lioir willi  i  v mi tin' Kni'iiprnn  flu-.ii Hi      '         Turstlay :     'rii Min mi this \mk when  i-c!i-1~:mU iI Cl.i.S .  Irrr  lur  ir  m llic         ;il  l. j Top    :--Dirirlur Clunlcs Kini; Iciids llu- choir m Hip  j of an old Ni-po Spirit . mid  .  primarily of , -cs H.s  I with  ,  Ccni lor row i bottom :-Rcv. Glenn T Si'tlli".  ;       il the choir  from Icfi end Iront)       with members of the Aiiirnrjtii I.r;: Po^t. :iuri Ihr Mi- Nesio Junior Chiimbcr                 nl Ctiiuiiii'M'C.   Hir     n li til II. S Vrlrrans l!n.:plt:il   ^ ..ihli'. Oilier, in tin-    -i ur Ircm loll  an; KuIkii Uivr. Krv. n T HiiiiI. Ainrriran lj i:    I'"'-' ih'.M'- lain. Itcv. St'lllr (  Scrvicr Awtirtl -ii I'.v . ; Wnrcinr     .  Kililor 1   ^ SwniKlirr, -nil I row. Irom Iclt : W. C. Wcalh-~ cvs.  ial chairman  1 the "WIiibm Over Jortlun" Clioir  for Hie Chumbcr: n. C. Uiintun. and A. L Caltlwcll. Clmm bcr . "WIubs Over Jurdun'" Choir sang I" a near capacity audience In spacious Mason's Temple Mollday nicht. and [Illccl  in nearby CoviiiKton and Jackson Tenn  continuing their ( \vi"-l\                 Pliolus by U. U</t>
  </si>
  <si>
    <t>                                           A Little Skylight Wlin fall* to vote Now that hr can. Will spurn his birthright As nun. F. f.</t>
  </si>
  <si>
    <t>                                           LAGRANGE GA.--The Jr. Ushers Board of the First Baptist Church sponsored a "Queen for an Evening "program April 24. The affair was a contest and among five candidates running for queen The contest, began two weeks ago with each contestant selling votes...</t>
  </si>
  <si>
    <t>                                           NAVY SECRETARY O.i WAY VO BIKINI                 NAVY SECRETARY Jann-i V Kcmv.tal (Ml)   - nid farewell     Adm. Cnesier \V. Nimiiz. Ciik-i Nji jI Opei .iii, as lie b.inuk.l a plane ill            for Bikini ip  Ihu aloi^ic test in July. Krirrcil.il will make st^p-overs at San IJiop.o aii.l Ivarl ll.-ul.or tii-i  he  Muaialein. where he ll  Hi- Mi Ai,'fc-i..i^..</t>
  </si>
  <si>
    <t>                                           81 "Wlliirirc11 will)  .Sli'il :ind "CiMidrninril Min" All Colored Cicsl. HOYAL "Bandit of Sherwood Tores!" with . WI1.UK i,ouis-roNN ru.iiT Also "Purpie Monster Sirities"  HBf "Tarzan's Drsrrt Mvslrry'1 with Jolinny  *ni I "Sonc of Arizona"  Out Of This World" with Eddie Bracken and "Darrdrvlls Of Thr Wcsl".  Pal O'UrlPH 111 Man Alive" and '~King Of The Mounlirs" 3TRMI "Ood Is My Co." ,..~1lh  Morgan ami.... 'Srrrpl l.'odp"</t>
  </si>
  <si>
    <t>                                           MONTGOMERY, Ala. (SNS)--Things look bright for the return of minor league baseball to this city.</t>
  </si>
  <si>
    <t>                                           ,,M TYLER By LYM YOUNG                 * ''-im\"\: -    1 ?!SUVAN.</t>
  </si>
  <si>
    <t>                                           MRS. ANNA MARIE FRANKLIN, personable Chicago visitor and current guest of Mr. and Mrs. H. W. Whitehead, was inspiration for one of the loveliest affairs of the season Thursday when her hostess entertained friends with an informal at home.</t>
  </si>
  <si>
    <t>                                           CAPITOL SPOTLIGHT                 IV IIM IS I.AI IM II I i.l \NIV\                 Raiding Officers                 WuxhiiiKtoii ln':irs  :     :i(l  :iiv  -'lM, Ix- Ii!k !~li"ls "f ' -rs , whi n Ihi'y r-.i i 1 1 their i. i*, fur living in  -M,   in  I'nrs ami  in  Mi'iil^ :il   I hi-  i) run                 afford none of these luxuries. Vivian Haber Johnson, of lint "On Wliitinan Avenue" rani, wan a .r here I In' other Monday, tin  for I lie  show. On-hids to A. T. Walden, the Allunta lawyer, who is fighting in Oorgia challenges of colored persons who have registered to vole in tin' Slnli' Democratic  on July 17. Scallions to Joe Albright, advisor on race  to (,'en. Omar N. Itradley,  (if veterans' affairs, for arranging the Caisson Choir Concert at Ashury Methodist Church honoring his boss. Ron. Hradlcy has thi1 reputation of being a great tactician in the war,      he h:is rigidly adhered to a policy of race SPparatisni in veterans' facilities. Lucy Sppller is  to join her mute, Wesley Sppllor, a member of the. l. mission, in Monrovia, the latter part of August. Speller is training Libcriunn as machine operators. Employees of the Industrial Bank have Joined the CIO."- Roh Montgomery, the No. 1  for t ho lightweight, title, was here for Hip  Jni'lcSunimy Angotl fight. Lawrence (Sporty) Johnson and Maurice. NlewsmiiP, lucal sportsmen, have opened a tavern at (Jeorgia Avenue anil Kenynn Street. Oscar Michaux, author and pro- 1 durer since the days of silent films, is looking for  in i Washington for "Mis. Wingate," which he wrote and plans to produce on Hrnndway in Into  or early fall. Kufus  of      l. Theaters is acting as his  scout. .Art Howies, the lawyer, is  the DiinbarPortlier) apart nient-hotel. Nadine Harris, daughter of the Normnn Harrises (Katie) he s n medico and I.. Howard Mitchell, of Indiana, will have a church wedding at SI. huke s Kpiscopal Church Sunday, July 21. Dorothy Dnnergan, the  pianist, and Freildie Fields, n former Washingtonian, will go to the altar as soon as he gets his final papers. When Mnrva Louis moves out of Joe T.ouis' New York apartment, Vunice Harrow, his sister, will move in for I be Miiininer. Incidentally. .Inc. nfler having   in tin'  round of the I'orest (!ity golf tournament in t li  hy Dr. Ki'inusj Knbinson of Detroit, left for Ihej Motor City where he will remain for his  through July 20. His schedule calls for a day, In Toledo. Chicago from July 22 lo 7. Pittsburgh for a day :md his arrival in New York on August I. The Alyin Murnes's  i'i~~'ilia) aiv with him at Sonny ((' on l ui;r Iiiiirl                 Capitol Spotlight if 'MiititHK-t! ft out p.tcr  \Vi!.-.ii-s Mark Twain   ..~CI in Delink. ,     "ill l"'Ki" his training a day  r      his arrival in N'ihv V.irk.     ! at (Irocnwood, fur his tight with Tami Mauriclln. ,1'ihn I'arler. the ^. flew in pi  tin- "-r "lay to invite in n fiTi i-    li will In- - il al Criffith Siinlitnn tin-  "f Aupusl lli fur - lii  nf the . F'olii  I'iiiziMis I'urps. U'Ii.ti Hi" sfh inl li   its meetings in       fall it will fair Hi1.1  i\"ii  if what standard (if I'unduet il "ill  of ti-. With   V what it is the issue will bust into flame as a result of the charges nf Allen Thnmns, a veteran, whoso mate, Kdith Tlimnas, a Carver , had Lawrence Ciilliiis in her apartment at M ayem when private detectives and Allen worked the old telegram ruse to gain admittance1. Parents and -rans     burned t" a crisp                 over her  d remark to Thomas after his Army discharge thai she wanted to lie I rue     a man flu1 had  while \v was off  f"r his country. Tlioy say Sammy Angott called ISeau '.lai-k. the former Augusta (Ceurgia) Shoesliine boy, that ugly name, which Infurinted Ceau, and he gave        the whipping of  career .For the first time in seven or eight years Judge Annond Scutt of tho Municipal Court will attend the Elks' annual convention next month. He's a past  exalted ruler.</t>
  </si>
  <si>
    <t>                                           Washington hears that antigambling squad cops are using epithets, berating big shots of the numbers racket, when they raid their offices, for living in fine homes, riding around in big cars and sitting in ringside seats at fights while the gendarmes can...</t>
  </si>
  <si>
    <t>                                           Mo. Taxpayers Note High Cost Of School Bias                 .ST. I.OUIS- (ANl'l- Misumiri's  in . tlic           "        "   f lii( I'lliii'iiliun, In                's Ni.'Kru  iit. i.--  Kranti'il   and l(:~;ully is Inuki.'il         a.s u                  of (. H, 1. Hriirham. former fHi*uH\ member of the University of Missouri,  in Survey (Irauliir t  " stales look (n Missouri lo .sc* liow to Irrat Sf^rr                 Kill ion of Negroes :~nil whites in ." Yet educational  lias proved cosily and wast*-Till. the professor continues in :ih : nji - mediocre expedients set up in Missouri tn uphold a principle that is counter tn democratic ideals. When the 1,' Stales Supreme Courl in W.'IX handed down :i i!-:! decision, favoring Lloyd  Iniiii'S against the University of Missouri, lo slates affected     the    Missmiri f-u11 solution lo  ir . I In ! rt-. Out-of-:  was no ImiKcr a li Kal means of meeting tin*  of N'eKriii-s fnr Krailuale and professional training. 1'IIAiN'CK TO ACT The ( cuso, bark on \\v May, l!i;i!l, docket "if the Missouri i supreme , gave tlu; legisla- tu re a : lo act. I'rof. Iirig- liani points out. The result was: Mouse Hill I'.Ti which gave the,  of Lincoln University (Mo.) the " lo make Lincoln, University  to the University if Missouri." The Lincoln Univer- 1 sily School of Law. Lincoln L'ni- 1  Crailunte School, anil LinI'ciln IJnivrrsily School of Journalism followed in HMO, and 1!M1. One hundred and fifty students only have enrolled in these schools for' which the state has  more than a half million dollars. Eleven have graduated, one from the school of journalism, and 10 from tlie law school. men school The apt "Ilinir  this j "justice to the Negro v :i ven- i ,*' i. h'- llr.u i -'iin. veal thai Sfl.OW) whs    imni r the law school in l'.'-l.'i when enrollment      wii'.  $.11111,(11)11 .il iin-iv:isc I"'1'" made tu Unroll ad.-nt of the new !-. The St. I.-.'"is I'-st- noted edl''-vl 1~' WC': l"at "the tax- Jii-X^iU '-"-tcJ  i K   t;k".1  i: for their refusal lo . !:i-{~~ny- I ing  int" a tax-'-'il  public inst lution." luM OVenslunl, southern states, lu.nily able or willing to pi to      extreme Hnnncinl lengths -~f Mission.      expected t- form new ino. or discrimination  -n the educational front.</t>
  </si>
  <si>
    <t>                                           ST. LOUIS--(ANP)--Missouri's pattern in establishing the so-called "equal standard" schools of higher education, to give the state's Negro student educational facilities granted him constitutionally and legally is looked upon by some southern states as a model...</t>
  </si>
  <si>
    <t>                                           MADAM EVA 'Vv^^SSjj es=I  Si       p#   s       ^^t t m. If        *2T ^=5rii=T</t>
  </si>
  <si>
    <t>                                           fell them Ibey "     ?" Amoncoi"  them Ihey otin l infilled Iq     ~*r)i.tr.r)ii*~n   !l 'hem  con l hove r// (io(r.~~ Go o/, fe/~ them-~1 you eon-bul DONT LET AN AMERICAN HEAR YOU N,~,.ol ClliiMi P^IM,.I Atlwii Com-K.f. JOJ I 4},4 St. N.-      17, N Y.</t>
  </si>
  <si>
    <t>                                           KING-SIZE PfiE FOR THE PRESIDENT                 CHERRY FESTIVAL QUEEN ol Erie County, Pa., Adah AllT, IT, .r.k a sixty-pound cherry pie to Presidential Secretary Mallliciv Cmnclly at the Wliile House. Ttio mammo Ji pie was a gift lor I'lTsidc:-.: I: .ii^-an                 from Cherry Growers and Processors of Northeast Pa. (        nil</t>
  </si>
  <si>
    <t>                                           "FOOD THAT IS TRULY DELICIOUS" Beers ^  ^) Wines THE METROPOLITAN CAFE</t>
  </si>
  <si>
    <t>                                           "FOR WE ARE SAVED by hope; but hope that is seen, is not hope; for what a man seeth, why dolt he yet hope for?" These are the words of the Apostle Paul. Paul speaks again: "But if we hope for that we see not, then do we with patience wait it...</t>
  </si>
  <si>
    <t>                                           pfn Memoramr                 I In loving memory or my nils- band. Mr. Arthur L. Miller who departed this life one  :igo An- gust 28, 1945. "Days of sadness hover over me Tears in silence often flow I I will always love ;md remember  I And  to meel. von nn the other shore." Sadly missed by j MRS BERNfOK RUSH .R wife j In Memoriam i In loving memory of our dear I mother :ind Krund- Mrs. Lonnie E. Rivers who  this life, four years ago today, August 29. 19-J2 and our dear mother and .sister, Mrs. Bessie Rivers Graves. I "Sweet memories of .vou still linger" "Dear Moi'her" I Mrs. C. R. Ector j Mr. Oakley Rivers Mrs. .1. R. McKlnney s Mrs. Julia Mitchell j Mrs. Theodora M. Bronner 1 Mr. T Herman raves, .lr. I In Memoriam j "SUNSET and evening star :md j one clear rail for me I i And may there br no mourning at I jthe bar. When 1 put out. to sea." I In lm-ins memory of nnr dear j i wife, mother, sister and aunt. Mrs. I Bessie R Graves who departed j this life seventeen years ago today j Aucust M. 1923. j I Mr. T. Herman Graves. Sr. husband j Mr. T Herman Craves. Son Mrs. C. B. Ector. Mr. Oakley Rivers Mrs. J. n. McKlnney. sisters and brothers j vs. .1 Oneida McKinney. Mitehell Mrs. Theodora MeKinney Firm)I lr*r. J)~PP'\S. IN MEMORIAM In  memory of our denr mother and grandmother. Mrs. Lon.     E. Rivers who departed this life four years apo today August 29. 1M2. Mrs. C T\. Vtnr Mr Oakley Rl"ers. Detroit. Mich Mrs. J. R.' McKlnnw. -en  Trs. on"WT McKinnev Mitchell Mrs T.         Ornves Mrs. Thewlnni MrKinney BrnnnT .</t>
  </si>
  <si>
    <t>                                           Clark Declares He Will Ask For Federal Anti-lynching Legislation                 Asks Loyal Citizens And Officers To Halt Mobs                 OAMRRinOR, Ohio- ()- Dfcluriii); Hint he will  mil I lo OnnifivsR  it           8     -  for Chloral  hint!  pKi^luti'~i, AtU'riM-y Central Ton'! i':. iMark        "^'cry loyal i- ami law  " to dr.  within I                 f            (*ni*^.                 -" sponsored by the GtiemI sey CVninty and the ~'         * "IiuiiiIkt of CommiTfi" here last Thursday .iori, after  s.- jm.-nil.* .i.-    "a real an.l threatening problem" j ami ill--    * "i' 1  as "the ^*:~i i*r"i i*~-i nit- a^o," Mr. ~- said: j "However, I 1 1*1 II. 'I inl^ I" dwell' al Ir-ngUi up..!, this *.' 1 01'  ss, bad u.s Illr . is. j "T.Mlny I .-all I., v :it1wiii.m :ui..i h.-r       * ..f la\\i.-".~ .-..i.[   *.J willi .'ix il              ?s ;ili:.i vi..l:   - :ill .'i-l-rly li"fcal ~.cv. I  -f'-M. "Th*-.-** ..til    ;t'*s. I am , y**u -  .ut an.)  ^ ~~~.iii-- u. in.- niin-           them from various parrs   f Uir country. "U^.v-, pv.'miIS hav*~ (akop !** which v\v alt df-* ahd W'l'.i.'li '  in  ~"~f,*s 'aw ^nfor.-cmc-rit: is .it her  ..r ' to  with those whn try to place themselves above tho law. "\\V annot countenance action? in this .wintry which will vitiate ~-r .. ^d ! authority by the use nf force. "1 have culled upon and again fall upon all of our local law enforcement agencies to be particularly alert at this time, to be active in repressing the slightest semblance of mob violence and to invoke swift action in the courts for redress. Those who are guilty must be punished and punished quickly. "During the war. and despite unusual conditions, there has . "a -m*rted-i4tiv51 ?ing-"pro-''  for many people in tho  to vote. "~^ has br-en "doTt^  the federal i-ourts by due process of law. "As Attorney General. I have caused ro be Investigated all cases: which might possibly imply viola- j tions of the civil liberties statute.":, j "Federal action Is most of these cases hangs upon a very thin thread of law. "It is like : to fight a modern atomic war with a Civil War musket. "However, we have been unsuccessful in hailing some dis- j plays of mob violence which I and all other citizens condemn. "The time has      when Con- i (Tress may have t" pass - j tion to insure all citizens tlio j l(~~         On Pagr Six) l                 Asks Loyal (Continued from Pace V) guarantees under the Constitution. "When the Congress returns, shall file a report pointing out the facts and outlining our experience in these cases and, in addition, pointing out the weaknesses of the present federal" statutes in the light of these incidents and the need for legislation to protect every citizen in his civil rights. "At a time when our great Secretary of State James W. Byrnes is engaged in the monumental task of working out a formula for guaranteeing life, liberty, and the pursuit of happiness for minority groups throughout the world; when our Nation shines undimmed j as an example of democracy at ;ts best, a land where members of 311 races, creed and color can live together in harmony, these  outbursts of intemperance ami mob violence can only result in the loss of prestige and give rise to the suggestion that we put our ,m ji house in order before we 1 M-ll others how to run theirs." I We cannot and will not let the seeds of such violence find fertile ground here.</t>
  </si>
  <si>
    <t>                                           CAMBRIDGE, Ohio--(NNPA)-- Declaring that he will point out to Congress when it reconvenes the need for federal antilynching legislation, Attorney General Tom C. Clark called upon "every loyal citizen and law enforcement officer" to do everything within...</t>
  </si>
  <si>
    <t>                                           Carmichael Aiiacks Rivers                 1LLE. tin 'SN.S -The record   f cx-CSovrrnnr r. D. Riven CHinc U: for  Wcilniuedaf an  t-. Jumes V. Curmlclmcl mo^cd hit  Into North                  Carmtchacl wild Uiut "Uurtng four-year period. 19S"-*0. the V S. Oovcnimcnt gave lo Geoipa $54.679478 for building* mid  Cundldate .s mid * '  ns it monument to him. Acluallv tl-.rsc  stand as .s in Franklin n.;. m Roosevelt." "In ' -i thai." ilw M.\ Candida"- . "tin- WP.'i spent a tola, m S92.3~-l.aT5 in Georgia lor im. nement oV itn'.il roads, - nns and  structures. I buo I'uiitli DK-I'.'.nson Rivers ' like to claim credit for this building .i." Carmlchacl prom:.-,i- i lo -.min Georgia ". ': ar.il respectable state t I'criinioir,' staling t nat the only u.-U'j m tint race ii Kood .u uc;      bad Eovcrnmcnt. Talmaditc cair.c In [in mu.  of    'iiit: to s;ii up race . Said Mr. C:in;: i-  all  Pi-..i tilling l.jj  i It;. t Jimmy CanntclujL-1 for '4 iht  and      go to  together: that he favors marriages between the willies and blacks and It elected he will break down the color lino In Georgia. That t.s n premeditated and unadulterated lie and Gem' Tiilmadge knows it. Is that plain?"</t>
  </si>
  <si>
    <t>                                           CLARKESVILLE, Ga. -- (SNS) -- The record of es-Governor E. D. Rivers came in for attack Wednesday as gubernatorial candidate James V. Carmichael moved his campaign into North Georgia...</t>
  </si>
  <si>
    <t>                                           field raas W^ W #wl ^iiip^^^wN. ^^*^9H crackers I.  ri..r."-""S""~"   '~~'"~"''~iS I  m put ^^ti:.,..      hive bew Mre'^11^^ wi0 mch  our Wbrt U HEADY IV bill E^RS^SB ;s*:* j g^--w  VEGETABLE .8  I "'jt.- OK MB- 1  I I 1 AVM  9 ? soup '.*-:-   - er^Mim JKS!2   Y^^^^sJ^ 55' 53* 71'       Sirloin Steak 59C 51e          Chuck Roast ^43e t 3 5" JEM! APPLE PlERlDGE ^-^-*.- JH ISSI^ Or   -~ IBcwlftc ^^B^^^^^^  MIPS A-A y^^^^S^^f SPINACH chicken "salad 69c S^^^^^^^^^^^^^^  ^^y^S^66~^y no- 2 '4  n. WIENERS  k"^ 49c ^W^mSS^^^^^^^^K^^^^^^^mX V^ I C HAM SALAD 49c ^^M^^^^S^^^^^^ til^ 1 8.t Champion, GROUND BEEF 35C ~^)^^^^^^US^^^^^^k V/^  4 Vifam/'ns' "-":i n i i *H^ w f 1Hf. 5u33~'  ( Recipe    y^   - T^f^^g^/ Green Giant ^fc. I 2poun-S^ 1   -f JLJ^~fa***  x"^ f S-^rwa(cr ...I FANCY COLORADO  VftVI 9B tf!? NO 2 *% tf^C V* teaspoon* M PEAS u16c IEMIImC  con Zu I V^^i^^o I" LIMES ft"- 4*c i^^^^^^~        *Lrt Pkg.                    1 PUT 2 -ZS. hNF  ll^iil^Is I 5Lb. 5c EGClC I til JiH I  ^i09 1" me 'products We^     . Mesh 3~*C ^l^c 3 BC "'Wll I 1 J H Y J  J PJ Y  /IT Ithat on occasions our Jli W IbW 1 1 J II S^^B^Bb^H! I stocks or advertised Items ILb.  C^ ~^^U^U^B^K^B^B^B^B^H^^Bl^W wUl    Plcled' When   #C  M^^^^^^^~^^^M^^^^^^^^^^^"^^^^T^^T^jr0U arc unable to - a Tellom's Peonut chase brands advertised IiETaVWE Iceberg lk# JTC ^^^^^^~^Hb^BIB  '"Lb- 11c LuppHcs'ewllirbc ^l 1 D V A Ufa*! Jar when available. We  re MnBIIIIPF Fresh iu I Me *fe!ti, f c  every effort to CABBAUw Green 3  W^**" Colonial Mo9"= Ch"' Egg      1,y thc  and CUCUMBERS Sii-U. r ,B.i:DED I   f 17  a*          /    Go. Moid Mixed Dill CAULIFLOWER 15- ~,"JJ* I PICKLES 2^ 19 iv^l^P ^^^S^^Zfew ^77?9BBBk W ^F H Pure Food^ Cut Gfefn ^~    ^L__PS BEANS  r 14c 3     ' 29c     -~ a  ^fe8jlB^BiBM^B^^~^^BB^B9    3^^T^B^Bt ^V A V ^Bk^ ^^B^B^bI ^^^*^^^"^^^"^^^^^^^^^j ~^i^   *~~BM^^^  ^~^~ JrjlliHaBW^^l^BM F 1 ki r'^M Wright's T Go- Moid Sou, Mixed %--~~ ^          3i tomato" i pickles 22;    20c duz ^SwHHBB^IClBiliU5J'  a ColcniGl Evoporo"d MeiJ Pk9  Lge' Pkg' t   2 I MILK 2 a 23  9%. 23  SSSSS "'--Str^^ TH-S^ -~=~?- Bee Brand *S?* ~.~.24c CLOROX \~f^M^         9'/.c 23Grilfin  u White/ S 10c bleach   S^       ~%V Pf. Bot Of d  ls^'*3 0                 '5    0l*mI Ml/Mi m GatOr ROACH HIVES-     Jlc WBot. L;  jgj^ WE LL CASH ITIN FOB /      FLAKES 20 Mule Team -~.in. ' 18. JjWfea""^^, Pard Dog Food t 11~~_ ^^^^pilli11_</t>
  </si>
  <si>
    <t>                                           MADAM EVA rv  hk am* -H fe Men Ug  Eflfl TOO OKT  hs  saH e   *   mM I ^JJ^e SKjjfJG JUS. ^k Jp-J .y wif. UA I MiK OWlM  m. If fc. IHU7     wrf*7       W.      4W 0     . W.        I Ko MN *n Uko      Tvl w.                 I   l  rf  Mvya         4M* r Klw     (Xk. AilMta, Special J1.00 Readiar     II* Iw  Dsja ul HaAHM</t>
  </si>
  <si>
    <t>                                           Eye-Witness To Louisiana Lynching In Hands Of NAACP Investigators                 Escaped Youth To Leave Texas For N.Y. Stay                 NAACP Officials Speed Boy To New York Haven                 NEW YORK- ISNS)-NAACP Investigators in Tcww Monday  that  had been conflicted for flying to New York 17--old Albert Harris, who   the lynching of Jchn C. Jones in Louisiana while feigning death himself.                 Hurris was shot by inc moo which burned with a Wow-torch und mutilated Jones, a 28-yearold refinery worker. He is expected to arrive In New York today (Tuesday.) I The NAACP has supplied names of Jones1 lynchers to the Department of Justice,           said. One of the mob was identified as a woman. _jA_          .'flW)~-,.-. jibs. 'reported to have learned that Har-; _iU-    ... and.. noon .hour whs on its way lu the Texas town to seize the youth, according to an NAACP investigator wlio telephoned the Secretary. Walter While, or ihc Association  in a desperate appeal for help. In Washington, the Justice Department said Monday that it is investigating Jones' lynching. A i spokesman for the department said the inquiry was undertaken to  whether any federal lav had been violated. LOCAL INVESTIGATION MINDEN. La.        An  into the murder of a at--old refinery worker was  here last Friday, but District Attorney A. M. Wallace doubted he would  "much cooperation in obtaining names." The  man wus John C. Jones, who was beaten to death on the dam of small lake near here August 9. Deputy Coroner Thomas Richardson last Thursday described the killing as a lynching. Jones" body wus marked with slashes and bruises, which Richardson .said apparently had been Inflicted I by' a  object, such as a wide leather belt or a thick plank. A coroner s jury attributed death to "multiple bruises and abrasions m the hands of a persons unknown "WITHOUT CLUES" Sheriff A. H. Hayncs said he had no clues and that he did not plan tn nsk for state or federal aid in his investigation. Jones' battered and decomposing body was found one day after he had been released from Jail here. Ec had been arrested after a white 1 woman allegedly accused him, of j attempting to break into her home. Junes was released when she failed lo place a formal charge against him. Attache.-) "f the sheriff's office said a 17-year old unidentified I (Continued on pace 2.                 Escaped Youth (Ontlnuctl I'rum Page One) .' arrested ana released with Jones, reported that he and Joncj .verc accosted by "some white men" behind the Jail shortly after being freed. ni'.STlAI, SADISM MAAC P six-clnl  revealed facto In the recent lynch. Infi of Nejrry Veteran John C. Jones, which, for sheer  j-adls-m. outdoes even the Georgia lynching and Issue Woodard's . The investigation revealed that Jones recently discharged U. S. Army Corporal was burned  the fate and body with a blow torch, niter a horrible benting at the hands of the mob. Tlic mutilated veteran s head had also beer. struck repeatedly while h!s hands were severed by a cleaver. The excessive heal and beatings caused i the victim s eyes to pop ,'rora their j sockets. j  OVER AUTOMATIC i Harris was  by the mob  I left for dead before the torch was applied to Jones, who had recent- ly been involved In n dispute with a white man over an automatic which .lones brought from Europe 113 a trophy. It is  the white I mun demanded that Jones turn the ?un over to him. Jones replied, "Only over n)y [lead body would i the ?im be ." It was also re- j  that Harris' father had been beaten by tile mob when it was discovered  Harris had escaped. TuskogCe Institute, which  . s;iid the last recorded j lynching in Louisiana was on Oc- I  13. 11(38.  ft. C. Wll- j liams was kilted by a mob in Lincoln Purisn, about forty miles cast of here. Willlar-j.s was accused of beating a white  and ; h.r  companion.</t>
  </si>
  <si>
    <t>                                           NEW YORK--(SNS)--NAACP investigators in Texan Monday reported that arrangements had been completed for flying to New York 17-year-old Albert Harris, who allegedly witnessed the lynching of John C. Jones in Louisiana while feigning death himself.</t>
  </si>
  <si>
    <t>                                           Soffball Schedule .MONDAY NirillT ASF Di.mH  HuutfuhKinki I'tifitral Il4iin*-. Itrii. Clr;mtTs  Williams TaviTii. \      -:SI)AV NIGHT Ivey Knit hers versus l  si(~ Ilmnis. SUN-BAKED HAIR l^~ U needs hygienic cure          CONDITIONER No. 3 On Salr At V.\Ti:s Anil MILTON DKirfi STOKKs Ml. 1.  lH Tl.EU  Nip. r. "Al  STS. y.Nu.iK. r.MVKKsri'V IIO.MKs:?*</t>
  </si>
  <si>
    <t>                                           The revamped Atlanta Braves will take the spotlight this weekend, when they come to grips with the Jacksonville Grays, in a twinbill, scheduled for2:30 Sunday afternoon at Harper's Filed</t>
  </si>
  <si>
    <t>                                           -b ONLY ONE MADAME ROSE              to Res*   Jlfe,     ,       .   -: g^Mggi lure. Alto no  ues SHI WiM tions bat  you al  B.l-I-H you want to know. Wm 1-l-fj Vivlnc  ui Sg    II dates, md tuU ol CV^a , love.     ] ~./V\ whom rou  ia*r J^^ lV' a t g/^^f H come      '~ over"!!   ,   ins . and bad lack *V bids. Ktadlnts 25e dally aad Snr    , a. m. to 10 p. m. Too  i'' 'nd  marter than all         Is no       ao sad  r     dreary that I  briac      hine In It Locatrtf a*  Bra* \T-nt*- SAd Hvwell Mill Eom^ HoweO Mill Bvad.    um to ako Uie one    r EowbD am Road ear. Stop at dear. HoweD Mil' Trailer, froot of WMte PwwM** Company. Atlanta. t       Xi- mr*    -       In thtl  ty</t>
  </si>
  <si>
    <t>                                           OFF TO CONVENTION- Deacon Julian Moranof the St. Peters' Baptist church and Scoutmaster of Trocp 188. lett the city late Friday to attend the Shrlners' Convention to be held in Philadelphia. Pa. He will also visit in Washington and from there wii: journey to Detroit. Mich., where he will visit his sister, Mrs. Amanda Matthews. The Blnndlown community nnd Scouts wish Doacon Moron a very profitable and pleasant trip and a safe re- t inn homo. I</t>
  </si>
  <si>
    <t>                                           GLAMOROUS HOLLYWOOD STAR AT AUDITORIUM MONDAY                 Nina Mae MeKinney. ae tor-singer and celebrity of the .screen, makes an in-~)vr.Min appearance in the Manlan Moreliiml-Hen Carter SHOW-DANCE Monday, May 13, 8:30 p.m.]2:'-W a.m. at the Auclilorjuni. Advance- .SI. 20; Al Rox SI Tickets are available now al usual ;        (i(i luca- lions. A Soullieastern Aliraclion.</t>
  </si>
  <si>
    <t>                                           FOR SALE AT YOUIt DIlUCUiST Hie BOYO MKO. CO., Inc. BIRMINGHAM. ALABAMA</t>
  </si>
  <si>
    <t>                                           /if*"' if Flien  filth. They Hjirencl disease. Screen your . Clean up         where  can . Kill every Hy you     . "FLIES CARRY GERMS- Bulletin  health  are  (tec of charge to persons requesting the service. A new  Is mailed each month. Just writer or telephone the Antl-TubercuIoKlK Lcamie. 312 West Ninth and ask to be  on the health poster mailing list.</t>
  </si>
  <si>
    <t>                                           Liberia To Have West Africa's Leading Port                 BY UK. t llAN NlNT. II. TOBIAS                 MONROVIA 1ANP1 "Monro- 1 vin i.s rii-Mhwd 10 be i lip ! porl of West Arrini. Tin-  i lilt' Amcricuib are bulletin;; will j mil it. mil in front." I                 Thus spoke the BrilLsh captain j of our ship as wo sailed from Mar- .-hall. Liberia, to Freetown. Sierra Leone. I         I his statement berau.se 1 reel thai il. Is  10 view Liberiu through tin' perspective of the current mortem develop  I hat are taking place there.' nit her than   or ihe present- political system. The harbor development, is  according to schedule and :!-.i!i:!d be completed by November. IH47. Comnumder Trimble. U. S. Navy, is the top  directing the project. He escorted me, on n two hour tour or inspection. Four American locomotives, operating on 20 miles ot track, are used to haul the Imiie rocks blasted  hills not. more Ulan UK) led from the ocean s  to the two breakwaters, between which Ihe piers will lie . f. S. SKll.l.U) I.AIIOIl The Uaymond Ctmcrete  or New Vorl: is i.ie                 lor. Only while Americans are employed as   workers, while native Ulierians an1 u-cd for the i-!i*ru*;i! and unskilled jobs. So nmi li has bren written about the Firestone  that- 1 shall refer to it . It covers :'5      :iri" miles of choice rolling hind. bi KinniiiK about :tl) milt s from Monrovia. There are approximately three, million rubber trees  the precious latex liquid. Here, . must of the skilled work Is done by white Americans with native Liberians doing the tapping and processing. Unskilled division workers live in primitive huts on their divisions. They eat but one meal a day and receive an average of 20 cents a day. In this connection, il should be  for the Firestone company that they  to pay higher wages at the very beginning but were urged by Liberlan planters not to do so because it would upset Liberian wage standards. Such skilled Liberians as there are live in a modern housing project similar to those under  operation In America. There are Rood  with fairly well prepared teachers who arc paid much  r salaries than the Lihrriajt :".  \ I'rnim-nt  its {  il On II.    I'ajfl                 Liberia To (Continued From Page One)                 ers There Is a   hospital where Ihc sick ot all classes are treated. PRAISES FIRESTONE Firestone has its share of weaknesses that are present in all plantation systems, but in nil fairness I nust soy that Liberia  be many years farther away from mortem development if it were not for the Firestone company. Dr. John West, and his staff have done  in public health. One Illustration will suffice. I have no: seen, heard, nor felt a single mo?- quito The mosquito  service of the U. S. Public Health service j has simply wrought, a miracle or extermination. Liberians and Americans, interested In Ihc country, were very much disturbed when news  that, the Foreif.n Economci  ration program, fostered in Liberia by the United States as part uf the Intercultmal program, hnd been knocked out nf mo state department, appropriation bill In the house. tea i  restored All of the workers, except Frank Finder were withdrawn. Pindcr     Ijeen retained as agricultural  of the U. S. legation. Sinn ihc senate has restored the item. 1T3A funds appear safe. We are looking toward a  of the work. jt word aboul Minister Lanler as a   *st at the . I had a chance to observe him at. work. Ho K not only a skilled diplomat but a man of vision. He has a ! concern for the welfare of the LiIxrian people. Libeiian government                 officials and members of the diplomatic corps admire him. He is also held in high esteem by officials, educators and the rank and file of the people. The legation, under Mr. Lanier. observes the -door policy. The work of Webster Walter, predecessor of Mr. Lanier. is praised by the new American minister.</t>
  </si>
  <si>
    <t>                                           MONROVIA -- (ANP) "Monrovia is destined to be the leading port of West Africa. The harbor the Americans are building will put it, out in front."</t>
  </si>
  <si>
    <t>                                           i President swimming off Bermuda                 LIKE HIS PREDECESSOR in , President Truman likos lo :. :lo is shown as he enjoyed the warm waters of Bermuda (top) in a dip from the Presidential yacht Williamsburq Following the dunking, the President talks with a member of his party (bottom), perhaps about an                 problem. News of the Day NewsrccJ photos. (/;inn</t>
  </si>
  <si>
    <t>                                           (GLAMOROUS HA/R\ i During those thrilling hours when you ore with him, your hair must look its loveliest. You can enchant him completely with softer, smoother hair that lends magic to those  mate moments. That's why  women everywhere are count- i ing so much on Pluko. A HAIR BEAUTIFIER For more beautiful looking hair use Pluko. a genuine Black and White creation. For Pluko actually does beautify your hair as it helps you to comb it out flatteringly smooth and soft. Hair cared for with PlukoHair Dressing becomes easier to arrange, really behaves beautifully, and  "set" longer. You'll find it can be i such fun to "do" your hair in many heart-winning ways, while this famous dressing keeps it well-groomed, shining and smooth for many hours. MEN LOVE IT Pluko has 6 fragrance men love. Its , because the perfume-like scent of it lingers irresistibly about you all through those precious night hourAnd although Pluko brings such added lustre to your hair, although it has such exquisite qualities, Pluko costs very little to use. It is sold by dealers everywhere in generous economical sizes. In Amber, 25c, in White, 50c. Tiy Pluko once, and you ll never be without it. Demand</t>
  </si>
  <si>
    <t>                                           Sweeping legislative changes liberalizing National Service Life Insurance policies now make NSLI unqualified the best of all insurance investments.</t>
  </si>
  <si>
    <t>                                           TO BE MARRIED HERE WEDNESDAY EVENING-Laura Frances Johnson (above) daughter of Mrs. Estelle Perrin Johnson, and the late Mr. William Kelley Johnson, will become the bride of Mr. Emmett, Louis Bryant, son of Mr. and Mrs. Louis Bryant of Detroit...</t>
  </si>
  <si>
    <t>                                           STATE DIGNITARIES TO WELCOME BAPTISTS HERE                 BY TASCHEREAU ARNOLD                 Georgia's Governor Ellis Arnnll will help welcome the National Baptist Convention. Inc.. USA, when It meets nt the City Auditorium here Sept. 3-8, inclusive. His Honor Mayor Hnrtslield will also welcome the nation s Baptists on  of the City of Atlanta.                 Highlighting the meeting also will be reports by J. B. Blayton, convention ; Atty. A. T. Wnlden, convention legal : Dr. Roland Smith, statistician; Dr. Adams, foreign mission secretary'. Unless more Atlnntnns open their doors, however, many of the delegates will be hard-pressed to find living quarters. A special appeal Is being made to all Atlantnns to allow one or two delegates in their homes. Those interested may write Dr. W. M. Jackson, chairman of the housing committee, 618 Martin                 St., or turn names over to any Baptist  and  will place It In the hand of the housing committee. The delegates pny $1 per night for sleeping and 75c per . SPAULDING TO ATTEND C. C. Spauldlng, president of the North Carolina Mutual Life Insurance Company, one of the nai on s greatest Negro businessmen and lii(?h-ranking Baptist layman, will grace Atlanta with his presence during the .convention. Advance '-reports Indicate that abound 300 gospel singers will attend the Convention. These singers will be under the direction of Prof. E. \V. D. Isaac, secretary, BTU Publishing Board. Nashville. Also expected ot make his annual report for the million-dollar Sun(Contluucd On Page Six)                 State (CoDtlssed FTct ?    Oae) dar School Publishing Beard  lil be Or. A. M. Townsend, secretary, Nashville. Dr. Ralph W. Rlley, president, American Theological Seminary, NashvlUe, will also make his annual report, as will Dr. Barbour, editor. Baptist Voice, official organ of the Convention. TO HEAR REPORTS Dr. W. H. Jcmagln, president, National Sunday School and BTu Congress, auxiliary to the National Baptist Convention, will make his report, and designate the next meeting site for the Congress as well ts map the Congress' 1947 program. Mrs. S. W. Layten, president, Woman's Convention of the NBC, will  her annual address at Wheat street Baptist, scene. of the women s meeting. Georgia women are working night and day preparing for the entertainment of the Baptist women. Among the key Georgia women workers are: Mrs. Ida P. Henderson, worker on the Child's Welfare committee of NBC; Mesdames W. P. McKlnney, organist, Woman's Convention of NBC; W. W. Weatherspool, Y. L. Davenport, Taschereau Arnold, A. G. Davis, Geneva Haugabrooks, Rossie P. Blvins, Cyprus Brown, S. M. Bryant, Annie Hudson, Pearl Reese. N. W. Crawford, L. M. Terrill. B. J. Johnson, A. Bell, D. D. Crawford, S. F. Brown, S. H.                 er, president. State Baptist Won-a"$ Convention; Wattle Dorse? Bruce, M. I*. Ktoc, wC H. feeders, and others to be  late?. BASfEx'S . A special sight-seeing trip to Mr. J. H. Hartley's country estate will hold the spotlight during (he Convention. Mr. Hanley plans to entertain the Baptists with a tree barbecue. The date will be announced later. Atlantans are asked1 to arrange with their cars to carry the delegates out to the Hinlcy Farm just 12 miles from Atlanta as a goodwill venture. Several other early morning socials, banquets, and other forms of entertainments will be given in honor of the Baptists. Southern hospitality will be the main order of the day during the Convention.</t>
  </si>
  <si>
    <t>                                           Georgia's Governor Ellis Arnall will help welcome the National Baptist Convention, Inc., USA, when it meets at the City Auditorium here Sept. 3-8, inclusive. His Honor Mayor Hartsfield will also welcome the nation's Baptists on behalf of the City of Atlanta.</t>
  </si>
  <si>
    <t>                                           i BLEACHES BEAUTIFIES i     Only As         CLEANS* SKIM WITH PRESTO SKIM SOifi The PORO CAVALCADE of Hair Styles TUESDAY, MAY 7-8:30 P. M. WILL ME AT BIG BETHEL A.M.E. CHURCH Instead of WHEAT STREET BAPTIST CHURCH (As Originally Planned) Note This Change Of Place PORO BEAUTY COLLEGE 250 AUBURN AVENUE, N. E.</t>
  </si>
  <si>
    <t>                                           Atlanta      World PnMbhcd Etery Morning Except Monday, at 210 Anbnrn Af*. Members: S.N.S.- N.N.P.A.- A N.P. Established Aog. 5, 1928. Became Dally March U. 193? W. A. 8 IX, Founder-Publisher, Aug. 5, 1928. to Feb. 7. 1K4 Telephone: WAlnut 1459 1464   In Post Office at Atlanta (3), Go., us second class mall under the Act of Congress, March 13, 1879 C. A. SCOTT Editor and General Manager Dally: 1 Tear. $950; 6 Months, $5.00; 3 Months. $3.00 Saturday Only: 1 Tear. $3.50; 6 Months, $2.00 Canada: 1 Year, $4.50; 6 Months, $;.~; Foreign. 1 Year, %     THE  DAILY WORLD Is an Independent newspaper, non-sectarian aad non-partisan, printing news absolutely  tnd supporting those things it believes to be to the Interest of its waders and opposing those things against the Interest of its readers. Address ALL COMMUNICATIONS and make CHECKS payable to ATLANTA DAILY WORLD, rather than to Individuals. THE WORLD expressly repudiates responsibility for return of  pictures, manuscripts, etc, unless stamps arc sent.</t>
  </si>
  <si>
    <t>                                           Pretty Soft                 NEW YORK, N. V.- N..w  and pliability in UM:\-.-. can be controlled. Tin- .  v..rn 1  v the two models (u Cuiiuvi-r tun!i- and a Powers beamy) aiv identical und received exactly thu ame. treatment, except, that ihf  na on the  is treated with new Acrotcx Softener H at tho American Cyanamid           . The inset shows laboratory proof f this great difference. The two  watches were cut from the fabric* worn by the models. The soft droopy swatch in the foreground received the Softener II treatment. The much  swatch behind it did not. A number of products already mi the market, such as underwear and pajamas, haw received the Softener II . It is said lo hu equally ell  i.n wool, la.vuu ur .       is pai tit  valuable fur use with die many nrw -mii uI  that tend tti ]n'(    'f hai  in fabrics.</t>
  </si>
  <si>
    <t>                                           BUHL S i I'anioiis Morvuc Lenses JV^^^. Quality I'mnics /S^^N. Choice 10 Styles JfF^\ MrniKth. An 1' 1    l"lc(% ^  '"-~^\ ^-W Lenses and #1% f" ^8L ~''5~--V I'nimes Complele W^ t% TrC;^??r;7 Easy Credit Terms -v.-~..-=r_</t>
  </si>
  <si>
    <t>                                           NOW! LIGHTEN ROUGH,      SKIN IN 3 DAYS! K r*tf *Un hu * dwU/.  o*m tt (WuAiknl      ?  tiO     HtkN **6. It  MI    M*t        ftr  wir 1M    u. Ur  i  BLEACH     im   *  *au cat:        , LOVE 1TY.    *t til  M Jmh               kt      *i. C*      . Um  u 01     .    't rvk Is HEvoliHC. Jutt  and     * . IN TMfttC DAYS you ll           , C.t a Mr et     Cntl9    aair nlv.        *r . roc C.O.D., Juu Mr 4*Unn ~~-r .      tor   RaatMbM-  N 4 to   r r*vr      tact. WrIU tw PAWS IWPEftUL          l)rpt. X.V* 1263 Broadway. Nrw York L It. V</t>
  </si>
  <si>
    <t>                                           the quietness with which the precedent against colored citizens voting in a Democratic primary was broken surprised even atissi f,sipplans In Jackson, colored per sons who could qualify for voting apmtred to be handled no differ cultic front white voters at the</t>
  </si>
  <si>
    <t>                                           WARENTON, Ga.--Mrs. Elmira Jackson is visiting her sister in Philadelphia. Miss Josic Rene Roberts and sister of North Carolina are visiting their parents. Mr. and Mrs. Roberts. Jessie Jackson of Cleveland is guest or his mother. Mrs. L. Jackson and sister...</t>
  </si>
  <si>
    <t>                                           WASHINGTON, D. C.--(NNPA) --Stating that he was "elated" over being the thirty-first colored man appointed to the United States Military Academy at West Point, Robert William Green, 18 of Oakland, Calif., said here last Monday that he does not have any...</t>
  </si>
  <si>
    <t>                                           Georgia Employers: Saved 1945 Taxes!                 Employers covered by Ihc Georgia Unemployment Compensation Lnw saved $G.262.G31 in taxes (luring 1945 as a result or the "experience " provision of the unemployment         ; act. Ben T. KMiot. CommlKloner of the  Ocnartnipnt 01 Labor.                 Security Agency, has re. von led. During 1045. Commissioner Hiiicl revealed, taxable  in Georgia amounted to S722.132.B0S with tax contributions due in the amount of $13,234,056. or an average of 1.83 i percent or the  amount of taxable wages. The experience racing provision reduced the  percnt of contributions blow the standard rate of 2.7 percent, of the taxable payroll.           KATE It was explained that all employers ore charged with the standard rate of 2.7 percent unless the amount of unemployment compensation  payments  to their account and the                 :: Ilieir tax contributions I paid qualify I hem for a reduced I rale as .specified under the  rating provision of ill' law. A comparison of the lax figures or 1944 and 1M5 show? thai dur ing 1044 taxable wages were reported as $730,029,015 with contributions due In the amount of SH.iiO2.085 at an average rate of 1.0" percent of the taxable payroll. Those figures reveal that Georgia employers saved approximately I $l.00O.* more during 1D45 than during the calendar year 1044. The reduction in the average  of taxes and the Increased saving to employers." Commissioner Hulct stated, 'is indicative of an Increased stabilization of employment and on overcoming of the mass layoffs encountered with the closing of war plants, and is. naturally, an explanation of the steadily decreasing number ot persons receiving unemployment compensation ,"</t>
  </si>
  <si>
    <t>                                           Employers covered by the Georgie Unemployment Compensation Law saved $6,262.631 in taxes during 1945 as a result of the "experience rating" provision of the unemployment compensation act, T. Huiet, Commissioner of the Georgia Department of Labor.</t>
  </si>
  <si>
    <t>                                           Radio Service Repairs Also Small Applinntv.s For SjiIp Dixie Radio Service 440 Peachtree SI., N. E. Wa. 0500 Pick Up and Deliver</t>
  </si>
  <si>
    <t>                                           MADAM EVA BBZ OlTtM fife FACTO AND /CiBS yoc HSB S  4t30 a Wwia-a nuM #^WH MlmlM. Attn w- x^v 5 t5s!5 T-? ?fc{ DroDleau I* IfattM ^t i]^'. J tun alt U    koT*        ^Ssao wltk  V wl(~     , k* IB7   a4 mdm OfflM h*~   I m, to 10 p. v. DaUr and Siftioj, 1011 17. U* Slroet, K. W. Atlaata    to         Idou TuA KM e*r. P!    aik the nr            to     7   Off        0  lt0 Otttt M* Kloj Plow (fe. AtUata, Special $1.00 Reading for 26c     Lieky Day* ud HacUj Given      E 1( 1 H455IH0 UM R If =^~lv FOR SALE AT YOUR DRUGGIST The BOYD MFG. Co., INC. BIRMINGHAM. ALABAMA</t>
  </si>
  <si>
    <t>                                           A'eet 'Miss Dixie*                 SON-TANNED Barbara  ~.i HiRh Point, N. C, is pictured afu-t she was chosen "Miss Dixie" in ;m oil-Southern beauty  'icld  Bench. Fin She vill compete for the title Miss An. erica at the annual beauty pusc-ml in                 Atlantic City. (Jnlernoucvio'i</t>
  </si>
  <si>
    <t>                                           Wheat St. Murals Unveiled Tonight                 Three murals depicting the Bap. lisin. the Lord's Supper and the Crucifixion by Hale Woodruff, will be unveiled tonight at 8:30 al Wheat Street Baptist Church the Rev. Wm. Holmes Borders, pastor. The paintings excellently  each religions happening; and may well  as a Rrent incentive in the expansion of Chris linn . I</t>
  </si>
  <si>
    <t>                                           PHKSIiNTKD AWAH1J 11. L. j Williams Gcorfsia Stale Com- i DKiiult-r "I tin- National CVniiU'il ni i Ncjiin V'Mcmns. Inc.. was  u MiTilorioiLS Award by Mayor Sprirh   l l.: Heck. Arl::in-:ii. for his ; wurk   during liii; N::il l.Vmv'fiidoii 01 Ihf NC NV which \\1a^. HH(I In I ,lll If Itfn'l:. Arl:     . WilItains was :iLv. I'l.Yir.l Ndlirmal SpiTifr*        :r*r lor tin- iir:;jiii/.:i- i lion. I</t>
  </si>
  <si>
    <t>                                           Ga. Baptists' Leader Moves Forward                 Dr, Leandcr Asbery Pinkston pastor of the Travelers Rest Baptist Church. Atlanta, and President of the State Baptist Convention of Georgia has led the Baptists of Georgia for nine successful years nnd today the denomination is free of debt. His lovely wife. Mrs Lamar Bensley pinkston and his most congenial son, Mr. Charles Lcander Pinkston have stood hard by the side of Dr. Pinkston so that he could be free to serve his denomination. Dr. Pinkston has preached in the National Baptist Sunday School and -BTU Congress and also in the National Baptist Convention. H: presided.. In the. Birmingham. Alabama session of the National Baptist Convention when the late Dr. L K. Williams was elected                 i, dent for his lust time and in the I Cleveland. Ohio session of the Nai  Baptist Convention when Dr i D. V. jemison was elected .successor to Dr. Williams. President Pinkston has the distinction of being the Emancipation Day speaker twice for the Atlanta celebration. He Is asking the Baptists of Georgia to lny on the table S5.000.00 as Georgia's contribution in the Foreign Mission Board's Rally or the convention on the second Sunday. The Georgia Baptists State Delegation will hold its mooting at the Mount Zion Baptist Church, Rev. J. T. Dorsey. pastor on Wednesday afternoon at four o clock. All Georgia Baptist pasi tors, ministers and laymen will asI semble at Mt. Ziori.</t>
  </si>
  <si>
    <t>                                           "FOOD THAT IS TRULY DELICIOUS" Beers ^^m) Wines THE METROPOLITAN CAFE</t>
  </si>
  <si>
    <t>                                           DAILY CROSSWORD:                 across J.Witvr 5. Irrilatitigly  person 0. Fleshy  10. Theater' seat Jl. Girls nann1 12. An use 33. Returning JiliC for like 18. Open (poet.) 1!). Queer 20. Digit 2J.. Music nole 22. Sayings 23. On'ucif t)ic j)' of Latvia 2t. Allowance  26. Concluding passage (mus.) 27. Exelamation 2S. Skill 23. Exist 31. Varying weight (Ind.l 32. Parl i.f "to be" A vv/njr 3-1. One in charge of stores l Mil.) 37. Pouch 3S. Brain covering                 59. Half (prefix) 10. Blunders 12. Kskcr* IS. Network DOWN 1. Jewish month 2. Completely 3. Forearm bone Genus of mollusk 5. Ci'S C. Syu:cc 7. Lit S. te..is a goddess lo. Decay                 14. A significant appel  15. Gill's name 10 BcmaiKaWi 17. Obtain 22. Forlify US. Fate L'5. Organisms that live in oxygen ;6. Kind of bird 27. Donkey 2S. Clicst Audience o2. Cod of it s sea .) Ci'. Asicic                 Vi**'~ Annvcr SO. Incarnation of VisJmu 36. Ireland 'M. Thus 41. Selenium (sym.)                 J CRYl'TOQrOXE A cryptogram (~~ Ki-  BW  D K N B X EN B W W U N NX H G  N.-                 ^~M)         "'l^'j' Sill                 iff ijr m r if w w    'J Jm         %r ii AjmZZTWZ.Z.'Z ti^,_ i:: H ill     nz in p yl I 1  1 1 1 I</t>
  </si>
  <si>
    <t>                                           MGHiNEMY.imK. fOlder people I If you      't Um. lamina you -        , your dU-t lacks      natural AftD: Vlumlni  nd mcr^y-*..  wIU yuu uto.il you ll find - Scott's K muli loo b*    Imi'M .  and'. wonderful difference    ! *  l your  i (^/, Madam Eva !f.p SI ,  2.1 sin: r( g I-.tCTS AM) SCB S .TS  MP]H B W'wrlil'j* great, r^jv *~^*~il '*'r -vou consult ^fcT./'C* '-v;i um* "n ^J llt.it Knows all. on * * Itli Iiiisharttl uT tiff 4i r lurk, lit* tun1 uml mine :t1 *.     i a.m. in HI pin )ail.v anil Siimluy. . \V. Marict :i Strrfl. SAW. AtlanCi. lit* sun tahi' the  \aril Street i-a( 'lease ush  car      i-t you olf l\Mt   ui the  illu*t Ulr of King VUnv Attanla, Cu .r,. SI I-'. Itl.iDIN C 'Jar Vour Lucky l)    and Months Cilven Free</t>
  </si>
  <si>
    <t>                                           . to - ami creditors All creditors of the \   .tn at MAMIE McGKUDEil"  Into of Fulton County, . nre hereby notified to render la  demands tn the undersigned  lo Inw, *:uid nil     .son.': Itirtohiod in Siiid I's'.aic ore . fid In ni.iki' immediate payment. 'IMs July 11.  EDITH MeCTUDER. t.^ KDN/V'Mi'fiKUIJEIt   .~. n. P. I1E11NDON. Alty., t2U Hierndon Bldg.  JR. M. AllR. 1, 8. 15, 22 MONEY For Salaried People Friondly, Confidential Service DOLLAR BUYING COMPANY 25 Pencil I ree Arcade Building (DoAvn S'aiis)  ONLY ONK MADAME ROSE X-            to RCMi .onr entire life, put, , t*I^hhmi lure. Asks no que* HnTMrB       but      at Knl-l-lI'-H jou  tn . MB I.B.VJ  names H L." r l  la(M' *Dd  ^H'   ^~ Inuluess, love, bulU ^^""wVi I         .  Po'^VVy I whom you wlU  1/ ry and when,- overS1  ^' fli come enemies     '~  s ^uii . efU habit*, stumo :nt M-ii k.t,       Inck of all  .i. Heading 2Sc  uud 8   UV, t a. ui. In I" I'- ^'tt" w'"         -~ than nit  im mi  ie.irl      r  dreary      I        Mia-. -Inr In It.    ::   ^l  l   r   4         M'wll Mill     1 IO6t H. Mill Itoad. He mm la it,. ..nr  Mill Road car. Stop at . Unwell MH' rj.il.rr,  "f White I'iotUIOu *        . Atlanta. It         ere the hot In this .</t>
  </si>
  <si>
    <t>                                           I'm; Vui'i: i:i: ni.     I \\n Mini's in m:i;\'K   "m Modern Art Beauty Solous l....-;.:i-l I No. ~_17'.~ A. I.INIlKN  K N. K., AT. !~2!M Nil l'- 2M a.\(;ii:i{  i: m:.. vk usm; (I'nnn.-rly Ifnlli 1 1 nn'.-i IIi-.'iul.v      ) ai.i. . p:\.i:ii:\''i:n oi KisA  Mrs. i;~:kI\v I.. I'iiiIit.   i.</t>
  </si>
  <si>
    <t>                                           A DOCTOR S PRESCRIPTION FOR THE SCALP rbe   are id the . rho condition of your hair doe*  depend  on the natural  of your  calp. Year* ago, Dr. Cwnot Invented a medicated tar formula called Carbonool which ls mixed with S.. Reeoxdn Mid Boknm or Pent Garbonoal I* such . powerful            and doco such  work In help* Inc an Itchy, bumpy RDd           Jrrlt*   1 ~.-n P.        regard It highly Mid * It for  nen O tro"    . It youi scalp needs R   rw ,  "~r Ihln       '~ genuine  * . It wUl I be dent to yo;i nil  and ready io we. Use It for 7 days, and If you I     not satisfied, your money      . i I'ny  11.59 on delivery. This i Includr* -, Dont pay a I penny more. Yon grt Ik      ! . Uno     (Inn*  d tur        formula your money ran buy. Your r*lr and scalp  fine     . Wtlto now. Send no money. Juat your bmu* tni  to- Gold Medal      Ilepl. HX tT KiBf          M. We*  thw  -mm mt m Mai -~r</t>
  </si>
  <si>
    <t>                                           FOR TERMINAL leave pay. Other was the  Nepervlsor Mrs. Gertrude Furlowc Thompson, left i-s shown aiding Elmer OUcr, of 400 Edwards St., former technician fifth class with Hie 7771li Field Artillery Battalion                 in his application for terminal leave pay. O'Jer was the first Negro GI to be aided In such application under the recent Congressional provision for veterans at. Atlama Chapter  Cross</t>
  </si>
  <si>
    <t>                                           BISHOP T. M. MAlim is ing on June 30th to the Ailiintu City Auditorium. "MACECrS DIVINE HEAVEN." Tlie public Is More Than Welcome. This will lie the greatest music .1 ever presented in the City or Atlanta. The world s wonder child Pianist, little Moggie Mnbry will be  also Prof. L. B. Byron, the  nlm - yott- . Mrs. Malaim Banks. Voc:il                 SiiliuM mill Mr.-.. M:iry Patterson. Vocal Soloist. The  EiRlit CmishtI Sinners. One of I lie creates t (~ii: contests ever heard will be presented on this tiny nt '.1 p. m. Special Features: LiUIC Loul.sc Hnrris will go  into ft deep trance. God will   me. Come and see the man who talks -VrteiiGeil-:,-- -n-ho-the M!:i:i thill fasted 1M clays; Bi.shup T. M                 . Mr will n-ll jmi wli.ii 1i:iji- IMincci. Ul:.hop T. M. Miibry"s sermon will lie: ".lust     Uiick lo God Wlu'n the Sluulnws of Death Roll Away." 'Ilie   f any  . I will be cl.icl to meet you ull nt the City Auditorium Juno 30 at 3 in. This program will Inspire you Intellectually niid Spiritually, so come out !Ji;st- ]t-!~-~!~le-to- - Hie cocci thine.-.   you. j                 M;iny  i:        will appear oU Hie program. Bishop T. M. Mubry. Sponsor Phone WAImiL aO81- Cy. 4470. TIckKl.x lor I his occasion uro located at llic  places: L'l'l Cain SI.. N. fc\, Wnlnuc .*!081. HiiuRiibrooks Pimeral Home, .3C4 i Aiibuni Avc WAlnut 8217. j" Yutes nml Milton Drug Store cor I S3-   )-Aiibii.-n Atct Mrs. Smith, 3'J Howell St. S. B. -iADV.) i</t>
  </si>
  <si>
    <t>                                           S T A R CONGRATULATED- Writing musical history as the first American Necro ever to have been starred hy a major  company of the world, Ellalwlle Davis, erstwhile seamstress from                 New Rochi'lle. New York, is shown I   from the i lion. Walter Thurslon (. U. S. Ambassador t" Mexico, following hor ilt liut last  as tin1  of Verdi's "Aid:!," with                 thi'  Opera National of Mexico City. To Miss Davis' left may lul soon .Inso SiiMTa, lending Mox- 1 ican  ", ami C:\ i aiii.l lili SKk iH uf ihc       N::il.</t>
  </si>
  <si>
    <t>                                           Wealthy Whitc Medic Makes Big Land Gift To Teachers                 Caretakers Rewarded For Trustworthiness                 RAI.Einil, V. C- (ANV, A I 4.G0O   was t-' to I t hi'..\')ri li *r. il.iii:i..N'!;^l.-'jJ.'~ i Association, nf  llr. Jauifi- I K. Slii-pi nl is , !~y Or. i Willimii Sliarpo, wealthy  York t ily   ami a Harvard Hassinatp   f                       litl I'resident Franklin I). l!        . Crodil for the l:iml u ifl hops 'li redly tn Mr.  Mrs. John Hirst, caretakers      the lure Onslow iv.unlv -. In whom Or. Sharps ( lln; land in appreciation for ihi lr  service to him over n number of years. L'pon  i nf Mrs. Hirst, a former school i . the estate was turned over I" thr North Carolina Wjjrn I Teachers Association. IMtOVEI) TKL  Dr. Sharpe employed Hirst     caretaker against the advice of while residents, who thought it j "" to entrust a Ncfrrol with the hie job of looking out I for the valuable estate, which lies I between New Uiver and Swans- boro. The Negro caretaker proved himself trustworthy and spent  hours daily in keeping the " and grounds in order, aliki.UKh Dr. Sharpe was away most  if the limo. lie rewarded the Hirsts fnr their loyalty by Rivinp them the UidU-aere estate,  the home lie had Infill for himself, but Mrs. Hirst  that the land     Riven to the North Carolina Teachers Association. .AixordiiiK In plans revealed by the NC , cottages will be built on the hi-arh to 1 . ri . and ri iri  facilities. MI ST .n HK1 llr. Sbarpe hail stipulated that before 111- estate is turned over In the Ki"\'\ the slate must .-. In build a       ' "ver    -j water and marshland included in the Iraet, H.- escorted representatives of the association In confer with Ciov. Cherry mi the mailer ami the K" appointed a  I" i"ok into the proposal. The  will be "a memorial In tin- honesty and  cif John and Ci'lruile Hirst." one  lif tin- ass  .</t>
  </si>
  <si>
    <t>                                           RALEIGH, N. C.--(ANP)-- A 4,600 aerce estate was given to the North Carolina Negro Teachers Association, of which Dr. James E. Sheperd is president, by Dr. William Sharpe, wealthy white New York City brain specialist and a Harvard classmate of the...</t>
  </si>
  <si>
    <t>                                           COMMERCE, Ga.--Mrs. Clara Little passed July 21 at her residence on Homer St. and was funcralized August 1st at Mt. Calvary. Rev. Scott officiating. Sanders Morticians in charge. Miss Lois Browner passed away in Chattanooga. July 21. Funeral will be...</t>
  </si>
  <si>
    <t>                                           GLORY LADEN 99TH ACTIVE IN POSTWAR AIR FORCE                 LOCKBOURNE, fANT)Stationod here at Lock-bourne Army Air base, the Wth Fighter squadron, formerly the U9th Pursuit squadron, is still functioning as a unit in the postwar army air force. Having undergone ninny changes in the process of                 zation, only one combat veteran is still attached to the organization. He is tlie commanding officer, Miij. William Campbell. Tuskegee Army Air Held, where the !)Oth received combat training, however, is in the process of closing down, and it is expected the end of August will find only 10 Negro rated pilots on the . Alt other rated personnel will be shipped to Lockbournc and other points. Shipment of aircraft also will begin in the near future, and the field, now on a temporarily inactive status, will be closed down as soon as all equipment and personnel are moved.                 Col. Davis,  u captain, with Capt George S. Roberts as  I in command, built up the  strength of tho 99th and  it for . Another  1 pilot was Cupt. Lemuel S. Cusliu. After the Pantellerlan mi l Sicllllnn campaigns. Col. Davis returned to      United gluten to form the 332nd Fighter group which hn took buck to Italy  it   the 99th and integrated into the 16th Air force. KlytnK P-40s ano P61s, the MUi wern used chiefly in divo- tactics, and A. A. F. official records reveal numerous honors won by them in combat. Col. Davis, who  tin: Silver star for gallantry in action while leading the 832nd on a  mission against railroad yardi in Austria on April IS, 1045, also holds the Distinguished Flying  and the Air medal.</t>
  </si>
  <si>
    <t>                                           LOCKBOURNE, O.-- (ANP) -- Stationed here at Lockbourne Army Air base, the 99th Fighter squadron, formerly the 99th Pursuit squadron, is still functioning as a unit in the postwar army air force. Having undergone many changes in the process of...</t>
  </si>
  <si>
    <t>                                           i i-ri; In Kvp K (.'fractions I Over MO Years I %~M i I ~,-v;-v. '$ I vfi*V S ~'=:-~.v-~~. .'i#-. I r-fc  rA S i i j    * ~~~^.c. I-  5;-;;M;a Ws"* ^S$% feV." mm DR. L. X.</t>
  </si>
  <si>
    <t>                                           Atlanta      ^ Wbrld Piibtbbed Brery Mofntae Except Monday, at 210 Auburn Ate. Members: S.N.S.- N^f.r.A.- A N.P. Established Aug. 5. 1928. Became Daily March 13, 1932 W. A. ScoU 11, Foonder-, Auj. S, 1928. to Feb. 7, 1934 Telephone: WAlnut 1459 1460 Entered Is Post Office at Atlanta (3), Ga, as second class mail under the Act of Congress. March 13, 1879 0. A. SCOTT Editor and General Manager Dally: 1 Tear. $9.50; 6 Months. $5.00; 3 Months, $3.00 Saturday Only: 1 Year. $3.50; 6 Months, $2.00 Canada: 1 Year, $4.50; 6 Months, $2.75; ForelRn. 1 Year, $S JO THE ATLANTA DAILY WORLD is an Independent newspaper, Qon- and non-partisan, printing news absolutely  md supporting those thing.1; it believes to be to the interest of Its waders and opposing those things against the Interest of its readers. Address ALL COMMUNICATIONS to and make CHECKS payable lo ATLANTA DAILY WORLD, rather than to individuals. THE WORLD expressly repudiates responsibility for return of  pictures, manuscripts, etc., unless stamps are sent.</t>
  </si>
  <si>
    <t>                                           Offices To Close Fn Chicago                 CHICAGO (AN!1) t. I-'Kl'C  ;   .      officially .- Ihirir -s hy May 1. ^: to a rcp u t hne last wiM k. Sluitilowii of lh(~ 1'air i lu~;1. i)*n '.s       '.s here.  I In- .- of ~]lmor lli:      )'son, is in k.-i-iMin: witli iln! i'.\~iii\ Hi' I hi' aK'.Mn'V in .Ilinc.</t>
  </si>
  <si>
    <t>                                           The Ashevlle Blues jumped out in front in their crucial Series with the Atlanta Black Crackers for tho second half pennant in the Negro Southern League, shading the Crux. 10-8. Wednesday night at Ponce de Leon Park.</t>
  </si>
  <si>
    <t>                                           DAILY CROSSWORD                 ACROSS I A.  6 Adhesive mixture 11 Shakespearian character 12 Oil of rose? I A Mountain pun is 1) Musical instruments 15 Dross of mel.il Hi Inlatiil Doily .11' WII.M 17 Sinui-; li un.l.ll'  II nim.l illi-v H Snillli \   -r!Citl! i? r-'!:ll.~~  . It. II'... I ll.l'.ll   \ i-r-t/.-n  :  ..~t f.*J l-'-jri:.!,- ih.-r(. :i) r-i j 1 til       I him. I :i.l S.-i.-.-i J.'j T.i'. :(7 ~\Ary .i I 1 l*ops ^:t To scrimp 44 Civeexiivmc unction 10  45 Weird 4ii Billiard stroke 47 Confuse DOWN 1 Branches of learning 1 Bvisiness transaction                 :i Location of the Til). Mahal 4 Step out of the way! B Half ems Expression of Usgusi. 7 Coral island 8 Wandering Cistern U)            ;li^ IS. Roman poun.l t!J Ovaptosium i  i jn Pr.iin i pr Mlx t Jl Pish                 22. Cut, us grass 23. Occurs first 25. Pass between mountain peaks 2fi Solemn wonder 28 Moved stealthily 30. Thus 31. Exclamation .V-'. Part ot to be" .14. Loans . .1.1. First man :(fi. The moon. KOddess i Rom. RellR                 Vc!teri!~y*~ Antuer US. Surround 39. Man's      40. Fencing sword 42. Observe 4 3 Body of                 IGJEIRMBlSJtl.""1 1  ;. i  HIE5': ;.6iR:Eir -k i 3lg THiE 6 6        ^B EIPpBtB E      1 A B A LJ L  I A    IlIaimIemnieIeIdB                 i u: i- m r i- rn w ^Z 1M Hi: ilium _n nil III!I ir IHilll ^ 11 1 I m 1 I i I                 A cryptogram quotation CYX  A . NY E V V  NY NAZ IZL . Yesterday1* Cryptoquote: WHO CX3ETH A BORROWING GOETH A - TUSSER.</t>
  </si>
  <si>
    <t>                                           '^1 \ffl  gl C/e Aovc availed  selves of all modern aA methods and equipment r*^ 7/1 order to provide an pri unsurpassed efficiency. St At every service we hear r^t ourselves complimented i Si because of this desire j MS please.    Tour  at' { i MOOrRAII COST I $* i</t>
  </si>
  <si>
    <t>                                           LEGHORN, Italy--(NNPA) -- The dependents population, wives and children of officers and enlisted men, is growing steadily in the Mediterranean theatre.</t>
  </si>
  <si>
    <t>                                           Continuing our conversation with Brother Billie, this able minister informed us that the near Monroe lynching may cool of with some people, but a lot of good is coming out of the lynching of those four unfortunate people. He said that these self-same people...</t>
  </si>
  <si>
    <t>                                           f I'M TOR MM-im. man_) \WITH THE HANDSOME HAIR) KEEPS HAIR HANDSOME The mon who  JEfllt *~B9S" U always popular. Tpj* ""ten goli go for that well- "Jwli groomed took and for \       \ that clean-smelling fra-  fi3 2*~9fl . Depend on JERI5  J l[      to      yoor  the way 9*SS2J^?ljj you want [(-smart, well-  , pleasantly ^^BSwM fragrant. Get JERI5 to-      day at, your barber shop  of drug counter. JMfiftMlH WSff\WS9 HAIR TONIC P@i@S WORRY Quick Relief NOW! NO WAITING  ain't ml comforts bty. cnn i  or w^llc  . you  try P.tkc ii Paliutivc Pile I'rrjvir^tion*. Mote  2 million KictciRM  used. Try it FREE. Just Kntl is you' nnmc and         on .  .Miy' direction:  Vou  forl   frum Uk    ". bead I io money. -Trim js i-'RcJi^. E. R. PAGE COMPANY IJ. Dopl. 3A2-N9 M^, MICH.</t>
  </si>
  <si>
    <t>                                           DISTINGUISH 1946 SWiM SUITS                 led.  mil with ; center, red and whit, flamingo print suit; right, .l  suit. Kv.-n if you bought a  suit al the beginning of the s.-ason. ifs a good Idea to gn Knottier, und Imve u cli:i!ij;i- The choice of suits is a wide one now. und models shown In the.  photographs ore -s of the Uiveralty of lines and styles thai are so smart this year The one at Hip left  I. is tm-tl.- The .shorts are cut along straight lines In front, ami the  is a small,  affair lm-lir.i in i..-hin.l Tin- top is a   bra. and the suit Is  of white rot ton with black met green strips Tin- hint   is while with a re.l  print and ha.-, a fcra und . well-fitt ,.,.i..i                nt or.- corset. The  Is  with a Imw about                 tii" sii opu-ss toi'/ i* boned for a  . It has  Imir boy pains. (Infrnjiional)</t>
  </si>
  <si>
    <t>                                           Regardless Of P. A. Regulations WE WILL CONTINUE TO BRING YOU MERCHANDISE OF QUALITY PRICED RIGHT JUST LOOK AT_ THESE SPECIALS   " ""~*Z.. SAUCE PANS i^S^-^Mliifl \f- ft* S5c      4*^i  !}~ I S/ .'t-Ql. I AN V";T-.:- i* ia^~-^V*^;;:rvU';ii5! With Wiiv K:t.-k J'     ^~ r"'X ..j C- N^ $1.49 r^^~^~^^ MANY OTHER ITEMS' I -s a kisai. VAUiii f^^^^ffe^ A V A ILAfiLE SUCH AS X while THE^'-^ sl BJ v :r :-"'1 ^^B^~^^^j2Si Wire Dish Rack Drain* .S9c ^VllW^i l)""1'1'1 "       - Alarm Clocks (only a few) Work Shirts $1.05 $1.49 $2.42 Visit Our Stores For Other Specials -Two Locations For Your Convenience College 5 10c Store    Glenn 5 10c Store 1 %~Q West Fair St. (clown in ihe hollow) G20 McDaniel St. Cornei Glenn St. i "The Store With The Hard To Find Merchandise"</t>
  </si>
  <si>
    <t>                                           K."(     .Service Ji- l.'i-p.iir ALsci RmaH Appliances I'm Sale Dixie Radio Service     PcacUfrcc St., N. E. Wa. 05(1(1 I'ick Up ami Deliver</t>
  </si>
  <si>
    <t>                                           H Atlanta MSbS^ World     ^ HBfeW^ll Rublished Every Morning Except Monday L-~~~~~ VOLUME 18. NUMBER 261 AT ^      "(":{). "(. '"FRiDAY."AUGUST ill. ISMO PRICE FIVE CENTS</t>
  </si>
  <si>
    <t>                                           GRAHAM STUDIOS 308 Auburn Avenue (Exclusive Phot  pliers for Colnivdl "Throughout The Soufheast" For the best in photographs visit our modern studio. You will like our up to da to posing (~iics by A Skilled photographer. Gnldtonos and oil  our specialty. LADIES SPECIAL FOR THIS WEEK ONLY Ono glamorous photo^      fini.shod in oil paint in the popular 8 x 10 size for only i?.'1.75.Thi.s offer includes mounting.</t>
  </si>
  <si>
    <t>                                           Having donned the toga as the Senior Bishop of the Colored Methodist Episcopal Church at St. Louis during the month of May, the Right Reverend Bishop R. A. Carter, Chicago, issued his first official call as the head of one of the Nation's major religious bodies...</t>
  </si>
  <si>
    <t>                                           i HMRDRtKIKG f-  !) R T  n K T I'lfi v E FOR SALE AT YOUR DRUGGIST The BOYD MFc. Co., Inc. BIRMINGHAM. ALABAMA</t>
  </si>
  <si>
    <t>                                           WILBERFORCE, Ohio--(SNS)--Miss Doris Miles, 19-year-old tennis star from Englewood, N. J., scored the first major upset in the 29th annual National Championships of the American Tennis Association by defeating Mrs. Agnes Lawson, of Prairie View, Texas...</t>
  </si>
  <si>
    <t>                                           QUEEN ARTISTIC- Mis. EIcuihu H. Jones, prominent operator of I he Arlisllc Beauty Shop of 53 Ducatur Slrccl. won $25 cash Tues- -Jirty-fttr-for  . money in I lie Queen* Conir.sl . by Ihr Artistic  mikI Barbers Club of the YomiK's Artistic Finn. Mrs. Jones  SU2.75. The oilier two  - Miss Mamie Mckiii from I lir Wi'.st 'Iliinler Sliop ri ; MO and Mi.vs Ann C.  from West l air -Sired Sh"l). riM  W7. Mrs. Jones will le rMU itii  :it an curly d:iti' ;u. ;t   :         .soiL d by the club.</t>
  </si>
  <si>
    <t>                                           TRIBESMEN ENSLAVE 07s. FLIERS                 ba.sy indicate that American airmen forced  1D44 ore Uv"         "ktT! .'eT.te "Sion near t^e  Tt                 b...^~. nun lue ooa ualr^0.3- (ExcIuj(ue )</t>
  </si>
  <si>
    <t>                                           TO WORK ON NATIONAL HOSPITAL PROGRAM Albert \V. Dent. President. Dtllard University. New Orleans, discusses with Dr. Thomas Parrnn. Surgeon General S. Public Health Service,  for the nationwide hospital                 uram . ii by Hie Hospital Survey and Construction Act. Mr. Dent 'n, a nii  m the Feilenil Hospiml council, nov meeting In Washington, to help  this .</t>
  </si>
  <si>
    <t>                                           Baseball Scores Aslirvilk Hlin-s in .\(l:inl:i Ithick Crai'lirrs 8</t>
  </si>
  <si>
    <t>                                           UNVEILING THE LARGEST LAND-BASED BOMBER                 MADY FOR A GROUND TEST IN IOS ANGELES is the wri-i's  - bomber, the X.U-M. 1'lic new plane, powered by six 3.000 horse-power . has n wine spread of 230 feel, a fuselage  of IG:i feet and pusher propellers set into the after part ol the wing, according to Army Air Force ". A crew                 or Ultccn is  pressurized compartment!, of the giant craft. ('" i )</t>
  </si>
  <si>
    <t>                                           TIM TYLER Ly-                 FELIX THE CAT Su"iv8n                 BREEZY ByT- MELVIN</t>
  </si>
  <si>
    <t>                                           Hoover declares Russian "fifth  " spreads confu.-ion.                 U. S. backs plan to shirt to U. N. uny UNRRA functions need, cd.</t>
  </si>
  <si>
    <t>                                           IB a H ft I B 9 I I B fl h I OB</t>
  </si>
  <si>
    <t>                                           MEDICS TOt START, POST-WAR g OFFENSIVE  DISEASES                 XKWAkk. .1.  Tli-  lil^i MMMiKll  I'Mi "f 11m' N:i- i .il M.-.~i,-;il .\...-'.ci.ill.n:. -li'  i-iir- A't^ust 'Ml in 1,'* ilU Ky.. will pi:iih    - lic^- :ili r.llt pi.-.l war  i-' IIKilin.-l I .h:;i-ii r  l\ ~'i-s. :n-; I"! lir. K. I., lii. nf l.i.~ Aiif.i'l'-~..                 ii-Mshlciii. ill. -illin. -r  . :is a mi-i!ii-:i! ;   .     - \m-;       . spi-cial .1. IT. l::   : .ays. will, lie lii  il ai::iin.--i such ili'"? j iis syphilis,  i  anil  i j ili.w;.(si-s. M-~ l"   luv. "'ill Kiv.mi In -ui-. tul.c . in-:     " I'aralysis. as vi-ll :   , r we anil On,, at . ~-".T. il.-;:iil':'i -simi  vill                 I... ,,n III!' M.-ll l.ni;~ In'ull.ll  il u- it;:::Ml - JILi]  I'inllol ;is ;i in. .in-. ..I' Inwi'i- 1 1": mvi  :i:    111. Ml. -i lily I'.'i ii-;.. 'I'll'. i-i,,iM.nt:   '. vM.-li is 1 1 lil.-l since I'.HI. will i-sli-inl nvi': a I'mir-i  ;i'i l I- .-   .-'-l.-,~ I" Si"-   -.-t :.1.-.I in tin- -y   T lln- ii. -;'i,.i;ili"ii. i IlKMUNSTIJATIONS f .Spfi'ilil l'~';"i'~ "ill ' aj I f.tir in' lii" l.i iii--'. "'lii- -inl ll i-"- i ~.il;il. v.li,.~r   .-li-:.:i li--  -s.~;  ili .-lr.' ns "f  ll (rf.-ilini.'iil iif j-'-: :i i'.- on j 'TulKirculi'.-is in Vi,i:r_ rii!-~ nily;" :i :iiii"~. 'in "'rii*' Care, it  '.in I'.mi- l ivi i                 (Medics IC'unliiiiiciJ from I'jjfr One)  Treulini-nl uf Infantile           ;" u panel on "Syphilis CunIrol," and it full   cm thr_ _ health with ].~r. Tliomns 1'.  of the US. Public Health Service uh       speaker.        ;r other  speaker.-, the ; will I* included; Mr. M. Don Cluwroti, .-nt Meharry Mutliml CuIIvkv, N:, Tcnii.; Dr. Uivcre Krctlerlrk, i- sui Kvon. Klinl GoodricJ^u . New OrlvHiis: Dr. Ernst I P. , , iMt. Sanai           , Now York ('ily; Dr. Milj ton .1. 1', U. S. l ul lii: Hinilth .Service-; Pr. Alurlli:i Kliot, I : iali: chii-f. Chililren's . 1 U. .S. (Juparlniviil nf Labor. Also .lo^c pl)       ;lili    (ci;il  to Cien. Onmr Braillcy of the Vftunnis Ailniinistration, will I discuss tin: rare of      World War II. Tht unii'.iul I'l'JCli'.'ii of  jri I will take  on the last day (hi1 . Prcssnt  are: j    5. U. I. Kobinaon. pre^, Los Angelic; W. A. Youiirc, -.-locI, .St. Louis. Mil: John T. Given. i; n Ciotary. Norfolk. Vu. 1:1. T. Taylcr. Irciisnrcr. St. Lo'ii?: C. Herbvrl Jlarsliall,  man  uf 1 , Wasl)inr., I I). C. D. Jl. Milhir. speaker of I In: luni.-f of  sati'.". Kansas I'ity, I Mo.: l.u i S.  T,  ol     '.'iil si i , l. ItoiiRv, La.; i Clmrlvs It. Invw,      ;ical him- tin ii. Wasliiii).;l.   : Spi'iuicv t.'. i- eye. no^o ami I tin oat bvc.linn: A. C. Tcrrencr,  uf  ily and public relations. Opi'loimax. La.; E. Muc   -Carroll, chairman public health seel ion. Newark. N. .1.: .1. C. Lattinmi-i;, general  .lohn U. Norse, acting  Iii-iH-t tr . Tin- National (' h'- As.-~M-i:        ;             Ih.IiI its :il : in Louis\ilk- at the s.-tinc time. lir. I!   -~:rt        ."oii of WehtlioM, N. is .</t>
  </si>
  <si>
    <t>                                           NEWARK, N. J. The fifty first annual convention of the National Medical Association, which convention of the National Medical Association, which convenes August 20 in Louisville, Ky., will mark the beginning of all-out post-war offensive against disease of all types, according to Dr. E. L, Robinson of Los Angeles...</t>
  </si>
  <si>
    <t>                                           Young Baptists To Meet At Mt, Calvary Ste^a                 Sermons By Huff,'" Langston Will Highlight Meet                 By TASC10 ARNOLD                 Wfci.t young Baptist can do to meet Ihe problems of an Atomic Age, end the latest techniques m religious education will claim the attention of Baptist leaders vhen the Mt. Calvary Sunday School and BTU Convention hold their Joint annual session* at Greater                 Mt. Colvsry Baptist Church, Dr. B. J. Johnson, host, pastor, June 12-14; Inclusive. Accordlnc to an announcement made by Deacon Prince Dansby, able  of Greater Mt. Calvary Church school, plans are completed for the entertainment for the members and friends who attend the 4th annual meeting of the body. ,'.k TO HEAR BORDERS  r!P On Wednesday nisht.i June 12. the pre-  will bo sniped under the  ot Mrs. Bernice Dorsey Johnson, who direct?; the  choir of Greater Mt. Calvary, end i? known as one of the greatest musicians in i the Baptist Chuvcli. The choirs of j the various churches in the body j will . end an address will be delivered by Dr. William HolmeS Borders. Thursday, June 13. at- 0:30 a.m. the Convention will officially get underway. The keynote address will be given by the moderator. Dr. C. N. Ellis ns well as recognition of , state and national representatives. Following music by Greater Mt. Calvary. Dr. B. J. i Johnson, president. Sunday School department, will deliver his annual address at high noon. At 3 p.m. an inspirational will be held under the direction of Rev. i W. J. Cox and Miss Lena Johnson, while Mrs. B. J. Johnson, Mrs. B. L. Wright and Mrs. Y. L. Davenport will have  of the Sunday School departmental work, I followed by an Inspirational talk by Rev. R. L. Hill. LANGSTON, HUFF SLATED The Convention sermon will be i delivered by Rev. J. H. Langston, j who Is an able speaker, at 8:30 p. m. Friday. June 14, at 10:30 ajn. Dr. W. W. Weatherspool. will  the body. Rev. Y. L. Davenport, president,  Convention. will deliver his annual address at j (Continued on pate 4) I                 Young Baptists (Cunlinuud from l\ii;e One) Dorsry presided Prldoy afternoon, aud led devotions. President Kli^  w presented by Hcv. A. M. Lnmpkin.      was designated (or the  by President L. D. Keith, who woo presiding ut the  Mrs. Rnsslc P. Blvlns made presentations to President Keith. md Reese on  or the delegates:1 Dr. M. U King presided during the election' of officers. .Those elected to serve tho BTO Convention arc: L. D Keith, "president; Mrs. Geneva Hnugnbrooks, Mrs Dora Hnrrls, Mrs. Ora Woods, Ri'v. J. H. Sanders, vice-presidents: Mrs Florence M. Hogun. secretary. Mrs. L. J. Keith,  i secretary; Mrs. N. W.- Crawford, treasurer; Mr. Joseph. Crawford, ; Mrs. L. M. Tenlll, pianist.  K. KING PRESIDES Ofllcers of the Sunday School are: Mrs. Penrl Rcest, president: Mr. Ed Dorsey, Rev. A. M. Lnmpkin. C. H. Holland. L. J. Burt, vice ; Mrs. A. J. -MUner, 'secretory: Rev. J. R. Lovctt, treasurer; Deacon J. T. Harris, organizer; Miss Mnry Hughley, corresponding secretary and Miss Clirlstlne Edwnrds. pianist. At the night session Mrs. B. L. Wright dii ected a panel discussion Speakers were: Misses L. Gnflney, A. Cross. R. Bul!oc!~. Mr. M. L. King und Mr. A. Turk. Other num burs on the program were to have been an address by Dr. W. H. Borders, sermon by Rev. J. H. Sanders and selection by Miss M. B. Finch. An executive board meeting will be held this morning nt 10 o clock r.t Ebcnezer Baptist Church, where imal business will be completed. Dr. R. H. Milner, chairman of the executive board will preside.</t>
  </si>
  <si>
    <t>                                           What young Baptist can do to meet the problems of an Atomic Age, and the latest techniques in religious education will claim the attention of Baptist leaders when the Mt. Calvary Sunday School and BTU Convention hold their joint annual sessions at Greater...</t>
  </si>
  <si>
    <t>                                           HOLLYWOOD--(ANP)--Lena Horne saw beyond the international circle of starlighted fame that surrounds her now and gazed fear fully last week into the homes of millions of other Negro women. To an overflow crowd at Hollywood masonic temple she feelingly...</t>
  </si>
  <si>
    <t>                                           THE TRAGIC TURN of events in Georgia fills us with profound distress. Georgia's quadruple lynching is a fitting climax to Gene Talmadge's victorious campaign. Georgia has had lynchings through many generations. The Arnall interregnum has given a respite, but...</t>
  </si>
  <si>
    <t>                                           MADAM MINGY a r.ii.: r,\L.Mi.~r a no  ADVISER ,",0i Complete Keail'iig- S9c ~~-.Wttionl  s!n. XBKSljk h clc  (lon she 'vU'             your  irrr(             (1""'   ^H^^f^g,* Saj.-I how lo  them.! \a% Gives never ? hcJ- SL lv*$~? I  on all affairs of I  L $ life. Such as love. In* SnW i I , money malS*~*~L^.~l Irrs. . In fact, mi  what your problem may Mr. Stop  a . change  luck. -Gain llic things you want most In life. See htr  us Ihtr special     price may not be ex. tended. 10 years experience ten yearn in Atlanta Is MADAM SlIXGVS cii. to you that no l- r-: or faster results can he  at any price, anywhere ReaillnKs Dally and Sunday al 10 a. in. -til It) p. m.- 6S2 McDonowcl- 1 . across from Federal Prison Take 1' Federal Prison i"r It' i mil of . Look for Neon sic". A Spiritual Healer Rev. ITrnrsI T Swnlll    -nls Ulnrls "f .'.s  anri . He can tell   Mil your - without your . For / Phone .In. 8WP. Office. 157 HourIon St. N. E. Apt. :t Hours in A M to 7 P M I MADAM EVA IQHa roil 9~* V^"~S3e3 *~~~     m   *w V A f* J^ 1 ^L.    -'-i \x**a ftn* ?j ^   * -MX      s-ei Ci2=~ ~~=? f a. to ;c a. =b- Ds^r =~!    =~ IM5 W. ~:--.~;*=    rt. tr. ASf^ Es sax t:     Sbs ^=1= Te-'S ~=;' es^. ^a ;sr j.t.z Saafejr Spetii] $1-03 R*2di-g fat lit     L^~T Bsy.</t>
  </si>
  <si>
    <t>                                           It was the Knight Grocery Store, located on Dunnivant near Richmond, which staged one 'of the most unique picnics in the annals of the city last Thursday, August 29, at Lincoln Park.</t>
  </si>
  <si>
    <t>                                           Defense Fund Swells Daily                 Interest Moun's As Fund Near* $10,000 Mark For Rewards                 It Atlantans maintain tin: pace which has been taken here since last Thursday, $10,000. the amount, approved by the Citterns1 Defense Committee, will be planked on the table at Wheat Street Baptist. Church this Friday evening. Dr. William Holmes Borders, statewide                 Fund Chairman stopped In the office of. the Atlanta Dally World. early Tuesday to report, an Intensified effort among the sororities and fraternities to go over the top next Friday. Already, the Delta Sigma Theta Sorority, one of the five major Greek Letter organizations among Atlanta women, has come forward with an initial contribution of $50. Three youth groups  made pledges to the Fund totaling nearly $500, almost all of which Is virtually In hand and will be reported at the Friday night mass-meeting. Warren Cochrane. General Secretary of .lie Fund, I* ranking uo an.  i--oi'? -. and it is e:  .cted tn thc--- made public  the weekend, possibly Sunday. A1-. though a great number or 1Mb. r (Continued On Face 3)                 Defense i l('olt((l l-      I UJ.'!' Ohi') /%' i :lu\s li:        :  v in lilt- I'tiiul. .;;:'. ill;ri;!,;i;      ; ~.r;:-ii;;i .vii, milking :! p. 13ui :! 1. :i.s''miv.i1I as  at \':will hi-j publicly :!\vlc(]!;o(t;: ;mri ])]*ii!tt*tl. fouling  i-Juu'fht'.s -.i individuals. L Tile mass merlin^ Friday  I will be held :il Hie Wlicul Si reel Bnptist Church and will be piv.sidc d over by Dr. Borders, who i* away in Clcvclan:iri for an .~ Bui lie will return to Atlanta late Thursday and   i:ms a HM'ins of  Friday. U'adinu up lo I hi" W lira I SI reel iin ct.</t>
  </si>
  <si>
    <t>                                           If Atlantans maintain the pace which has been taken here since last Thursday, $10,000, the amount approved by the Citizens' Defense Committee, will be planked on the table at Wheat Street Baptist Church this Friday evening. Dr. William Holmes Borders, statewide...</t>
  </si>
  <si>
    <t>                                           Expect Test Cases From Bus Ruling                 Cioil Liberties Lawyers Predict Structure Probe                 WAbHINCriUN 'ANPi number of test  are export rcl lo follow  recent. United Slnl Supreme court  :   on Inlcrrtnte Uu: lines,  crs here said lust  In commenting on the far- decision.                 Among those who made  n prediction were American Civil Mbortles union lawyers, who Illcu1 a supporting brief on the case. Tlir teM  will have to brought to establish the rule both for In and out of slate buses and railroads in . stales, they contend. ItlllNG lir WHOLE ISSUE They also hold that, these test cases may provide Uie  to bring up the whole Issue of w( lo the supreme  again and  et a ruling on wider grounds. The question of  separate Jim crow couches and cars Is outlawed on the basis of an Arlzonu c:isc lust,  Mint classified the attachment of extra cars to f -  as im "undue bur den." A-  ef   hcrc is that the supreme  ruling on Inlcr- bus travel must still be clarified, depending to Inrge degree on the question or whether segregation In a railway cur puU a "burden" on the . Southern  arc reported to tic In n state of dilemma since the IiIkIi court reversed the conviction nud $10 line of Miss Irene Morgan, who refused to sit In the - led section of a bus traveling from Gloucester comity. Vii., to .</t>
  </si>
  <si>
    <t>                                           WASHINGTON -- (ANP) -- A number of test cases are expected to follow the recent United States Supreme court ruling banishing racial segregation on Interstate ... observers here said last week in commenting on the far-reaching decision.</t>
  </si>
  <si>
    <t>                                           AT 81 THEATRE Suspense that i takes your breath conflicts that nvi'/j.1 your emotions in this                 fascination story "THE  STAIRCASE" playing Sumt a y. Monday, Tuesday.</t>
  </si>
  <si>
    <t>                                           The retiring president of the southeastern Federation of Colored Wonien's Clubs. Mrs. Bertha L. Johnson of Prentiss. Mississippi. is the very essence of rennement. digidly and culture. Everything aspociated with her is on a high plane.</t>
  </si>
  <si>
    <t>                                           Mrs. Ella Bush chalked up a brilliant, 6-2; 6-1 victory over Mrs. Rosebud Brown Dixon to regain the coveted women's singles crown in the 16th annual Georgia State Tennis Tournament, which was played on the ABC Tennis Court.</t>
  </si>
  <si>
    <t>                                           The Holmes  flip *~^li^ fore SePtetnber Recrttsaua^m^^^~m Eerifnrcl Placo. NE., Atlanta. Cn.</t>
  </si>
  <si>
    <t>                                           NNC Demands Acfion Against Senator Bilbo                 Wants Time On i Network To Refute: "Fascist" Talk j                 \i:\V      .- (SNS1- Tho N:~-  Wft'rn  S mado do- j in.- l.i Mulii:il ::i.~     -ins, l'"i-     ':il I'. j (~'.. Aim- Mi'ivury in:m;mnf: :iml I'lv- Tniman as follows: 'Tin1 Nnliimal Wji1" Conpross .xls ihi- iisp nf lime                 .MutlUll Hn.U.ll il.-lini.'    I .    _u:hidi_Auis. j.dve!'_tn. .Sonalnr I Thendniv P. nf Mississippi Kriday, August for the -siou nf'         " principles of Aniorican democracy and for tin1 o\.~ii nf ideas which can only bo understood as I an invitation 1" violence against 1 ni   in I his Ciim- try.  Ncernps. .lows. C:\lh- .'lies. lt:r!i:ins.  111'-       . i?- "Wo li ': th:,t S.;n:n..i-'; Hi]-", l)o's;ii(tmi.'j.ion!: thin .li''5i'-s;1 iii^"-': 'liMp'.-.r ^Kii'Kli'ix Kl:~nf:iii l ili:il: "in. Ki'i K'i;\ always' a Ku Klux. I ~'and Vlainii: Mia! Hi'' UlV'nlid I Mil ai.'i-.- tMM i  il I  I'lauiJ. ~-~~: I'n'ni. a nii-inhi-r  if the Uiiitt'il Stall's Scial.- is' so- I linns ,-nm-iTii l.~ the I'nliiv Aniorii-an . "Tlit' Ku Klux Kltin bus  In-fit .-iu cil in  us  if tin' nation for its uii-Aniownn ]: and its  ai . Ties Ix'twvi'ii thi' Klan aad the N'azi Hiind arc nnw  "ation - tin' country. Tho Kn Kliix Klan is  v. iih . . men 1, iin-.Aiiii'rii'rniism ami I.Mlay  f.-~r Kasi'ism. I ho  si ni:iKO against which our hoys Touchl ai.d ,      mi ill.'   f tho world thai it            fr..m \Vii- V-.wo  f U%~- . "For thi SP . !ho Nationnl Nourn I'oiiKross is  (hat the following  stops hi-  l.i pri vi iit tho fur-;   of public 1' S in spread Hilbnism: j. I. "Thai  Miiliial l'. J \v)S Syslom allot lo a1 -si-iUa-'!  o'l" tin- National S.'~r.~ I'.m- i  i In- .' i-.pial lo thai laU.-u by IJilhii in nr.l.'r lo refill.' his slander ..I'    - \.*nr... ~;i 1. "Tli^t III.- I'od.M-al i.'.n i '.- - j Iho l.-tal .M.ipal. ib.' Mutual (.-.'isl ii.u Sy-      in -      I'a. to l.i' ii.-.'. I for tin-      .' ..f iac-  propaganda. "Thai llm .-l.'.li.'us 1 1 1  Hi' Ihe M'liaio mi' Dopartmi'iii "f ..-" and nth. 'I- i-.'.lr ^.Mit a^.'S lake (Continued On race Three) I                 NNC Demands  l-'rom l':t^r Our) iii ini ili:   ' ,-:.-~k r- Ilillm ;is Iv.'inu unfi! t" :i im'. "f (hi? l.' Stati'S Si-'.  i"~l now !iis t''' ii1-*  "1 the District nf; C"      :i. j',1 tvt4i;;'l'h:i^i' lh.'~i,\im ri.-:m i Si.-;-; .V:fem:ii::-^sp.i:is;~    '/^    l'1^ i liro:ulc:is(.'.{        .r:il.-!i'/ ~.   -iii.il ;1  iii'^'V ;l "f-i1 1:::'? '^'""~^'i i l':ul vj(   - his'-' liM-iiVi' I'-'i ili.-ii.-N-~!  iMi1' ?.r C Ililli. t"  .in* lli.;'MI'in')- t-i-alic 1 '.-Hi i'i." j-Tli.-n I'n--iii Triiiiisiii mi- i ili-r !    ~-:ir-" pi-wi-rs      -~'i.-il in tin- pi-tiM-i-i.Muii ol Billvi -.is all i-iii  '.-ir l.iii(~-il S(.-  -s at Aim'rii-a."</t>
  </si>
  <si>
    <t>                                           NEW YORK--(SNS)--The National Negro Congress made demands to Mutual broadcasting systems, Federal Communications Commission, American Mercury magazine and President Truman as follows: "The National Negro Congress protests the use of time...</t>
  </si>
  <si>
    <t>                                           YOKOHAMA An Amnrirnn Rod Cmcs   1 1  is i- upon once  m holp mil. In  11~-~I Cross "Colilen llr:i)rni\" Cltil) in ^':ui^:l, .Inhn                 lanl. \V:. D. .-.nd l., X. C\. t  T'.ri Uruoc Johnson, , X. C, n( '.he                 Wtfi !'nrl Cn., Yokohama. (Ameri.-an  Cmss photo   I.</t>
  </si>
  <si>
    <t>                                           GRANTVILLE, Ga. -- Mrs. Mattie McFarland and daughter. Mary Ann of Cleveland, Mrs. Ella Tally and daughter of Long Island. Mrs. Reather Robinson and Virginia Towns of LaGrange were the guests of Mr. and Mrs. Lewis Bullock and Mrs. Sarah Zachary this week. The...</t>
  </si>
  <si>
    <t>                                           Only 5 Chosen Jurors For Tenn. Riot Trial                 . Ten II. (AMP) An  ratio or only nve ou I ol :U2  have  to pws Jiulgnicnt on 23 Columbia Negro riot victims within tlic three-week period of Jury selection. The  Juror wus selected hero ii (w Unys uro.                 More Unit :i00 white prospective Jurors have been probed lor  prejudice against Negroes and only five  passed the test, n  thut  local whites Indignant by being placed in a position of being on trial. along with the 25 defendants. Repeatedly, they have been compelled to admit they arc contaminated by poisonous racial virus that they cannot give a fair deul to Negroes, that they arc a bit  to the American Ideal of democracy. IRKSOME SLOWNESS Slowness of the whole proceedings has frequently irked Judge Joe Sf. Ingrain =J?d causey fcls: to                 twice three Uilrsmun    Jail for contempt of court. He warned defense lawyers Hint unless 50  were examined dally lie will take over the questioning. Not only has he not token over questioning of  himself. he was forced by Indignant whiles here  week to reconsider sending Uic third  lie sentenced lo J.ilt. Brock I'udiur.. ;c!-.ri!iir-nld second baseman, .in the local baseball team hnd  (hot he would be  to give the defendants a fair trial. Judge Ingram Uien toot over Hie questioning and tiled to induce Hudson to say he had so  because he opposed the change of venue from Maury county lo Lawrence county. A sharp exchange of words between the judge and witness resulted in Hudson being sentenced to Jail for 10 days  yJ      $50.</t>
  </si>
  <si>
    <t>                                           LAWRENCEBURG, Tenn. -- (ANP) -- An appalling ratio of only five out 312 veniremen have qualified to pass judgement on 25 Columbia Negro riot victims within the three-week period of jury selection. The fifth juror was selected here a few days ago.</t>
  </si>
  <si>
    <t>                                           The Reverend Maynard H. Jackson minister in Friendship Baptist Church, will have as his subject Sunday morning, "I Am", the great and positive declaration concerning God which is, to be found in the Book of Exodus 3:14 "And God said into Moses. I Am that I...</t>
  </si>
  <si>
    <t>                                           Bishop Frank Madison Reid, prelate of the south Carolina African Methodist Episcopal Church, ordered the more than 100,000 AME membership to go to the polls and vote for "citizenship rights" this week.</t>
  </si>
  <si>
    <t>                                           Ladies, be ... Join in the Y. W. C. A. activities this year. There are so many new and varied features this season.</t>
  </si>
  <si>
    <t>                                           GREAT TACKLE- Felix Cook of Houston, Texas, groat  for the .nl champion Wiley Collepe Wildcats will see a plenty of action Monday .  Wlley takes the Held  the Tuskegee Institute Golden Tigers. The two teams will meet In one ot the sports  al 'he Louisiana States Fair.</t>
  </si>
  <si>
    <t>                                           'Leased' Oil Rights Possible Lynch Motive                 ^tt YT7^- A    7 'bill m-"   of oil  obtained under -  mn.v  KU us  motive in thr blow torch, cleaver, torture lynching of John C. Jones. Jonus. lynched by a mob in Mindun. Louisiuim. Aui;ust nth. was a                  of the former owner of several oil wells which were discovered on his property and later "leased" to a powerful oil . Aeeordinj; to Alburl Harris. Sr..  of young Alburl Harris, wlio escaped death at the hands ol llic same mob which tortured l\is cousin, the 7(i-year-old  of (he two youths "leaned" his wells many years aco, although lie remained poverty-stricken. Une large well is still ;  of barrels     u-  aped NeRro receives $1.00   ;r month. The  under whieh  ri^htH were obtained were considered odd according to Mr. }!. who said the a^ed man could neither read nor . INVIiSTICATOUS TIJim;TKO It was also learned from a reliable source that careful  liad been made to mislead newsmen who first           the .lones - 'n stories released to the nation s press through the wire services it  ax reported that  of nudo white -n had Ijtoii round in the lynched .i: k .'I.s. Mori- of IUi-     '     had clearly implied that this Imd been a possible ; in the  which was  played down. It tins since been established                 Hill L l*Otll ''{Hl*ir,  IKll'M^i I*L"*- ;lily "fri." by lav. i:n- j   during their stay in tin;  jail. Tliu mou captured them as they were re- i leased  the jail. Significantly  press services reported Hit!  of the             .il to  in the fuel that Jnni'S  been tortured with n blow torch and horribly mutilated by the . Tribute was  tin1 1 in\ estimators who  in  Mimlcti  by several radio commentators. It was pointed out that these ,  under a constant threat, had  tracked down clues which may  un  lunt part in final  of the  parties. The Association also disclosed tin? Tact thai, the entire Harris family hnd been evacuated from the ami which is in tin; heart of tin; Louikimia oil fields. Plans have been made for ; the  in n   community where they may bi; safe from retaliation. Their whereabouts is a closely ~; secrets for obvious reasons. Walter White, NAACP Executive Secretary, slated, "These people have been Uiroueii -h) much Unit the ' feels it n duty tn  them and rive them a -f in what  be a  life". Mr. While referred lo them a.s "  HiHio." The (Continued on Hack Page)                 Leased' Oi! (Continued From Page One) family which has been evacuated by the  includes the father. Albert Harris: Mrs. Harris; Albert, Jr., who  the mob, and  yong daughters.</t>
  </si>
  <si>
    <t>                                           NEW YORK--A sordid but familiar story of oil under peculiar circumstances may emerge as a possible motive in the blow torch, cleaver, torture lynching of John C. Jones, Jones, lynched by a mob in Minden, Louisiana. August 5th. was a grandson...</t>
  </si>
  <si>
    <t>                                           I "a, ik.   *~n"' BRUCE  MACK GORDON /JB^Mb I HAVE GOOD NEWS FOR YOU ( what your trouble mar     can look tlie world in     VtMt; Solr* all ;    what you Waul ami Fear no Man or Cir- Manunet*. Your Happintti and Sunen  thai you print jom W       it REV. CHAS. P. COLBERT B45 OWEN AVENUE Dept. A. W. DETROIT. MICH.</t>
  </si>
  <si>
    <t>                                           Heat got you down? Too dog-tired to shop from store to store for all your food needs? Then take this tip and .hop in "one stop" at your     Super Market. It's easy to market when you ihop at    , for you1!! find j everything to set a fine table conveniently gathered under one roof. What'  more, you not only save time and I. energy, but money, too! So begin today shop the cool, efficient, and economical     way! T .^   :   5CA SB!8 ,^^^^^^^^^ft delicious ICED na hot: NECTAR" '--34' ^^^^y j^^^^^A jl dT^ DliAfBli 1,(1 *2 II C ^~S^?===^^38'^ .^          *r i4- r=r=.-r^r:z^r {     \J K. \      va JL ^fe^~^af w ,,CH I ! ...4 i :3l"--39c I^UBMJll 2  -4*   2a47c] 2T sic j I in.;        ttA CO I I I m^v- ayf^~ '~Ijann enriched  t I? S d[i d J Marvel Rolls 11Oz- pk9- He I I I I HB 1 CP" "g I . OLD FA3HI0 j JJJLJIiLJJL^J Rye Bread m^-looi^c! i GRADE "A" BEE? . boston j  POAST Brown Bread i^Loof 18c i UaBUVSl E\%     B JAN1S PARKER -. MU^U  l 37C Coffee Cake .~-o..^2Sc.! m5H" ^I Cocoanut TwSst i4Qi 29c j HAMBURGER 37c , Rr. Mh 1Rr fresh  Uinger cread T4.oz. pk9.  b-~~c j,;          LilMr  3/*~ ANN  PURE   SHOK M  I J FRESH, *DRESSED AND DRAWN EXTRACT SPICK ill POULTRY 2-OZ. BOT. 29C S-OZ. BOT. 10  f HENS   rf*. a-PENN  f!0~. MED. 1301. MltU.-*    . AND HEAVY  SUI lb 49c LB 59c Motor Oil 2   1.49 a ksm gsa vif HUB K? 1% T1 a- n.T spray,  and i S T E#W M E A l__5fj!       33c ji 28c LB 37c v# Nabisco Bran 8 pks 9c I f  TOBACCO 3    visit our )! Prince Albert i^oz-n,, iqc j Sifvai-^]!!^ X hunts Spanish style jj VIRGINIA PAN TROUT 23c TOIIiatO SaUCe 8 ox can 6c REDFIN CROAKERS  ESH 21c -s- conoid i? ;j FRESH FISH STEAKS 49c ChlCKeH SOUP WA Ol- Con 1cC I ~^B JACKSON  PEAS AND I j Kjr JL 1 1 CC Carrots .NO- CAN 15c S^^Hl^OiBrft ANN PAGE FANCY TOMATO 14-0~. Bot. JAcksom              mt-*^ Vegetables no. j can 15c      f? "EN-aCE  B DINNUt  j Prunes  ^-^^d^ ^/^Ln.'^ill CB D   M C nra ENDAm.K cot iS9S^9^ BABY FOODS ASSORTED  NED Can g Green Beans no 2 can 14c j j BQUlB^B^ -W TOP LINE FANCY D1CKD  j HV^^i Carrots .   2 CAN 12c Floy r T siR 36c ks 70c wheat i3c i Milk 35c 1 j ^l^~      ROLLER KING 5-LB. /  1C 10-LB. %^l    SELf-RISING CLOTH HrV CLOTH Ammonia ~-oi. wi. 13c 1 Sana ^%  Molasses "NI 20c 'I talev s cube gloss starch 2 7-~z- pkgs- KSpkff 12c I AB tf* B 4 ^~C Powder '".02. can 14c A ^^*f" ^PlfA^flQ CUDAHY S J-OZ. CAN I ,,             . jj ~@~9%l       SOUP .'0',o:.can 14c ;J j  SOAP f "^^Va^^g ca^ornu 3^VEtiroNES' I 2 c^:~ES 13C I C HZ! M C   im^r^-ii H \vk!:n \bi.e Mr ^l I J TnB *Si I .'J'i  1 3 W S '^i Ci/~ v f8g(i*l       ft T JL Brnc ^ w ?V SOAP SELECTED MEDIUM SIZE YELLOW     9m^^f^^^i  ff ap  'ound ioc    8rmm^ 9 ^Kim^s^m^s^^ t HONEYDEWS ...2 "19c ^~'"   % Ci.l4V.-i'-? H SKAii size CAi.tr. ^r.-jii as-s::LKM (     UriM ,       M QPir SPAN GRAPEFRUIT., 2 '01 15c  r n^. '  !ou.^   16-OZ. CTS. X9C FANCY CALIFORNIA. J V, B 1VUU AV.U1_\I1LJ j %</t>
  </si>
  <si>
    <t>                                           CINCINNATI. OlUO-fSNS). 1.. W. NKA1... B.'Di.. UicTormrr pastor of 'Din T;Acrnucl'; Baptist chum, of Ki., Tern) recently called to The Suulhern Baptist  will  the Installation Service on Monday  A"C""t 1*' flin ft"""1"  reception on Monday  August 19. J946. TlirougM this service we  extended lo seven of our   of the city of Cincinnati to be the Rucsts or the Southern Bapt church and Rev. Ncal. Each  of the above dales we -Lily extend a welcome to the public to attend these ."-ervices: August li Rev. W. Purc of Union Baptist church. %:'.'~''?. August 13 Rev. A. 'V. Collins Greater Prospect Baptist -ch. August H Rev. J. Hudson Peace Baptist church. August 15 Rev M. Colcmaii Ml. Zion Bapl church. AURiist 1U Rev. L. H. Mitchell Bethel Bautisl church. AURllsl la Rev. R IS Smith Shiloh Bapl. church.</t>
  </si>
  <si>
    <t>                                           CiKT A1, 1'OST Mrs. UlMlllii li. M:n l;. l!Mli k':kIii:   ' ul i In- "AilniUii Uniwi'Kil.v Silitjol u! Sui-iul Work tin.1, jti.sl  work a.~ (' Wi-- WiirkiT  ];il):,ina S!:ih- Ji-~):u I ll)i-l Jl ill' I'ul) llr JvVclliirc. Mnnl . Ala.. Mrs. Mack Is 11 native ul Mcml^nm- i cry. Aln.</t>
  </si>
  <si>
    <t>                                           Bible Thought For I say. through the   unto nit. to every  that Is  you. to think of himself morn  than ho  10 ': but to think '.         ? as Cod has dealt t0  mnn the  of .- Rom. 12:3.</t>
  </si>
  <si>
    <t>                                           AT 81 THEATRE- DONT MISS Plgmcut Murkham in the Terrific Toddy Hit 'Fight That Ghost!1 It's                 [.'led v.-itii Laughs. Songs. Dances iui1 Comedy Out will have you in j .</t>
  </si>
  <si>
    <t>                                           COLUMBIA, S. C. -- (SNS) -- Stars fell on Alabama here tonight when the Benedict Tigers for their third straight victory rolled over Alabama A. and M., 13-0.</t>
  </si>
  <si>
    <t>                                           Atlanta Roars Baptist Welcome                 By TA801 1.H                 A rousing and impressive wel- 1 ^omr was extended delegates here  [lie animal session 01 i he National -BapUsi Convention j Wednesday morning by prominent I .- or Atlanta. I                 underway Dr. D. V. .        . presi- j dent, entered :he , and received a great ov.uion as the audience stood up to honor the j Baptist chieftain. i President JemLson stated thai I some preachers have the habit of  to the Convention to soc. .  that if there were Mifh preachers here that they go                 house. "We r,re  on the King's business." Dr. Jcmison said. The Baptist- chieftain also recommended thai the Convention raise at this session .$5,000 fn bp. turned over 10 the Governor 01' Georgia !    against racial violence "We are proud thai you came to Atlanta at this time."  Atlanta's progressive Mop;1 W. B. Mansfield as lie opened the welcome addresses in an able manner. The Mayor assured Hie near 5,000   'you will find more Baptist in this section than you will find anywhere." The audience reacted with applause when Mayor Harts, field stated that he asked the pol- ice department to arrange a guard j oi honor to assist the delegates in seeing the city when the delegates so on a -^cins tour Satur-  . .. SI  j Bi   omo on boh:i!f white Baptists of the city. Dr .Ionics W. Middlcton. pastor, Kirsl Baptist Church,  that there can be no new world until we have new men." Rcpri'si.- ihe Southern BantLsl Cdiivemiun. Or. Louie D.         . president, and i pastor of Druid -Hills  j Church, declared thai "as lone as' you lire afraid yon arc already do-  in your will in miKi'- the ]~         . of this world." Dr. I... A. Ptnfcsion. , St.ilr  Convention, brought word*. ni*  on i.! oi Georgia Baptists, and assured , lint justice and  are t  to .  Dr. W. II. Holmes .  ia;.ior. Wheat St.1  Church. urei K-il Hie Bapt- ist on behalf of the Atlanta 13apt- i isi MinLster.?' Union. Dr. Borders. told the Bapiisis that "this is the best time for you to cntr.e to Geo. . for Genrcki like other states has some bad people and  I is needed  ix-ople are b:id." L. 13. Milion. president. Citi/etv; Trast r.~.. :~pi-:il:inK on Ivhalf of Ailitnta's lUL^inr.ss    '''.   .- l-lle B. that if Ulcy will : around  .ice much to be proud of in Atlanta as far ;is Necro .~s is . Dr. W. \V. Wcathorspoiil. l'.. (CmUimirfl On I'afje Twin                 Atlanta Roars (Cmitlmird from page our) Mt. Olive Baptist Church, brought words of greetings on behalf of Baptist Churches assuring Lhc delegates that Christ Is ihe answer io the problems of the world. Bslhop W. A. Fountain, of the A. M. E. Church, greeted the Baptists on behalf of other denominations. His address was well received. Ur. George D. kelsey brought words of welcome on behalf or Morehnufc ColleRe. C. A. Sontl, editor, Atlanta Dally World, represented the Negro prey on Ihe welcome program and bluntly stated that there are ;wo questions challenging us today, first the question of - In? nwb violence, and second, the question of the Negro exercising; Tree and equal right to vote. The program was ably presided over by Dr. J. T. Dorsey, president, of the Atlanta Eaptlst Ministers' Union and chairman of tlic lor.il entertaining committee.</t>
  </si>
  <si>
    <t>                                           A rousing and impressive welcome was extended delegates here attending the annual session of the National Baptist Convention Wednesday morning by prominent citizens of Atlanta.</t>
  </si>
  <si>
    <t>                                           BURfiLAR BARsl^^ AND   H tlj ^IfBBiteJH PROTECTION j^^^^B SOUTHERN WIRE IRON WORKS Nish Williams, Representative Ra. 9383 m ft Expert /^j A Dry Cleaning V\j "^^iS^sb-' f'--1    !~ adding a ^  * y v? Bmq^;     -.-s or Suit to our '^Syi'V . Our expert yj^^:\g\y cleanin*; process prolongs i/v^S^rlL^^"^ li!r of vour fabr cs  "^fe"* more wwtr U. vou. WK I ICK     AND DEL1 V\SJ! AN! i CAR11Y  DAY  TED LEWIS CLEANERS RITE-WAY CLEANERS 704 McDANlEL ST., SW, WA. 2658 550 FRASER ST.. SE., JA- 0254</t>
  </si>
  <si>
    <t>                                           STATESBORO, Ga.--Revival is being held at, Tabernacle Baptist church this week with Rev. H. Hampton as minister. Rev. J. W. H Thomas. pastor. Revs. L. U. Williams of Savannah, H. Hampton ad S. J. Jackson worshipped with Rev. J. P. Murphy at the First...</t>
  </si>
  <si>
    <t>                                           lo , try Pluko I lair Dress- !~^*%. ^'J^^^EMBh ing today. Sec how il   Jl^t**' ^'S^^SB ;   , softer look. Pluko also Vfk^^^^HH  your hair  to nr- ^^~-,^;V/^ij^~^^Ci^^       range and maki-s it look smooth gC^-' TdJa^vi^l^^^i^BBSil and shilling. Pluko Hair Dress- ^^/y:^^g^^        L- in Anilwr f'.'r S5c", ami Sv.^.j '%" ip"- ''l^^^^^^^^^B White, 500. al your favorite cos- Wz^ ^MM^^^^^^^SS^  or drug counter. P$f A^j-r: :'i''(i,?'A!;'fwi^^HHH , a Keat- ^S^^^S4^^^I-'?5~^^H^B pressing oil, especially prepared ^^t^^^k^^l^^^B GIosslfieoMtibnly,?!^. '^^^''''''''i'^'v'-^'-'^</t>
  </si>
  <si>
    <t>                                           Nofice! For Sale! .. Ten  per. Iliislul i Slleoul I'rice To    :iler* j No Oi'liver.v Martin Furniture Industries 1U IMkIiI. Avenue, N. i;. JO8RPII P. Fin.DER I Wnlchmukw IJ3 N. Ashlly SL. N.W. i N*nr Simpsou St. On Hlvcr Car Mnr I</t>
  </si>
  <si>
    <t>                                           DAILY CROSSWORD                 1. One's dwelling place 5. Fall suddenly on water I). Goods sunk at sea (var.) 10. Ore deposit? \2. Island oft" New York 13. Deputy 14. Settlement. SW Arabia ID l-'rozen water 16. First notr of  IT. Submissive 10. WriliiiR utensil 'M Attempt 21 Iteslliuncy 11. Iliiplure 25. Stays for M. Trusl ZV. Heal; 78. Doctrine ?1  Thin. writIng  .'3. Nepntlvr reply Pin 35. Pen-n;~    of         La nib ?6. Numerotl? 38. Atilnml IK" 39. Narrttte to. Moro   1. Prosecuted judicially                 \2. HwUinj; too!.1: DOWN 1. Girl's name  J. Eyes :i. Main support 4. Half cms 5. Locullty   . Theater acat V.       8 Overhanging 1~. Jump II. Rocks                 lo. Climbing plant IS. Plague 19. Hawaiian food '~il. Pictures Conveys 23. Spas 21. Tree 25. Network 27 Scolil pi  M. Oirriinl .'iO. Evade 31. Prongs 32. River in S. Russia                 silly  F^ ve       on 7p  TlE'Kl5                (Ji*        .If. DetOMl :;7 Watur (French) .'IS. Friar's title                 I 1  Y%*~  l r I i Wl ti: w i2i ^"l- mr\ ty                 A cryptogram quotation     .t WN V U' M I V H I' T M W S QT C U W 1.</t>
  </si>
  <si>
    <t>                                           Dramatists En Drive To Break Theater Ban                 Group Against Discrimination On Stage Also                 WASHINGTON- (ANP)- Additional pressure was applied to local theaters here last week when 83 noted dramatists joined the current movement to break the jim crow ban  Neeroes.                 They agreed to sign contracts for their plays to appear here only if there is to be no race  "practiced on either side of the footlights." Acknowledging protests against barring of Negroes from legitimate theaters Sere they said: "We support this protest even if it leads    the boycotting of our own plays." Meanwhile an economic  (Continued On Vagr. Two)                 Dramatics In (Continues   m Pace 1) is being mapped against the National theater by the Committeefor Racial democracy following n eply from Jfarcus Heiinan, js cw York lessee of the auditorium where Walter Huston is appearing in "Apple of His Eye," that lie could not do anything about lifting the racial bars at the National. SHOULD BE  "We didn't create this situation," he wired the committee, "and we alone cannot remedy :t. It should be changed by - tion or education." Strategy employed by the committee to crack jJm crow against Xegroes has been to purchase blocks of seats for "Apple of His Eye" then turn them over to a mixed group to use. The theater has been refusing admission and making refunds, which has been admittedly costly. The current drive against bar- I ring Negroes from local theaters I began two weeks ago at the opening of "Joan of Lorraine," a Maxwell Anderson production starring Ingrid Bergman, at the Lisner auditorium of George Washington university. A picket line was formed in front of the auditorium and the movement against iim crow spread to the National theI ater, with prospects it may include local movie houses. i</t>
  </si>
  <si>
    <t>                                           WASHINGTON--(ANP)--Additional pressure was applied to local theaters here last week when 83 noted dramatists joined the current movement to break the jim crow ban against Negroes.</t>
  </si>
  <si>
    <t>                                           tenant to-            HAIR ATTACHMENTS ON AGAIN-OFF J\GAIt4 Hair Oo's-to meet oil occasions "Or  ^g0     ?$*~ ^3.00 BRAID JM^^^^'^ WJ CAM HAVE  OW    * '^^^~'^Sf PSSiF^CTL Y MA  ^^^^^^^^pS'." Lotat Cfoalions ^~^^pS^~^~^' Costly Attached *i^5#^:i^~:^l"~ Human Hatrii0^^0^^% dilation All Shades     ^^' JS.SO SfA.'D WO MONSY  Hj^iS^   " -V en state the  ^5^5^^, p,,y Pomkio" full Amount on Dtlivvry Iessie  beauty   07  AVc. (Itocm 905) NJW YORK 17, N. Y.,     . A</t>
  </si>
  <si>
    <t>                                           DETROIT -- (ANP) -- Jim crowism was ... another crushing blow when four Negro girls were accepted as switchboard operators in the local central offices of the Michigan Bell Telephone Company here last week. Thoe four girls assigned were the Misses Lillian...</t>
  </si>
  <si>
    <t>                                           .Hold Final Rites For Mrs. Phillips                 j Mrs. Annie Keud:Phillta:. ol ar. I VeVoa Dr., N. E. daughter ol thr Jort Mr." and Mrs. Paul K.       died  Turstley afternoon. October nth at- .~her residence n  Illness. Fimernl . were held at 2 o clock Saturday  ai Wlient Si. Baptist Church, with the nrv. Williruu Holmes Borders, and ..-rs . Interment rurally loi. South View Cemetnrj1. Mrs. Phr.. thn former Mts \' Hfiblilp Hciird, attended thu \.-i Public Schools. And     r. j p-- of- Morris Brown Collesc She     liii- of ;he Oiv: Wiwai Street Baptist Church. Besides her husband, Mzs. Phillips, i-,  by a son Louis nl iMs Jr..  . Robio 'tic- r.iT.cr Elaine, and Mami-:!n;;'one sister. Miss        . He'icl: one brother, Ocorge :'e: of C.iicr.Rfi. 111.: two aunts. yu.  M. Mickens. Miss     ,f ,.iv:.:i. Ohicngo.- HI.'. nnd one I r,i-:c Mr. P. J. Mickens; of Sftn j --jlr- ~?n!if.  other . j i</t>
  </si>
  <si>
    <t>                                           Savage Hits Behind Scenes Congressmen                 WASHINGTON (ANH) Speaking on the "Americans All" LiuiiJoast over .Station U WIH.' Sunday  Kep. Charles U. Savage, .) delivered a scathing attack upon  of  '. do " of   work in  and behind llie scenes where the votes are nul ." Urguu;         of anli-poll lax legislation as a means toward  the  nature: of the present congress, the Washington representative declared that one of the first things that u lib oral congress would do would lie tti Krnnt suffrage to the (: of the District of (.'. Civic-Political        Meets TIic Atirma CIvlc-Polltlcal Lcnguc meets !(?ht at Wheat Street Baptist Church nt 8:30 o clock. At this regular monthly meeting, the bond Issue will be analyzed and discussed.</t>
  </si>
  <si>
    <t>                                           Plan New York Benefit For Blinded Veteran                 NEW - )- A mon- (tier benefit Is being planned fui Isanc Woodard the veteran of the 430lh Port Battalion who nn the very day he was discharged from the U. S.   sen-Ice In the Philippines and New Ouincn during which he won a battle award,                 hud his eyes gouged-out by bru- j                 I tal policemen In South Carolina. I The benfit will be held at Lcwisohn Slndlum. Friday. August )6. at G p. m. the fund;, going to aid Woodnrd In realizing his  ol ; up Mis own restaurant. Muyor ODvycr is honorary chair innn of the benefit committee of which Joe Louis and Miss Carol Drlce. contralto .arc co-chairman Mayor OTJwyer will be the  speaker for the occasion. Carol Brlcc will sing and other  scheduled tn appear include Cniiada Lcc. Louis Jordan and his  live: King Cole Irin. W. C. Handy, Count Basle. (-mmc Williams. R'crt Merrill, C Ci'l'nway. "i;..; B;; and UA'Av 1 :ay. Oilier ir.cr-'-rs or the benefit committee arc Co::!V -man Adnm Clayton Powell.  Grant Reynolds. Paul Robcsnn. Judge Francis E. Rivers, Judges i Jane Bolln, boxing commissioner C. B. Powell. Judue Jonah J. Gold stein. Rep. Vlto Marcnntonlo and Cuncilman Benjamin J. Davis. All funds will be handled by the Amsterdam News Welfare fund which is bucking the .</t>
  </si>
  <si>
    <t>                                           NEW YORK--(ANP)--A monster benefit is being planned for Isaac Woodard the veteran of the 429th Port Battalion who on the very day he was discharged from the U. S. army after service in the Philippines and New Guinea during which he won a battle award.</t>
  </si>
  <si>
    <t>                                           CONFESSION IlKI'OIVriCli Assistant Uisli-iut Attorney 1'  ( ( questions Wiinl' P,i't! Garuway. 2;;. shortly be- fni-f tin- youth              . an-    '  . Hi"' Mrs. Marjury Chinvli Lnuaii uml                 shut her  in their r lov.er Hill. LuliK i.-, N. V. home. Carawiiy, ri i.Tiilly  lisc:    ;ei! by Die , was WdiKini; as hull.;i- ;i[ a Iioiim'  a  mile I'mm (In- luxurious I^t^an                 stun. InU'rjmt intial)</t>
  </si>
  <si>
    <t>                                           Special Announcement ^f i j^\ UMfSBBBi      ;i^^^^^^ ,*i^'c P^i-* will  operating as a We can only take care of a limited number of i ,4 "^^n?^ 7^*^"t "T W::;;:;!^SHi^^~ P f f k For members and their Guests only. members,  Joining tees and  'SI^B^^^^^i'^^L -1^* ThBB Beln^ known as Butler's Paradise Club, Inc. dues are very low and convenient to pay. It will i       !    "V    *\P^ 4^' fll^^^^siSI We are located just outside the city limits on Simp- be best to Join now. P f^^ -K^J^ ^T ^^^SmfM-mm son Road N.W., on the Dixie Hill Bus Line and only For Membership Application Blank, and  t-fe^K v *  \ ^ """1 *T from yOur hOme. inf or^~s. write % c?n$]erl\ cl"   W- WX*7*~~~*  k4 mMl VHEb Features now for your enjoyment: fine foods, well- Inc. 1868 Simpson Road N.W., Atlanta, Georgia, M im$M^MP BlB ^SS3  d P^erly served, plenty of iced cold or Phone AM. 2975 After 2:00 P.M. IW "W^ -^WS USk       Beer, Wine and Champagne. Dancins, Band Music, After our membership quota is filled we " ^^^BW^^IPAaMHI Entertainment Evecry Night. Private Dinrting VELY can not accept any new members for ^r ^^^^^^m^~: 1 'W^^MaBHBHKKBmm Rooms Bridire Room, Paved Parking Lot, Clean al months, so if you would like to join the SOUTH S ~^y j l?f^^^^^^^I R^-T ^r Ladie* Gentlemen^ith hot water' OR CALL TODAY7         CLUB WRITE BWi ^WS^S^^^^^^^               added in ne^ f.'^r^. Reading The club reserves the right to accept or reject any  HBfti^^^^^^   ^^^r^?^i^~m mom. Ping Pong room, BHlard room, Bowling Alley, application for membership Tennis Court, Swimmim? Pool. Picn?c ground. J. B. BUTLER, President Reading Left to Right: Josephine Col'ii-r James "Skci't" Caiiics (Trumpet and Vocal- a^ na M^ f ^+ W^ A A I Wm (Vocalist), AuKto'.l Alien (Band Leader, and ist). Riley Greene (Drummer), NealJames IS 1 J I I t W!. ffy _J I jf" Pianist), Wnyrnon Brown (M. C, Voca'ist (Saxaphone). 1^^^ 1 IT L* *f m and Pianist), Laura Greene (Vocalist), 1868 SIMPSON ROAD N.W. -AM. 2975</t>
  </si>
  <si>
    <t>                                           Notice! For Sale! ..Stnvrivnod Ton  per. 1 Bushrl I Special Price To Dealers No 'Delivery Martin Furniture Industries 719 Highland Avenue. N. E.</t>
  </si>
  <si>
    <t>                                           Vote For Coroner In November 5 General Election                 The Pulton County  Thursday fixed the date of a special election to fill the vacant coroner s office to coincide willi the November 5 general election. In fixing the coroner s election date, 'lie commissioners also       (Continued on pace S;                 .Vote For Coroner (Continued from pa?e 1) ed verbatim a resolution  by. Jhi;_MJantR_Le3EMe_Qt.S'3^_ men Voters for presentation to the Legislature urging that the office be replaced by a medical examiner Tile term of Mrs. Paul Donehoo who resigned two months ago, runs until December 31. 1949.                 Monroe Lynchings Hit By Synod ALBANY. Ga.-      - The Pros  Synod of Georgia closing Its 102nd session Wednesday, adopt ed a resolution deploring the lynch  of (our Negroes In Monroe. Ga.. In July. The Synod recommended  on the part of law enforcement nnd government officials to prevent any such future occurrences World Carriers To Meet At 'Y' At 3 Carriers of the Atlanta Daily World will meet at 5 o clock today at the Butler Street YMCA. The- Circulation Department manage- 1 ment expects all carriers to atter.c the meeting as an important mater will be up for discussion.</t>
  </si>
  <si>
    <t>                                           IF NATURE SLEEPS Vou  lake OSK Tablets. lr you lack licit, energy, vitality and "don't have natural desires for run anil  times, If you suffer from aches and pains, coated tongue or bad skin. It may     due In faulty elimination. HELP NATURE with OSK TAlil.KTS- nature s herbs In tablets form. CAUTION: Take only as shown )~y simple directions on the box. The SAFE PRESCRIPTION TVPE - in OSR tablets give quick pleasant relief. Yes. you ll smile *3 you ilo your daily duty like a  man or woman. SEND M* MONEY nay  SI. .13 for    ; Imix i.r ISO OSK Tablets. Or send SI.00 now and savr 33o '.TII IS POWI'.lt WRITE  ron.w:       Dent. S-15 Baltimore 2. Marjkiml.  t*      .li.tr .~1       /~*il mm: .ia.mks  'MB.-, V.... 1'iM- IMIIIoli   *^''tt .^^^b lM-       !^l I.W ^B^^BB^ tV m i:   i" pi"- ^(/yri ,l:!.'.?i.r'-.-.n.. vVr". N..~ T.-Ilim.-Hl ll ~.~irl.~.IJ.  -I P   II.' I""1 I""1"' "r ,.   -. ~"1,1~'lll^ii7 v,,"'r "r'~" .1,' II..,,. I In-. Wk</t>
  </si>
  <si>
    <t>                                           Atlanta  World  twr MmH Mi  u FnMls-ed Erery Morning Except Monaay, mt 210 Antrara At*. Members: S.N.S.- N.N.P.A.- A NJP. Established Aug. 3, 192*. Became Dally March 13, 1932 W. A. Scott H. Founder-Publisher, Aug. 5, 1928. to Feb. 1. 1 M Telephone: WAlnut 1459 M60 Entered In Port Office at Atlanta (3), Ga., as second class mall under the Act of Congress, March 13. 1879 P. A. SCOTT Editor and General Manager Dally: 1 Year, S950; 6 Months, $5.00; 3 Month*, S3.00 Saturday Only: 1 Tear. S3.50; 6 Months $2.00 Canada: 1 Year, J4.50; 6 Months, 3Z.75; Foreign, 1 Year. $5   THE  DAILY WORLD Is on Independent newspaper non-sectarian aud non-partisan, printing news absolutely  tnd supporting those things it believes to be to the interest of if waders and opposing those things against the Interest of Its readers. Address ALL COMMUNICATIONS to and make CHECKS  j to ATLANTA DAILY WORLD, rather than to individuals. j THE WORLD expressly repudiates responsibility for return of un- j  pictures, manuscripts, etc., unless stamps arc sent.</t>
  </si>
  <si>
    <t>                                           InMemoriam                 In loving memory of our  husband and father, Mr. Robert Peck who left us fourteen years today. October 9, 1933. "Ood took you home. It was his will but In our hearts you al- ways live." Mrs. Anna B. Peek and children i</t>
  </si>
  <si>
    <t>                                           CHICAGO, Ill. -- (SNS) -- Tuskegee Institute's Golden Tigers staged a brilliant fourth period rally to detest the Wilbertorce University Goren Wave, 14 to 7 before 20,000 at Comisky Park, Friday night. The game was played under the lights and perfect weather prevailed. This...</t>
  </si>
  <si>
    <t>                                           Metaphysician ^     worry in c  tin- future. I M'tin* tn:il(irrs. Itivr.  and  U'jttMcs. En 'i'\ our life ami )~   * wh;it m-ii u:. no matter \\\i:tt your i troubles :nay be. I can help you. 1 A\ ri!t* t*       rx;il: vour . I'nclosi* a slump. U.   .  1 :*W l^tsl Hlli StreH. Cliicas" 15. III. THE DIAMOND S ONLY RIVAL WHITE TOPAZ* 1  un a Litllinc C7 OC        Guirjnltii)..  Tm j C. 0. D. . Act     . Supplr limited. j  Synthetic Tin:  co.. i)~pt., s.\s j ri I I'iflli Avciiik: New       City</t>
  </si>
  <si>
    <t>                                           NEW ORLEANS, La.--Flint-Goodridge Hospital has been selected as a training center for Atlanta University School of Social Work. In a recent survey made by national authorities and sponsored by the New Orleans Council of Social Agencies, it was pointed...</t>
  </si>
  <si>
    <t>                                           ITS SORT OF HARD to write a column to do justice to the July 25 near-Monroe lynchings, the fatal flogging in Mississippi, or the numerous recent scattered incidents of violence toward members of America's minority group.</t>
  </si>
  <si>
    <t>                                           Morehouse, Benedict Clash At 2:30 This Afternoon                 Maroon "11" To Open 1946 I Season At Harper's Field                 By JOEL W. SMITH                 AlliuiUi . rmc  lui\r been  fo r mi                lu get a glimpse of the 1M0 Muiclwuu; Uulkpr i;rld   Ui vel u  look, this   Uw Klarauii ' lake the Iluld  Uw  Benedict Cotton: Tlacn; of Culuniblu. B. C.                 Tlie kick-off is  tor 8:30 p. in. V.' bui.'~ .k\':ii in llic pin); of  :i!iu v.rll- with  Ulem. 11 it fain -a 111 tee a pl'.h C 01 . Mul'j . however. i3 Die lad Ihat  happens Ik- conference game.  i ', Uiul these bluer SIAC rivals v. ill open up In an  to  til us encounter ill the win column. . TO   ATTACK Head Co;itli 7': L. Poixei will uncover lilt flue  of vcr..; buck.-. :i^aiii'.t Ucnudlvl und ~.v ill la- ; on Homer Hill, a: GI aiid Ilcitl ' uf tlie 1M1 Morchou'o outfit to ; the Maroon Tiger's  ;. Hill will yet e:~pert help from Otis .Smith, the n.os:  bad: last year: Edwin Smith. Robert j Scott. Mosci I'etty. and an array of other serious threats. Up front, Coach Forbes and his j assistants, Brcnnan L. Khig aitd Forrest Kclley will have Hosclle Smith, another ex-serviceman who made a  for  before going to the war; "Sluu" Jacltson. one of the mainstays of the 1945 forward wall; Schelly, Llpscomb, George Brown. Elijah Paschal, Albert Williams. BENEDICT TIGERS TOUGH The Benedict Tigers wU be tough and  knows this better than the Morehousc .-' I^ast weel: end, Uie Benedict eleven looked good In turning back the Fbrt j Jackson outfit. J9-U. The  I           TUTeTTjatc CapCaDr James Moultrle and Cotonan, two , together with Gilmore. Isaacs, Moody and James, prom- I Ising newcomers. Dottuitf Uic Benedict forward I wall will be Capt. Joseph Richie Hill Sweeper. Williams. Wilds, Stall worth. Webb. Hall and Cobb. The Morehousc College Band. i:onducted by Prof. Willis James will entertain the fans during the game with popular football tunes. and also stage the traditional                 MuirliuUM' - . u..i ihr .' el 1 1 it 'More loi'.'.'t Ityin'i.' t ot.  Henctlict LI:"- Upscomb  LT- Brown Hlcllic (L'apl.) LU- Smitli II Tliompwui C. .^on' (Co. (,'.i Hill     I'asclial          RT- Joluisun  RK- Williams Webb QK- Hill IC. C.) Moultrlt (C. C.J U1V- Smith. Wrlglit I1R- Hi-otl t  FH- i elt} Uilmuir OI-'FlflALS: T. A. n richt, (Xa%-  : (J. L. Abbott., ( Dakota), umpire; II. S. I'owull of (Hampton) : J. II. Ko'juiAon. (.Murrbi Utoutii ilt-ld .1.</t>
  </si>
  <si>
    <t>                                           Atlanta sports ... who have been waiting for an opportunity to get a glimpse of the 1946 Morehouse College grid machine will get a good look, this afternoon when the Maroon Tigers take the field against the strong Benedict College Tigers of Columbia, S. C.</t>
  </si>
  <si>
    <t>                                           I HAVE GOOD NEWS FOR YOU j  of      your (rouble     be. you can look the world in th*    : Soln all  Get what you Want ami I'ear no Man or              . Vour Happimti and Success  that you print  aw  and  it to: REV. CHAS. P.1 COLBERT S4S  AVENUE Uept. A. W. DETROIT. .</t>
  </si>
  <si>
    <t>                                           81 CITY rOK CONQUUiff" with James CagncyAim Sheridan and "WHO S GUILTY" ROYAL "HI..-\~""K MAItKKT ISAlSIi:S"  Italnli Morgan anil "N ROKO SAll-Ol:" with All Colored Cast Alsn ".M " ASHBY 2         " In  Kind Of Mananil "1 1;. MONSTER STU1KES" LINCOLN WILD BIU, ELLIOTT in "Marshall or l-   -(M" and I   STRIKES" HARLEM "      THE AMAZONS" Mich Johnny Wolsmucller "H CKY Mtl.l.      " with All Colored Cast Alsn WHO S " STRAND "TWO GUN MAV with Ken    *nard I-' OPERATOR S3" NOTICE DR.R.B. JACKSON Physician nnd Sureeon NEW OFFICES Now Located 232 Forrest Ave., Northeast (Former T-B Clinic) I Office Hours: I2to2JP.M..6:30to 8 P.M. Sundays by Appointment</t>
  </si>
  <si>
    <t>                                           The Student Council of Dunbar High School held its opening meeting in the music room. Tuesday, September 24, with Mrs. T. S. Gravelly as sponsor. As the result of a general school-wide election, the following officers were elected:</t>
  </si>
  <si>
    <t>                                           i -^a^So^i</t>
  </si>
  <si>
    <t>                                           Bishop Clayborn Sets Up 5-Point Council Program                 Modernization Qf EacrnJLife And Education Espoused                 I,ITTI,K I!OCK (ANT) Ifislioii J. H. Cluyhnrii. newly elected president uf the Fraternal Council of Negro Churches, has just  a five-point :ini which he is espousing in the name uf the council.                 "Tli'o"        , proclaiming the fact that he in himself a; ' i*t "More"' than 'oui fi  .of-,  income in southern' states'1 conies from : What Impiiens to cotton , therefore, every other form of hu. enterprise and  Iho  church. Every citizen and every : in America  use of cotton in s-mic form. Cotton may still Ix- i- kint;. We  ' every  tn aid in the  of thi.s important crop-" 5-l CM.Vr  Hishop Clayhorn's five-~Kiint  is as follows: 'Kirs!..  owl' farm home- Ix-tti-r homes anil  ardens. Do away with had roads,  conferences for rural  On Pnec Four)                 1 Bishop Clayborn y^  From Vagf OnO tors, Hold county and community rural life -iici-a.  health, sanitation, hospitalization. libraries'; anil community t             .!i*Jt "f v'.\!' I i .~Sfconii.i .! reduce illit- 1 . carry; on a special campaign, seek better: morals anil ,  juvenile delinquency. i "Thirtl, tho church. There is not  spiritual .sustenance in today s . Let's enlarge the Sunday school and brine the plow and Ihe Bihle into closer relationship. "Fourth, after all the land offers the solution to the majority of our ills. We must urce every farm family tn mvn a slice of God's earth. "Fifth, organization and unity. I am ; Then Bond of Mart-: . Ark., one of the most sue-1 cessful dirt farmers of the race, chairman nf the agricultural          -r nf the Fraternal council. It will ho his function tn visit rural churches, schools, farms, note their  ami make such recommendations as in the judgment nf state officials, ministers -, will he for tin1 hest  si of all  d."</t>
  </si>
  <si>
    <t>                                           LITTLE ROCK -- (ANP) -- Bishop J. H. Clayborn, newly elected president of the Fraternal Council of Negro Churches, has just announced a five-point program which he is espousing in the name of the council.</t>
  </si>
  <si>
    <t>                                           Do You Want POWER, LOVE? rimer to .nut..- ,l,l..r,,,.,, y**n .*? Vfwrr t .1:,.- i (nlr0 Jfinf l',iu,r I.. ,.;~ri, ii.-mi.m I'- turtle IIMtolf- 1       oil 1  -mii.1 .riM.ill.M, mi. ~,1, is tf.~ rt-Kult tif h.-~fot1   - r-*t-   . U. Ti.U U'l.tr   :it1 mil -      3 t.in i-iln runic ) ^ ,,11,1 .-\irl emili i Inflm*!*****. Vnn nil! lie      - Ni   :i      *           jy     Alth NOT HKI ir.* V*M It MOM'.V f*~ MBniATBl-T KKFI'\n;:~l. .11 '~T m-iki  n      * unit    (~    . r.     .*-* tin JfNvi*  - Jl'.MiI wt.fi         'Irr.-K"nd4 untl  cu..r,it.l.--. ,,r .m.~~~.,. *"J.I*O rfi^th nr tn*      ni.-r ,tn.l '.it* l^f ^Trllo . COCC wl*lt Mrrv  r*  -r:     -tM4 1 ntt ^,,1 ~,MI.~, 1,, hi,   .r^,i m; n     --'1f -if'- t'.,r..~...,^..T. , 2i(~ Bro^d*v;iv j Ofpt. 100-S, New York 7. N.    I</t>
  </si>
  <si>
    <t>                                           ~'~{MO  OP !" -HAVANA: - A vii-vv ..I' li.c Man "f ili.-J I annual iiiv.,v!=si..ii I" !i"ii.n- ih'-; l"Vimiu ..f lt.-~l:ir" in Havana. I In- 1                 ..ui:i' -il.pi. tin-  mlv N.^'i-n i ':iiiii i- .-;t t-i j.-.l i.~ l..-:il fmm     - .-IM.ill I..WI1 U.-t'.LlV .'i.T.ifS ill-,     . i iic ri'.-i.- ill--- Hrivan:i si.i--. III.- -" is lw.ll..- HI                 mhI ili.ii. L. i.'. ii? t alhi"dral. wlu-ri- il i? i.l.-s;=.v.l  Hip                 l'.isli..~..- il.N'I'i.</t>
  </si>
  <si>
    <t>                                           Morcus' ladies' garments are made-to-        Waft ^^l  only. P^^jg^^Ha^^K^          ^jgp^   This garment s constructed of fabric u^v\\ Em8       1 1       was loomed of imported YBSSSsSSSBSSS^m^fr 100'', virgin wool--.. "c^/ ^^^^^^\[r The (lawlessly needled ensemble -^v^-v , $1 14.30. 62 Peachtree Thru to Broad</t>
  </si>
  <si>
    <t>                                           Head Mentor L. N. Stallworth, two additional coaches and thirty-eight Benedict grid warriors will arrive on the Morehouse campus at approximately three o'clock this afternoon for their game with The Maroon Tigers tomorrow. The game will be staged on Harper's Field...</t>
  </si>
  <si>
    <t>                                           - ITc Uiilianl Stewart, son of Mrs. Cl.- Stewart, celebrated  J'.ilh  oil .July 21 somewhere in Tokyo, lie has been in the service 111 months. His friends and relatives wish him a happy birthday and a  return Iiomir.</t>
  </si>
  <si>
    <t>                                           1 2 Attorneys Before Supreme Court                 TFN N. f.SNS) Attorneys 52. Alexander Looby of Nashville and R II. Cr.-ug. of Chattanooga camo to Knoxvllle by plane Monday morning to appear I before the Supreme Court In fur- I ther defense of n Chattanooga Ne- s;ro charged with criminally assault j lnp: :i white wom;ui. The  .i':!' of Messrs. Looby and Craig i in :Jici Humiltoc County lower murt resulted in a life sentence being imposed on their client, atid. It is from tills  that the appeal was perfected.</t>
  </si>
  <si>
    <t>                                           The Blue and White Bullpups of Booker T. Washington High School will officially open the 1946 football season, this afternoon, when they ... with the strong Cedar Hill High School H. from Cedartown, Ga., Harper's Field. The kick-off is scheduled for 3:30...</t>
  </si>
  <si>
    <t>                                           Out at Denson's Temple Free Methodist Church, pastored by that financial wizard, Dr. H. D. Denson, who has made history for himself and the church, the membership is "all smiles" today. Shall we left why? These good people are happy because their church has been paid out of debt.</t>
  </si>
  <si>
    <t>                                           AMBULANCE SERVICE Experienced Attendants i Phone WAlnut 3976 INDEPENDENT FUNERAL HOME i</t>
  </si>
  <si>
    <t>                                           IN ARMY SPECIAL  Scvcrnl week* a'.;o. MLss Mcrc'ric."J. Hupkiiu v.-:i.-~ .'*'! ;   :i member 01 Hit Arii'y ii.cd.'l Survive. I:i order Iliiil she be              lo: the new po-'Kiull Mi.*;'; Hcpl:ins w.ty. ill training .)l Fovt Belvoir. Virginia. Complciiny Iht cull:-.'-!'  f ;. .\lic went by  10 Kranfefurt. C't'.-,  jhu is  located. Ml.ss Hopkiius fur ;i number u: years '.vas on ihc  uf iho A. Chariue.-. Cintlninni. Ohio. Duruig Ihc war. shg was iran;        to l orl Custw. EiUllc Creek, Michigan, as the lu-sl Colurcd U5O Traveler Aid Director. Lsilcr Miss Hopkliw was  lo Fon . N. C, where she    and was  swu lo Ttukcgcc where  served as Dircelur of U. S. Travelers Aid Service until she accepted her new position. Miss  Is a  of Speliimi: Collcyi:. Virginia Utilou 3 ol         :. unno^iLy of Cincinnati and has done graduate work at the University of Chicago. She is a member ol the American and National Social Workers Conference and a soror of the AICA .y. Miss Hopkins cabled her parents, Rev. and Mrs. J. A. Hopkins, announcing her safe arrival in Germany.</t>
  </si>
  <si>
    <t>                                           100    Wrong Club Record RECORD TOR WEEK  W L CS ME  Daniels 17 5 1 326 Villiam Fowlkes 10 0 331 A. L. Thompson 10 (5 1 3-15 ( Simmons 15 7 0 30G Thelba Brown 15 7 0 .'Ml [Iulicrt Jackson l-   7 349 Lucius .Tones (Guest Dopester) 15 7 0 370 Bertram Griffs 1"~ 7 0 384 ,'loel Smith 15 7 0 394  Scoll 15 7 1 4 IS Howard Archer 14 8 0 377 Ernest Lyons U 8 0 403 V. J. CriUendon 14 8 0 45C HIGHLIGHTS FOR WEEK J. Superb doping: by Joseph Daniels, followed by Wili;im Fowlkes and A. L. Thompson. 1 2. Lowest margin of errors by Russell Simmons. 3. Correct scores by Joseph Daniels, A. L. Thompson ind Emcl Scott. SEASONS RECORD TO DATE S AME W L CS ME L. Thompson 38 7 1 71(5 ."illiam Fowlkes 3fi 9 1 6SS Insert Jackson 3(i 9 0 757 loci Smi(h 35 10 1 701  Daniels 35 10 2 730 Jmel Scott 35 10 1 767 Jussell Simmons 34 11 0 66  Micius Jones (Guest Dopester) 34 11 0  8!~ ~' Brown 31 11 I 727 ( GrigKS 34 11 0 757 J. CriUendon S'2 13 t) !)K. T. Hollinjrsworth 31 14 1 83S 'oward Archer 31 14 I 855 Crnesl Lyons ^7 IS 1 SSI HIGHLIGHTS OF THE SEASON 1. Consistency of A. L. Thompson in slaying out in ront. V1f^ 2. Lowest  of errors bv Russell Simmons. 3. Two correct scores by Joseph Daniels.</t>
  </si>
  <si>
    <t>                                           ORANGEBURG, S. C.--Frank A. DeCosta, former director of Avery Institute at Charleston and more recently of the faculty of Alabama State College, Montgomery, Ala., will direct the new gaduate school of S. C. State A. and M. College, it was learned this...</t>
  </si>
  <si>
    <t>                                           Iljilf and Hair  Jut-Rale Drugs Tlii 1-2 Forrest Ave^NE BLEACHES BEAUTIFIES L's-Onlr           ,l ClfJHSt SKIN WITH  WN S04I* PRIDE OF ATLANTA SHOW PLACE OF THE SOUTH POINCIANA I'KKKKNTINi.: MuoUtj J.r, Ecstasy ~'fTH THE Sweethearts Of Charm SKEET GA1NES AND THK P I N C I N A I. RES      J OOL  Oysters Shrimps 'Steaks Chops Chicken 145 Auburn Avenue WAnut 0140</t>
  </si>
  <si>
    <t>                                           The Herndon Division of the Boy Scouts met at the Butler Street. Y. M. C. A. last Tuesday evening The nieeting opened with M. R. Austell. chairman of the Division presiding.</t>
  </si>
  <si>
    <t>                                           The Lane College big red team will be host to the colorful Gold Rush of Xavier University Saturday night at the Municipal...</t>
  </si>
  <si>
    <t>                                           Morris Cut Rate Wine And Beer 347 Edfjowood Avenue Cold Beer By The Cnse Or Bottle SPECIAL WINES DON MORAY, PORT, SHERRY, MUSCATEL, fifth 1.20 DON , PEACH, fifth, (j!~c: pint, Klc DON MORAY. . fifth. Tile; pint. 17c MISSION BELL, fifth. 1.29; pint. Sac V. I. PORT, SHERRY, MUSCATEL, fifth. 1.2!); pint. 85c PLENTY OK BEER BY THE CASE, $-1.30 SPELLMAN DRY CLEANERS We arc still offering the heat, service for less money, wholesale and retail. One day service if . We clean lied spreads, blankets and draperies and dye garments. We pick up and deliver. Call us at 255 Spcllman Street or telephone AM. 5031. REV. J. H. SANDERS. Prop.</t>
  </si>
  <si>
    <t>                                           REV. ERNEST F. SWAIN GAY, G A.- Mrs. Sirllna Jopr". says my daughter improved won-  after going to Rev. . Flipper. On. Mrs. Ccr;-. Jones says I believe, ho is a man of God, lie is so kind and gentle. He he.-- helped me." Atlanta, Ca.- Mr. Hciiry Tales says, "for three years I  been troubled with poor health:., no one seemed to help me. God has worked wonderfully  Rev. Swain. I feel like a new man." If you are In need of spiritual guidance and need help, const:1? Rev. Swain . Call Jo. 8069. 157 Houston Street, N. E. Apt. 7. (Adv.)</t>
  </si>
  <si>
    <t>                                           Andrew J. Huff is dead, but like John Brown, his spirit...</t>
  </si>
  <si>
    <t>                                           JBaLLLANE ATLANTA STORES 42 maw A ^     M 1^   M Hi Hpj JOIN IN CELEBRATING THE OPENING OF LANE ^BIIfI ell ^^SJjiflL Jfflr MteJffl ^~*M   1 {Jfflflfvfn ,\en\ MfHU'rnizi'it Air-CoiitlUioiietl Store at ~-^    an ^s ^^       ^  . ^"SHKr S^^m  fj i-c, w r.w,,,. .s-r.v ,    K..d LANE ;~ii?. SAVE! ^^F ^f^b W 19 2 BIG DAYS OF SUPER SAVINGS *^*^**J ami nil w bu. ^^m. J?47 13  AT AIR I A NIP  Friday and Saturday                         ^-^         ?^r f^man -t ^^        ^V/ ~^B' ^JB^SH                        [               [iN ii ^ CELEBRATION VALUES *Iwe stores 1 1~~^^^, ^^^fea#^ 1^9 I BLOCKS! CLOCKS! CLOCKS! AT^^MBSTo'gEg.  yeast * 43c 1 j^^^,u ~^H I! /^X Rir RriUCI   F771777!  BABY FOOD ~!f 72c I LlJlltillllliili^IiPill J^fl 51 f/- l\ Dl U DLIlOi DnD I Dtlwi         ak I /i^sSi"*"-"^ iffi^h^ ^ I lL'"'"3;4/ LUMINOUS or PLAIN DIALS Friday.. I r I  OT IWAblMtblA dek l^C ^^H i iH  I 8 CLOCKS j 1        5 Gr. 12 for sic I ^^^^^fiH I       ^ous LOGAN CLOCKS /^^^X g.e. electric heating pads hT ,-^^S, Fsofmou. ^H II ^F0"' '2i\ LUMiNOUSorPLAiN dials m 1'^  %Jl  S VEG" 69c B chen yu S ig POWDER 1 IISS I B^^ LASALLE CLOCKS i^s ~^g# CASTOR OIL tSU '..I':: 'Il'lite ^~LF     JL  I^^^S 50ILER mI\\ ,1) iff ll RARRAcni SHAVE 94^ 1 i^ IB PLAYING IBB l^^nSI CO ^LQ -^r ~=^1 Cvi am  y  cream she   4c m\\ $2.00 f*AS535? V^^^JSvS ELECTRIC ALUMINUM  WAX 59    "^sA^irT f^^I^^^^S" nl:ls"c h:'   " TOASTERS C^     WOODBURY shave LOT.ON it 21c 1 Rose Cream 1 1 pt. MM 2-QT. ALUMINUM C1 QC *n    ; $1.98 r D n  oc 7T7 7;" B C*  I GLO-COAT     i SAUCE One -S*. S CR.C.TABS IL 12 for 13c    mask      With Free Mop! pans '^'03    ^'-Z \i:?;z^:;:F"; venus velvet pencils " I pi*rrs ~---    M IpU 1 1 1 L I jBr WL V" fl 9 B C^BB ^^B J t L K^Dv lilt ill U^^ Mfttf 13MB B ^VP I I 1 1  ^^^^?y^v*fS**^r- B^^9 ~~~^B^l ^^^B^B^B^Bb  ROAST TURKEY^ I I fT^TT^^i with envelopes g   salted hi         S IHffl Your Favarlta Delectable De/jc/oi/rfe^fi^ SO ScictificaUy Designed Aircraft Aluminum 9 I flV^ 42C WIGGS^HW 1 irF ri^iTAM :-wsi#ii*: fl KnnnN S^50 ^ m +1*49 VALUE^~ BT waters ^SiH ft ivC. trnc.M8fl *$ ylc"''l*c^ M  0  ^p a     $ 00  g283r m CLEANSER   AtALLLANE:"""1^^"' ^81 11H9 ^IVES^'L^ted. a^ ^ I with 6 BLADES PLUS^L IF l5c^i^    .^^. stores \^^Ml  !:,^ff^ff^^  ii$ Si5SesSch?Sv now ^1* I^WINDEX^^S % Price .rQ "il1^ I y2 PnceSale^^^lIB 1 ^n"'" "iT^  Sale! ffl/m REG. S2.00 SIZE II ^D PMflMe LIMITED QUANTITIES! sL  WKiH / ri mm qi^in II n Keg. $2 creams I  fl^. 2for25c^^BBW /tv-Sjf  OlVin IJI (y^ ^J C+ f\ A DC PI A IX ETC I bBb^mb* ~^b^BiIbBiM^ J^jT FRESHENER ?fw-~   j=   ^)T^1T11 $~oo I , M-     ^^BH  ^TAnfllSHF II B^B^B^B^^BfllBVflB    */\~il ^^^Hl ^^^BH ^BBBBk ^BBBk. I ft^B^B^V p J to A ^^^^^H ^^^^P ^T ^B^B^sf n w f \SF  Cool refreshment for von and look I I^BB^b^bbW I C^\ A 13 DAu/RlTOC BH "OUSenOICI J Xjgr what you save! A   for sum- I ^5B^ "r^S^"      $2-00  111 Oi/Ml /LfO AMMONIA IISbB ForAll-Dav ri MA  r3\ I famous creams especially designed to suit your type II 1/, STOCK ON SALE FRIDAY! B r"-            C-.ood-Groominc!  1*1111 I U MmOU I of skin at a saving that makes them "Wise Buys" for  III  CA, r CATIIPnAVI IIbB.         ""'I'- ^~VfH The Mnke-Up that invites Close-ups: I you. Limited time stock up now. f"*," I  12  ^^KL9 LIPSTICK S1.00 ROUGE 51.00 CAKE MAKE-UP $1.50 j 111^^^^^^^^^^^^~'Bf,JlH STORES. j ^b^WBB  ^^^^^^WHH^^^^^^^^^BH^Mll ^^ MMM</t>
  </si>
  <si>
    <t>                                           Bishop R A Cartel, Senior Bishop of the Colored Methodist Church, presides today over the College of Bishops during their session at Mount Olive CME church...</t>
  </si>
  <si>
    <t>                                           y^St ^S Sjrf. TjffffC^W iAr t. JH* ^BBflSr^^^^ miff \jB Don*t just nod your lica.I and  av, "It sure  focs"_nDd let it eo at  Pn, r open acrea for golf and  and many other . at arc fC Bet,er Home Town CommU.ee-or l.elp organic a  SteJ ,S ^your .^T J^^S  POWER   ^y COMPANY</t>
  </si>
  <si>
    <t>                                           Monroe Families To Get N. Y. Aid                 NF.W YORK, N. Y. Cllnl.lA special performance of "Anna Uicnsta" on Monday, Sept.. IKI, ill Mil- Mtuvifltld Theatre In NfwVorlc City wns Riven for the  of  of (he four Ncurocs  lynched In Cleoritln. Additional entertainment  provided by Droudwuy , Tni' benefit wiw  by u Committee known    "Theatre vs. Inlolcrnnce." Rosettii Lo Notro W . All  of the  will go to the bereaved ,</t>
  </si>
  <si>
    <t>                                           and women, hero s Hie  you ve horn *^~2r^?^Y *^f^^\ looking fnr       more, money tl.nn you made ^^TpiMP^i ^^7 . It's tasy lo tin-        lime or full . (a ff(~    ?t?3^"l Lucky Henri line of over noil fa.sl . Kunriin- W -^/S-      / U'^f l(~eii , food   bous4-         -r*~'\/f*V^l/^'?!~ nerds. We show you , semi you everything f-     /'! i tS GET THIS BIG SAMPLE CASE ^Ov^^^??~Ik and ei-t on the  lo Riictcss anil bin _d*9SR!/  EflBtlFs!Cii.~     $ money. Your friends nnd  ^^^^JP^Jf/r^W^im will he Kind lo am you come. Von save gK^^ije^C^K-,''W." SWM1 ^^S l"ie i  s "llu\v owl. Send to- B3^~^C1'^^^^    ^/t*/ ELECTRIC PRESSING COMB $4.95 FINEST IN AMKftH'A Heavyweight, Beautiful SaHn Finished rre-War Qnalltr      Comb Holds Teinprature. ConsWucted give year* ol  service. Ifs safer, quicker  ncl economical. Direct from factory to vo*. Guaranteed  or money back. Also Electric StetJ Combs  Beautiful Satin Brass Teeth, 4.25; Non-Eleclrlc Pro. frs^ Brass Combs and Non-Elcctrlc Stoel Marcel Irons S2-50 each: Ordrr by moll;  Mid $1.00 . Balance COD phis postal, or tend full amount and we. will pay postage Prompt delivery. VroiWnuty 8hops and Afrnu write fnr  price*. We repair  UJ  of . JEWEL COMB COMPANY p. Wot u HohWiu.</t>
  </si>
  <si>
    <t>                                           Due to the Annual Fall Planning Conference which is to be held at Camp John Hope this weekend, the Boys' Department will be closed all day. (Saturday)</t>
  </si>
  <si>
    <t>                                           SINGER IS FASHION' EXPERT. TOO When she isn't  cute :md'  Kathie McAtfams spends her lime  the smart clothes      w.-ars. Her hobby is making' unusual liaU  alic has piles of. Born and raised in Albuqucrcjuv, New Mexico, where she attended Ihi- l.' of New Mexico, she oa me i to   -.v York last. year. Ksitltic turned down a scholarship in inu- i sic and dramatics at the Univer- i                 I sity of Boston to study with ihe I Chappie Willet Music Studios for a theatre carver. She just missed ;i role in the forthcoming Duke Ellington-John I.a Tnuciie  cal. "ISesjgar's Alky". In  for a can oT sauerkraut, she  and the i:an  on her j cuK: little nose. 53'nir ll recover j  thu fracture in t inn? to be rea ly for ll c next Broadway role I that comos lior way. Miss NcAdanis is small but undaunted.</t>
  </si>
  <si>
    <t>                                           It is high time that a halt be called to the number of crimes committed by the Little Rock Negroes against each other. Crime in any form, and committed by any segment of the population is to be deplored and condemned. But the extent and nature of the recent...</t>
  </si>
  <si>
    <t>                                           School Officials Pass Over Namei                 WASHINGTON (      In a  addressed to Secretary  l Navy. James V. Porrestal. the Dntrlct of Columbia Branch of tin: NAACp last Monday, protested tin; omission of colored high school students from the four-day Navy Science Cruise for selected lil^h school students which Is belm: sponsored Jointly by the Navy. Science Clubs of America ami Science Service, according to a full  announcement appearing In daily paper September 4. HkIiI Washington high school boys wen' selected by their school principal for "A Science Cruise" of the Na-.-.to be held September 29 through October 3, 1346. Selection was tared on a combination of "A grade and interests In Science all selections were made from high, school:, In the white division of the local public schools and colored high schools were not Invited to participate." %-**- INVENTORIES The value of inventories  by manufacturers increased during- July by more than $600,000.00U, the sharpest monthly  record, and reached an alltime high total value of nearly SIS.UUU.OOO.OOO, according to the Commerce Department. "Current inventory changes are significant," Hie Department stated, "since they may give a clue to  in customer buying or limy  an inflationary buom reminiscent of Die last war."</t>
  </si>
  <si>
    <t>                                           In an unprecedented action, the Birmingham Negro Business League in its luncheon session Wednesday adopted unanimously a resolution "standing squarely behind" the sentiment, reflected in a signed Birmingham World editorial Tuesday, Oct. 22, answering the...</t>
  </si>
  <si>
    <t>                                           fff SPRAINS ANd"        1 ^^SLOANS</t>
  </si>
  <si>
    <t>                                           I tad - too. in tail ^gjH 1 'DJTtO *- CUII. fcS^^afiM PERIOD DELAYED? Don't Worry. VOW rM aal  CUEVf yMf  .            inl ^  ijv II I"'  kai t*4N 4 4M t* iji  ~.~. IllV-Ua aar  IM  IIEllEr fTMi  IMT ItMilMll MttUUl  vtt         Yn, Ih^f ll            with I LIV*  9     if   tin.    f      .           lair  55 00.      IS       iM aUI C.0.0. tit* m*U    1H* Mi C.I.*.        ar     55 00 cnk IM  U4 t    ^lll. wrIU May. 4(10 So.  led. Dept. AW-5 Clilcago Z3, IUInoia The Allen Hotel Gril) SO KnomM. Steam Heat, Bntlts Ra]io, 25JK W. Madison, Lontsville 14 Kv. Telephone Sil. 9429 II. McCJarlo. Manager CONSULTING  Men and Women If TfS      with a Jurionii VroblMn *nd T0u r  a  to rou.- wlf. AWlu now toll. H. AUejTie *t Cmwford St., Hoxbury 21.</t>
  </si>
  <si>
    <t>                                           AVC FORMED AT STATIC                 CHARLESTON- Albert W. Hunt I he American Veterans Committee, composed of World War II  lins been organized here. Eleven students tit State Colloffe have formed the chapter, Edward J. McIlalc, national Held secretary, said.</t>
  </si>
  <si>
    <t>                                           Alexander, Mezerik Address Hungry Club At 12:30 P. M.                 Dr. Will Alexander, vice-president of- the Julius Roscnwald Fund and A. G. Jtaerik. author ol 'The Revolt of the South nnd West' will be the  at The Hungry Club of The Butler Street T. M. C. A. today, at 13:30 p. m. Or. Will Alexander Is nationally *nown for his work In connection with the Julius Roscnwald Fund und Is one of the outstanding leaders or the country today. Mr. Mezerik's book. The Revolt of the South and West" has brought to attention of (he Factors which have caused the South to be poverty-stricken. Tt is Xelt that these two outstanding scholars will have a very dynamic message to bring to the members and friends of t'.ie Hungry Club. Because of their outstanding fame, it is anticipated that nn overflow crowd will gather to hear them. T. M. Alexander, chairman of the Board of Managers of The Butler Street YMCA. will preside at the meeting. Inaugural Rites I This Morning At j Howard Hi School Mr. EM S. Cook. President of the' Atlanta Board of Education will be the principal speaker this morning at the Dacld T. Howard Junior high school when inauguration exercises win be held .newly chosen officers of the 1946-47 scholastic year. C. L. Gideons. Principal, announced tnat the exercises will be held on the campus of     school at 10 o clock this morning, act? that Mr. Cook win also  thc oath of office. to Miss Annie Ruth Simmons, president-nominate of the student body, and i Young William Holmes Borders. I vice president nominate. The exercises will be opened to the Atlanta public "Bilbo Must Go" Mteet Thursday Nite There will be a meeting of the "Bilbo Must Go" Atlanta organization Thursday night at 8 o clock at the Bntler Street YMCA.. The group was formed last week and is behind national attempts to oust the face-baiting Mlsslsslppian from the United States Senate.</t>
  </si>
  <si>
    <t>                                           NO MORE GRAY. DULL OR FADED HAIR USE Jess/e Hare's IMPROVED HAIR DYE LOOK YOUNG t4Q(J _ANO_           IT WON T WASH OUT OR RUB OUT. VERY SIMPLE TO USE CAUTION: USE ONLY AS DIRECTED OH  SEND NO . PAlf TOST MAN $1.00 plut * on  Ullvtry. Sand    day. Safli/ or  r*fa*    JESSIE KARE BEAUTY PRODUCTS CO. M7 HHk    - New York City (~05)</t>
  </si>
  <si>
    <t>                                           HAIL THIS KING- Till'  monarch oi i:!cly 111 N't^ni i 1:;lso'):i11 circle.-.. "Kin;; Tin." again is  the  fun allow  is      everywhere the famed Nctsro Ainwrlcaii U*asuc Indianapolis Clowns perform. Th(! King keeps at his bat; or trie!-1; throughout the game ami it s never i a dull moment when he s around.                 A popular ti:;uri: for yc:ir.% on Ihe Nrji-o baseball -. lie s added IiiriluT .s with his augmented Miccialillus UlLs season. He will  AUiiKin bn. fails. Monday and Tuesday nights, when ihu Clotras clash with the Black Crackers,  the lights ai Ponce dc Loan Park.</t>
  </si>
  <si>
    <t>                                           PENSACOfJV                 SNSt                 MOURNED Mm. Moore Nelson, widely known Ponsucolian. dint on Tuesday nl her !, "J70J N. Haynes. after ;i lingering illness and wns interred Sunday. September 15. from ihe Holiness Churcli with Rev. R. L. Powell officiating. Mi-ji. Nelson was a prominent church lender and business woman and leaves to mourn her , nve children, fifteen grand children 11  grand, children nnd four   cn.</t>
  </si>
  <si>
    <t>                                           Mrs. Belle Meadows, of 60 Little St., S. E., was beaten by a Georgia Power Company trackless trolley operator, last weekend, and after receiving treatment at Grady Hospital, was carried to the Police Station, where she was released on $200 bond.</t>
  </si>
  <si>
    <t>                                           AT PRIOR k ELECTRIC  -A READY FOR y^K^^^ immediate Wonderful,  new appliance* to        n-Drk-a- world so  at Prior** jm will find many of those hard-to-txt appliances          tw*~  for    loaf Mid  ra         Day on friar s Easy Budget Terms, tool Baitrr. table model ra- CIvcJ'umatic-Cntnhin. radl*  by Phlleo Admiral. Motorola and - -n - I and G. E. Prlte.  *iu. line - clear tone. Flay* 10  It-inch or 12 10-lnch . Autnitulii- . i 29M 499S *1Os i Convenient Rurtcet Ternit "-^is^ Convenient Iduteri Term* Kitchen wall cabinets mw  Q49 LP  steel white en-          . 5J Eoonoinasler  . Sets of 3 to match turner Throws  -I  and 1 tmaa Kurabllt Automatic Elee. L^d warm      Easy          to     . trie Travel 78O  *%$~* to"   ^.      -  . 24 C. re y hound Automatic Kl* Travel  550 9"S Convenient        Term* ~"~  - ca. De Luxe Mod. 12.95 (.'        Term\ I'nnvenlrnt Kudget Terms Comfortaire. combination Velvetnne Automatic Ree- electric heater and fan. ord Player play* 12 IS- Hotplate* three heat Fortable. finished in Inch or 10  records. weeds, two burner*. Thii  enamel. Choice of Just . In it has built- little electric * can colon. IB .  man-*ixe meal, toe: 241S 44" 1095 Cuovrnient Budiret Term* Convenient Budget Term* Convenient Budget Terms LAWN M0 XKS- J )   blades, lante wmr- robber tires, metal handles with rubber (trips. Built for a lifetime nf Vst. OQ95 Convenient  lerou.  5J WASTE BASKETS Lsncr  l/r. walnut finish Vat in  and home. TOe While they      I iJ r.\SX  TERMS j  CUSS- PHONE US j Prior Tire Company WA. 8S6? PEACHTREE PINE STS.</t>
  </si>
  <si>
    <t>                                           Mrs. Bessie Patton, 776 Neptune, left the city Lost Saturday to he in attendance this week at the fifth biennial convention of the strong. est Negro-directed labor union if, the world, the Brotherhood of Sleeping-Car Porters. The convention is being held in Chicago...</t>
  </si>
  <si>
    <t>                                           This has been an exceptionally interesting and fruitful week for your correspondent. I was invited by Senghor, "delegue" from Senegal to the constituent assembly, to have lunch at the Palais Bourbon (Quaid' Orsay. In our party was Mm. Eboue, mother of...</t>
  </si>
  <si>
    <t>                                           Madam Eva. ly SHE GIVES *. FACT8 AND j  BD  get  a RESULTS ' World'i crest #~^jb est . Af5rNF?3 ter jon        TiVESSaQ All ,  4. W  your prob ^W. /ipV  t0 UadM ^^     -f Eva and see on. that   JL yuo ' (rouble with husband 01 wttr.  r luck,    sore and   l once. Qtllctt  9 a.m. to 10 p.m i)~llr null       . 101.1 W.     * ta street, N.W.. Attanta. Be ton to tahe the  Yard Street t*t IMcass   lc *be car conductor U let yoa off two       oa  Aide  f Klag Plow Co. Atlanta. 'Sc SPECIAL READING tS! Yoat lucky      and        Given     .</t>
  </si>
  <si>
    <t>                                           EASTMAN, Ga. -- Mrs. Mandy Calvin underwent an operation at Taylor Memorial Hospital, Mr. Nonnie Kegler died Monday night at his home on Cooper Ave. Mr. N. Carson ... killed last Sunday by gunshot wounds at the hands of his son, R T Carson.</t>
  </si>
  <si>
    <t>                                           The glistening 1946 Benedict College grid machine wil be geared to roll over Morehouse College and register its second straight win p. m., Saturday October 5 on Harper's Field. Benedict captured her opening game of the season by trouncing a stubborn Fort Jackson...</t>
  </si>
  <si>
    <t>                                           i \!USfflftw%W\    ^BBBy Campus Favorites ^^s^^ ti Benciiy Snoppy /ift/e campus shoes, so bright ~'^'i^'-.'S^^'^^^^^^^^tw^BS^^W' Slmg bock in red or brown Slmg back ^.'^F^^''^^  soon in b/ suede 't^eM* Ouc smaa new Friendly Sporti. Add 15c  for prepaid  j A// (he gif/s /ove (hem. I C i        Floor</t>
  </si>
  <si>
    <t>                                           Atlanta ^^^^Wbrld      t.^~ ~*-~t Publtaltcti li*crv Morning K\ Moudav, 2JU Autimn :\vr.      -  : SXS- XXl'A- ANT UslubU-JiM! Aug. X 1W8, IVmuuiic   :~ily Mjr.h l:;.  W. A. Scott II, I'oander-PnblUlifr. Ann. i, IWiS. to Keh. I:O4 Telephone WAlmil I13U M6(l Katered to Post Olfice at Atlanta '3,i. On., rs second  mall under the Act of CoiiKTcfs. March 13. 1S79 0. A. SCOTT Editor and C. Manager  bates n\ mail:      : 1 Vr.ir^ S12.CO; K      (   - x;."~o; .Momlo ss. S.Uiirilay      I War .~l^   : i; Mnnlh.v  Canadit: 1 Year N.IJfl: Mmiths- .~3:i": Koreisn 1 Yciir S7                     IJatcs l!v Carrier C5~- Weekly. THE ATLANTA  3    an independent newspaper, ooa- imci non-   !5nr.. printing news    nd support jic Ihnse  ir.   .lleves to bo lo the interest of Its readers and opposing  '-s  tbc Inierest of it? renders. Address at t.  to nnd make CHECKS  to ATLANTA DAILY WORLD,  . lo individuals. THE WORLD expressly repudiates  for return of  . manu.^. ctc_ unless stamps are sent.</t>
  </si>
  <si>
    <t>                                           ATHENS, Ga.--Miss Mary Weav er, a recent graduate of Howard University and daughter of O W Weaver. manager of the Afro-Amy rican Life Insurance Co was guest of her father and brother Mr. E. B. Weaver. The American Life Insurance has recently taken into its employ. J. L</t>
  </si>
  <si>
    <t>                                           S HARD-HITn.N G FULLBACK- Whitney Van Cluvc. TukeHoeV; hard- fullback will see a plenty of action. Tliur.s- day , when the Golden                 Tlt;ers take the  against, the Alabama Stale Hornets, in their annual ThantosKlvinss Classic :il MnniRonif'ry. Al:c.</t>
  </si>
  <si>
    <t>                                           VIGNETTES SMART CArT. SOCIETY was there to greet Bob Bi;ll. debonair proprietor nnd his       , who  second of Bell's Cnlp ResUiiirant. swanky rendezvous Mis Broadwuy at H:~th                 Street. Xuw York City, one 3  ihr  Kayest parties. In the . :i  jt lovelies: Iji'ti ri jhi    : Bi-ll, : Thelma Campljell. Luihvr (Reii:                 !  ~:wt; Kuihleen Diido. dam-cr rhu Zanzibar. Pete Richardson,, ; Eloise RcLpiii^ud ;.ru: Bil'.ye Pranch. Courwsy Floyd Snclson.</t>
  </si>
  <si>
    <t>                                           WHITESBURG, Ga. --Rev. M. P. Shivers closed a successful revival Friday night at the New Hope Baptist Church. Rev. E. W. Willis of Tallapoosa was guest minister. $179 was raised. Mr. and Mrs. Fred Calhoun and daughter, Freddie Lee, of Atlanta and Mr. and...</t>
  </si>
  <si>
    <t>                                           Report Shows Women Busy On All Fronts                 Rv V.. M.                  WASHINGTON.-  ANP) -The National Council of Xegro women met here Nov. 13-16 in its 11th annual session with Mrs. Mary McLood Bethune, founder and president, presiding. Some 400 women, representing the six regions into which the council s                 tivities throughout the country are divided, were on hand to hoar reports of this, the first year of regional organization. Six vicepresidents directly responsible for activity in their areas were elected last year. These vice-presidents and their territory included: Mre. Estelle Massey Riddle, Delaware, Massachusetts. Xew York, New Jersey, Rhode Island and Pennsylvania; Mrs. Beuna Kelley Bailey, Maryland, Ohio, Virginia. West Vircinia and the District of Columbia: Mrs. Julia Pate Borders, the middle south: Mrs. Arenia C. Mallory, Mississippi, the       south: Mrs. Eleanor Curtis Dailey of ChiraRo, the middle west, and Dr. Vada Somerville of Los Angeles, the for west. MRS. DAILEY  Mrs. Daiiey,  vice-president of the fifth district, made the most outstand:ngr report heard from any of the regions and received the achievement award far the year. Mrs. Dailey is the wife of Dr. U. 0. Hailey, the eminent  of        . Ahout 400 of the d-  nrf members went to visit the White House Wednesday morning. Mrs. (Continued On Page Fire)                 Report Shows j (         -i)  Page 11 i  then presented the itit T- acini stall ol' the council   thy new publicity - or, Mrs. Katharine Shryver, a  worn sin. Mr?.     : Msissey UiiMir-, Vi;w York, delivered the k - address Thursday evening, spunk- i i: in Ov tonic "The Role i -non of the Darker Itaws in World r eace." .At the dinner meeting. Dr. ^banning Tobias, executive  -or     the I'hHps-Stokes , i . upon "Our World." Mrs. i l!        Wiiitby, past national lja- 1  of the AKA sorority, u-as  speaker at this gathering. 1 t  , noted California pianist, played. Lillian Tuley Franklin sai)~. The National Association of Colored women, Mrs. Christine S. Smith, president, extended a social hour to the council at the association s national headquarters. Etta Moten of Chicago, introduced at one of the meetings as oni of the newer life members, sanj/f unaccompanied. In addition to the reports upon regional activities, the delegates I heard research department reports, field service reports which showed additional new councils set up in various, areas, particularly in the south; social action reports which revealed work on the Murray-Dingell health bill,  tax, anti-lynching, FEPC and legislation concerning housing, price control, full employment, veterans' problems, civil rights .and social and economic justice for all people. ACTIVITIES CITED Other reports were given upon the council s activities in international and intercultural fields. Five members attended the 25th anniversary of the Coterie of Social workers, in Trinidad. There were 2ii delegates to the InterAmerican conference of the N'r~- "'inal Council of women, held in New York. A number of members. Mrs. Charlotte Hawkins Brown. Vivian Carter Mason and Tlwlma Dale, attended the  in I Paris, France, as individuals. Mrs I Bethune. a delegate, could not   \ I The council joined with IS ot ior national organizations to call    ' International ::hly of -n.</t>
  </si>
  <si>
    <t>                                           WASHINGTON.--(ANP) -- The National Council of Negro women met here Nov. 13-16 in its 11th annual session with Mrs. Mary McLeod Bethune, founder and president, presiding. Some 400 women, representing the six regions into which the council's...</t>
  </si>
  <si>
    <t>                                           j TIM TYLER ^JLyman Young                 Sullivan                 IT NEVER FAILS</t>
  </si>
  <si>
    <t>                                           If it hasn't a METER it isn't a I HARLEM I -MA 4400* PlaxIwive r8 1 R 2-        thorough  9 Bft. 3. Always       MS w M^MuiV /I ^h</t>
  </si>
  <si>
    <t>                                           ^BGDKSHEbF                 1 By Annie L.McPheeters*~                 .T (~K THE S V T II I VV-ND -WEST. Ity A. (i. Mczeriek. Now York. Duell, Sloan I'uurce. I 1 4S. Sli.OO. i                 IF  C  cast their shadow!!, then the nation may as well pn-pare for a big dark shadow, perhaps in     - form of an industrial civil war. And. if Mr. Average Citizen wishes to know at Vast why he will be involved in this wnr. then a careful peni8.il of "The Revolt of the South and Wr-st" will inform him. On sale at Hopkins bookstore, this carefully written and authentic book should he a "must." on Mr. I Average Citizen's mail ing list. I It is predicted in author Mitz- j                 erick'.t hook thai a new and strange industrial war is in t.he making for the people of the Southern and Western regions feel*, that they have been denied the opportunity to grow and develop, due to the deliberate economic and political stranglehold which the  ast has held them in. Hence tike South and tlie Went are   at the bonds which bind . The author carefully points . how- j ever, that there are many in the Kast who are not guilty, imd that they are desirous of seei lg these I reruns break through Llie  cast by those Eastern  \        singleness of. purpose :s-* enterprise and opportunity  those specific regions. j Many citizens "believe - our i country is run by free enterprise. This, points out the author, who is mi industrial consult:int. is an illusion created by those large j             aud corporations,  then- am  strong and com- peting companies, when in reality i thi-re exists  a few. So, -when i L'ontivil of thi; country is really boiled down it is found to* be in the hands of a few to       in the hands of a few families  tin- .1. 1'. Morgans, du .'Pouts. Uockefellers mul Melluns. whose names are -ii cloaked in the ** (if philanthropy. i        author does not object to t th" ICa.~t being rich,  fact is shared by thousands of     ;r.s, but such centralized control by a few i        other regions from being i rich. Such a system creates in- j  disunity. Since the days of 1 the Civil War the South lias "tried j     break the grip they were held in. and both the SouOi and the i West have been greatly .-iied by Governor Avnall's anti-trust suit against the railroads, iu spite ..f the fact that freight rates are still t(. be reduced.  other than I.Iuver- nor Aniall's suit are used; throughout the book. Cited are a j few which clarify the text- Over ninety-five percent of the insur- anci s paid by the people of the I'. S. is held by Kjistern con i pa- , while thf South and West furnish thirty percent of the husi- ness: in Georgia the Coca-Colu and Georgia I'ower Companies are an unbeatable combination, tlie control ..T which is held by the Mouse of Morgan and its -- ~;-4-!~t:i' .-n lit an order from the KasT without regard to needs or desires of townspeople; the granting of war                 contracts which gave the South and Weil those industrial gains BO  needed are gradually being closed now; patents, , mid transportation art; used as devices to stop Southern and Westi em development. On the problems of     , clothing-, ami shelter, health, education und migration the South and West him; similar problems. They are so dominated by the K.tst that their loss in human resources and   is far   " great. Those of us who re:id the "Report, on Economic Conditions (if the South", prepared for ['resident Roosevelt, and Arnull'K "Tin- Shore Dimly Seen" can have :i greater appreciation vr the  title, and ciin compare its findings in lit;ht of those given in the former books. In summation the author  conclusion that there i.s a great need for industrial           which will help both regions develop their own products in their own factories and businesses as well as cooperate with others; there is also the need for leadership to help in this light of equalization; the West and the South need               /rum    : Kast SO that all can build for this c. n better, sounder economic pattern where everyone can share alike.</t>
  </si>
  <si>
    <t>                                           REVOLT OF THE SOUTH AND WEST By A. G. Mczeriek New York, Duell, Sloan &amp; pearce 1946, $3,00.</t>
  </si>
  <si>
    <t>                                           FULFILS  DREAMS  HAIR THAT GLEAMS Like magic your  (alert on light* and sparkles*        with good grooming when you in u Ice m habit of using Sergcum'* Sarcoptic Mange Medicine /y. This famous hair help, I followed by , cleans  freshens your , removes  , ha* a good tar odor. Get some today. Use twice a week. SetqeanVs SARCOfriC MANGE MEDICINE</t>
  </si>
  <si>
    <t>                                           President Truman Intervenes In Pvt Lemas Woods' Case                 WASHINGTON1- )- The War Department announced Tuesday that In case of Private Lemas Woods. Jr.. ot Detroit, who was tried by General Court Martial In the Pliillppincs and found guilty of murder and sentenced to death, the President has disapproved the sentence and has authorized a rehearing before another Court Martial to be held here alter appointed. la taking this action consideration was given to new evidence produced since the trial. At the rehearing all evidence taken at the original trial, as well as aU new evidence Till be  for consideration by the Court Marti:U.</t>
  </si>
  <si>
    <t>                                           In Memoriam                 In living memory of our darling . grandmother and , Mrs. Francis Hatton who lclt Uj six years ago. Nov. 21. 3940. "Every day we      you and think or you." Mr?. Oirle LaUmore. Mrs. Mollie Kutton KobiUiOn.. daughters. Berkley. Calif. Mr. , Mrs. J. H. Hatton. son Mr. and Mrs. C. T. Lampkin. grand daughter. In Memoriam In loving memory of our dear mother, daughter and sister. Mrs. Alpha H. Glover, who departed this lire seVen years ago, Nov. 21, 1539. Culm on the listening ears ot the sight comes heaven s melodious strains So- you stole away without a struggle to let anyone know you had been called to heaven. Miss Jacouelvn Glover, daughter Mrs. V. H. Thurston. mother. Mrs. J. La Verne Widemon. sister. Mr. Adams Glover., husband In Memoriam Tn loving memory or our dear daughter who passed Nov. 21. 19+) "Sleep on. sleep on lay your head upon your Saviour's breast. \       3 "you dearly but God loved you best." M- and Mrs. Willie Mitencll and .y. Funeral Notices McCOY. Mrs. Julia Mae- Kriends and relatives ol Mr. aud Mrs. John Partridge and family., Mrs. Marie Psrker. Mr. and Mrs. William Bowns. Mr. and Mrs.     . all of Atlanta; Mr. :ind Mrs. Morris McCoy, Mrs. Frank Johnson of Tusfcejjee. Alabama, sister: are invited to attend the funeral at Mrs. Julia McCoy. November 24. 2:30 p. m. from Mt. Olive Baptist church. Tuskegee. Illabania.. -.Rev. Matthews, . interment. Tuskegee. Alabama. Remains will lie in state at the residence of Mr. Frank Johtu-on from l(i a. m. Sun. until the       of the funeral. Pollard. ALMOND. Little William Jr.- Friends and relatives of Mr. and Mrs. James W. Almond and family are invited to attend the funeral of Little William Alruond Jr.. todas". Thursday, at 2:3C p. ni. from our chapel. Rev. Luther Turner, officiating. Interment Chestnut Hill Cemeterr.- Pollard</t>
  </si>
  <si>
    <t>                                           AT COMMITTEE ON EDUCATION . Mrs. Estelle      .v ItuldW*. Natiwial Counci! i of NVxrn WiHiitfn; .~.~hii W. Stude-I bakor, U. S.                   of Kducation: ami .1. L. Horace. Na- I                 tional Fnitfn.al Cnuncil of N'e~;    Churuh ;il i.    meeting of \  - Citi/.-i.?' I id. ral Committee on Kdu.ai ioi. in WashmKion, D. C, Ociol.ci- jS-:;n.</t>
  </si>
  <si>
    <t>                                           Sixth Baby Dies In Freedman Hospital Diarrhea Epidemic                 WASHINGTON, D. C- (NNT A) The  of another baby at Freedman'H Hospital last Tuesday brought tho (If.-itli toll in the hospital s diarrhea epidemic to s ix, but hospital  expressed             ! I hat 'Mf peak  f thn  has passed.                 Dr. Hugh A. Simmons, hospital medical director,  that - Imhies arr  suffering win diarrhea an.i four of them  critically ill. Of Ihe l-\-twn he reported, five are premature .o. I'ivo babies who have recovered - sent home lusi' Tuesday. Dr. .Simni'ins said. ICI   Since  were no new        for forty-eight hours, he said, it  that the epidemic has been curbed. Three new nurses have been hired to help fight the . They will be paid by the leal chapter of the American Kcrt Cross which offered to pay the salaries of nurses needed in the . A .li nurse was sent to the hospital last Wednesday by the Public Health Service; hospital .i ;mid. Further  i.i bring received from a graduate nurse who is working as a volunteer four hours a day. Dr. Simmons explained (hat the hospital cannot pay for any more salaries since it has no vacancies and no appropriation for additional nurse salaries. Unlike other hospitals which are  a nurse shortage, he said, Freedman's has a wailing list of applicants bin cannot hire them.  CAPACITY Or. Simmons said the hospital was running over capacity and the nursing staff approved !~y appropriation was insufficient to carry the load. Wilh additional nurses, as well as several volunteers, Or. Simmons , it would Ite possible In                 have different nurses tend the well ;nul sick '-ii. One "f the volunteers, he said, was a  nurse who lost her own  in :i diarrhea . Mfiimvliili-, five babies who havo rcr^ from diarrhea won- - . ci lasi Tm-silay. No mun* '-.-i "ill  in tli.'  bei*:* all expectant mothers Itan- hien .'d, llr. Simmons said. New  :i?i's will not he admitted until l\w hos- pital s           ""il ward has l""-n j " up", he added. I During the month of July. 2nl i        delivered at the luis- J . In AiiKiist, ".Mil  were j horn there.</t>
  </si>
  <si>
    <t>                                           WASHINGTON, D. C.-- (NNPA)--The death of another baby at Freedman's Hospital last Tuesday brought the death toll in the hospital's diarrhea epidemic to six, but hospital officials expressed confidence that the peak of the epidemic has passed.</t>
  </si>
  <si>
    <t>                                           THERE S ONLY ONE MADAME ROSE PALMIST Guarantees To Read Yonr entire life, past, present,  ture. Asks no  tions bat tells you U"~  TH Tlln want to ^D^I"Vlfl9 know giving  ^^LJUIjEl lod dates, and facts ^aaT 1 business. Ion, VT?      Malta family            ' uu* whom B^^*    when, orer coma enemies rivals  s . eril habits, - blocks, and bad lack of all kinds Readings 25c daily and Sanday, 9 a. m. to 10 p. m. Yon will find her smarter than mil       ) There    no heart so sad or bom*    dreary that I cannot brine   hi it. Located at junction of Brady Arenae nnd Howell Mill Road. 1060 Howell Mill Road. Be to take the one car Howell Mill Road ear. Stop at door. Howell Milt Trailer, front of Waits Provision Company, Atlanta. Tt pay* to sec       Is this city.</t>
  </si>
  <si>
    <t>                                           They say Elmo Kamout, the Artistic Barber was Just too smart as a school boy. One day the teacher had visitors, so she asked little Elmo to recite the saying which ended "KEEP THE DOCTOR AWAY" Elmo politely said: "Miss "A QUART A DAY WILL</t>
  </si>
  <si>
    <t>                                           A SOAP SlfliTAGE? You've Heard Rumors, ita Are the Facts! /There is a world-wide shortage of animal #fats and of vegetable oils. This shortage affects all of us. For instance this year soapmakers have been able to obtain only one fifth of the imported oils they  in 1941 far less domestic fats, too. 2 Because of the world-wide shortage, manufacturers aiV 0 unable to get the amount of fats and oils they need to      not only soaps, but also points/ textiles, tires, leather goods, floor coverings, electrical appliances, etc. Jin the face of these conditions, American soap manufacturers have done their utmost. They have turned all the far* and oils they have been able to obtain into soap just as quickly as possible. But for th* help of American housewives, the shortage of mjr soap would have been for more serious. Last year, more than one ovt of every nine packages of soap sold was made from used fats saved in America's kitchens. 5' r Don't blame your grocer. He is doing his best, like lha soapmakers, to get more soap for you. Won't you do your best by saving and turning in every drop of used fats. YOU CAN HELP!.. .SAVE USED FATS.' American Fat Salvage Committee? f 3*7 fork Ntw York XT. H. T.</t>
  </si>
  <si>
    <t>                                           Chauncey Sparks' Attitude Blasted                 WASHINGTON". D. C- ) The position . Governor Chanucey Spnrks of Alabama takes that race segregation Is the only touts for harmony in the South retard.* rather than promote an understanding between the races. Or. Joseoh U Johnson, dean of                 the Howard Medical School and -resident or the Washington Chapter of the Southern Conference for Human .Welfare, declared here last Wednesday I Commenting on Governor Sparks" I statements. Dr. Johnson sold that the Alabama executive s position "is precisely the type of thinking  hns contributed most to a-Incl: of  between the  and v/ serves now hs the sir* i     i - an \;." 1.? :\M-'. UMti "it is only when . ile to ecm toRe her and vork ... 'n all planes can I there be a      .t sat ^factory understanding. "....BUT A MYTH" "Once - have those  they soon realize that many things they thought detrimental to the other is but a myth and the difficulties they anticipated Just don't happen. It is this keeping people apart that brings about all of these                 .s." At Montgomery. Alabama, last Monday Gownior Sparks nj.'idc written answers n series of .~ asked him by a pn-ss . The (Jiipstioris ;tnd answers follow: Q. "What, 111 your opinion, are the prospects of  li.- relations between Hie I wo  in the South?" Q. -How will enactment of the Boswell Amendment (requiring voters to be able to understand and (Continued on Pajrr     )                 Chauncey Sparks (Continued (rum page 1) fx;~!ni:i' die Constitution instead of rr. to read     contribute to        !c and mutually beneficial development of both races:" A. "By ? an understanding on the part of botn ra:t* t.'i.nt. their problems ari'   nut dissimilar:  UK w;Ifurc uf tiit:ir p-^' .- both. and :h:il the -i'.-tcr ol   which Un-y have showed bi' I  lo        suit) not for i :hf - or  ui either"                 "Had It failed '(of adoption) would 1L In your opinion.      r*~  this development to  ny marked, degree?" A. "I1.1 {allure would' have re- Urded thU  because It would have brought about an Intensified racial conflict,* racial  to tlie extent of each seeking to advantage through numerical strength or suppression of the other. It would, moreover, have created a two-race situation in the State in a. political way-that is. a Negro party and a while party. Thlg will  be  and lead to ? but  conflict, IT not armed conflict" An opposite view, however.  u.i Uken by President P. D. Putterson of Tuakegee Institute. He called adoption of the BouwcU Amend ment a "mistake" and observed "tlw chances of unfair administration are too great.1' During tht: . opponents of the amend ment claimed It would give arbitrary power ao  reul)~    . FRKCtUKNT LASHINGS Sparks frequently has lashed out against what he terms "outside Interference" In Southern affaire, and he was asked: To what  il any. has that (alleged  hindered racial relations in the South, and what will be the out come II It persists?" Sparks answered this at considerable length, saying In part: Any  from outside the South to propagandize one race against i the other an the basis false ls1  ues. unobtainable statues and undesirable relationships will always be harmful." I In New York City. Walter WWW. I executive secretary of the National Association for the Advance I ment of Colored People, issued a statement saying: "If ia unfortunate for the South and the country as a. whole that the governor of a Southern state should again raise at a time like this the rud herring about "outside interference' in the affairs of the South and night-marten visions ol a 'Negro voting bloc."</t>
  </si>
  <si>
    <t>                                           WASHINGTON. D. C.--(dist&gt;NNPA)--The position that Governor Chauncey Sparks of Alabama takes that race segregation is the only basis for harmony in the South retards rather than promote an understanding between the races, Dr. Joseph L. Johnson, dean of...</t>
  </si>
  <si>
    <t>                                           __# Overcome Obstacles' And Hidden Fears There Arc Things With Your Grasp Telli You How    Know What To Do c?t a Job. PJBBnWTH Know whon    Do it        Mi.ery. bBW-H'1'MB G"'n TIlc         of All Remove Unhappinetn. ShH-9*   9 Cure Sickness without Know.Wbnt Other. Arc SBT.f WJ Medicine Doing P!H otr^sl G*in the Loto of Be Lucky. fc^ \K^M OpPom'te Sex      Prop=rly vTr Mj Moke People Do Your Regain Vouth iind Vigor ^m^^r^ Mm Bidding RemoTe tlic CftuMt. iX3DCllm^SBt   Bnclc Happinetft. Cet Buck Stolen Coodi Call -Your Name 12  9 Kankhcad Highway Almand Park or River Car to Anthony Street i  p- i- ESS Pottaf s*^~3W/7Sm Made with the finest        s-\ perfectly matched to PfflrlS^?^j' i*? an          HBKMKaWTjB i i  with then tint  quality HUMAN HAIR ITMJBBuTrSPEr ^T attachments, we wilt     ^        ORDER TODAY! F.~G.'s SPECIAL PAGE BOY *495 (Extra Thick and Extra Long) V-ROLL S3:25 /^k This  thick HUMAN KfflH^^W' HAIR V-ROLL add*  to ^Bk. your hair and glamour and /^BEpTflfll^kL beauty 'tor your, appearance. fBK^^H C^G?;O^-S3.25 For best results send sample     ^^M of hair or state color. v^RHV also BRAIDS. FULL WIGS, ^1  F. SG.HA!RPRODaCTSD.Pt. a P.O." Box 99. Station "M". New York 32, N.Y. I</t>
  </si>
  <si>
    <t>                                           Card Of Thanks                 Tlie family of Mr. Luther May' eld wishes to  the many friends fnr the f.. , and cards. Wr_ thank tho min?t(.irs for .  words. Also Hautalirooks Funetal Home f ir lh"ir efficient Korvice. Mrs. Indiana Mayficlil. wife I Mrs.       Kortyr Airs. EIoi?c Hntehins Mrs. Azalior Tolivcr. sisters I In Memoriam In precious memory of Mrs. Kcsa I B. Wright who   life A year* ago today. November 1". 1942 "We -wish you could have stayed with us although your Days were true. God called you to a     "9t reward. I He had more things tor you to do. Yet when lifes journey is complete at the setting of the Sun. Well hear the master call to all. My servants All well done. Mr. and Mrs. William H. Brown friends R. 96 Fitzgerald St. S. E. Apt.</t>
  </si>
  <si>
    <t>                                           ovi:  too si.vsv with .j.-ictr Ilak'.v Joan Parker ami- "The Great Flamarlon" -with- Erich Von Strohoiin Mary Itolh Ilnidhrs  " AJTBIl D."  I. and All Color^il Cast Also . or Tin-: Btr. hoi sk"  iih l..     IMUi-rls ami M. Marllii Plus "Wlift's (" ASH*v TUCK TRACY" ni Hi- MorRnn Conwsiy-Anno Jcffi and ' THAI'." -with- R. Hallnii K.\ST Strvr. KlftS in "l.ivr W'irns" ail, I TAN  S B.MrtlAS" T.6 DOWN DEATH" with All Colnri'd Oust anil "SADni.K MOUNTAIN " with Tin- - Rustm  ".Mr. U'asliln? fines To Tou-ii - Mulllail Mori'laml and Bwnda Slarr. ByporUr</t>
  </si>
  <si>
    <t>                                           This week, departing from the usual business-like manner in which we have tried to talk with the many readers of this column, I am taking advantage of my friendship with you to ramble around, using as a jumping off point last week's meeting of the Southern...</t>
  </si>
  <si>
    <t>                                           The Morehouse College Maroon Tigers have only three days to round-out their intensive drills for their tough weekend assignment against the Lane College Red Dragons. This heated homecoming battle is scheduled for Saturday afternoon, at 2:30 o'clock, at...</t>
  </si>
  <si>
    <t>                                           DOUGLASVILLE, Ga. -- Sunday was pastoral day at St. James AME Church Rev. J. Bloomfield in charge, Miss Glace Cox left Sunday for Pittsburg and other points in Pennsylvania Mrs. Zora McCain and son in law, Mr. Sam their sister and aunt, Mr. and...</t>
  </si>
  <si>
    <t>                                           The "Kick-off," banquet to herald the eighth annual presentation of the famed Beale Street Elks Blues Bowl Game wan held last Thursday night at the Harmony Club, 320 LeClere. Avenue. The game will be played on the night of December 4.</t>
  </si>
  <si>
    <t>                                           Madam Eva RESULTS /\P"!fe     consult alt MgH a FACTS A S D *1En B YOU CET 5^   World1, greatest "N J-L' ^T-^j? . After  J^^^is^jH other*, coma V^- ^fj^EH w th your prob"4 fyt-t 'cm* la j^  j?     and         TMffi/ who know* all* iSc- SPECIAL READING- 25c SHE G I;VES If you hare trouble with  or wife. be ture and      at once. Office bouri 9 a. nj. to 1O p.m. daily and Sunday. 1015 W. Marietta Street, N- W., Atlanta. Be sure to take tbe Inmu Yard Street car. Pleaie ask tho car conductor to let you off two  on the other tide of King Plow Co.. Atlanta, Gn. 25c- SPECIAL READING- 25c Your Lucky D*   nnd Month* Given     . Bronchial Coughs Due to Colds Spend -15 cents today at any drue .; for a bottle of BnCKLET*S CAX.\DIOt.  KE- triple acting- acta  to help loosen up thick,  phlegm  irritated throat membranes and ease Sard  spells. Try It the      next  a cold results is 'a wracking, stubborn cough- find out for  how (Mod and effective it In far  due to colds. G'.t BlICKLETS C/\ - made la tbe U.S.A. TOPAY all , eS I HaaaKl^ V^~   ^l^BBBB^S^ laf -MWiKl at BBW^/^aV^^^^jlt^ ^~^aV^^SkL mJ V^m^bV^^^I Rw3^^^^^V^^^^^     Italian Swiss Colony ISow ^ale In Atlanta At Your Favorite California Wine Retail Store Dl.. NATIONAL DISTRIBUTING CO., Inc. AlUUlla, Ok.</t>
  </si>
  <si>
    <t>                                           FOR THAT 2fe^ 7   CC6  /~~?fe</t>
  </si>
  <si>
    <t>                                           i for that TOO C^^JJl^ ^^S^BP^^^ ^^r There is no other hair           *r like*    , mild, maty- S^BKB/ I le-us*       . 1(  the hair by   J!u*tin9     Wi^Kftf. Lii'X i  cr-lU trove* hair . nolt. oos^* to manor)*, ^BJttC5^     i\  No hot combs... no strong ... *~'^BGS^'W'^^^-V# Conydo is   1'%d...      '   proved and           ...il VHvJ'l^8tt^t\/~ i W            . Try Eoiydo and be . ^ft, ^^^r*Y j U tt  t  ou1 thf best that s in your ...if it ^BBftffig/ do*~n't  n vw  r^. your money ^rill b* ~/'^'^V^K^ Telyoded. S^nd lor compUte (uII-bua ~*t today* ^^r ^^P' N $ #35! r 3M9 A    *J^fc^^_      *lry Cry, MinetMt 1 M^^^M^^HfVvUPir^Mr  5118 Q Ck^fc Hmr      C S-*"l 0   .  ^^^VVjgBK^J^^V My M*~ kMk U   *T*~ ^m* wt        .~ nr    *.</t>
  </si>
  <si>
    <t>                                           The power-laden Kentucky State College Thorobreds chalked up a clean-cut, 13-0 victory over the Morris Brown College Wolverines, Saturday afternoon at Ponce de Leon Park, before more than 3,000 fans. The Purple Wolverines fought stubbornly in an all-out effort to...</t>
  </si>
  <si>
    <t>                                           THE FRIENDLLY CHRISTIAN CLUB will meet Thursday, November 21. with Mrs. Ethel C. Fowler of 56 Taliaferro Street, N. W. at 6:30 o'clock. All members are urged to be present and all officers are asked to have their annual reports ready. The president...</t>
  </si>
  <si>
    <t>                                           TIM TYLER ByLYMYOWG                 ^^^^By^S^                 __:1^___    ^-. SALLY SNICKERS ^~                     ^   a ~**JJ           '''li"~~i*""  'M*''--l-'~-~""" -~^B^s===r.-r=~=~*.^ -^~5   !tW!BP- B HORACE ELMO USELESS FiiQTAnE ,UU^CJ ,</t>
  </si>
  <si>
    <t>                                           USE OUR CLASSIFIED COLUMNS They Get Results!</t>
  </si>
  <si>
    <t>                                           Florida A.  M. Head Bares Vets' Plight To Senator Pepper                 TALLAHASSEE. (SNS) Dr. William H. Gray, Jr.. President ol Florida A. and M. College, return- i cd here last week after conferring at length with Senator Claude Pep- i per and other government official* in Washington, protesting the fail. lire of the Veterans Administration of Florida lo establish appropriate educational counseling services for Negro veterans in the state. Dr. Gray also called the matter to the attention of W. T Coiner. Director of Coordination and Planning, in the Veterans Administration. Washington. D. C. who is a native Floridian. and assurance was given that immediate action would be laken to make more satisfactory counseling facilities available to the 3ii.0()0 Negro veterans of Florida who have returned from   duty. OPA Rent Office Announces New Phone Number Effective Monday, the telephone number of the Atlanta Defense Rental Area Office. 441) West Peachtrec NW., was changed to CYpress 4703. Richard W. Florrid. OPA Deputy District Director, said lust . Previously, the rent office was served bv the same switchboard ns handled calls to the regional and district offices of OPA. located in the same building, and as a result many landlords and tenants had difficulty in reaching the agency. Mr. Florrid staled. "We can offer much better telephone service tn the public in the future," he added, i Other improvement.-: In the phv.  layout nf the area rent office, which serve? Fulton. DeKalb. Cobb and Rockdale counties. Include a large and more comfortable reception room, he said.</t>
  </si>
  <si>
    <t>                                           "12 E\       .*o(l Attendants- Wione WAbiut :597c INDEPENDENT . HOME On You Net-el Any  To Do Your C1 SHOPPING EAKLY7 If so we will be j2rla.fl to h;ivo you c;ill or. us. LOANS .MADE AS LOW AS $20-00 WALL STREET FINANCE CO.. INC. 12'/; Wall St.. S.W. Atlanta. Ga. Announcing I To our friends :md former i I customers We Are Now Located I At Our i New Loan Office TO SERVE YOUR MONEY NEEDS i PRYOR FINANCE COMPANY. i INC. ."55 Pryor Street. S. VT. Ground Floor of the Kiroball House</t>
  </si>
  <si>
    <t>                                           GETS ATLANTA POST- Mr. High Hill. 1937  of the Atunta University School of Social  Is now -eci with the Atlnnta Univ. Vetorans Guidance Centvr as a Social Worker. Mr. Hill, is a native of Baltimore. McL</t>
  </si>
  <si>
    <t>                                           I "  Evelyn Keycs, Wilhirtl Parker and - TS or " All Colored Cum Also Who's Guilty" ROYAL ' Jui'l MoCrra. Gall [Uwsrtl mid "Pliantoni Kliler"  "YOU CAME ALONG" with  ii Cummlngs, l.    )i lh Scott -^j PUII'l.)-: . STRIKES'  Wild Dill Elliott. In  Sheriff nf Itnlwood Valley" 11 nd "I'lirplr MonMtT Strikes"  .lolin Ciirrictcl in "Tli.-y !\r.     Mi- A Criminal"   .\ " s '/.E IttlCKAItOO"  All Colored Cust and "IViliral Operator No. 99" MONEY For Salaried People Kriemlly, Confirlunlial Scr\'ii o DOLLAR BUYING COMPANY 25 [ Arcade  (I)owr Suin)</t>
  </si>
  <si>
    <t>                                           JEAN WORTH Overcome Obstacles And Hidden Fear* Thaw     Things Within Your       Tell*     How   - Know WhM    Dm Get A Jofc. m^m^^m Kaovr When To Do It Banish Misery. LB-l FlH G*lD Tte Remove Pnnappli- ^~  -~-B9 Cnr* Slekneai  Know What OUitn An ^B f l-KI Medicine Dolnc. N*^-^fl O*1"      Be Lucky. L^       apposite     Gain Proptrtr K 1/  Maka Peopl. D* Tin Retain Towth TlgM ^.^1 Ulddlnc Remove tbe-CSOM. HBi^SflB Rrlaf Baek          Qet'Baek Stolen Good. Call* Tear IfaaM -l^S-JJankhead-HlgfnfHjr^-Part-W^v^ to Anthony 8t. 5 A Hearty Welcome BAPTISTS HOTEL ROYAL SOUTH's MOST  HOTEL Where SERVICE is the Watchword and Our GUEST Is, KING, I.. Tub and Shower Baths MRS. CARRIE CUNNINGHAM. Prop. 211 AimURN AVRMfR WA.,2077 HOSPITABLE THAT S THE WAY ATLANTANS ARE Every effort will be made to make you happy, to afford a glorious week to every one of you. t L We Are Honored To Welcome You Baptists W. S. Holloman INSURANCE AGENCY 905 HUNTER ST., N. W.</t>
  </si>
  <si>
    <t>                                           Division Leaders in the Annual Membership Campaign of Phyllis Wheatley Branch YWCA have Captains and Workers Raging all over Atlanta in order to reach the designated goal of 5000 RIPE MEMBERS 'Responsible</t>
  </si>
  <si>
    <t>                                           mi;~. t;. m. mi i:m:tt cai.i.kh T" \v.\.-:;ixi;t. iv On  ol Mine*.-  f a:i aunt. Mrs. G. M. IJuriu-tl. ;H-.~iar.:c(l hy her mother. .Mrs. Manic Hearst, was called t" Washiiiirii'ii. I). C. They will  1.~" visit fii'.ncl* and  in l^.' and Now York City. Krirnds arc wishing them a safe trip.</t>
  </si>
  <si>
    <t>                                           Goldsmith Sibley and Emory Stroud took the spotlight in the annual Atlanta Open Tournament, played over the New Lincoln Golf and Country Club course. on Labor Day.</t>
  </si>
  <si>
    <t>                                           SPEAKS TODAY H. S. Byncs Nlacon. Ga..  and publisher of The Sunday School Worker newspaper and president, of the Dencon's Missionary Baptist Convention of Cicorgia, will deliver an address to the National Baptist Laymen's Convention in session at Ebenezer Baptist Church, Auburn Avenue, this morning at 10:30 o clock. His subject will be "InteKratlon of Missions lino The Tolnl Program or Christ inn Education." He will also join the press committee of the National Baptist Convention.</t>
  </si>
  <si>
    <t>                                           Men, Women T Are y.n    Urcd. miserable, distressed to improper elimination? When your system becomes clogged, yon feel logy, older. You !    ambition. Your organs of elimination don t function as NATURE Intended. Use SPARK SEEDS to aid yom  to function properly. Help to GET RID OF TIIP WISTnES8 THAT PREVENTS YOU from enjoying a more natural life. Life will take on greater pleasures for you.  SEEDS are Nature, own product. Send only J2 cash, money order, or check and wo pay all charges. (If C.O.D. $2.25).    GUARANTEE you must be  atk.fied or  price  SPARK SEEDS today.  SEEDS CO.. Dcpt. Ml-S 230 Broadway New York 7, N. T. How To Relieve Bronchitis Creomnlston relieves promptly because It goes right to the seat of the trouble to help loosen and expel germ laden phlegm, and old nature to soothe and heal raw, tender. Inflamed bronchial mucous . Tell your druggist to sell you a bottle of CrvomiUslon with the understanding you must like the way It quickly allays the cough or you are to have your money back.  for Couehs. Chest Colds, Bronchitis</t>
  </si>
  <si>
    <t>                                           Bishop John W. McKinney, pioneer prelate in the Colored Episcopal Church, is dead. The end came to the prominent churchman at Sherman, Texas, his home, Saturday, August 24th, following an extended period of failing health.</t>
  </si>
  <si>
    <t>                                           FELIX THE CAT Sullivan                 i  i L.Li\ Lyman Yonog</t>
  </si>
  <si>
    <t>                                           JOSni'A JONES                 By I. r. REYNOLDS                 Brother Bell again says "too much within has been Ilir cause of many a sin."</t>
  </si>
  <si>
    <t>                                           Climaxing a successful season in Atlanta the Clark College Panthers prior to their departure to battle the Wiley College Wildcats at Marshall, Texas, were honored at a Banquet in the William Henry Grogman Hall at Clark College recently. Places were laid for...</t>
  </si>
  <si>
    <t>                                           THERE S ONLY ONE MADAME ROSE PALMIST Guarantor. io RnJ Yonrentipe life,     , present, ^^ ture. Ask* ao  fill fl bul le"~   " 83 I" i'E *ou want M3*l     ] ' S'ving names HM-*~ Q dates, and Tact* r58L^\^^           love, fik T^^     n*a'*k family  f*   ,  whom BSk \jf m ?ou' w^l  and 08^ft^^^-  over como   rivals Jerer'i ,  .           blocks, and bad luck of all kinds Reading* 25c daily and Sunday, 9 a. m. to 10 p. m. Yon will find her  than all others There is no heart to sad or home so dreary that I cannot  sunshine in it: Located at junction of Bmdj Avenue and Howell Mill Road. 1060 Howell Mill Road. Bo sure to take the one car Howell Mill Road car- Step at door. Kowell Mill Trailer, front of White Provision Company, Atlanta. It pays to see the best Is this city      Byg \f\  Mlmstss  S Ohm 4S^Ir^^ MA.  308 ^^^S^ Nlsh Williams, representative, Ra.</t>
  </si>
  <si>
    <t>                                           Atlanta Slums Hit AsJ^e-BreedeES                 Lon Sullivan, director of the Georgia Citizen Council, Monday scored Atlanta's slums as ~'breeding pools" far "crime. Immortality, juvenile delinquency, disease, ignorance and "intolerance.**                 Declaring that 39 percent of the city s population lives la slum areas, Mr. Sullivan said: "If Atlanta- Is to become the great progressive, city which is within her reach,          private builders and the real estate people must provide dean, adequate housing at low cost for the people who live In these slums or the Government must 'do It. Those slum areas are costing you an dthe other citizens of Atlanta '^'W awn thousands of dollars.' Sullivan pointed out that Atlanta has 10,000 housing units without running water,- 22,000 without toilets and 28,000 without baths. He asserted that "The Atlanta Housing Authority has done a magnificent Job In some areas, but the estimate that there are still 137,000 Atlanta citizens living in slum areas. He continued, while coupling his statistics with a blistering attack on opponents ol low-cost public housing:                 "If the home builders and the real estate members had ever thought of community, progress which would benefit them and all citizens. Instead or too often concentrating on quiet: profits, they could have pooled their resources- a=d they still can- and build lowcost housing and there would never have been a need for any big public housing program. "If the National Real Estate Eoard and National Housing Home Builders Association, which in effect are powerful unions of management and ownership, would spend just half the energy and money trying to help meet such community problems Intelligently as they spend lobbying and propagandizing against government-subsidized housing, they could have eliminated the need.'</t>
  </si>
  <si>
    <t>                                           Lon Sullivan, director of the Georgia Citizen Council, Monday scored Atlanta's slums as "breeding pools" for "crime, immortality, juvenile delinquency, disease, ignorance and intolerance."</t>
  </si>
  <si>
    <t>                                           Xhurches Can StiU Boost Chest Gifts                 Official* for the Ncsro Division ot Ihp GrtfiK-r Atlnntn Cnmmiin- ity Chest Cnmnaizn made :i final j  hrrc Fridny lo  In Crenter AllnntA in turn la nil funds tr. tin- ChesL . 5; Eiitler Slreol. no later than      , November 11. Some                 have not yet made their contributions  nd It is     hope of (he committee that these funds, lite those of other individuals and organizations not yet contributing, will be sent In nt once. All contributions up to $fl donn- i       br organizations or Individuate will continue to        in these column* until the list    . The list fellows: St. Stephens Clurrch or C(~l SJ1.T2 Wi^it .Mitohrll CME Church 10.00          HuptiM Chnreli "1.2X I Mr. L. WHjht -,M Mr. Jolin II. Rrnwn 10.00 Rainbow Choral Clul) 17.00 Seventh n.ay AdvcntiM 10.00 Mr. M.   . Kennedy 10.0(1 i                 A. Arm-id 5.U0 l. Kaplisl ( .(K) :   .   ,,r:i Mills 111.00 Mr-. .1. L. WIhvIw 10.IMI     * American WtHiilimtn 3.00 Mrltu I^.t Stcma Club .1.00 I Mr.. Slicnviinil J.G4 Mrs. Annie IS. Eimis S.OO Miss Anna K. IZaint**i 25.0a i Mr. Jiimes Nicholson .".00 Mrs. Ji'nnyc Clark .1.00 Mrs. i:. M. Com'j 7.00 .Mr. Hnlxrrt Cowan S.OO   -v. Wj, K. Ilcrli.r 5.00 Ifurrli f\v Niirsf-ry MoIIhts 5.to j Carl        ..    5.00 StliilrnU. at Krid ISnsini-ss j Collt-cr 10.00 I Mr. Carllon IV. .".00 I Mrl.~- Cnmmiinitr Cluh KM I Thr Third Ward Social I Tiuh r.M Mr.t K. A. SaO.IIrr ."..00 Prv. n. .1. Carlrr 10.00 Mr. and Mrs. .1. I.. Kilpnlrirk ...1.00 (        -I on back p.iRf)                 Churches (Continued from parr t) Mr. Henry Thomas 5.00 Mr. and Mrs. \V. L. Junes 5.00 Battle Hill School 6.30 Mr. Thomas L. Ash 6.00 Mr. U". A. Qullian 5.00 East Point School 52.18 Hyclnlh Art Clnb 7 JO Swift Oil Mill Employee:) 17.00</t>
  </si>
  <si>
    <t>                                           Officials for the Negro Division of the Greater Atlanta Community Chest Campaign made a final plea here Friday to churches in Greater Atlanta to turn in all funds to the Chest headquarters, 22 Dutler Street, no Inter than Monday, November 11. Some...</t>
  </si>
  <si>
    <t>                                           WELCOME BAPTISTS May Your Convention j Be Successful And Record-Breaking Guaranty Life Insurance Co. Atlanta Branch: at 250 AUBURN AVENUE We Are Proud to be part and parcel of a city and a .section famed for hospitality to quests. The coming of Baptist people from every TTi point of the nation afford us opportunity to show how hospitable, how cordial we are. YOUNG S Artistic Barber Beauty Shops   ;;  ST. ja. 'j:m7 55 UKCATtlK ST. JA. 'J'iJS  J23 HUNTER ST., N. XV. KA. *J:Jia 9Z7 HUNTER ST.. N. XV. RA. 'J-131  FAIR ST.. S. W. JA. -1S1G ( FAlll ST., S. XV. JA. SS01</t>
  </si>
  <si>
    <t>                                           Card Of Thanks                 We v.-sili to Ihfnl; the friends and tin^ tor l-fci ir orris., flowers tr- and tor n.-c of their cars o'.inn? '.he siL- and death of c u r darlin? rl.-. Carolyn Burncs En'-. We  wish to I  v nr Pollard Funeral Home ;.r.d the ro  Temple Church. :.trs. Hattii Barucs  Family I Card Of Thanks To my n:.iny  friends who Acre no liberal in their sifts and kind expressions during my recent ;!li:es.?. I wL-'h     extend my heart- felt thanks. Only one who has ex-  bei:iL' shut-in can            ;ood the depth of my appre- elation to you. May Cod's riches'.  conic to you. i Mrs. J. "~V. E. Bowen.</t>
  </si>
  <si>
    <t>                                           .... at rnz-'Wwi 'Pieces r           Siiites ](~J(BrP^ (Featured herewith arc only  of the many outstanding value.* in bedroom .uite,. If you need a bedroom iui.,. dm* this      ?rM KlM.rOOI.l Sllill' (spectacular event. Poster Suite. ..Walnut Fmish "9850 I There'."  finer than a  lir..il l,.-,li....m -nil.-. Our       . A ^-B'*** 'lf '-ln-il ;mtt ;  .~..-..;- ihi-: ~.-l.-.-~ in.u ill.-  Three Pl*ee*     P I l.     in III.-  i..p.iU Snii- fini-li. an 20'.". I bv Imyinfc        i:^-ly a^ \w  liaw ?-i\ Miilr* nt m-II. V Tiiii          bed. 1 rp^      .l mirror vainly.        - J ~-r v-~,_  t "f , beautifully  in . Tin*  ban l--.'n ^^^r^^-:^-SI--'-i-ifi'''^r:^^t^  priced lor , sale lo only $B9.:.O. Only lo.ir lu . I -wB-rrta^JJ-rS^S^^^i-.--^'-'^^-^1^f Colonial Style Suite... J ~^''^^^^^^li^^-^^^^ (Only one lo vll; Colonial . maple       :  of panel bed. V*V     jH ji^S^SwSS^^^ larRe chest and vanity with Uanfwood interior*; very well made; an I ^''^ **^J 3^'        ^^"        in fine bedroom      . { '"^"^^T^i^~^r^^' Colonial Maple Poster Suite 100% .50 lit., CoiUutt Felteii ll.itd ~^s ^HS,~12450 S1975 I For two     ; Friday mi Salnnlay ur. are reducing ibe  on nur V Anolber remarkable  in a bedroom ; threo ,             co((on      [J (.s,t., Io ,~,c ,,~,,,v,.  mv pr;ce. lluy now, of poMer bed, deck chett and larRe me ; Colonial style, -  i, limited; but v,c do have 2fi lo sell; full or iwin siu;. I fully  in maple. Anotber JIathrt  alno. Only two lo mIL I ,w^~*-~ t ,fli, ^*      .[ Uvieg  oom Suites r- jj\ ^JP^^^#\/7 t^'.- S Regular  133.50 Suite "^^^^PN ^^-^V  98" i"//M^./ Tvo           pint^: full -. constructed:  '   . '^Sfc w; -'JlfeiOf ^^S%1  in fine   tapr lry of lil r bris.:. A truly     "^***-- ^_W S Ki.ic-lul Jefiiiii; only m of  to ?ell at the greatly  cd     -~. \^*    *^ i' '57TT*i Oeuiiine Lansoii Sofa ^.^^g S24.50 A Beauty! 1_ 4 *P ^^tW^ "v: ~"): "!Mli- "I'M"""~ A^ ft '-.- \t ~*1    XN1IIC "r ::il"-'fll1)' ul11*          specially pri.Yil -fa: bat deep ibn--fii.~         *^- C^^V^^^~' J:"^ ''"l'"'i '1- baci. Hud  .        upholstered in i   mall r^j ^.Tfc, ~*%!~~~. vJ S^i fei.  . Be sure and fee tbis  in a  -oU. *-   _^.  'T ~^^*~''Si C.          (!n!~' I)~~               . ro^ul.-ir price, S2 1~.OO. J'iiwd lo ^.j- -y C m u( blue  r    . Hinn.-k. ij.-~i)- ;   4    ;ill V I in.- .ir.iM.iii.il i Iiuii. u bran* t "^~--*-^.*--^^g-^~J^!~. 'iS'*'! S/fl T.'JO li!,"1 ':       ';*'1}1.1 ^^fefc-'^^^^^!^^^^^11^6'^  l"1'  li: 'ri"": li:M." W -K:u-k Chair 7-Drawer Kueeliole Desk $37.50 Cl^eit             done in walnut , run 7-draKen:                  i- / ?;SjSif55   ;^i?* ^ The desk ii priced at f S7.5O and  chair u priced at        '~.~~i*~1' J*V \i V- fine group for mi little . ~^^.v/--^-~</t>
  </si>
  <si>
    <t>                                           '.MISS "- Mips Mliinm, Holmes, of Atlanta, Oonjia, ai junior at Clark Collcsfo, who will j                 lend the festivities nt the Homecoming Dance on Saturday night, XovumliLT  in Crogman Dlnlnc Hall mi the Clark campus. Miss Holmes' attendants are Miss Mattic Jloselcy, junior, of Athena, Ala. ami Miss Thoinasina Cooper                 r.f AiikukI:i, Cla. (Photo by Wii-. Mains)</t>
  </si>
  <si>
    <t>                                           Plans have been completed at Greater Mt. Calvary Baptist Church for celebration of the 19th anniversary of Rev. and Mrs. B. J. Johnson as pastor and worker of the church beginning Monday night. November 4 thru Sunday, November 11.</t>
  </si>
  <si>
    <t>                                           In Memoriam                 There's a picture  on our wall j Ol one whose name we love to call. for it brings buck to us other days i T!:at brightens our home like the morning rays. Although in the home there s a vacant place We can look on the vail and see ihe Jace. j one whose voice once mingled with ours One who shared our joys and sorrows. I: is a picture of one whose name. v.c cherish And from memory it shall never perish. For back of the picture is a life I well spent. .The life of one whose efforts were tent I To be a light and a guidance to all, j Hence we reverence the picture that hangs on the wall. Mrs. Lizzie H. McDuffie Mr. James McDuffie Mr. Joseph A. McDuffie Mrs. Tynie McDuffie Mr. and Mrs. Thomas Glass Mr. and Mrs. Adams SlantielO I Mrs.   ;ona V/                 To Mil. 1 H. McDUFFIE Wiio ti:~l Januarv 30.  I A PICTURE</t>
  </si>
  <si>
    <t>                                           Government Completing Howard Case                 Condition Of Monroe Brutality Victim Improves                 The Government Monday launched into che completion of its case against the white brothers. James and Tom Verner. accused of the January 1 beating of Golden Latnar Howord in an attempt to get him to reveal what he had told the Federal Grand Jury which held hearings in                 December into the Walton County j .gs. Agents of the FBI are known to be putting together all available evidence against the duo. Meanwhile, Howard continued to show improvements at a local hos-^Stai-SJearrng- 'Scars^' tUr ordeal he reportedly underwent at the Monroe ice plant. Howard's face-sn- had receded considerably Monday and Tuesday. He was rr.crc cheerful than the day he was found at the home of his grandmother in the Grattis- community and later brought to Atlanta under auspices of the Georgia Citizen's Defense Committee. ATTEMPT TO BEAT CASE { According to the FBI. James Verner admitted beating Howard  he did it to settle an old personal grudge. This was seen as an attempt to escape the severe federal penalty which would be applicable to the case. The Verners are charged with I "unlawfully injuring Golden Lamar Howard because of his having testified before a federal grand jury" and 'conspiring with each other and with various other (unknown) persons to -injure Howard because of his appearance before the grand jury. Both waived hearing in the appearance before United States Commissioner J. T. Middlebrooks and were released at $10,000 bond each pending trial at the next term ot federal court. j The Georgia Citizens Defense Committee continued, its effort on Monday night to reach a higher financial mark in order to offer bet- j ter protection and care in, such cases as that of Golden Lnmar Howard, victim of the brutal beat- j ing of January l. I</t>
  </si>
  <si>
    <t>                                           The Government Monday launched into the completion of its case against the white brothers. James and Tom Verner, accused of the January 1 beating of Golden Lamar Howard in an attempt to get him to reveal what he had told the Federal Grand Jury which held hearings in...</t>
  </si>
  <si>
    <t>                                           CHRISTMAS ^^/^1^-p-J CHEER It takes too long to say all we d like to about the pleasure it s been serving you this year so we ll just say, "Merry Christmas" Dr. Bender's 124 Peach tree Arcade</t>
  </si>
  <si>
    <t>                                           Justice Department Officials To Try S. C. Police Chief In Blinded Vet Beating                 NAACP Secures Action In Vet Blinding Case                 America, England Aroused Over Cruel Beating Of Veteran                 N   (SN'Si I'olii-o Ctiiof Lynwor.il I.. Shiill, of Kntr--'.  S^. Immt Snliirilay fur hi.-  in L!. S. Disliiil Cnitrl NVivemhor 1 to ]    -jr"s of ; tho civil  of Isaac Woodard Jr., Negro soldier of tho . who  he worn                 j blind n- a result nf a ; I          by Shull. j 'Die horii] v.n*  before l..:. S. I'ommi.-s    . Heverly I Sln.'in. 1 1 was ." by three I ~{;iii-.--' i II. Errv-si Quarles j Jr., mayor of the town: E. Jones, I former ci::iii iii;in i)l' Hie Slnte Hi^lij wny CommissiMji, :in*l If. Fletcher Hiiiitwritflu. Tin1 l;. S. Justice Department tiled a criminal information in Federal Court here Thursday ; thai Shnll had ' and " the soldier lasi- Fohrnary 12 in violation n( the civil rights statute. Rhnll told reporters ho struck Woodard across the front or his heart when tno soldier attempted to take his blackjack out of his hand as the  was arresting him for allegedly  a disturbance on a bus. i ...~~ii Limiii\t.y  H M' u?l\i month s battle by the NAACP to se- I cure justice for the blinded veteran. Seldom l-.-.l Slnliil.Pulilic interest whs further         by the lu?liro Peparlmetit's  on Pace 4) }                 NAACP Secures (Continued from  1) decision to prosecute the Batesburs trooper under a seldom-used statute passed by Congress in 1870 to give civil rights to Negroes and implement the 14th Amendment to the Constitution which                 abolished slavery. It is one of the few civil rights statutes in Federal law. The statute however is so narrow and the penalties it prescribe are so light  Attorneyi General Clark has announced he I will usk Conirruss to broaden the entire civil liberties laws in order to give the Federal Government more power to intervene where states, as charged by the NAACP in the Woodard ease fail to uphold them. The fight to insure federal action in Wuodard's behalf, first instituted by the NAACP in May, touched off a nation-wide wave of public indignation in the south as in the north. The shocking parallel to recent N'azi storm trooper sadism was widely noted in the foreign press after Stuart Gelder. famous British war correspondent and now chief of the London News Chronicle  in New York,  the story in London and Calcutta. American public attention was further commanded by Orson Welles, who devoted several of his ABC network broadcasts to the Woodard case with information supplied by NAACP investigators. As a re- suit of his unprecedented demands for justice. Welles' pictures were' banned from the theatres in Aiken. S. C. and he was hung in effigy in a demonstration in that. city. According to a highly informed source, Welles will no longer broadcast his overwhelmingly popular Sunday afternoon program, 'Obedi"ently Your?.' after October 6th.</t>
  </si>
  <si>
    <t>                                           NEW YORK (SNS) -- Police Chief Lynwood L. Shall, of Batesburg, made $2,000 bond Saturday for his appearance in U. S. District Court November 1 to answer charges of virlating the civil rights of Isaac Woodard Jr., Negro soldier of the Bronx, who claimed he went...</t>
  </si>
  <si>
    <t>                                           BAPTISTS' DIAMOND JUBILEE NOV. 12-14                 By                   Elaborate plans have bren  by officials of Iho Stutu Baptist Convention for the Dlumomi Jubilee celebration to be held in Suruniuih, . November 12-14, inclusive. TIjc Baptists of Guorrlii! nre out this year to lay on the u-i blc tlic sum of $30,000 to be used!                 lor missions and educational purposes, including the erection of a new building on the campus of Brynnt Thcologicul seminary. Fitzgerald. Georgia. The president, Dr. U A. Pinkslnn. is expected to deliver his annual address at the City Auditorium before a packed house. His  os this year will offer Baptists ti program "marking another milestone in the history ot the convention. DIAMOND JUBILEE PARADE Highllehtiiiff the opening of the convention will oe the Diamond Jubilee Parade to be held on Tuesday. November 12. with around 1.000 cars participating in the  parade. Several floats representing local business civic and reunions organizations will be included, delegates arc urged tf wear S1.00 pinned to their coats, to be turned over to the convention for                 und educational cause*. In laid. Baptists lu Georgia enjoyed a banner year. BIBLE SCHOOL SLATED' Also on the Diamond Jubilee slate Is the Bible School to be -held each morning ahead of the opening sessions of the convention. Several prominent ministers will  as Instructors. Tim Woman's Convention wlU meet jointly under the direction of Mrs. S. J. Tluker, Waycross. Mrs. Ida F. Henderson, Atlanta, corresponding secretary,  that, women are out tills year to put over one or their greatest programs. KEY WOMEN'  Other key women slated to play leading roles Include; Mrs. W. P. McKlnney. Atlanta; Mr*. Barah Fisher Brown. Newnan; Mrs. An* nlc Hiudson, State Directress of the Young People's Department; MrjT. W. Smith, Columbus; Mrs. PoWell, Balnbrldge: Mrs. T. Arnold, Atlanta; Mrs. W. W. Wcatherspool, Atlanta: Mrs. ^f. W. Crawford, AtInntn, and others to bo mentioned Inter. Several  representatives of the National Baptist Convention will attend tho convention. (Continued on      V                 BAPTISTS (Continued from 1'agD One) TO SAVANNAH BY TRAIN The delegates will go by train over the Ccntml ol Georgia railroad to Savannah. Three coaches will be at their disposal. Several -   been :ir- 1  by the local  un-j dcr direction of Ilov. N. E. Holsey.  pastor.</t>
  </si>
  <si>
    <t>                                           Elaborate plans have been made by officials of the State Baptist Convention for the Diamond Jubilee celebration to be held in Savannah, Georgia, November 12-14, inclusive. The Baptists of Georgia are out this year to lay on the table the sum of $50,000 to be used...</t>
  </si>
  <si>
    <t>                                           Air yon  H^'1 An- ."ii  iJc  hr;     '.i      .v Mniitlp'oi uf .sli'*ii .T.s testily   " t It: spirit iiu) .': tin y  n*ct . It i :iM" I r*m1iji*.~l ;tlj(iiii Jli'flllh nr Mirri-SN ronic .v. With Guit ;ill i hini'.s sin- pri.s.. C:ill Ui'V. Kriicsl Swain. .  ):il ;*:(.r. .Ju.  li(Kl. ].  7 Houston SI.. N. Iv Apt. 7. Mrs. Ifl A. M. to 7 P. M.</t>
  </si>
  <si>
    <t>                                           Our Latest Creation       Fllf.NCIl WOVEN ^^^^BB PAGH ROY ATTACHMENTS-$:;.:   j^^^l^L .AR PACK HOY $:) Od  SATISFACTION OUR MOTTO "^^^^fi AI.I, ITEMS I'KlliKII SKI .Y We also carry Natural Human Hair Cliicnnns, Tuffs, Braid*, Half :     All-Over Wirs WRITE FOK WEE CATALOG Nriirt  of   r  .. I'ny          "   . ~{i:i-IAIJLl-; HAIK COMPANY 545 FIFTH  NEW YOltK 17    (ltK Krliahln  Co.. 51.1 Fi'lli Avr.. Ni'M       17. N. V.. l)    . SNS I'ane Hoy (:..) { Clilxmw..      Rny (Frrnchj )l!lack Brown. NAME  CIT* J!O!~JK  Leon's Groceteria Say If You Want Lard Sk' Lean Fat Back Pork ., Vonl. I .am h. Pork Rriusiiuvs. Kent and l'i(~ I.ivcr, ^'. Kite. Navy . . , I'ish. SEE THEM NOW PRrCRS ARE LOWER QUALITY IS HIGH "OPEN "WEDNESDAY ALL DAY Leon's Groceteria The Store That Mas Rverythinj;" 178 Elm St., S. W. CY. 2592-2593</t>
  </si>
  <si>
    <t>                                           Burglar ~*~     !~[3t 1   '^"9 i           3JE;_i- i Ornawcntcl Iron cf every Dcscrijtisn. Call for Free Estimate, j ! W I R E AND IRON WORKS' 'I 111 . X. C J.Uk.o. SK: S. n. IWeMathT Kcprcsmtitivc Resident Phone lla. IS'" Madam Eva A- RESULTS i r\S".H      Hi aSS ft FACTS A X D I ~^E^a YOU GEX I ^^feg World'i Srcs(    I  N Ji'vCj^S . Aftei Nf\^S^Xtjrf other., earn \~T Vm. j       lo Madair I ^n/^ f E"~  nd     on I ~~'="~ who  kV j :5c- SPECIAL READING 2i I SHE C. I V E I t you h.*    trouble with       ' I  r *. \'c  ure  come pee. Office hours 9 n. m. to lf." j .i.m.  and Surtdny. 1015 \V ;~r;t!!a Street, N. W., Atlant.t *e sure to  the Inman      j ^rr.rt car.        ask iHe ea- I ' lo let you off i tops on the other tide of Kim 'low Co.. Atlanta. Ca. :3c SPECIAL READING 25. Your Lucicj D*   and Month* Given Free,</t>
  </si>
  <si>
    <t>                                           SEASON S GREETINGS P.KV. V. 1.. DAVENPORT Pastnr. I.ii'.~is;ty Siiv.-l Ilaptist Church, wishes his j members and friends .Merry Christmas and Happy Xfc\v Year. i By  M. .~l' Linsday St.. Pastor I.' will j j  ^-ivi.- !'      at li- St. He will  Friend- j -;lii;i Baptist Church. Sniyna. (~L'tirj.rin. i</t>
  </si>
  <si>
    <t>                                           Announcing To our friends and former customers. We are now located at our NEW LOAN OFFICE To Serve Your Money Nepds PRYOR FINANCE COMPANY, Inc. 35 Pryor Street. S. TV. Ground floor of the Kimball House</t>
  </si>
  <si>
    <t>                                           Sir Hubert Wilkins Armed scientist and explorer who has been a popular visitor at spelman college since 1930, returned to the campus on Thursday to present an illustrated lecture on Australia. So vivid and informative was the postrayal that it was not difficult to...</t>
  </si>
  <si>
    <t>                                           GSieariol Fennel P .;.s w;\ Hike orders for  ..- ( imprinted) at Auburn and Butler street today (Sunday 22nd) from 10 to 3 p. m. We will be printing Christmas cards from 4 -jo 10 p. m. today. We've got plenty on hand. While ^-ou wait Sen-ice. Also  orders for Weinstock's beautiful Christmas flowers. Roberson Printing Co. ins Auburn Avc. \VA 5S27</t>
  </si>
  <si>
    <t>                                           6 REPORTED DEAD FROM ALCOHOLIC                  Poison Liquor Kills 6: 2 In Critical State                 Poison Concoction Blinds Victims Then Kills Them                 Six persons died Thursday of alcoholic poison and two were reported in a critical  at Grady Hospital, as an aftermath of Christinas night,  party, in an alley in the Rear or 276 Decatur Street, SE. at the corner" of Moqre St. Two of the victims died early                 Thursday morning at their .es  f - Trtrtle --        - emergency treatment at the Grady Clinic While there was no positive proof City Detectives R. E. Little and C. L. Taylor. Indicated that the victims presumably' drank poisoned liquor. They based this deduction on the fact that they found two one-gallon cans of wood alcohol. CMethanol). a paint-thinner and several empty cans of empty  whiskey. The police listed the victims as folows: Joseph Lawson. 40. Rear Ti$ Decatur St.. S. E.: Ship Reid. 50. of 399 Auburn Avenue. N. E..  who died at their homes: Lois White Margaret Warren. 144 Moore Street. S. E.: T. C. Howard, 40. of Rear 288 Decatur Street: and William Wilson. 40/ Rear 286 Decatur. who died at the Grady Clinnic; Lizzie Franklin. 37 of H9 Houston Street, S. E. was reported to be in a critical condition at the hospital and the condition of Curtis Teaslcy. 40. of Rear 144 Moore St., S. E. was described as "fair." ANALYZE CONCOCTION While several members of the medical staff at the Grady Clinic worked overtime in an effort to save the lives of the victims, others began an analysis of the alcoholic concoction. The alcoholic mixture is said to have caused the victims intense pains in the stomach, at first, and caused them to go blind before they died. One of the victims was found dead in a dirty room at the Rear Decatur Street (Continued On PaRc 4)                 Poison Liquor ContlnaK rrom I-age One) address and another died on an elevator enroute to a ward, it was reported by patrolmen I. W. Belcher and R. H. Anderson. The officers made several trips to the scene of the drinking party, on Thursday, in an effort to gather information which might lead them to the person who sold the mixed drinks, and to get others living in the alley who drank the mixture to go to the clinic for treatment. TYPICAL SLUM AREA The scene or the drinking party was an upstairs tenement dwelling located in a typical slum area. The steps leading up to the substandard living quarters sagged. Walking down the dark dingy hallway, one could see locks on the doors, indicating that the six or seven rooms were used by six or more different families. The cracked walls inside the rooms were dirty and unsanitary and there was little or no furniture, except a cot, a table and one- Shortly after noon, Thursday, occupants of the dwelling claimed that they knew very little about the party. Meanwhile, neighbors stood around on the corner and discussed the incident among themselves, but were careful not to give any information to strangers. Bodies of three of the victims were taken to Murdaugh Brothers I Funeral Directors 71 Piedmont Ave nue, N. E., by Woodrow Wilson, attendant and ambulance driver, at the request of members their fami- lies.</t>
  </si>
  <si>
    <t>                                           Six persons died Thursday of alcoholic poison and two were reported in a critical conditon at Grady Hospital, as an aftermath of a Christmas night drinking party, in an alley in the Rear of 276 Decatur Street, SE, at the corner of Moore St. Two of the victims died early...</t>
  </si>
  <si>
    <t>                                           JOSHUA                 Bri.p.                          Brother "BdIN 'ttT* C'^OBM^</t>
  </si>
  <si>
    <t>                                           "We W.-K '47 A Better And Happier Year!"                 ^N^SvSV/i</t>
  </si>
  <si>
    <t>                                           The Progressive Bible Class of Beulah Baptist Church Sunday School completed its quota for 1946 Sunday of $450, beside its regular offerings of $200. This event will be celebrated at the home of Mr. and Mrs. Ralph Woodfolk, 90 Griffin St. Get one of the church's...</t>
  </si>
  <si>
    <t>                                           Just before Christmas, Broadway is not likely to be as good as it can be.</t>
  </si>
  <si>
    <t>                                           The St. Cecilia Children's Choir presented another of its unique dramatic Christmas cantatas, "Bella of Bethlehem.' Sunday afternoon at St. Paul AME Church, to usher in the Yuletide season.</t>
  </si>
  <si>
    <t>                                           Card Of Thanks                 The Senior Usherettes of Bi.x Bethel AME Church wish lo thank all members, friends and churches Tor making Iheir anniversary a success. Especially do we thank Prof. C. L. Gideons for his  address. Mrs. Lizzie Mac Willir.m.-: is president and Mrs.  Barilett secretary. Card Of Thanks We wish to thank our many friends and neighbors for  kind expressions of sympathy In -    tti O.1* l.'li J... Ull^..iu- 1 and use of lin-ir rars dining 1  of our  son. John H. Eraswell. We especially thank ihe Hatigii brooks Funeral Home for their  .i service. Mr. and Mrs. LntliOT I3r:  \ I and . I j Card Of Thanks j We wish  our many friends for Liioir kindness. sy:n- pathy and  piven in ihc i cent )1,; of our husband and father. Mr. Joe Barker. Sr. Wo ;iw  the Hausai.n- Funen'.l h.):ne for its ot  yc-1. Mrs. iV^ Uarki'r. wife and children. In Memoriam In  nf inv  . Jlr. Wilii.- Oilman Hras.-.'ll.  ii..  d this HIV In years   ". October -U. in:;~. "I      1 ymi but Josus     'ii you hest." Mrs. Ella ll.-if l Jrassell, -.</t>
  </si>
  <si>
    <t>                                           Due to existing condi- 'HwHl   r^*^^\~ -'jr ^^^^^^^^^^^B^^^^^^l^^^^^^^. tions, all our stores may V^^ l^-^vL r^**^^ ^^^^^B fl^V ^H^^^^^^^^^^^^^^^. not have all items - J\-~^vL r^'iJ^^'^ ^^^^^^M ^^^B ^1 ^V ^B t/sed. Moy we he/p you r^-^*~*' .-i^^"^ ^^^^^^V ^^^T ^B ^^fe^^^^^^ 1 make other welcome se/ec- J\**^'^ .^^^^^^^K ^^^K ^H ^V ^H^^^^^^^^ tions? "~~Z^*''^ ^^^^K ^^M ttf fl I ^^^^A 0^.~  II. Ayer's Set in v^^^^^l^^v Clamour.' l^^f^^f^^f\ /fr 1%^^^^^^^^^ In "OW mcls n 9  in rich Noil enamel, plus oily polish JLjs 'J'ijl';^fll^.'IS.V^y51Ja ^^^f^^iH* "^TaV -s"'~icf-'" 5^00 chocolate. remover and cuticle  IIU-/ 'Bl^IjlfeS-sAP^M! !H C^lR r^^-^R   "ur-' for her delight. J\\SrllhJii'B^^~^M^ ^   ^^ttM   * wo*r ond dustin3  CHOCOLATES, Morris dc- $~~00 fif***-^ .n^Z^r^^^Z^^^^' ^S^^r^^^^^ powder ofter-bath en- light to please everyone s taste! Lb V^^  ^i^!/f beauty'  n a' goy gift box! Dusting powder in handy shak- U wjj^y//X/$M W KpLd ^Jl^^L^^^^^^^^^P^/ a Tzi'.sn s'~~     ^p         \ in luscious, creamy chocolate. For your ^*v - y^^^^B For a      '   's  for  9ifts^3r5^4 /^^^^fc-j^l ^BI'i'^ljl "'{ M5-" -~^=f ZJ^^ 1^' I \Jr\ After-shove lotion. "Tonbarlc" cologne iy^^Xi /~A I bi5,!%C 5 Ct in V^^^^Z talcum in a dashing round gift box. ^m^ CHOCOLATES .MssfiH-i*: for  iex M^^lm i ^^% !^ssk ;  ?   7 5-r: /*^                /^^^^^N 'or a            : V^^^ "^^^y Light and dark  ^-ni /^wWm '       set V5^ I".1*. fo?gt d:'i9;:: ^^^L^J^}ym Wsl^S^l HowITnTiI'-p^ ^"1 89 \v      family (or /~^j^ ^^J^T Shove bowl, talc, after-shave lotion, McPhail jT \j^ v" 3 pKgs. , 5 s. s^ i.-y-'AhSt K DIV1, Pccon and Maple Walnut   50 ^~y%^y^Wtn MX luscious stocking fillers. Lb M. V $^''      $ijk Jf Mchucb's "Comfort"' I  v ^^^W  GIFT SET I N. f*SS^^/ TT*~tT*  ^VT. W. 4  iSd: 80  I F?\ ^Sll PIMXlWE^ nuts in flavorful condy.jp,, V'^\V^T/  Practical 9'ff to 1 Cfter, -^*^KKr///Z^^ CAtAVO FICS or DATES, perfect com- n^. ~^-\   ^ help keep cherubs hoppy and I ""e ^^^S^W/l /Mv  for Christmas cheer. 6-ounce packages. '$s comfy! 1 Cara Xomc ^5*^y ? For (he Vcrv Young w.wa. ^"7 X^~ 2"Lb* Tin: "   '     *~  " FRUIT CAKE GAY BABY RATTLERS A" lo .^^N .^.. ,^^k _^^^r**~ _^orc Bouquet from France in \^v^T^^ for Your         8*'~ ^^ffs^t 1SC I" 49C A*w^ Dainty Flacons! A treasure-  M^^' for Welcome      : -1"- /^~4"~fe)SS?S Cunning styles in pink and ^W j          y0Ur ! V Full of fruits and nuts delicately ^~^SS2  blus we show the dc- J^^ flavored fruit coke a            /N. lightful I oT\' 1^=^31 ^al*a ^omc COLOGNE goodie for the Yuletide season. gy^Hggg /y^. ^.^^v Set" I \f?"l v Bii "I"0  her perfume      3S(iay ^9   ^    \i l-Lb. TiHl "Alice  odd" FRUIT CAKE ^^^^fe?ly PLASTIC /~2\ ^^t*1!1*1^ f C^ You "locc? i^M ^^^f DOLLY     lbe$?    Pcrfcct for your Christmos ' ~^^Ni Cuddly size for tiny rosy   Qjc f^fW /VA 1 X the  prior \A/ to serve holiday guests to give L%^p?  to love! Washable,     IJiijL X to date of sale. V^Mr .          friends! Essence of ^^^^f</t>
  </si>
  <si>
    <t>                                           Merry Xmas</t>
  </si>
  <si>
    <t>                                           Mrs. Herndon Dies At Home                 I Mis. Jessie Gillcspic Herndon, j widow of the late A. F. Hcmcion, founder and firM president of the j AtlMilu Life Insurance Company, i and mother ol the present - I dent. N. B. Herndon, passed Feb- i  1. 10:30 a.m. at her residence, I 587 University Place, N.W. Atlanta, I Georgia. BeVovcd by the entire Atlanta Life personnel  thousands of others throughout the nation, because of her profound interest in and support of all worthwhile civic, cultural and religious movements, her passing will be a source of regret by her friends alid many benefactors. Time and place or funeral sw- j vices will be announced later.</t>
  </si>
  <si>
    <t>                                           MANCHESTER, GA.--Mr. and Mrs. Walter Milling were called to Newnan. Ga., on the account of illness of Miss Willie Mae Williams Mr. Robert Strozier, of Atlanta spent the weekend with his parents. Mr. and Mrs. Walker Strozier. Mrs. Tina Milner spent...</t>
  </si>
  <si>
    <t>                                           Clement Speaks Sunday Ip Congregational AMA Event                 On Sunday, November 3, at the Jl a. m. service, the First Congregational Church will observe the 100th anniversary of the American Missionary Association, an organization which has served minority, people, of every ,cr. and raco. "ever since it came Into existence in                 1846. ___T_^_m_r^_m.. Atlanta University, otic or the Institution* founded by the Association, will be the anniversary speaker. The Chinch is extending an invitation to all graduates, former students and friends of A. M. A. schools to attend. The American Missionary Asso- j ciation, for nearly six decades following the close of the Civil War. was one of the strongest influences In the United States ill the promotion of educational opportunities for Negroes in the South, and in  to remove the sins of caste from American society. The Association advocated the abolition or shivery prior to the Civil War and even                 before the wus was over, had opened schools for the . Through the efforts of the Association, more than 25,000 primary and secondary schools for Negroes ,camc into existence, In addition to iv-  -oxid -~~ college -for Negroes in' every southern state. Eight, institutions Touiiaud by        ?           \ have become leading colleges and universities are Hampton. Fisb. Atlanta, Talladega, LeMoyne, Tougaloo, Tilloston and Dillard. For a number of years the only high schools in the South were those  by the American Missionary Association. The policy adopted by the Association was that no people, regardless of race or previous condition, could hope to progress so low} as they remained ignorant and  . The founders of the Association went into the school business aud Uich" successors have been in that business ever since.</t>
  </si>
  <si>
    <t>                                           On Sunday, November 3, at the 11 a. m. service, the First Congregational Church will observe the 100th anniversary of the American Missionary Association, an organization which has served minority, people of every creed, class and race ever since it came into existence in...</t>
  </si>
  <si>
    <t>                                           JEAN WORTH Overcome Obstacles And Hidden Feara There Are Things With Your Grasp Tell. You How To- Know When To Do It Baniilt Misery,    'n The M"ter r A" RemoTe Unhappine.J.  OBHLCuro ?Aknel.i * -Kmlw Whar-Otli?rr-AreBH'M-KS!rK:    -What-   - Da Doing.  IjT IjJ Gain the Love of Be Lucky. M*^-~^sfl     "!te    Cain Properly 11'1"         Do Your Regain Youth and Vigor.^ \T Bidding Remoye the C.u.e. ^k^T\M Bring B.ck Happinen Get A Job. Hfc=SBlCa" Xour   *me Gel Back Stolen Good* Medicine 12G9 Bank-head Highway Almand Park or Riven Car to Anthony Street</t>
  </si>
  <si>
    <t>                                           Miss Bronze Atlanta Contest Enter Today Winner To Be Named Monday Night, Dec. 16 AT THE CITY AUDITORIUM   mi mini iii.Muw  In A S:30 P. M.  AHMSTHONl. MUSIC BV LOUIS "Satchmo" ARMSTRONG and his Orchestra for further information on how you may enter this conv test, please call Ma. 9145 after 6 P. M. any day. Advance $1.20 At Bui $150 A B. and G. Presentation</t>
  </si>
  <si>
    <t>                                           SOUTHWEST CA. AME's RAISE OVER $30,000                 BY II. C.                  , On. (6NS) Southwest Georgia Conference of the AME Church dosed n great session here Sunday with Bishop W. A. Fountain preaching a masterful sermon. The Committee on resolutions read a report and thanked the pastor and church for a :lne                 entertainment ;and praised the bishop for the fatherly manner In which he presided over the conference and   their faith to the bishop and conference to support the program one hundred percent. The conference raised over $30,000 with on Increase of over $500 above lost year s .t.i^o-^-r: The e  "conference." reported one hundred percent. Every district with every pastor -full- ts.- Dr. A. S. Jackson, financial secretary, gave information  to the AME Church and connection funds. Dr. W. A. Fountain, Jr., president of Morris Brown College, made the annual report to the conference, re- veiling thp.t over 700  men anil women are matriculating at the colics'". i Dean Frnnk Cimnlnnham nnd Dr. S. A. Jives, head of the department I of Ihc :ural church, addressed the conference. At the close of the session, Bish- op Fountain read the following :ip- j : COLUMBUS DISTRICT Rev. M. C. Davis, presiding elder. Saint. James. Rev. H. I. Beardan; Saint Mark, Rev. A. D. Hardeman; Saint Paul, Rev. T. t',. Oliver; Bethel, Hev. C. W. Calller; Ornnt Chapel. Rev. B. P. Brazscll; Brown Chipel, Rev. J. A. Drojvn: Lumpkln Rev. A. S. Sinclair; Florence, Rev. B Jewell: Prospect, Rev V. Arllne; Olnnatta, Rev. 13. J. Hutchias: Luvalc and Charles. Rev. A. Washmore; Renrroe, Rov. N. Willis; Pine Hill. Rev. G. N. King; South Columbus, Ucv. Ocorge Tlson; Fountain Grove, Rev. H. J. Ramsey; West Columbus. Rev. Maye Mailing. CUTHBERT DISTRICT, the Rev. W. D. Johnson. Jr.. presiding elder. Palne Chnpel. Rev. p. h. Rlley; Lowell, Rev. R. L. Tj'son; Georgetown, Rev. T. N. Monsely: Sprlncale. Rev. J. A. Jewell; Pleasant Grove, Rev. B. B. Pace; Bluff Spring, . C. C. Couch; River Bethel, Rev. D. Drown; Saint John, Rev. S. F. Jackson; Hatcher, Rev. R. S. Granger; Rlchland, Rev. N. Li. Burke: Friendship and Cussettn. Rev. W. B. Power: Benevolence. Rev. A. C. Jones: Lever Hill, Rev.                 T N Davis: CnLlonlilll. . W. II. lcd: Pumpkin Town, nev. H. .1. Scotl. EAST COLUMBUS DISTRICT. Rev. A. A. Duncan, presiding,' elder. Saint John, Kev. J. S. Bryan: Wnrd Clutpul. Rev. n. B. Grlflln; Allen Temple, Jlev. S. D. Arlinu: I Mount Gilcad, Rev. J. N. Key: Tali . Rev. to. L. Dunkln. Bucnn I Vista. Rev. A. Smith: Plus Chapel. Rev. M. C. McGhcc; Mahala Chnpcl W. S. Louis; Philadelphia, Rev. D. A. McDoylar; Brown Chnpcl, Rev. Peterson; Box Spring, Rev. C. A. Thompson: Union, Rev. B. J. Holcomb; Junction City, Rev. W. H. 'Hilling: Rock- Bethel. JUsv.- A. H.. Upshaw. .E DISTRICT. RW7-J--WV-    )IJ;--        Llvc Oak. Rev. .1. H. 'Hall; Saint John, Rev. H. P. Powell: Eldoren- do. Rev. B. Moore: Jerusalem, Rev. 1 W. A. Smith; Cedar Spring. Rev. S. Danial: Shlloh. Rev. C. J. Clark; Hilton. Rev. C. L Flowers: Newi berry, Rov J H Dickey: Bethel, i 1 Rev. J. R. Harris, Irnn City. Rev. I.  I Evercttc; Bethlehem, Rev. ft. I YounRe; Toywnll, Rev. M. Hubbord; Bogvllle, Rev. Henry Pcdd; Cyrene. Rev. T. M. Brown Dry Creek, Rev. i .1. P. Byrd. BLAKELY DISTRICT. Dr. D. W. I Momnion, presiding Elder. Wesley Chapel, Rev. C. Thomp j son; Browns Chapel. Rev. A. L. I Henderson: Edtron, Rev. A. M. Rob- erts; Shellmnn, Rev. S. J. Reynolds j Blullton, Rev. E. D Glover; Plcns- nnl City, Rev T. C. Jones; Ebencz- j er. Rev. C. A. King: Colcman. Rev. J. T. Tailor; Emnnaul, Rev. R, A.! ArchUnld; Mitchellgrove, Kev. J. A. Moses: Rocky Bottom, Rev. C. A. Collins; Maye, Rev. G. A. Shcphard. ARLINGTON DISTRICT. Rev. C E. Graham, presiding elder. St. Pmil, Rev. C. N. Hull; Damacus, Rev. C. N. Wlngc\    : CarnlRO and Mount Zlon. Rev. A. H. Fnson; St. Luke. Rev. L. L. Dixlon: Saint Mark. Rev A. James; Morgnm, Rev. M. S. Snpp: l\ry Mill and Newton. Rev. J. E. Rogers: Zlon Rock and Taylor. Rev. L. J. Miller; Leary. W. S Rogers: Dlxon Chapel, Rev. C. B. Brown; South Albam. Rev. R. fl. Molmor: Pretora and Jackson Grove, ncv. G. W. Colman and Bnbcnrk Mlwinn. Rev. W. T. Ford. The conference adjourned to meet at. Saint. Murk AME Church In 1947 with Rev. A. D. Hardemnn. .</t>
  </si>
  <si>
    <t>                                           DONALDSONVILLE, Ga. --(SNS)--Southwest Georgia Conference of the AME Church closed a great session here Sunday with Bishop W. A. Fountain preaching a masterful sermon. The Committee on resolutions read a report and thanked the pastor and church for a fine...</t>
  </si>
  <si>
    <t>                                           ^Vt' FUP-MITUPr.  AMMEX</t>
  </si>
  <si>
    <t>                                           DAILY CROSSWORD                 ACROSS I. Indehlacenl  rf.Wlne receptacle T. River (So. Am.) Measure* (Sp.) 12. Roam 13. Drupelet* In * fruits 14. Projecting end of a church 18. Squared tone 16. Pique 18. Flap 1 21. At home 22 Unit of JjL' weight MB find.) W 2~. Leave off. * 28. Conduit 29 Comrad* 30 Thua    SI Escape 32 Wading      35 The Eastern Mediterranean    FeUnei 42. Occurrence 13 Recipient of a girt 44. Border On the left  lde (naut) 46 Egyptian god. 17 Affirmative vote DOWN 1. Women under *                  CRYPTOQUOTE- A  quotation '5S5 2' JEEl 1  8Q W Ai. AWD TWW8H A.TGK TWO! H- B            Crjrptoqnoto: BUT WEALTH IB C3 SN0CC8 TO HIM THAT S POOR- DENHAM.                 2. Incites S. To  off (goli) 4. Stop (Naut.) 5. Large, heavy  (So. Am.) 6. Extern*]  coating 7. Constellation 8. Invalid'* food 10. Saylnj* 11. Title of respect M .8. Hebrew letter -Sf 7. A   jSl                 ppr r r w r r wfo WZ_ i__ w. _w_ %ffi%~ ill i; i ii isi illi; 111 Ip I57"                 18. Evening sun god (Egypt.) 19. A wing: 30. Morsel 23. Nocturnal bird 24. Meadow 25. Fortify 27. Unsettle 28. Coin (Peru) 80. Perch J3.Port j (town la j Penn.) .ft M. Range 1 35. Monetarjr unit (Bulj.) 36 Evening (Poet) 4                 i, 41. CUqu* 43. 34 hour* a</t>
  </si>
  <si>
    <t>                                           Simple. sincere. final rites, typical of the life she lived. were held Sunday afternoon at two thirty for Mrs. Mary Cox of Decatur and one of the first graduates ofs Atlanta University. more than fifty years ago.</t>
  </si>
  <si>
    <t>                                           Fascism Engulfing Nation-Foreman                 By ETTA M                  NEW YORK- - The  of fascism are rapidly engulfing the nation, declared Clark Foreman, president of Southern Conference for Human welfare, here lost Wednesday  warning that this country Is drifting along the same paths as did                 many and the rest of the world by not paying any attention to the early organizational activities of' the  and fascist*. Fascism will accomplish in this country the some i alms whch nazism set out to dothat of ruining the world. Foreman wis addressing a large gathering of celebrities in Starlight roof of Hotel Waldrof-Astoria, who were attending the latest  dinner given In honor of Joe Louis. HATRED BREEDING. .The SCHW.head asserted that the north, as well as the south, is a breeding place .for _race hatred, pointing out that it was a New Yorker. Homer Loomis by name, who said he had learned to hate Negroes and Jews in the north and hud '.akc.i his money to Atlanta to set up tl-.e J:'.Ismous Columbians. Inc.. to preach raw. hatred. He disclosed that Columbians and would-be  even undertook to "heil" Loomis. just as Nazi Germany did Hitler, and Fascist Italy. Mussolini: that Columbian stationery bore the swastika emblem: that their announced plan was to take over Atlanta in two months. Georgia and the south in mx years, and then the rest of the nation, Southern Conference, he said, has been and is still devoting its all-out efforts to combat the dancers presented by such organizations and by fascists. LINES RISKED Joe in hns speech of thanks, said he thought it would have been more  had the testimonial been piven in honor of Percy Greene, editor of the Jackson Ad-  and "those people of Mis- Mssippi who risked their lives to testify  people who want to j keep their  down. He and i the little people who went to the polls down there for the first time- -they made the dream of Abraham Lincoln come true." Other speakers and personalities j at the dinner included the Kcvcrend Adam Clayton Powell, and his wife, the former Miss Hazel Scott: Harry Hershfleld. cartoonist and story teller: Mrs. John Hnm mond. Earl Wilson. N. Y. columnist: Mrs. Mary McLeod Bethune. Percy Grene. Gen. Kirkpatrick Carol Landls. Duke Ellington. Dr.                 ami Mry. Kuski.".. Chaiimnjj H Tobias r.ml Mrs. Lucille Norir.an. .M;isi.;rf u: CL-:*t.':r.(juie.s \va.s Frank Siiuiir;'. Mi.ss E:ta Motcn led :-  1:1 the .ji of Ihe. opening :i:Hht,-ni. -The Star SpjiiKted C:.n.".rr. and the Rev. PoweU - :~n' invocation.</t>
  </si>
  <si>
    <t>                                           NEW YORK--(ANP)-- The forces of fascism are rapidly engulfing the nation, declared Clark Foreman, president of Southern Conference for Human welfare, here last Wednesday night in warning that this country is drifting along the same paths as did...</t>
  </si>
  <si>
    <t>                                           Editor Of Design Magazine To Conduct A. U. Art Workshop                 Felix Payant.  of Ucsmn magazine and former professor at j Ohio State University, will be at 1 Atlanta University and Spelinan College on March u. 7. and 8 in the interests of the arts of this region and the two various educational institutes concerned with this                 . Mr. Pnyani will meet nith art student*: and teachers and conduct workshop :* in .vhich the problems of teach. np art  will "ce mei by  ? rather than through the traditional lecture method, "lassos will bi-sin ;u three p. in.                 in Rockefeller Hall on the campus 1     Spclman College. According to Mr. Payant, "workshops in art have ly?en found a most satisfactory way ol helping j teachers, many of whom, have a little art background, less lime and much work to do. Most teachers in ;he grades realize the need for art i as an integral factor in their pro- ..warns yet they, have met  I ing blocks in the way of fear and insufficient experience. The work- I shop way of teaching has been found satisfactory in overcoming fear and extreme self consciousness in the face of art materials: it takes the attitude that each person can develop sufficient  control over various mediums yo that he can produce results .which give him  if not a downright "thrill." Mr. Payant has been author of Design magazine since 1929. A i graduate 01 State Teachers College. Mankato. Minnesota: Pratt InsUlute: and Teachers College, be-also attended the Universities, of j Minnesota, and Cincinnati.- me I Cincinnati 'Art Academy; and the Handicraft Guild of Minneapolis. He it the author of "Our Changing I Art Education." "Design; Tecni nics." "Create Something." and "A Book of Puppetry." I Principals and teachers, of At1 lama public schools, who are interested in attending the workshop should register with Miss BazoUhe E. Usher, supervisor of colored i schools. There will be no tuition fee charged.</t>
  </si>
  <si>
    <t>                                           Felix Payant, editor of Design magazine and former professor at Ohio State University, will be at Atlanta University and Spelman College on March 6, 7, and 8 in the interests of the arts of this region and the two various educational institutes concerned with this...</t>
  </si>
  <si>
    <t>                                           NO MORE GRAY. DULL OR FADED HAIR USE Jessie Hare's IMPROVED KAIR DYE LOOK YOUNG      Qfl AND BEAUTIFUL* gu" IT WONT WASH OUT OR RUB OUT. VERY SIMPLE TO USE caution: use  as DIRECTED ON LABEL SEND NO MONEY. PAY POST MAN SI .00 plus       . on delivery. Send order today. Sathfacthn or money  JESSIE KARE BEAUTY PRODUCTS CO. M7 RHt An.. Nn York C"r (fOSI</t>
  </si>
  <si>
    <t>                                           Civic, Political League Meets At Friendship Tonke                 The- Atlanta Civic' and Political Leatrue Kill conduct Hs  monthly meeting this evening st the Friendship Baptist Church. Dr. Maynard H. Jackson., pastor. John Wesley. Dobbs... the. President, has called, the meeting lor 8 o clock Rolls Of Coin Save CabbieY Life LOS - (SN8)- Several rolls of nickles and dimes tucked Id the breast pocket of Clifford Brown, cab driver, saved bJa-. During; a holdup Sunday a Jitter* gunman pointed .a.,  at Browns heart and polled tne trls?er. The boUet..tbe roOs.ot nmtc coin. The  collected the loose change sad fled. Brown con.         .</t>
  </si>
  <si>
    <t>                                           HtAPACHtS HEUgALCIA^J</t>
  </si>
  <si>
    <t>                                           The Atlanta All-Stars will be out to keep their unblemished record intact, this afternoon, when they take field against the tough Columbus All-Star Bison, in a big Christmas Day battle, at Harper's Field. The two crack semi-pro elevens will come to grips, at 2:30...</t>
  </si>
  <si>
    <t>                                           Certification Of Mankin Awaits Cook's Decision                 Secretary of Stale Ben Forlson Friday  he would Issue n statement relative to the  of the name of ConRresswoinnn 'Helen Douglas Mnnkln for the November 5 general election ballot us soon as he receives the decision of Attorney General Eugene Cook. The Stnle Democratic Cuiivention meeting in Mncon Wednesday, threatened to banish Secretary Fortson from the party It he certified the name of Mrs. Mankln. Thursday  the courageous  spoke over a local  .-ir. statin? that her  could not tie y(ttr!:en legally, . under Hie s. vote law, no cii.ti.ra In cert hied candidates can be mad? In the 90 days  the election. . Hugh M. Dorsey. In Fulton County Superior Court, Thursday held that, the soldier ballot law Is Rtlll In . He ruled that county ordinaries have no authority to add names to the  ballot which has been certified by the secretary of state for national or state offices, nor are they  to remove names.</t>
  </si>
  <si>
    <t>                                           The George Washington Carver Boys' Club, built at an estimated cost of $80,000, was dedicated in Atlanta Saturday with fitting ceremonies participated in by Mayor William B. Hartsfield and other public spirited citizens. The dedication brings to fruition a long cherished dream of the late S. J. Thompson, in whose mind the idea was born and for which he worked and prayed and pioneered. We regret that Mr. Thompson was not able to see the realization of...</t>
  </si>
  <si>
    <t>                                           16 Passengers, 7 Crewmen Missing In Commando Crash                 Plane Transporting Group From Guam To I wo Ji ma Base                 WASHINGTON. D. C. () Station colored  and sever, -.vl.itu creamer, are  aboard an Army Air Farces C-S6 Commando which crashed into the ocean oil the coast of Iowa Jima November 1C, the War Department bas announced.                 The plane was transporting the passengers from Guam Sts#nome base at Iowa Jims.. The pilot contacted the Ixo rar.io station miles out and the plane was followed by radarscope through a 360degree turn until it crashed. Thu cause of the accident is unknown. An investigation is tinder way. PASSENGERS LISTED Next-of-kin of all - persons have been notified. The following  weer abroad, with next-of-kin in parentheses Warrant Officer A. J. DlPletro (wife. Mrs. Leah DiPletro. 150 Van Duzer street. Staltn Island. New York.; SUB' Stream V. L. Harris (wife Mrs. Lucy Harris. 285 Norfolk St I New.-u k. Nev/ Jersey.) i Serjeant Joseph Bo'. i.'. j Eu? Bowent. UO'i King street, j Camdon. South Curoltna.) j Serjeant E. Flowers (mother.! Mi*. Marli: Jr'iuwers. 2737 Giles Avenue. Chlcaso. Illinois) Technician Fourth Grade Fred Brown (mother. Mrs. Stella Brown, General Delivery. Ama City. La.) Corporal Harry L. Edmonds , Mrs. Mary M. Edmonds of 41C West Acadamy street. Canton. Mississippi.) Technician Fifth Grade Carnell Bord (mother, Mrs. Hattie Boyd, Route 1. Box 26. Hickory Valley Ten .) Technician Fifth Grade J L. ..      ( mother, Mrs. Mandy G.. Glover, 1701 Russell Avenue. East "St. , TiDrloBTi Technician Fifth Grade L. C. Golr.i (mother, Mrs. Roma Gotns, 234 i West Miami Street. Logansport. Indiana.) Technician Fift  L. C. Hollins (father. Austin Holllns. General Delivery. Ore City. Texas. Technician Fifth Grade E. M. Jackson (mother,. Mrs. Sarah E Jackson. Occoquan. Virginia.) Private First Clacs Clarence W. Brown, (mother. Mrs. Elsie Brown. 312 West ri th street. New York City. New York.) I                 Private Pint Class Jonathan Culbcrtsoa (mother, Mn. Elizabeth Culbertson, 1S3T EidcSle S'.   . Bal- .ore, Maryland). Private First Clr.ss John T. Ear- mon (sister. Miss Ivtrytle Eat^on of 335 Putnam Aver.ue, Brooklyn,   "e-' i York.) Private First Class P.o  Hiil- man. Jr., (-i-ife, . Gladys Hill- I 3UlE. 53-3 JSiliers Par:-:, Thomas-  or.. Georgia.) Private First Clais Wiliiarc Jis- j iins Jr., (rr.other, Mrs. Xhcoia    - Kim, 1113 liberty Avenue. So'^rh j Charleston, Ohio.)</t>
  </si>
  <si>
    <t>                                           WASHINGTON, D. C. -- (NNPA)--Sixteen colored passengers and seven white crewman are missing aboard an Army Air Forces C-46 Commando which crashed into the ocean off the coast of Iowa Jima November 16, the War Department has announced.</t>
  </si>
  <si>
    <t>                                           -ms^,   i ^~^M^r^^rfs:^y^:':'---'^-  ---'/-':' j %:;^^^^^iC^^^^^^^^^^^ The Yuletide Means' A Time For ExPressin9 1 "^^^^^^^^^^^P ^v We Thank You^ For Your Patronage And Sincerely \^^^^^Sf^BSl^^^^ Wish. Jf.Q.y..A_ Merry Christmas.. And_ A New Year w^^^^g^^^^P^^ Abounding With Success, .Good Luck Branch Office Fair and Chapel Streets ft- ^y-. Ji__</t>
  </si>
  <si>
    <t>                                           Eva    - SPECIAL .READING- SHE GIVES ~.~   World'*           CHQ. FACTS AND  a vou get . RESULTS  SNS73 v^i6*5)5 (~ e t 'Vjrl 7om  Aft "1^ Yff.'-i with Ton? proK/^ Umi' to 'JM*~    i If 70a      .   nbaa^ or     .            4  1*1 one*. Offic* bonn $ m.'-ln 10 p.m. felly mad SoaiUr. 10I5.W.         .^^M. W., AOuU. 8  to      .   '*ii'       :    *t.car. 7Imh ul     Or 1 conductor to tat you oft two           ..      *\   of     .Mow Co^ AtlaaU, Ga. "Ufc- SPECIAL READING- 15. 1 Y,~r Lackr.Daji ja^Maatki Chrva FrM.</t>
  </si>
  <si>
    <t>                                           DINNER SPEAKER More than 30u reservations have been made for the 27th Annual Meeting of Phyllis Wheatley i Branch. YWCA which will be obser I ved Friday night. January 31. at 7:30 al Clark College dining hal.". Speaker for the occasion will be Atty. Elsie Austin, pictured above. Her address will center around the  ol Annual Meeting "On* World Under God." Mrs. Mattie H. Briscoc, Chairman of Annual Meet mgr and her co-chairman Miss M. Gay and Mrs. Laurir.e Weaver have planned the meeting so that It wil? be long remembered. Hostesses for the dinner will be Staff and Dormitory Council members and Mesdamcs Grace Keith. Roberta Harper. Alice Jackson. Katherine Dawson. Ruth Bamer( i Vesta Pmltt. M. L. Bickers, A. C. . A. M. Richardson. Florence Gamble and Miss Odessa Campbell from membership committee, members of the House and Hospitality and Volunteer Leadership Training Committee and from the M.R.S. Club.</t>
  </si>
  <si>
    <t>                                           Plans have been completed for the first and second anniversary of Rev. and Mrs. E. M Johnson as pastor and worker of Greater Mt. Vernon Baptist Church, corner Mangum and Hunter Streets, beginning Sunday, March 30, and ending Sunday; April 6.</t>
  </si>
  <si>
    <t>                                           NEW YORK CITY -- (SNS) -- "Sugar" Ray Robinson, Harlem's uncrowned king of the welter-weights will get his first shot at the championship. Friday night, when he tackles Tommy Bell of Youngstown, Ohio, in a 15-round title bout, at Madison Square...</t>
  </si>
  <si>
    <t>                                           TO YOU, MR. DEALER 1 AND TO YOU, MRS. AMERICA $~~~~ ADM* GlITH, Presided S*     ! Association Retail Meat Dealer*. Inc. lyC WVj/ Adumt St., Chicago 3.       *~r/rv*    /905-    '//~~~~0 %?:^W 7va4     7?fi1    /    /  !'/?~'- S f    /aiA/rrtv/~     ,iV00  //S,7?   , Jl^^ V HVM01/? f*TS Af/P O CS /Itff 77/~  5 jF^^~i { /I lW/tl0-M0  SWA7H(   Of  7S. f I ov/t o//4 ^arsc^^^-- :0 ^-r /S 4   /G*9 /OTC//~i'/f. J^4*' 1 L  SO,  7t/ T//~ ~#6 /"AEdSS       S/      /W0/?0PO/:     /?irS.  m^:M a#p /~~/  .~AS, HW/'r     yoc/* j J^--^^^ 7O   ?  6'Sr/1Sft/A^*?/:~  0{~.          you can hup... ^^^g^V SAVE USED FATS</t>
  </si>
  <si>
    <t>                                           H^s B^^^^^S us beautify your home with :i porch p'^^^BIr.    B Sii p R  c tsi n i SHHS ii^^^^^i^S protected at all  with those Nation- JSSi55  IRStirTTf^^^* LL rt Ctii-irds- S1    without. - ami .1" "*MBwBBnLt. J ^-.jjj 1)S      fho Inffst in burglary  J . National Wire Iron Works S. B. McMath, Representative 370 ASHBY GROVE. S.W. Office: JA. 3127 Res.: RA. 1577</t>
  </si>
  <si>
    <t>                                           Have Your Shoes Repaired At STRICKLAND SONS EVERREADY SHOE SHOP 537 IRWIN ST., N. E. WORK NEATLY DONE PRICES RIGHT Shoes Repaired While You Wait STRICKLAND, Prop. Half and Half ..Cut-Rate Drugs 220 1-2 Forrest Ave.. NE BLEACHES BEAUTIFIES    0       Dirrrltd  SKIN WITH PRESTO SKIN SOW Prompt Delivery jiFf" on your ^^^^i DRY CLEANING h^^W\ One Day Service ;~^~jJ^~J Oh happy day! We're back on schedule. We will pick up and deliver your clothes ihe same day. Call US tomorrow. Broadnax Cleaners 370 HUNTER ST., S. W. RA. 9291 Artistic Cleaners 907 HUNTER ST. N W.__ R A" Jf79</t>
  </si>
  <si>
    <t>                                           CHATTANOCXiA                 M1SS_I.O!;ISK Il.A HUI.SOX                 Tenth Want Uinlesuiiu: ansa Louise Harrison, :i very impor- tant citizen of thr South Fide is ^ the Tenth Ward of that section in the annual popularity contest of the Colored Voters' League. Mr. A. J. Thomas, chairman of that Ward is spoil- soring her for one of the four cash prizes that are as follows: first. $50.00: second, $25.00: third, $15.00; nnd fourth, $10.00. The contest will close November 21 at a place as ycl to be designated.</t>
  </si>
  <si>
    <t>                                           In Memoriam                 In loving memory of my dear mother. Mrs. Anna Louise Gibbs,  December 8. 1931. "I miss you mother since you went away. Your place '     never be filled, your memory Is precious; but. Deep In my . there s a hurt that win never be. stilled. When the sun goes down at the close of life s day; and I walk the lonely road, you will be waiting; in the end of the way, when I come home to Cod. Mrs. H. Louise Olbbs WUUs, daughter. i In Miemoriam la . memory of oor dear; iron and brother. Mr. MarVm Ed- i  ords. Jr.. who departed this Ufe yeam ago today. December lMr. i Mr. and Mrs. M. W. Edwards. Sr,  and . Vlss \TOlle G. Edwarfs. sister. Mrs. Junior Smtth. sister. Mr. CUrence Bin aids, brother. Mrs. Janes PowcJL sUter.</t>
  </si>
  <si>
    <t>                                           Relations Institute Set For Jan. 15-18                 NASHVILLE (AND- Th^ American Missionary Association will officially  its second  "f operation when its race relations division, at Kisk University, launches the tirst area institute of race relations in Baltimore, January 15-1S. All meetings, with                 two exceptions, will bo in Friends Meeting House. Purposes of the area institute is to provide concrete suggestions for democratic living, with emphasis on economics, education, housing., social planning and the role of various agencies in fostering this program. Topics to be considered will be given open discussion, and factual conclusions will be incorporated in recommendations to local organizations and authorities for integration into intelligent action. Brownlec To Speak First day of the institute will brine Dr. Fred h. Browrlee. executive secretary of AMA in an address on "Religion's Role in a Democracy." A panel discussion will be led by Rabbi Morris Lieherman. Monsignor Fultnn Sheon. Or. Richard McKinnev. president of Stover College; the Rev. J. L.                 Poat"n and Father F.dv.at.l Dunn, j The Kcv. Asbury Smitli will     j chairman of the meet. j The afternoon session will have i Dr. Frank Home. National Housing Agency, speaking on "The I Problem of Housing." with Dr. Arthur .1. Lesser, regional medical director of the Children's Rureau on "The Problems of Health." and "The Problems ..f Welfare." by Dr. E. Franklin Frazier. Howard University's head of the department of           . appearing on Thursday, January 1". MacLcixh I.Nled An evening meeting on the same j day will bo held in Western Fe- 1 male High .School, where "The Meaning of UNESCO in Human Relations" will be brought by Dr. Archibald MacLeish. Dr. Charles S. Johnson, president-elect of Fisk University, director of AM.V? race relation division, and  member, having recently returned from the latter s Paris meeting, will present the theme of the Thursday evening discussion. Friday. January 17. Kenneth C. Ranks of the V. S. Kniplojcriiont i ? oi*~ns a    n "Op- i portunities for Employmonl."</t>
  </si>
  <si>
    <t>                                           NASHVILLE -- (ANP)--The American Missionary Association will officially begin its second century of operation when its race relations division, at Fisk University, launches the first area institute of race relations in Baltimore, January 15-18. All meetings. with...</t>
  </si>
  <si>
    <t>                                           Not a single seat was left vacant last night, as 300 workers in the Negro Division of the Atlanta Community Chest Champaign waited for last-minute instructions before taking to the field this morning in a whirlwind drive to raise $20,000 among colored Atlantans.</t>
  </si>
  <si>
    <t>                                           /^ Mode with the fine* JEnfffK ^-J       *ly marched to . (fly ~^K. your own hair. S^^5BB?5f   " ar* "M **        ^S i              KBBsSwggr    ~*~~  *r human haik I ^3J$   ^       TODAY! F.~t's SPECIAL PAGE BOY *495  Thick and Extra Len^) V-ROLL S3-25 /g^, i This beautiful thick HUMAN M_8__i__K I HAIR V-ROLL  length to _BH_-^-^ I your h.iir and glamour and /^_B!^lB^^ beauty to your appearance. ^^Hjj/J!j^1l^l CHIGNON S3.25 t 911 For best results send     ^^^M of hair or state color. C. ^t^B^B^f alio BRAIDS. FULL WICS.  F. G. HAIR PRODUCTS r^"* P.O. Box 99. Station "M". New York 32. N.Y. I</t>
  </si>
  <si>
    <t>                                           Fireman Faces Prosecution !n Hotel Fire Jewelry Theft                 Fire:n;in Joe Robinson. 36. of Xo. 11 fire company on Xorth Avenue faces prosecution for looting a guest room in the Winecolf Hotel las: Saturday as other firemen  valiantly to save lives and  tnc fire.                 Robinson confessed thai he took a v/, string of pearls and other articles of jewelry from one of the rooms, acording to Detective Superintendent E. I. Hild'rbrend. -He took the defectives to the home of a friend  the loot was . Valued at $4,925. the jewelry was identified by Mrs. V/ E. Lipschutt, 42. a resident the                 corf ho:e! -at the time of the {Ire. as being hers. Mrs. Llpschutc is now a patient at Emory hospital. At least five separate investigations to determine cause of the lire are new being conducted. The Fulton grand jury has summoned witnesses and  next Monday to tell of events preceding and folIo7.nnj the disaster. Others vho are investigating are: State Fire Marshal W. H. Erajj, as ordered or Governor  Amall, the Atlanta Fire Department, dry police department, the JJatlocal Board of Fire Underwriters and the Atlur.ta Kocel Association.</t>
  </si>
  <si>
    <t>                                           Establishment Of Jim Crow Hospital Scored Bv NAACP                 !*EW YORK-      - A          protest against the erection of a -cro^'Hospltar in Moimd-Sayou. Miss., was registered this week by ihe NAACP with President Harry j Sr-T-, j                 The statement, prepared by Roy Wilkins, assistant secretary, declared. "The National Association for the Advancement or Colored People has learned of your approval of a 200-bed veterans' hospital to be erected at Mound Bayou. Miss Respectfully we  a most vigorous protest and reiterate the position stated in our telegram of June 20. 104C, opposing establishment of hospitals for veterans  on the basis of color. American soldiers were hospitalized during the war without segregation and at the present time in army hospitals throughout the nation, including southern suites, there is no separation on the basis of color. The Veterans Administration should follow the same policy      we trust J OU will rescind your approval In the above case." MISLEADING MESSAGE The NAACP previously protested the establishment of such a hospital in June and at the same time } received a reply from David K. Nlles. Administrative Assistant to the President, staling: "I have your telegram of June 20. addressed tn the President, with reference to the reported construction of an  hospital at McComb. Miss. I have queried the Veterans Administration relative to the reported i announcement and I am informed that no such announcement has t been "authorized, made or . "However, there have been, as you undoubtedly know. Congressional hearings regarding a hospital for the Mississippi- Alabama area I i am  appreciative of your                 help in this matter and very sym- pathetic toward your approach to it. Thank you for your telegram."</t>
  </si>
  <si>
    <t>                                           NEW YORK--(SNS)--A vigorous protest against the erection of a ...-crow hospital in Mound Bayout Miss. was registered this week by the NAACP with President Harry S. Truman.</t>
  </si>
  <si>
    <t>                                           OUR COMPANY Wishes To Salute Our Sponsor "Miss Doris Barbara Hall" And to thank our many friends for their splendid cooperation that helped to make her "Miss Delta Jabberwock of 1947." We consider the Delta Education Fund a worthy cause and as is customary with our firm, we believe in supporting- community projects as efficiently as we attempt to serve the community needs with our business service. Alexander Galloway Realty Co. 208 Auburn Ave, Ne E. j</t>
  </si>
  <si>
    <t>                                           ll THEY LL NEVER DIE                 Continents!" FcatnrM</t>
  </si>
  <si>
    <t>                                           nn  P  .\ THAT HELP US COMBAT    " I  ami  DISEASES.                 CONTi*       *;</t>
  </si>
  <si>
    <t>                                           "P* I 1 -T"     I I I!   80   8^      us bout"" J'our home with a porch r i'.^^* 1 BS^B or step railing TalHHIfiH l^Sfg protection!  Iw'TKMg^SB II protected at nil times with these Nation-           r al Guards- Sleep without fear Don't I ii I. I wait until your homo Is burglarized! I I Call us today tor I he latest In   . National Wire Iron Works S. B. McMath, Representative D70 ASHBY GROVE, S.W. Office: JA. 3127 Res.: RA. 1577</t>
  </si>
  <si>
    <t>                                           CONSTIPATION Risky in BAD COLDS Retained  food becomes j .  toxins, which overload the )lw  other vital . of the body. Kwninp your ; to colds and other winter Ills und  with their treatment. 1 Why take this chance -when you can take Calotabs? CiUotabs thoroughly jet pleasantly act on every foot or your intestines, sweeping out  putrefactive foods and \n6en mucus,  you to more  Hvoid or . h cold,   Xi.y.9 good vi-i Calotabs. Vscjf     't''d. 10c ard 35c at all . To^CflLOTABS</t>
  </si>
  <si>
    <t>                                           Wmmimmrm Mt-**WP* m-m up  j mm SPRING-BRIGHT SHORTIES 788-1095 } "Short  nd snappy"  re our bright Easter , You'll wear them over everything from a skirt to        or an  dress. Brilliant colors taken  from Spring garden. Scarf neckline, bishop  leeve*  in )-. fuchsia, black. 7.8S. Our 10.95 ** in ^r bloe. navy, , green and rrd i     ~"-pott collar" xml bricht brass buttons. Sizes     *. O0   , HIGH S  EASTER SUITS For 1  .H*-h ^1^ Our  tion  f (op v* g^f crad? wool twists and JT'xa BOYS' SHIRTS ^^P  5      \ table  . Si/rs ^jgf wl*'^ Z to 16. Limited . ^C^^"*^^ *    AND BOYS' SHO?S, HIGH S P^ l Tpii^Bo $ ale I ~^jy EASTER SHOES T/ ^jSP^^^MX regularly 3.98? Cj^Sy^ ^^^^^I^^^^U^ ^tep  into Spring in i j38jj^ r"~ Easter minded patents. j^J ^^^^^^^KSICSt. gabardines, leather, all r^B ^^^^PJByht _nith leather soles. Pumps. V^B^^^. \T- Jj'f*^     8*T.i.*  iiV styles for ^^^^^~BI^^d  . Si7:r5 -t t" ^^^^^^^^^1^7 SHOT', Hf.H-S t?^</t>
  </si>
  <si>
    <t>                                           MADAM MINGY A GENUINE PALMIST AND TRUE ADVISER Me- Complete Reading- 50c Without askin; a sru- C'e question  he win  (ell your secret desire L^^S and how to gain "'""~EjTj-bS Gives never failing; "d-~H"Vj-fr8 vice on mil affairs of j*~R ^^^B life,  as lov-, in"       -g i , money mat- ft K tens . in fact. Hit 9 and greatest ambitions Igpjf^ no matter what your problem mav be. Stop      .  your luck. Gain tbe tilings you w:mi most in UTe. Sec hrr today :   Urn ) low price      not be* r-x- j tended. 40 yean*        i  In Atlanta is MADAM I MINGY S guarantee you that     i better reading or faster re*ulu ran be obtained at any price, . Reading* Daily and Suntlav  t in a. m. 'til 10 p. m. 65: McUoiioukI. i Road, across from Federal rrt.an Tufce Pryor   1 fri^f     LND of line Look Fur Neim Sign Hit hasn't" a METER it isn't Iharlem I MA 4400 I</t>
  </si>
  <si>
    <t>                                           Mary Patten, attractive widow and successful business executive, was stunned when an anonymous letter disclosed that her younger daughter Charle and one Trent Kenner had been secretly married the week before, Charle, whose wealthy ... Ollie Kingdon, was out of town, could not...</t>
  </si>
  <si>
    <t>                                           THE LITTLE GRILL JSG PINE ST., N. E. VErnon 03fifi Near Corner Piedmont Avc Coziest Spot In Town) Table and Counter Service Specializing In- Sea Foods. Chinese Dishes and other Oriental Foods, Sandwiches of all kinds as veil as snacks. Clubs,  ten f ions and other  arc Invited to make um of our private Dining Room service. We open at G o clock In the evenings. JOSEril F. FIELDER WATCHMAKER 339 N.  ST. Jjcar Simpson St. River Car Line</t>
  </si>
  <si>
    <t>                                           Marshall Returns To Near-Lynching Scene In Tenn.                 NEW YORK.- Thurgood Marshall. NAACP chief counsel, returned today to Columbia. Tenn., recent scene of threatened violence against  NAACP lawyers, in which ^ was the principal near-victim. In spite of the November 23rd incident, in                 which Jlr. Marshall was  by  fully armed Tennessee 'taw Officers' and carried in otic of their cars to a Hark,  Tennessee back road, the   attorney is I    \ to appeal the recent J conviction of Lloyd Kennedy. 21-1 year-old Negro bootblack, sen- J fenced to five years on a frame-up i attempt to murder  after the so-called Ttof in Columbia last i February 25th. I Mr. Marshall, only recently recovered after a ; illness developed  the desperate  campaign to rally the nation behind the defense of the                 Marshall (Continued from Pace Onej  Negroes, whose property ar:d personal, belongings were ruthlessly destroyed by Tennessee State Commissioner of Safety Lynn B ?n a r's -jacketed troopers during a ni^ht of Xaziliko terror, was obviously slated to become a victim of the same uniformed terror on November ISth, when the car in which lie was riding with Z. Alexander j Looby and Maurice Weaver stopped on tho  to Nashville. Only tlie quick-witted action of Looby and Weaver, both attorney? for the NAACP in the internationally famous trials. saved Marshall from wha: may have been another attempt at lynch inje. Instead of continu ne coward Nashville, the two attorneys followed the car currying Marshall and the uniformed - ~.  ; obscure back road  the  apparently  minds and returned to cne main road back to Columbia. .Altlioiwl' t!~- *!y KeniTHl's - w:us deluged with letters and telo?i nnw from all  of the noli^n. denouncing th-i Ktan-like jo- us*^  tlie             '~v Lynn Boniar's troopers. rn nt  action lias been taken.</t>
  </si>
  <si>
    <t>                                           NEW YORK.--Thurgood Marshall, NAACP chief counsel, returned today to Columbia, Tenn., recent scene of threatened violence against three NAACP lawyers, in which Marshall was the principal near-victim. In spite of the November 23rd incident, in...</t>
  </si>
  <si>
    <t>                                           NEW YORK.--When 540 teenage boys and girls met at the Hotel Astor recently in the Youth Forum, sponsored by the Daily Mirror of New York City, they outlined a vigorous program for racial and world peace.</t>
  </si>
  <si>
    <t>                                           NAACP Challenges Senator Ball On Closed Shop Issue                 WASHINGTON- (ANT I T! labor department of the  challenged Sen. Joseph H. Ball on his statement implying that  shop legislation would bone fit minorities.                 Clarence Mitchell, labor secretary, stated in a letter to Sen. Ball that it would be a terrible blow to minorities if he attempted to give the impression that this Rroup of workers seeking employment would be benefitted if closed shops were outlawed. He further stated that while employed on the staff of FEPC, he had the privilege of scrutinizing and  major cases before that committee, involving discriminatory practices which prevented employment of colored persons in companies with closed shop contracts. No member of the                  .~n the committee, continual Mr. .Mitchell, ever "indicated that the elimination of the closed shop pro- vision would insure employment of minority ." "On the contrary," he said, "at all time* it 1was our desire to havo colored workers share in the benefits of the closed shop agreements by hav- ing them admitted to employment and full union membership." j Mr. Mitchell cited an incident i where large plant had Terently.' shown evidence of  nome of its poo colored, ^ In-j; better jobs with non-.union white worker*, until, their . t   .'V tinted a union  a(#nt./ with the employer. If the - - bill became a Inw.    continued,   would   ',          in jeopardy. ..'V.</t>
  </si>
  <si>
    <t>                                           WASHINGTON--(ANP)--The labor department of the NAACP challenged Sen. Joseph H. Ball on his statement implying that anti-closed shop legislation would bene fit minorities.</t>
  </si>
  <si>
    <t>                                           thorn   inspections and im- ^f if^^^^B provements Poll-Parrots arc made for ^^^^^B REU or  ^S^^^^^pE^^ Vy  V Little  Jittlc  back leather J^SOS^^K^S^Kr^^ ~'-i pump in red or brown perforation i-'XjSmMMmSBBSsiS^Eir -'Vtrim. Also big girls' sizes, AAA to C M^^l^^^^Sw Tr-S E. Little 8' leather loafer in red or ^^S9Kf^^   %^ *:}      3 brown* ^^v^^^^^^^^^^^^^d^^^^^^ ~/".:~i  S3 Sizes 12 3, A, B and C Width* B % M  floor Poir%Parrot 3^5 Pleasa add 15c  on prepaid  on   ^~~u   ^^</t>
  </si>
  <si>
    <t>                                           TAN TOPICS .     *      '                 ..it.- cui.-  fA Kl? THK  1II,K TODAY. , _-VJ !1EK A GOOD LICKING!'</t>
  </si>
  <si>
    <t>                                           The Alabama State Teachers College Hornets will Invade the Gate City this week for two heated baseball engagements. On Friday, the Hornets will clash with the Morehouse College Maroon Tigers in the 1947 SIAC opener, and will hook-up with the Morris Brown...</t>
  </si>
  <si>
    <t>                                           FIVE O'CLOCK CHARITY CLUB will meet at the home of Mrs. Norman, 122 Glenn St. S. E. at 4 p.m ... Business of importance Mrs. Janie Hawkins, President; Mr. ... Tatum is reporter.</t>
  </si>
  <si>
    <t>                                           THE FERRY was ... and grinding. He took one or two step, in the direction Nina had gone to assemble her luggage and was stopped by a nudge on his arm. It was the Hastings kid. The girl was carrying heavy valises and she glanced from the...</t>
  </si>
  <si>
    <t>                                           PROTEST EVICTION OF 2,000 HARLjEM FAMILIES                 NEW YORK- Protesting the threatened eviction of more than 2.000 Harlem families, a mass meeting has been called for 8 p. m. Friday, January 3. at the Universal Church of Christ, 40 West 115th Street. N. Y.                 The New York Housing Authority ordered the Harlem families to move by February 20, 1947 or face eviction proceedings. The city is evacuating the three square blocks between 1 12th and 115th Streets cast of Lenox Avenue so that the apartment houses can be torn down to mak*  v^ay Tor the Stephen Fostor housing project. The city 'administration has made no provision whatsoever for housing the tenants who have  been ordered to move. Families living there now will have no place to go if they are evicted.                 Urcc Tenants to Stay "Not a single tenant should move or yield to eviction until decent, low-rent housing is provided." declared the statement issued by the Harlem Branch of the Socialist Workers Parly declared in announcing the action. "Stephen Foster- housing project is a good thing," the statement continues. but it is only a drop in the bucket. For years the Federal. State and City administrations have done practically tr   providing large scale. Imv-    housing for  and workers. They are '.; '-illions for guns and atom U.-. -bs. They arc working hand-in- with the big landlords and real  interests." In order to rectify the miserable housing conditions of the workers, the Harlem Branch of The socialist Worker Party advocated "Billions should be spent to provide homes. But new housing must make more homes for the workers not more overcrowding and more homeless people."</t>
  </si>
  <si>
    <t>                                           NEW YORK--Protesting the threatened eviction of more than 2.000 Harlem families, a mass meeting has been called for 8 Friday, January 3, at the Universal Church of Christ, 40 West 115th Street, N. Y.</t>
  </si>
  <si>
    <t>                                           NEW MANICURIST- Mrs. Allean j Lane Bsu'k*~, the new manicurist Rt Butos Burlier Shop, 214 Maber Street, invites your patronage. I She )s a 1942 graduate of Cur.no- j Ice Beauty College and holds a mas- ters license In the slate of Georgia I and Florida. j</t>
  </si>
  <si>
    <t>                                           Troop 116, 135, and 174 spent a very enjoyable evening with parents and friends at a banquet Wednesday night, from 7 until 10 p m at University Homes.</t>
  </si>
  <si>
    <t>                                           "Fear, hate greed, exploitation these are the reactions that are exploding around the word and it these cancers are not destroyed they will destroy the body of the whole world."</t>
  </si>
  <si>
    <t>                                           PASSES A WAV- Mrs. Man.- E. Vaujrhn Wilko. HiT Clifford, Street. X- E.. sister of Mrs- Isabelle Cody, passed away, Feb. iy.)7. at a local hospital. F\mi-Tr.l to be announced later.</t>
  </si>
  <si>
    <t>                                           Thomas E. Brown, son of Mr and Mrs. Ernest Brown of 83 Richardson Street, and former student at Morris Brown College got a chance to say hello to relatives and and friends, Thursday. when he returned to the Gate City with Luis Russell and his orchestra for a...</t>
  </si>
  <si>
    <t>                                           WASHINGTON, D. C. (NNPA). West Virginia's Yellowjackets loomed as dark horses here Saturday as CIAA officials completed plans for the second annual CIAA basketball championship tournament which will get underway next Thursday with the North Carolina Eagles laying...</t>
  </si>
  <si>
    <t>                                           NEW LOCATION WELCOME SERVICE STATION And ACE CAB SERVICE Combined For Reliable Quick Service call: JACKSON 8831 24 HOUR SERVICE 247 Auburn Avenue Atlanta, Georgia WELCOME HARRIS, Proprietor</t>
  </si>
  <si>
    <t>                                           Double Divorce Causes Speculation                 Bv LAWRENCE F. LAMAR                 LOS ANGELES. (NPB) News reaching this city from Albany, N. Y.. heralding the fact that Bandleader Noble Sissle had been awarded a divorce decree from his attractive 31-year-old wife ami mother of his two children. Kthel Sisslc. was greeted                 with mingled surprise. It had been generally understood here that Mrs. Sissle had obtained a divorce from, her husband in an action brought last August in Miami, Fla. The decree obtained by Noble Sissle only recently in New York courts, is causing widespread local speculation. Florida legal authorities and local lawyers appear agreed that it is not likely that    ;- :..wi 1 1 not^ set  a decision of another state tribunal and v. due cause. Two          Decrees As a result of the; two  decrees, each declaring the other the victor and :iv*: custody of the children w the                  party in each instance, California friends of both parties are deeply concerned over "who won what, and when and why?" Lawyers, speculating on the strange anomolies of the cases, feel that the outcome will be a matter of jurisdiction. It is understood Sissle joined his wife s Florida divorce action when he filed an answer to her charges. Such a joinder, it was pointed out, would automatically Rive Florida courts jurisdiction in the entire matter. Other lawyers, not     sure about who has jurisdiction, point out the fact that one party to a divorce action sensing an adverse decision have set a precedence in such matters by .going to another state and ^ . amount ^'~    countersuit, but in reality is an original action. Sissle,   9-yearold globe-trotting bandleader, is said to have himself set such a precedent when he obtained a New York divorce from his first wife, Harriet, while sh .lingered in Massachusetts.</t>
  </si>
  <si>
    <t>                                           LOS ANGELES -- (NPB) -- News reaching this city from Albany, N. Y., heralding the fact that Bandleader Noble Sissle had been awarded a divorce decree from his attractive 31-year-old wife and mother of his two children, Ethel Sissie, was greeted...</t>
  </si>
  <si>
    <t>                                           SEPTEMBKn MAHIilAGE TOLU Mrs. Gussie L. Lit lie* announces the ^c of her . Cliiiidiuc to Mr. Mulviu D. .J.icl:*on. so:'. of Mr.  Mrs. Alfred ... Sepiemtcr 10. 1  4U. Aii.ur.a. Cicorpi:~. They now reside .1: :no Cain St.. N. E.. Ailuntn. Georgia.</t>
  </si>
  <si>
    <t>                                           JEAN WORTH Overcome Obstacles And Hidden Fears There Are Things With Your Grasp Tells You How to- -m^ Know What To Do Get A Job. ES^ Know When To Do It Banish Misay. WS M I N Care Sickness  Remove Cnhappincss. SH-HttI Medicine Know What Others Are HlJlj Gala toe Love of Dole;. P*j 3bf Ja Oppo'''* rcx Be Lncky. fc^ MS^H  Llkc Peopk Do Tour Gain Property. \f H Blddinf Regain Youth and Vigor.  Jfl Mm BHiik Back Bappbieaa 1  -      the CaRK. ^BB^Swa "T^" MaulxtJ of AB 12S3 Bankhead Hlghnay Ahnaad Farjt ot RirerCaj1 to Anthony Street</t>
  </si>
  <si>
    <t>                                           Our Latest Creation .            FRENCH WOVEN rar*$fK5faM PAGE BOY ATTACHMENTS $3.50             PAGE BOY 53-00             -P1.DS POSTAGE          . SATISFACTION OUR MOTTO ^^^^^~5^! NEW  17,       O-~~i. SNS "QSUffl ALL. ITEMS PKlCUt SEl'AKATELr We also carry Natural Human Hair Chignons. Puffs, Braids, lair auu All  Vti^ -lfc.  (..OU Send  or hair or stale .-.. Vay postman  delivered. RELIABLE HAIR COMPANY  Hair Co. Wi mtn    . York 17. New York l..)       I )Jlrtmn s-AME UM  CITY ZONE 8 )l"~~e   pj (   .i       Boy Frrn^ti 111 M fl B "^~Hw^^^v ^^f^          Ik ^L- v M 9 I ~^~nB^r^^vV   ^^^p^^n If your li;iir is dull. dry. ind hard "ifc^J 'S^^i^ lo manage, try Pli iko I lair Dress- tZ/^^W^S^^^^^aSB^B^HfiB , civin2 vour hair a ~^    V. ".^^^Ja^^g^^WBWlflPHB silkier,  look. Piuko also w*-~ ^^                2Sm3          makes your  t- to ar- ^~5M^ ^^ra ^^^^^EjlmBH range and makes il louk MiitKitii b^^^H JBawi ^^K^KIJrBB^H and . Pluko I lair Dress* ^m HnK ^^o^       ^HH ing mines in Amljcr Tur 2."5f and  ^^m BgHB3S[^B^JU Wlu'te, 50c1, at your favorite cos-  S.*^^^^~ ^kH^H  or drug counter.   m_ w *,^^^r^ ^C^MmR^I^I  prepared for home and ^^^^^^IL^pS?^^  3</t>
  </si>
  <si>
    <t>                                           The month of January was characterized with two important events, the Young People's mass meeting held at the Christian Church with Mr. Briscoe, physical director of the Boys Club as guest speaker, and the annual Men's Day celebration, at St. Peters...</t>
  </si>
  <si>
    <t>                                           Last Rites Held For Baby Drake                 Last rites were held lor Baby EJaine Drake Sac. in the chape." of Hawrabrooks Funeral Home. 3W Auburn Avenue. NE. with. Rev. C. V K. Perkins, pastor of Grant Temple Baptist Churcn, officiating. Baby ETaine will be remembered as the baby suffering from  tuberculosis and meningitis who was supplied streptomycin a rare i drug by the Ne?ro citizens of At- lanta. She succumbed Wednesduj. January 15th at the hospital. T.-.c infant vw the daughter ol Mr. and Mrs. Arthur Howard Drake. 578 J Decotur Street. The body was Inteired at South- "i view cemetery. Vj</t>
  </si>
  <si>
    <t>                                           Says Natives Not Ready For Full Freedom In Africa                 PRETORIA. South Africa f ANP) Repeal or all      *Tilnntory   non- races lu South Africa was held u being -impracticable" by Acting Premier Jan B. Hofmtyer was speaking to the native, represent*. tire council which convened her*                 after adjourning sine die on Aug. 15 as a protest against the government s "breach of faith' with the African people. He declared that  at present legislation would Involve such things as throwing open to the population at large the right to pur^ native resort es and ~-a ands at. present used by na....es only. "The changes must necessarily be made gradually and are In fact being made u fast as practicable to give the natives a greater share -in the country s assets and fit them to play an effective part in its activities." he said.' Tlie councilors, an of whom are highly educated Negroes, said that Africans felt more and more" that they had been frustrated because recommendations made by Um council gen-rally had been Ignored by the government At the dos* of the acting premier s address,  members met in a caucus to        upon their attitude when     group meets , Stera'd they adjourn once more sloe die. It if' felt that an embarrassing  might be created for the SOOttrA*.' I rican government.</t>
  </si>
  <si>
    <t>                                           PRETORIA, South Africa -- (ANP) -- Repeal of all discriminatory legislation affecting non-white races in South Africa was held as being "impracticable" by Acting Premier Jan E. Hofmeyer was speaking to the native representative council which convened here...</t>
  </si>
  <si>
    <t>                                           The power-laden Golden Tigers of Tuskegee Institute will invade the Gate City fur the third time this season today, and will match shots with the Morehouse College Maroon Tigers, at 8 o'clock. tonight, at the Morehouse College Gymnasium.</t>
  </si>
  <si>
    <t>                                           rhe Weather Partly Ckwdy. Mild.</t>
  </si>
  <si>
    <t>                                           ^^^^MZ^g Published Every Morning. Except Monday "News While / I i It Is News" ^^^      -* VOLUME 15~. NUMBER 27 ATLANTA 05), GEORGIA. THURSDAY. JAN. 16. 1947 I'-. FIVE CENTS</t>
  </si>
  <si>
    <t>                                           The manner and method with which the Georgia General Assembly elected Herman Talmadge to the governorship of the State Wednesday, presents a solemn hour of crisis to the whole people. It is violative of the clear meaning of the State's Constitution. It is contrary to the intent and spirit of the voters in the July 17th Primary elections, when they cast honest ballots for a Lieutenant Governor. And it is highly suggestive of the era of the Divine Right...</t>
  </si>
  <si>
    <t>                                           Madam Eva rSe SPECIAL READING- 25c SHE  SJ FACTS AND :~Sk YOU GET SMS RESULTS SSgB World".  r*ete.t ^S v"^S^ ^. Aftox :-7^ CT-'v?-^? /on  all ^fN^~~p.'      .      V, "S j wilt    f/- j lorn, to       ^5^^-/' Eti1 t:lc! or wife, be                . Office hour* 9 in. to 10 P.m. daily kdH Saoday. 1C15 W. Marietta Street, N. W., Atlanta. 8  tor* to take tba  Yarc Gtree'. ?le"~c   k tbc      .~    let you off two topi on     otber aide of Kin) Clow Co.. Atlai.t*. Ca.  5c- SPECIAL  25. Yoar Lucky   =      1 MontStf Givas Fr*~.</t>
  </si>
  <si>
    <t>                                           THERE S C.VLT ONE MADAME ROSE  Guarantees To Read Your entire life past, present,  tnc. Asks bo ^^^~J^B  but tells you all     [~ yon mat to know BA"ff^B fixing Barnes and ~^    3i dates, and facts of LJ^w^m business, loTe- health  V  nHI family attain, tells ^k 'ID S whom yon win man; ^^k If m and when, overcome     -^ enemies rivals lover s quarrels, evil habits, stumbling blocks, and bad lock of all  Readings 25c dally and Sunday. 9 a. m. to 10 p. m. Ton win find her smarter than aU others. There is no beart so sad or home so dreary that I cannot brine sunshine ta it. Located at junction of Brady' Avenue and Howell UtTO Road. 1061 Howetl Mm Road be.  to take the one ear Howell Mill Boad ear. Stop at door. Howefl MID Trailer, front of white ProTisUm Company, Atlanta. (t para to see the beat ta this etty.</t>
  </si>
  <si>
    <t>                                           V Little Skylight The truth is very Hard to find. If selfishness Is still in . F. .1. Earl.</t>
  </si>
  <si>
    <t>                                           For Service To Your Door Call JAckson 8794 FOR MEAT YOU BOHT HAVE TO BEAT Come To 75 Fort Street, N. E.  S GAT E CITY LITTLE SUPER MARKET Our Specialty Is Choice Western Meat The Best Of Fancy Groceries Garden Fresh Vegetables For Your Parties Call Us for Wine and Beer Receive A Discount On Beer By the Case CALL US WE DELIVER Ja. 8794</t>
  </si>
  <si>
    <t>                                           I In Memoriam                 In loving memory of our dear son and brother, Mr. Willie C. Barrett, who departed this life five         (ja-4oday. "The evening shades are falling my dear son While I sit and think of you But we will meet again I'm praying- When our work on earth is ". Sadly Missed Bv MRS. AXN IE BARRETT, mother  BARRETT, brother MRS. RUTH WJ1  MRS. RUBIE JACKSON EDITH BARRETT, sisters MRS. CARRIE McCLENDON, aunt MU. JAMES MITCHELL, uncle In Memoriam In loving and treasured memory of our dear Mother and Grandmother, Mrs. Louis Schroder, who departed this life December 27, 1 93C How we miss you Mother dear, N'o one knows the silent heartaches; Only those who have lost can tell, We loved you, but Goa loved you best. Mrs. Elizabeth Williams, Mrs. Alma Perry, Daughters j-rs. Florence Williams Cotes. 'V,1'?,-.          Shepherd, Bernard j}T?,., amJ Albert Williams, p;              Sandra Shepherd and Arndra Cotes, great grandchildren. Card Of Thanks T*n. i.u.u*uj vi tac iate Mrs. Barb.ira Swain wishes to thank her many friends for flowers, telegrams, cars ana expressions of sympathy during her recent Illness and death. Especially do we wish to thank the Murdaugh Brothers of Atlanta and Sconlers Funeral Directors of CoJumbus. Ga.. for kind and efficient service. Mrs. Thomasenc Vlnson, Mrs. Claude W. Reynolds, nieces.</t>
  </si>
  <si>
    <t>                                           There will be one man whose concern will border on a "headache" Sunday, February 9th, at Mason's Temple. when the popular sixty-voice Southern Male Chorus of Memphis makes its initial recital, as such, before a local audience. That "concered" man will...</t>
  </si>
  <si>
    <t>                                           money. Be the Lucky 'Heart ^^B^H5   3S^^S^Bli!SHtWl?v or fun time. Just show friends ^^^^     (^^^^^^^^^1^\k^^ guaranteed Lucky Heart line of over ^^^^^^^V JEa\t1\ lS ""wE^NDTYOu'lSfERYTHING YOU NEED* We show you bow. tell you everything you need to know and help you get started on the road to success. You need no experience. Now is the time when everybody needs more money, not only to live, but to have those rood  of we everybody wants. Men and women, old and young, find it easy to make more money than they ve ever made before as Lucky Heart agents. You can. too. Write today for tree samples, tree        book. and sample, case offer free. Write to Dept- S-T7-27</t>
  </si>
  <si>
    <t>                                           WASHINGTON, D. C.--Among the six modeling teams set up by the War Department in its survey among military personnel of the Army to determine what the average enlisted man and officer desire in a dress uniform is one composed of Negro personnel.</t>
  </si>
  <si>
    <t>                                           Last Rites For Baby  To Be Held Saturday                 Funeral services lor Elaine Drake the baby who succumbed to  tuberculosis and meningitis at Grady hospital Wednesday, will be held Saturday afternoon at one o clock at the Auburn Aver.ue chapel of the Haugubrooks Funeral Home.                 364 Auburn Ave., N. E. i j The body will lie in state at the i Funeral Home from 5 o clock Pri- day afternoon until time of funeral.</t>
  </si>
  <si>
    <t>                                           ROME,Ga.-- Mrs. Juliet Wright , and mother, Mrs. Jennier Formerly left Monday for Cincinnati, Ohio, Mts. Irene Minefee, Mr. Will Dunin Marietta, Ga., visiting her aunt, Mrs. Irene Minefee, Mr. Wlil Duncan of, Philadelphia, Pa.. spent the weekend with his brother,...</t>
  </si>
  <si>
    <t>                                           B5          \i. use- JLc,-,nq v $U?EW. 1</t>
  </si>
  <si>
    <t>                                           Relationship between the urban leadership and the rural leadership, in Alabama, is just about non-existent. The Birmingham Negro Business League missed an opportunity to establish such, when the Alabama Negro extension workers, for lack of convention...</t>
  </si>
  <si>
    <t>                                           ^L^^m^^^^LjjlZf^^M  waa Aumoorr or me coc/ compant iy ^^^^^^B^^^^^^^^y v THE ATLANTA COCA-COLA BOTTLING COMPANY ^^^^HI^^O'</t>
  </si>
  <si>
    <t>                                           PRESENTLY Val stood beside Madge and watched the car drive off. When they returned to the house, the shadows lay thick and golden on the grass. Madge was saying. "The Waldorf ... Barry's father and I spent our wedding night at the Waldorf, the old one...</t>
  </si>
  <si>
    <t>                                           The Ninth Commencement Exercises of the Atlanta College of Mortuary Science, Inc., will be held tonight at eight-thirty o'clock at the West Hunter Baptist Church, Rev. Samuel Pettagrue will offer the invocation following the processional of the graduating class...</t>
  </si>
  <si>
    <t>                                           DO S AND DONTS: "Leave slouching to Stepln Fctchit. Be alive! Look alert!"</t>
  </si>
  <si>
    <t>                                           WASHINGTON, D. C.--(NNPA)-- During hearings on Howard University and Freedmen's Hospital appropriations, Representative Frank R. Keefe, Republican, of Wisconsin, expressed amazement over the barring of colored physicians from practicing in hospitals in the...</t>
  </si>
  <si>
    <t>                                           LUCKY  J DOLLAR 15 V^ BRACELET -j;,;., NEVER BE A real U. S. Sil- i ver Dollar at- Iractiveiy - i ed on .1 beau- ffl fl    L t i f u 1 embossed  L J U fl i bracelet. "ll 1 Ti Dollar c an be Lak    U a U U i en off and spent anytime. It's :i c \v different ALL a::d lucky worn by r.uip.. woman TAX d.- child. ;an be taken off INCL. md spent uny- time. It's nciv ^nt and lucky- worn by man.  or child. = nd address and pay postman only ".5l."~ plus  no more, tf nol plighted return bracelet within 10 lavs for money bark. Order now. BING SALES J5S Clyde Avo Dcpt AW. Cliicajo 4!). 111. You* Ki^y i ~..~^-r*         * For Complete Optical Service Come To OPTICAlf     .  PlOO*</t>
  </si>
  <si>
    <t>                                           fi!T THAT RHEUMATin PAIN RIGHT WHERE IT HURTS Antl  at ihc Sibier Lining in those Clouds of Pain Tlir      Mrn      want to f*?l , W'ben p.iin '.is??, your      *.      crt rr*.t rh.it mc;ms deliv*r;in*:c. So   that j^ts at the p.iin. Vzzi'y l- \nu pain- help. Now  y\\\\ fcf 1 n?~ good 3!* ';          enjoy i^ help, too. 60c,  nii $1. C.? l:sc     directed. First   '~it^-* purch.i-r price refunded if yon are not  Today, get C-2^j.</t>
  </si>
  <si>
    <t>                                           SHU 1 Urgently^ Heeded iS ^They're needed  Skodaytmore1han ever .</t>
  </si>
  <si>
    <t>                                           Languishing in the county jail at Lancaster, S. C., is an attractive 21 year old young woman whose case is a lesson of sadness for many women who may he tempted in early womanhood to disregard the counsel of parents and friends for the love of a man...</t>
  </si>
  <si>
    <t>                                           PHILADELPHIA-- (ANP)--A city-wide survey on interracial relations conducted by the Philadelphia Presbytery shows "wide breaches of fellowship within, the churches" and "tragic effects of discrimination to the City."</t>
  </si>
  <si>
    <t>                                           f-*ar-~ Chestnut THERE S C.VLY ONE i Ir _S^- jd MADAME ROSt I , ^flP^^^^W* I Guarantees To Read IflV^feH  ^our cnl*rc life, past, present* fu- IB! Hjj CALL I    j  turc- A*1" no  Ua C C 1 C I no% s S^y^j ff tjf tions but tells you all ^13 Jd-8533 I T I      *~~~~          :  ^   I Sl^k ig M  n^  overcome I 4 4 HI Ml quarrels, evil habits,  Ul^aJ len Minute H H blocks, and bad luck of all kinds I ^J Service HmMH     1l"KS 25c daily and Sunday, 3 P^~ n... __j I "I a. in. to 10 p. m. You \rill find her ^^^J V- Ki I 1       :r than a" others. There is ^^^^H JNlii"'- ^^^^J no * s0 K"1 or      so dreary ^H ^H w \1'f'~.f ^^^^^t ^nat I cannot bring sunshine in iL H-H   ^3Bl located at junction of Brady Ave- I r UK IHb nue and IIowcII Mill Road. 1060 ^l "U" ~^~l How*11 ^i" Koad be sure to take ^^L^ .^~^Hl "IC onr car Hovrcll Mill Road ^^^^^^^- rf^^B^B car. Stop at door. Howcll Mill ^n^^SSB^^MBHjV Trailer, front of white Provision      Si?1 (3 *S^^^p Company. Atlanta. ^.K^J^P^ U pays m the bcst  n c!t7' I</t>
  </si>
  <si>
    <t>                                           NASHVILLE, Tenn. Dec. 2The second annual meeting of the Tennessee Business Institute was held at the A and I State College in Nashville on the morning of Thanksgiving Day, Nov. 28, A. G. Gaston, outstanding mortician and business leader of Birmingham...</t>
  </si>
  <si>
    <t>                                           WASHINGTON -- (ANP) -- A special delegation from Haiti, sent by President Estime for the purpose of "consolidating" the various Haitian loans and public debts, and of creating a new loan in the United States in order to "strengthen the economic, political and...</t>
  </si>
  <si>
    <t>                                           He'd Love You ^P*n SJOO Etoz^h In This' Human *J PAGE BOY SPECIAL PAGE BOY S5oo (Extra-Thick and Long) pf,~;e CHIGNONS-$3.50 to $7.00 GLAMOURS' BRAIDS WIGS These products are made of hair of the finest quality. Send sample of hair with order. JL.A.DUFAU,Dept.T P. Box 52, Hub Station ?JEW YORK 55, N.Y.</t>
  </si>
  <si>
    <t>                                           Woman Slays Sister Surrenders To Police                 Aflcr experiencing u week-end lull, the homicide records of Atlanta Negroes was blighted again Tuesday, when Peurl (Dairies. 57, of 559 Rhodes Street. NW.. was shot to death allegedly by her. sister, Nellie Richards Gray, 43, of 11 Electric Avenue, N.W., whom police report,                 up Lo Uicm with pistol In hand, confessing, "I have Just killed my sister." This, the 32nd homicide of the year, denotes that on the average Atlutr.a Negroes have 'fl.fli ;      ,'. members of II II their mce" "weekly  4-/ Ww  ef the- 11/ T        addition to the . police records reveal un attempted mpc,  and n number of criminal assaults. A young lady of an Irene Street address reported to police a man forced her and her hsuband into his cur at the point or a gun. took her watch and carried her to Wiley Street, and there attempted to assault her. During the time the criminal was taking her . her husband fled, the victim is reported tu have said; Continuing her .story to police, the victim is reported to have said that when, the criminal took her -out of the car. endeavoring to assault her, she screamed and he tied from the scene.. Groping her way to a nearby, house, she called the police,                 eluded the woman In her story to pollen. Joe Ward. 24. of 004 Curler Slreel. NW.. was arrested Tuesday mid booked on a charge of suspicion of  of a radio froni the residence of Benjamin Green, of 514 West Hunter Street. Officers W. J. Smith and L. Rojwcll reported  Ward confessed i to the taking of the radio, claming I that Green owed him and wouldn't puy him. Booker T. Washington High School reported that 3  and "3 trumpets were taken from" Its :  April '74 ?.rd Tlic thief Is believed to have entered through a window of the building. Jim Simpson. 21, of SCO Humphries Street, S.W., was reportedly stabbed behind the right car and received lacerations of the temple Monday that resulted from an argument he and his assailant had over a girl friend, he Is reported to have said. Witness to the stabbing stated they . the victim s assailant to be a character called  Badeycs.' Bessie- Curler. 33. of 4% Dccatur Street, was trailed at Grady hospital for a broken arm and a lacerated i foot Sunday as an outcome of a j .beating thai wus .administered, she alleges, by her .common-law husband. Will Fowler. Fowler was arrested on a charge. of assault and battery.</t>
  </si>
  <si>
    <t>                                           After experiencing a week-end lull, the homicide records of Atlanta Negroes was blighted again Tuesday, when Pearl Gaines, 57, of 559 Rhodes Street, NW., was shot to death allegedly by her, sister, Nellie Richards Gray, 43, of 11 Electric Avenue, N.W., whom police report...</t>
  </si>
  <si>
    <t>                                           . I. TDl ItMr.-, .- Wliii- "f ''Si; SiinjjS'in Snv.i. N. W.. nr.Mitly n-tum-.i !~'i-i :i 1'ins w-     trip       - X'. :     Ksist. L:n:      - p:-tl. Mrs. -f slc.ps in Chirac... (i.-iry. Deivit. Canutla, I I'.... N'ia^ara Falls, New York i City. J.rrs.-y City. N. .1.. and Wash- j iiV4l"n. II. C. Mrs. i  "_rts j that lii-r vm- period, during! which i I-i  was     . consti-  mi.- ..f      iKf- in   -r     .</t>
  </si>
  <si>
    <t>                                           Madam Eva We SPECIAL BEADING He t World's greatest palmist. After 70a H consult all other*. H g come with  ^^yg problems to SUdOs ^\~pT* ai= am. -=e yv^fe one that knows an V K^ET SHE G TE* -7 ' facts a x %*/-~ -f YOU GET-" If you nave    husband or wire, be sore and come mt once. Office hours 9 a. m. to 10 p. m.  and Simday. 1012 W. Marietta Street. N. W, Atlanta. Be ssr* "to, take the Inmaa Tard Street ear. Please ask the cor  to .St 70a off two stops on the other lido of King Plow Co, Atlanta. Ga. ZSe SPECIAL BEADING tie Xonr Locky Days and Moatha GWts Free. THERE S C.VLY ONE MADAME ROSE palmist" Guarantees To Bead Your entire life, part, pretest,        tore. Asks mo         ^B       *b IH*iK*Mt yoa wul  W^iS. dates, and fact^ iof P*VMl business, loye,  B /"^^ffl family affairs, tells B^ s^^V whom 70a 7 Hfct W m and.  * enemies  lover s 4,'eTU habits, -^-"lrc blocks, and bad lack of  Readings 25e daily aad Sunday. 9 a. m. to 10 p. m. Too will  smarter than an others. Tarra la no heart to sad or home so.  that I cannot brine la U. Located at Junction of Brady Innne and Howdl Mm Boad.' 1M Hovrell IttJH Boad be son to taka the one car HoweU. Mm Boad. ear. Stop at door. Howell WB Trailer, front of white Frvrislp* Company, Atlanta.' U psts to see the best n thia,ett]r.</t>
  </si>
  <si>
    <t>                                           MUSCULAR PA (N  Rub on    \ PfN!TP.AT!   1  relieve* 1 I   *^ tkf. discomfort* T J '7\ -" win up y      help Vs^ f break-up flic  . WllEN you tub  Ncurabalm      . it ?tHr(%     ^ork in-'* Pain subsides. Prtsh .ti.-c .    area",       renewed life    Jorc, stiff, aching      5, The miser Tes caused by  \ure or fatigue arc relieved. Scientific research proves Ncu* works fast and effectively. Also  for the relief of neuralgic  stiff neck, tired back muscles, cbest Rorepess due to cold,*,  or    of the skin, cired-burning feet. NeurBLbsIcn is  and  to the ikin. So  so CLEAN and  to um. When you want fast and welcome relief from neural cic and muscular aches and pains rub with Ncurabalm. Feel relaxed1. Sleep better feel better. HichJy praised by users. Follow directions in folder. At drugstores ia 2$i% 754 aad J1.25 bottles. MODERN CLEAN SOOTH INS  II 2WAY  FROM ACHES AND PAIN"</t>
  </si>
  <si>
    <t>                                           VALDOSTA, Ga. -- Mr. M. C. Flanagin of Detroit, Michigan is here visiting his sister Mrs. Rosa Jackson, Mr. Flanagin has not been here in 26 years. Mrs. Jackson has been ill. Mrs. H. L. Goins of Tuscaloosa. Alabama is visiting her daughter Mrs. C. R. Hudson.</t>
  </si>
  <si>
    <t>                                           Huieit Frowns On Race Staffs, Equal Referrals                 Labor Commissioner Say* Idea Of Equal Chance Won't Work                 BY JAMES L. HICKS ( Staff TOrlicr'k                 WASHINGTON D. )- Representative* of the states of Georgia and Arkansas at the thirteenth National Conference on Labor Legislation went on record last Wednesday as being opposed to the hiring of qualified colored persons in state employment * and to                 non-discrimination In Job referral! Ben Buiett, Georgia Labor Commissioner and M. E. Coss. Arkansas Labor Commissioner, went to gnat pains to have officials records of the three-may conference held here December 3-4 show that they 'voted against the proposals. State labor commissioners and union leaders from other States ! a committee suggestion that job referral standard* of the United State: Employment Sendee. now under Stats operation, disregard "sex. creed or color." Hulett said the plan "Trill not go dov.-n In the South." On a voice vota both he and Goss voted against the two proposals. However, the conference adopted the committee report which recommended 'Equal referral opportunities to all individuals on the basis of their occupational qualifications for the Job  of sex. creed or color." The other proposal approved by the conference provided that "where  i; a large minority group such as Negroes in the state, that the State Employment Service employ qualified Negro personnel on their . Hulet and Goss also Joined In a vote against a. committee recommendation "that states whose -, .not-      :- "- -work," amend their laws to provide such s definition In accordance with the recommendations of the Social Se:urity Board model hill. Under such a definition, an unemployed worker or a. veteran re: unemployment compensation could not be removed from the unemployment compensation rolls for his failure to accept a Job which" Sid not come within the definition Df "'suitable work." Numerous complaints reaching "he Veterans Administration here 'rom southern states say that unemployed colored  veterans are being  unemployment compensation rhen they refuse menial Jobs and  out for "         work." In defining suitable work the Social Security Board has recommended that ?  the : s prior earnings, training ind experience the length of his .t -and his prospects tor obtaining Terk !n his  occupation. Although Goss and Euiatt opposed committee adoption of such a recommendation, it was adopted and 33ssed by tba conference. TS          WAGE The wages and 'hour committee recommended an .Immediate wage Increase to 75 cents an hour with en' escalator clause that would provide for a higher rate. It also recommended enactment of mini-, mum wage  In states not having them and urged that new legislation include previously uncovered groups such as agricultural and domestic workers. For states already having minimum wage laws the committee recommended amendments to     a statutory rate with overtime after 40 hours a week, based on the worker s regular rate of pay. The committee declared its support of s legal limit of eight hours of work a day ?or women and for all workers at least one dar of rest In seven. The committee on migratory labor  the Labor Department to assume responsibility for such  and  State labor : to license all labor :-'r-commends the development of state labor camp codes for camp r.. construction, sanitary facilities and the placing of authority to enforce men codes In the state labor departments. It further recommended the extension of state minimum wage-collection laws to ml. t^atory workers. Such laws  for minimum wages and prompt and regular payment of such wages and authorise state labor department* to collect  wages. Other recommendations for  workers Included extension of social security and old age benefits, child labor laws, and the enactment of state and federal la wi to license and regulate private      (Continued on Back Tun)                 Huiett Frowns Continued front Pa^e One)     :.ir.t?nt  and labor contractors. The com mi lee on   ^:irt            recom:ne:'.dcd that each s;ute                 \zw     amended to provide a :u ber.v:il of at least 523. with :~Utii!: i.'Jo\v:u!ce '.or dependents r.::u ior duration or bv::efits for C'j v.i-i lts :or  eligible unemployed vork^r. Cur.'. 'ov aji Atlunu World --' by  with TcScrvv.c\t to his portion on the alleged statement. Mr. Hulctt said: '~He  xus against sending a white stenographer to a K'.'jro or a colored stenographer to a white man." Ret':-ui to the              *?  on the use of Negro personnel, lie .~aici lse was not completed his plass but assured ice  'SM tic N'esro "would, be treated right."</t>
  </si>
  <si>
    <t>                                           WASHINGTON D. C. --NNPA)--Representatives of the states of Georgia and Arkansas at the thirteenth National Conference on Labor Legislation went on record last Wednesday as bang opposed to the hiring of qualified colored persons in state employment offices and to...</t>
  </si>
  <si>
    <t>                                           In an address before the students of Atlanta University. Morehouse college and spelman College, Charles P. Taft. President of the Federal Council of the Churches of Christ in America last week, told the students and faculties that there is a great need for...</t>
  </si>
  <si>
    <t>                                           Don't Miss "Gospel In Song" A Two Nig'nts' Song Fest Featuring: "THE ECHOES " and 'THE BLACK ANGEL" (Rev. F. L. MeLarity) In Songs and Sermons FLIPPER TEMPLE AME CHURCH Monday and Tuesday March 3rd and 4th 8:30 P.M. "\Vm. B. Cooper, Sponsor Rev. W. E. Brown, Pastor Italian Swiss Colonv Now On Sale In Atlanta At Your Favorite California Wine Retail Store NATIONAL DISTRIBUTING CO., Inc. Atlanta. Ga. Madam Eva Be SPECIAL READING 25c World's create*!  BpA palmist. After yon JBr c, consult all other*. ,nH5 g come with tout i^KB Drniilcms    Mad- an; E^a ana 4^]? onr that     ^ al Tty* SITE GIVE' FACTS A V    von r,rr ItESTTLTS If yoD hare  *      nr wife, be sore and come at  Office hoots 9 a. m. to 10 p. m.       ind Sunday. 101S W. Marietta Street, N. W_ Atlanta. Be sure u take the Inman Tard Street car Please ask the car conductor to lei rou off two stop* on the other  *f Khic Plow Co. Atlanta. Ga. i  V SPEfTTAL READING V"ur Lncky Days and Month-, Givrti Free.</t>
  </si>
  <si>
    <t>                                           KNIGHT OP A FOREIGN GOV -- Techlnal Sergeant Isaac J. DavisC of Natchez, Mississippi is a member of the Knighthood of the republic of Liberia. Presently serving with the 101st Training Battalion. 5th Training regiment, at Port Dix. New Jersey, Sergeant Davis \yas elected to Knighthood toy the Liberian                 the Legion of Merit from the United  in 1943. He     holds States for outstanding service as an instructor at the Llberion Force Officer's Training School. Sergeant Davis now resides in Trenton, New Jersey with, his wife, the former Miss Blanche Means of Bowling                 Oi-een, Kentucky. (U. S. Army photo Irom Information Division)</t>
  </si>
  <si>
    <t>                                           SHEETS Record Shop 648 Fraser St., S. E., at Ga. Ave. Now You Can Buy Your Favorite Records Right In Your Own Neighborhood- 1LL. SHEETS Hit Parade Complete Stock of Records SPIRITUALS JAZZ POPULAR 1 Open The Door Richard 2. Richard- The Key Is In The Mailbox 3. I Want To Be )      4. Old Maid Boogie 5. Texas and Pacific 6. Let The Good Times Roll 7. Blow Top Blues 8. Sonny Road</t>
  </si>
  <si>
    <t>                                           LOANS PRYOR FINANCE COMPANY, INC. K PRYOR STREET; 8. W. Ground Floor Of     KIMBALL</t>
  </si>
  <si>
    <t>                                           A new local, No. 97, has been chartered by United Office and Professional Workers Union, CIO effective December 1, Elected by the members of Local 97 to represent the UOPWA in the Birmingham Industrial Council are: Miss Arvada Lacefield and Mrs. Pauline...</t>
  </si>
  <si>
    <t>                                           NEW YORK -- (SNS) -- At a public meeting in Temple Israel in New Rochelle, New York, Tuesday evening, November 19, A. Philip Randolph, co-Chairman of the National Council for a Permanent FEPC, spoke on "FEPC Legislation in the 80th Congress".</t>
  </si>
  <si>
    <t>                                           81 "IN KAItr.Y ARIZONA" with Wild Bill Elliott :intl  RICHARD S ANSWER" with Stepin Fetchit AJso CRIMSON GHOST" ROYAL "DEADLINE AT DAWN" with Sujb.11 Hayvard. Paul Lucas and "HOP HARRIGAN" ASHBY "NO TIME FOR COMEDY" nucl Henri Woo'dc In -"Love .in Syncopation" Ajso  in "RICIIA'Kn'S ANSWER" LINCOLN "     the Sw^in1.)" with Robert. Barrett and " GHOST'* HARLEM "UOlVEltY DUMBSHEUIj" with Eost, Side Kids and "LUCKY GAMBLERS"  Lollypop Also '~CRIMSON GHOST" STRAND "LONESOME TRAIL" with Jlmniic Wakcly and "Oppn Tlir Door Uichani" with Dusty Fletcher Alto "; RAinKRK".</t>
  </si>
  <si>
    <t>                                           MADAM MINGY A GENUINE PALMIST AND I TRUE ADVISER S0  Complete Readlnc- 50c Without asking a    - f^BSS K'e question *he wi" ^^S and greatest ambitious j  BltrRB ?our secret desire  how to fain them. ^O^"^^B Gives never tilling adV^h2B*^JS v*ce un *H affairs of M** \f*~ H life, sueb an lov*~ In^L 1 . money mat^^^_      . badness. In fact, no matter what  problem may I be. Stop being a loser, chance your luck. Gain the t hints yon want most m life. See her today as this special low price may not be extended. 40 years experience ten rears m Atlanta b MADAM *S guarantee yon that do j better readme or faster results cao be obtained at any price, anywhere Readings DaDy and Sunday at 10 .u m. 'til 10 p. m.- 652 McDooonjb Road, across from Fedeml Prison Take Pryor Federal Prison car to i nd of line. Look for Neon     .</t>
  </si>
  <si>
    <t>                                           HE TOOK the tray back into the living room, silent for a minute.</t>
  </si>
  <si>
    <t>                                           WASHINGTON--(ANP)--"An economic charter for the south," to bring up to date the report on economic conditions in the south made at the request of President Roosevelt in 1938, has been proposed by Dr. Clark Foreman, president of the Southern Conference...</t>
  </si>
  <si>
    <t>                                           Honor Day Exercises Set At David Howard                 'Two hundred - young people "of the David T. Howard Junior High School will be guarded Honor  here tomorrow afternoon, when the  will observe Honor Day. beginning at 2 p. m. at the Wheat Street- Baptist Church.                 An Honor D:iy committee, headed by M. R. Austell. is made up ol members of the faculty from various departments of the school as follows: Miss E. E. McGhce. Miss W. M. R.. Miss' Julia E. Brown, P. E. Johnson, and F. H. Waitcs. The committee has arranged an Interesting; program built around the Honor Day idea. Dr. M. L. King, pastor, Ebcnezcr Baptist Church, will give the invocation. Little Miss Annie Ruth Simmons. President of the student body, will extend welcome on behalf of the students. The Boys' quartet, under the direction of L. C. Mann, will give a selection entitled "Drink To Me Only With Thine Eyes." His Honor. Mayor William B j HartsAcld. will deliver the Honor Day message. The Girls' Ensemble, under the direction of Mrs. Mamie Sue Edwards, will follow with a musical selection. Prof. C. L. Gideons, principal, will then award scholarship . And the closing musical number will be rendered by the Band, under the di- rection or Kenneth Days. I The public is invited to witness j the promotions and to share in j the varied program arranged. GROUP I- Students making "A" in all subjects: Elaine Barksdale. Jean -Bell. Na- j thaniel Blllingslea. Jucl Borders. William Borders, Juanlta Bryant. Birdie Mae Collins, Solomon Crutc. Mattie Dorsey. Helen Everctte. Jacqueline Gaines. Juanlta Hackney. Pcarlle Ivory. Willie F. Kelsey. Connie King. Nathaniel La Mar. Rochelle Logan. Roberta Mitchell. James Morris, RoseU Ross. Lola j Scott. William Scow. Sallie Shef- field, Marie Shelton. Annie Sim- j mons. Clarlsa Steed. Anna Thomas. Ruth Thomas. Chaucella Talbert. Barbara Usher. Mary Usher. Helen Wilson, Reba Wilson and Marpie woods. GROUP II- Students making "B" or more In all subjects: no mark I below "B": j Christine Allen. Virlyn Allen, James Allison, Eunice Barksdale. June Barnes. Lucille Barnett. Em- j mett Battle. Augusta Beeler. Vir- j Rinia Beeler. Freddie Bell. Freddie Benson. Ernestine Benton, Marva- lene Berry.         Bethel, 'Louise i Betts. Mary Bladtwell. Willie Mae; Blount, Alice -Bostic Julius Bostlc. Ida Baugh. Louise Bradford. Willie j Browner. Mary Nell Brooks. *Rob- 1 crt Brown, Robert James Brown,! John D. Bryant. Gwendolyn Burdctt. Eloise Burns, Mattie B. Burton. Evelyn Calloway. Emma Carr, Leo Chamberlain. Helen Charleston. Annie Chccvcs. Violet Cheeves. Ethel Chrlstlcr. Annie Clark. Barbara Cobb. Tiny Cobb. Sylvia Coffee. 'Chaldinc. Cook. Claudette Cook. Lucretla Cook. Bemicc       . Julia     Cosky. Owendolyn Crockett. 'Walter Mae Crockett,  Crockett, and Vera-Culpcpt                 por: I Arclia Daniel. Jaunita Davenport. ---Martha-Ann                    , Davit. Dorothy Davis. Perallc Davis. Willie Davis. Betty Dawson. Carolyn Dawson. "Jaunita Dawson. Steve Dean. Hattie Decse. Elma Dewberry. Ethel Dewberry. Geral- 1 dine Dickcrson, Mary Doclson. Annie Dorsey. Wnrrcn Douglas, "Arthur; Durdctv: I Joan Ealey, John Early. Anna Lee Edwards. Myra Elliott. Angclia j EUls. Mary Evelyn EllLs. 'Eddie Plukcr. Willie Foster. Ruby Louise Pouch. Bessie Freeman. Ernestine j Freeman. Earnest Fulton. Arluska, Furlow. Joyce Gardner. Dorothy Garlrell. 'Willie Gary.: 'Samuel Giddings. Jauniui Gideons. Florence Gill. Melvia Glover. Minnie Godlvia. Mattie Goodrum. Wilhelmlna Goosby. Marguerite Green. Einma Handspike. Louis Harden. Sura Harden. Mary.J. Harris. Ola Lee Harris. Theresa Harvey, and 'Albert Haywood. Eddie Haywood. Asline Henderson. Eartha Lee Henderson. Willie M Henderson. Robbie . Betty Louise Hendrlx. Vivian Hicks. Ernestine Hill. Roscoe Hilsman. Franklin Hodges. Catherine Holman. Gwendolyn Holloway. Henry Hopkins. Marcia Howell, William Hughes. Louise Humphries. Edward Jackson. Fred Jackson. Geraldini; Jackson. Henry Jackson. Lucy Jackson. Susie Jackson. Sarah Jacobs. Rubye James. Willis James, Ella Lee JclTerson. Eleanor Jawcl. .Barbara Jones. Barbara Rachaol Jones. Donald Jones. Janic .Jones. Marion Jones. Jr.. Margaret Jones. Mildred Jones; Ernestine Kelsey. Clara Langford, Robert Lee. Edith Mac Leekcs."Vernell Lovingood. Christine Lowe, Mary E. Lunsford. Zurlne Mann. 1 Thelma Martin. Jennclle Mason. j Alberta Mathis. Dorothy Mathcws. I Geraldinc McClarin. Margie McClcndon. 1- McDaniel. Mictcey I Lou Meredith. Juanita . i Melbahu Mitchell. Marian Mitchell i Helen           -. *r ellie Montgomery. Jacqueline Moore. Leo Morris. Harriett Moss. Henry Nabrit. Luclnda Norman: Gloria Odum. Leolii Patterson. Continued On Back Pace</t>
  </si>
  <si>
    <t>                                           Two hundred fifty-eight young people of the David T. Howard Junior High School will be awarded honor certificates here tomorrow afternoon, when the school will observe Honor Day, beginning at 2 p. m. at the Wheat Street Baptist Church.</t>
  </si>
  <si>
    <t>                                           Atlanta S^^ World   (my Mm,      FaMlBlivd Kmy    ****~# fc i-- avm^, .it Aabara Av% Member*: SNS- NNPA- ANP EatablWhed Aug. 1*28. Became OaUy March 13, Ifa W. A. Soott 11. rounder-.Mj.-r, Aug. 5, 1S28, to Feb. 1. MM Telepiiune: WAlnut 1459 1460 Entered id Post Otricc at Atlunm CJ), Oa, as second class mall under the Act of Congress, March 13,  C A. SCO1T Editor and General Huufer SUBSCRIPTION RATES BV MAtt:     : I Year- J12.0O; 6 MonUis- S6J0; 3 Months- $S.~~ 8  Only: 1 Year- St50; 6 Months- $2^0 Canada: 1 Year $530; 6 Months- S3:2S: Foreign 1 Year- TIM SDbwrlpUm Rates Bj Ctrrier- 25c Weekly. THE ATLANTA DAILY WORLD Is an Independent newspaper.  oa- and non-partisan, priming news absolutely unbiased!; nd  those things It believes to be to the Interest Its reader* and opposing those things against the Interest at its readers. Address ALL COMMUNICATIONS to anil make CHUCKS 10 ATLANTA DAILY WORLD, rather than to Individuals. THB WORLI expressly repudiates responsibility for return ut un-  pictures, '. etc..  stamps are sent. THE RIGHT TO VOTE The fight to vote must be open to all our  Irrespective f race, color, or creed- without tax or artificial restriction* of an; kind. The sooner we (ret to that basis of political equality, the better It will tie for the country as a whole." t -FRANKLIN D. ROOSEVELT.</t>
  </si>
  <si>
    <t>                                           State Department Denies Liberia Report                 WASmNCiTON.   - (NNFAi^The State Department said Monday it had received no report on the disturbance reported to have occurred at Roberts Field in Liberia.                 It has cabled the United States Embassy at Monrovia lor a report and expects to be informed about, the trouble as soon as an Investigation is made. According to a dispatch from Frankfort, Germany, two officers and eleven enlisted men left Wiesbaden by plane Monday to  a garrison of five Americans who were allegedly attacked by 800 natives at Roberts Field, which the army has decided to abandon. NATIVE KILLED An American guard is reported to have shot and killed a native on April 32. Officials said the native I was prowling through the barracks                 and fulled iu answer the guard s challenge. Two days later 100 natives reportedly surrounded Capt. Jaiuei G. Hains; of Bondurant. Iowa, the garrison commander, and demanded that he surrender the guard who killed the native. The report said Hams refused, and the natives threatened to attack him with knives, clubs, and rocks, but were dispersed by Liberian officers. Roberts Field was built early in the war .by colored American soldiers as a strategic air base for operations against the Germans on the. west coast of Africa. Since the war the army has had no further need of it, and commercial airlines say that. the cost of maintenance is prohibitive.</t>
  </si>
  <si>
    <t>                                           WASHINGTON, D. C.--(NNPA)-- The State Department said Monday it had received no report on the disturbance reported to have occurred at Roberts Field in Liberia.</t>
  </si>
  <si>
    <t>                                           JEFFERSON CITY, Mo. -- Before a record overflow crowd here of about 1,000 rabid cage fans, Coach Jodie Bailey's methodical, almost machine-like Cagers turned back a surging Douglass of Webster Groves aggregation that threatened from start to finish.</t>
  </si>
  <si>
    <t>                                           Club Sponsoring Chitterling Supper The Six Thirty Get Together Su:ial Club will sponsor  supper at the  of Miss Evelyn Carr. 133C Bernard St.. U.W..                 urday. March 29. at 8:30 p.m. Conic one. comp all. (Adv.)</t>
  </si>
  <si>
    <t>                                           Farewell to /46-FanfareJqrj47_                 NiNETEEN-FORTY-SEVEN COrru-s to a world tilled with lm;w fur :i brighter future, a  slowly  from the Wiu-k d:    of .-ur ami        nf . Tims  is an a. zest to                 cty with which a celebrating  greets the New Year,  of the Atomic Age. {international!                 it3?;</t>
  </si>
  <si>
    <t>                                           Constitutional Government^ Shouts An Aroused Public                 The solid block m the" State Legislature which elected Herman Talmadjje soi nor and has since .supported iiir.: broke Wednesday when Talmadge-.-:  measures in , houses we: c nailed.                 Governor T.V.rr.~aj.;.' :irst test of v/hich refused expunge from i-~ i Journal the executive oath which M. E. Tho.- added when he i was  in as  iant governor before the Upper j.~e Monday. Later the Semite receive, a seal- j ed message irom Goven-.ir Tal- i  and after a 30-minu exe-  session adjourned ap)... ent- i ly without taking action. Observers though: the mev: ae contained executive appointments which usually are transmitted in this manner. Late Tuesday night, approximate- ly 2.000 aroused Atlantans. joined j 1 by similar  over Georgia. I protested the seizure of the governorship by force and by pressure I tactics. In a withering attack upon Roy Harris, and Herman Talmadge I private citizen Ellis Arnall said: "The enemies of freedom and I constitutional government are now on the retreat ;ind are behind their { barred doors, guarded by goons, j j thuss. storm troopers.  and hirelings. They are afraid!" "I want to direct the attention of you people to the Eighth Commandment. "Thou shalt not steaL* The  of Georgia, highest offlee  the gift of the people. has been stolen from the people.                 And :'or the  time in 122 ';the peop.e have been adjudged not to have enough sense to elect t ." "Thi? fight in GeoiWa Is a test,; tor al! America. This is a ,: experiment of whether Nazi meth-p ment by force. The formula a the'' can be  to seize our govern- ment by force. The formula i.~      same." "The people of Georgia are un- .rilling to establish an '' monarchy in this state They  to allow the state. government to the.- bargained away la - rooms.: cluttered . liquor  in -the dead of   Bt not  the       pro- r^sanda that.-,  Legislature sovereign. In thls ; the people! nre ." -jt t-n". i ~~'-yM? V .j Those who 'believe ta  government   tnat] my every action has been predictor on the advice ot the. fener-' al who was. elected, by the people.; The attorney general held that thr. Legislature did not: have the  right to       a governor; that        belonged to "th* people." "The pretender-now says that no nets of violence -V force accom-; panted his seizure, of the Rovernort'. . He lies."' "ThU pretender.1:' King Hermann received only 4-1000 part' of 1 per,' cent of the -     In (lection. He      ;of: democracy (Continued On      S)                 Constitutional                 (Continued From Pj.kv One) yet he and his "bosses" arranged lor his to be ihe only  submitted to the Legislature so that each member of the  had to Maud up and goosestep and vote 'j:i* in :i  that would have shamed Uio Third German Reich." This  is a fight for justice and a light for freedom. The courts  f our stale wi.'i vindicate tho right ui     people 10 put  elected I'liblle officials in office.' "This is only one right lor in* .      rues of liU-rty.  demagogic thugs imd goons wili" return to the assault. We must meet their buttle and defeat then as often as they appear. This Ls the same uld light for freedom, the fight that is not yet wholly won and that never wi.i b; wholly lost as long as free men live." Meanwhile protest meetings, scheduled in widely separated sections of the State continued to spread Wednesday as citizens announced rallies, protest meetings,           lions and petitions exploding like incendiary bombs over Georgia this week ignited by the highly inflammable Governorship issue organizers of "Aroused Citizens of Georgia" last night called a Statewide meeting to be held in Atlanta ul 10. a. m. Monday. Mayor Harvard Kennedy of BarnesviVl^. where the organization of "Aroused Citizens" was born, issued a call for delegates from every County in the State to meet in the Civic Room on the mezzanine of the Piedmont Motel. The Barncsville Mayor was joined in the call by Ills law partner. Edwin Fortson. Dr. J. A. Corry. Chairman of the Linnar chapter of "Aroused Citizens of Georgia." and Ben Turner, co-chairman. "In view of the chaos and confusion prevailing over tile State," Mayor Kennedy said, "the Aroused Citizens of Georgia call upon attorneys representing the State and those representing Herman Talmadge as officers of the State and patriotic  to call on the Lieutenant Governor to Immediately bring issues involving the case to a speedy and fair trial. "We are extending invitations to on organized "Aroused Citizens of Georgia' groups and all those planning to organize." he added. .Meanwhile, county meetings are  under way or brewing thru- j out the State with telegrams, let- i ters and -resolutions pouring into the General Assembly. Sentiment generally is for the adjournment of Die General Assembly until' the courts act on the issue and resolutions consistently condemn the M-" of the executive offices and mansion. However. Talmadges position, apparently attacked from all sides, receives an occasional  group of high school students on j the Capitol Wednesday, staged to assure him of their support. i Coweta County citizens held a rally Wednesday night in the I courthouse at Newnan. hometown or Ellis ArnaTl. They were meet- ing in Cpson County at the court- house in Thomaston at the same                 time. MASS MEETING SCHEDULED HELEN, Jan. 22 A mass meeting of Helen citizens has been called for 7:30 o clock tonight to discuss the gubernatorial issue. May01 Stovail will preside. PETITION LEGISLATURE CARROLLTON', Jan. 22 Two hundred and sixty-five students ai \    . 'Georgia College here have addressed a petition to the- Legislature condemning "the present politics, machine now in physical centre! (if ihf Georgia State- Capitol"  urging citizens  ht-rr     *\ste  Jr- is upn.'Id In Georgia." A Coumy-u iae  demonstration is set for 4 p. m. at the Courthouse Thursday. Mayor William Traylor and Sheriff B. B. Kilgore are assisting in .  LEAGUE S STAX1) The Young People's Service Leacue of All Saints Episcopal Church declaring that "we do believe that we should  justice" has passed the following resolution: "Be is resolved that we support the rights of the majority voice against the  tubing over of the government by a minority group." CLEVELAND. Jan 22 White County citizens in muss meeting at the courthouse last night passed a resolution protesting the election of Herman Talmadge for Governor and  attached "the undemocratic and  methods of electing a Governor by the General Assembly." Col. C. C. BTalock, a veteran of World War II. elected chairman of the meeting, warned that the "present situation is sowing seeds of hatred in Georgia." seeds that will reap corruption in government. Other speakers at the meeting included two TalinndBe supporters. C. H. Edwards, of Cleveland, and Steve Reid.</t>
  </si>
  <si>
    <t>                                           The solid block in the State Legislature which elected Herman Talmadge governor and has since supported him broke Wednesday when Talmadge-sponsored measures in both houses were stalled.</t>
  </si>
  <si>
    <t>                                           J. Finley Wilson Top-Ranking Figure In Elkdom, Speaks Tonight                 Savannah Girl Captured Top Honors In Statewide Oratorical Elk* Contest                 'Ilir .Slalv Oratorical Contest, an MimilHl  . ,,f N.i. Georgia  AskocIiiUoii or the i. B. P.      of the World, look thr Kpollltthl Monday . with  high school  from various sections of the State competing for the I Minor of representing Oeorola In                 the Regional Contest for the annual $1,000 scholarship. The context was held at BIk Bolliel AME church Dr D. T. . pastor,  Miss 8. Clrnrc Bradley. Dlrcctres* or Edu- I cation, presiding. Miss Phoebe Robinson. of Bonc. Itlcli School. Savannah. On..  the Wcldon LodKc No L G  In first place after u I  buttle with Nathaniel Lainar. of David T. Howard Junior IIikIi .School, and Gulp CILy Lodge   , M, Alliinla Oil., will) was the runner-up "KINI.KV WILSONS NIGHT" The - - uv i.lun of thi' Elks of OcorglH will end . with u mammoth * meeting. :~t Wliml Street Buptlst  .li. Dr Wlllliiin Holmes Border*. . Tonight will be. "J. Plnlcy Wlbon'.-, Nlclit." and J. Ktnley Wll":.'in. csi iind Exalted Ruler of the KIks '.f i.lic Worlil will be on       the  . Thr i:.\. Iliilrr  In the Cliilc City  Monday and attended the '.v. :.~\\        r the Brothers.  mi 1 1 if Elks .s. ai Bell Shrrt. and thr DuUKhtcrs. held ni  ( Whcul Sl.rccl. Bapllsl '.il  In I'liiltdil.'h         'aiii will be. u Torch Parude il io-n Auburn Avenue, with the Daviil T Him-unl HiRh School Bund : Ilii' music. J. H. Haliley. Dlbtrlct Deputy will preside. Other (. nn I.lic program will include: . E. Kelley. Grand Secretary: Dr WiUlnm Holmes Borders, and Dracnit Joseph Crawford. COI.OItFUL  Tlie SUile meeting got underway. Sunday afternoon, when the Elks M- a colorful parade through the heart "f Ailnlita's Negro business Mrctliin .IninliiB the 'Bills." and "Dauiili'rrs." who were attired hi Ihcli Royal Purple nnd Gold  werr Hie Boy and Olrl Scouts. Cubs, and thr :wk Booker T. Washington  ScIiihiI and David T. Howard With School Bands, draped In new uniforms furnished the . Bmidinaslor.s Earl A. Starling mid Ken.  Pay wern in charge. The Welcome Program wiu* held at t lie Kbcni'MM- Baptint Clitirch. Dr. M. L. Klim. . with John E. Hill Jr.. General Clmirman of the Suite Committee and Chairman of the suite Committee and Chairman of the Program Committee, presiding. Speakers on the Welcome Program Included Mrs. Charley Green. Daughter State President, Mrs. Oencva HaUKRbroots, Past Daughter State President: Mrs. Buena V. KclIcy. Grand Daughter 8 of the Onind Temple of Elks: James E. Kcllcy. Grand Secretary; Miss S. i Grace Bradley. Directress of Edu- cation and District Deputy; Mrs. I Auule Kldd. and Cliwles W. Peters,                 Ulo  Clly IjOUki'. Wrsso W        _!_K!ia.anl_iLl Crcou. of llic Educational Cunuiut- Ice. nut! Edwin W. Burke. The vis- j  Elks were   Krrcl Iiik-s of u  on  of ihr  nnd fraternal /41- . All of    on the KPlicnil Ilicmc     the  Elk Orntoiie:nl ~'~: "'rhc Nnrro And Tlii! CiiMsUtlllioll." "Tlir Constitution  Slavrry." and "Booker T. Washington And TI11 Constitution." The Atlanta World learned                 Ian- Mmicluy Ui:  . lxii.li the winner ami r\-      ' in the Iti'uimml Ciuih-ni The other  were; Miss' Rnbyp U Hudson. WiuihiiiEtoffStrcrl IliKli Schnnl. Dublin. UnorKiu: Miss Murilyn SI mud. CSmrRlu Itapll.st "Cotli-Kt-, "Mritllll. CttilM'KJll, M    ^~Wri :i Liiiiinr. Huliirs HIkIi ScIkkiI. Aucu.sla. Gcuricin: Miss Georgia M;. Risl,-y II i k li School. Brunswick. Ciciirisia: Miss Shirley Slilpp.  High School. Columbus. Cirortriu; Miss   *](tres .. R^  School. Columbus. Ccomhi; Miss Trances Smith. Booker T. W:i.-; HIkIi Sihncil. Alhiniii. Cii'ni'Kl:i: Miss Clrii Lcwter.  HiKh Sehool. M;u-on. Ororma. and Nathan Urtlcrson. Lyons  Selmcil. Lynns. Genl'Klu..</t>
  </si>
  <si>
    <t>                                           The State Oratorical Contest, an annual education feature of the Georgia State Association of the I. B. P. O. Elks of the World, took the spotlight Monday night, with eleven high school students from various sections of the State competing for the humor of representing Georgia in...</t>
  </si>
  <si>
    <t>                                           I LOOK AT YOUR SHOES WE HAVE RAPID REPAIR SERVICE WHILE YOU WAIT Harvey's Shoe Rebuilders 302 Houston St. N.E. Ma. 2547 -We Deliver-T" "FOOD THAT IS TRULY DELICIOUS"             Wines THE METROPOLITAN CAFE</t>
  </si>
  <si>
    <t>                                           WASHINGTON, D. C.--"A man can do anything he wants to do if he sticks to it long enough. "Otto McClarrin. Publicity Director of Howard University, told a capacity audience at Dunbar High School hero Wednesday morning. "And the surest way not to fall is to determine...</t>
  </si>
  <si>
    <t>                                           Youth Committee Refutes Slander                 NEW YORK (ANP) AnswerIng charges that tb -was a "CommunLit front," Issued by the home committee on un-American activities the national office of American Youth for Democracy test week reaffirmed Its intention to continue to  for com. democracy for all                 groups and described the committee report    contains "the usual rooked! i\) Jiash of -o-dozen ,  and                 slanders which the American people have come to expect from this unAmerican committee." The AYD contains 'both Negro and wWte rout* Ire the same clubs and selects Hs leaders on a merit basis without regard for sex, race, national origin, religion or  belief. In the eyes of the house committee led by such men as Thomas and Rankin, any interracial group Is "communistic,' said AYD headquarters. The f- Lssued toy AYD declared that the committee is " widely recognized as the greatest single liu-enl to civil rights and  in our country today." Dr. Harlow Shapeley.  scientist, was quoted as saying. "These medieval Inquisitions are u national disgrace. Only political horse- In the congress permits the existence of such an organization. Good congressman are throughly ashamed of both of tho operations and the motives of the un-American committee:" The AYD declaration warned also that 1    reactionaries want to smash academic freedom and wish to substitute a system, of "thought        "; they aim to mold the youth of our nation into a generation oC goose^i'^) mentalities; they want to cover up their failures to lift a linger for the needs of youth by creating false issues and building up an atmosphere of intimidation and fear', -r hoping to breat up student, unity. . DAVIS PROTEST  Puul  and Prank .Marshall Davlf' bCX\ national sponsors of AYD added their voices In protest against the red-baiting methods of the committee. Saifc Robcson. "I see the attack on the AYD as being cut from the same pattern as the red- attacks on such a man as Lllenthal. If Roosevelt were alive today, he. too would- be subject to these attacks. To my mind, the attack on AYD Is part of the over-aH program I which Is being so outrageously attacked by Wallace, and which It the American people do not awaken to realization of Its nature, will lead to another war." Robson's son Is a, member of the Youth, group:. Davis declared he saw the unAmerican committee as a threat to     rip-his of Memoes. "To the think Ing Negro who sees Communists fighting constantly for his rights. I the term lias lost Its power to frighten", he stated.</t>
  </si>
  <si>
    <t>                                           NEW YORK0 -- (ANP) Answering charges that it was a "Communist front," issued by the house committee on un-American activities the national office of American Youth for Democracy last week reaffirmed Its intention to continue to fight for complete democracy for all...</t>
  </si>
  <si>
    <t>                                           Testimonies of some of the people who have attended these meetings and have by the power of God been blessed:</t>
  </si>
  <si>
    <t>                                           JEAN WORTH Overcome Obstacles And Hidden Fears There Arc Things With Your Grasp Telw V.mi ll..w   _ Know What To     ~~"1 A Job.      Know When To Vo It BanMi Misery. Hw-I I W5 Core Slcknesi without Remove Unliapplrv- Effll   37i( Medicine Knnw      OUien. Are       Gain the Lore of Dnlng. PB^ Opposite Sex "e       . ^1 ^~   Make People Do Your Gain Property. VI B Bidding; Regain Y00U1 and Vijor. Wf^Jf\ M Bring Back Bapplaen Remore the Cause. tP^~MI Gain The Masteiy of AH Get Back  Goods. CaD Yonr Name. 126")  Highway Almand Park or Rrrer Car to Anthony Street</t>
  </si>
  <si>
    <t>                                           CITY EDITION Atlanta ^^^^Worid Published Every Morning Except Monday _'-T.'?!.!': IS" Nl-:^[1JK'~ :-*i5^ ATLANTA C.\). i;.\.. . .KK 1. l'H-; I'Ull'K Si\ ii;   'S</t>
  </si>
  <si>
    <t>                                           id NEW SHADES OF POWDER               JcrSa/eep You / ihe ^^^^^^m^ A*T* of Lave ^^^^0L^^^^^$^. The 10 NEW shades of Black and i^jj^i^^^iSsM3?!*^^ White Face Powder were blended %-^^K^^ ^'^S-J^fe:''1'?^^; on  skin typos! There's a new W^x^^^^^'^-^MS^^^ *h.idc Just ior    -  with a 'W^^~Q^~^^S^m NEw secret ingredient that *~ Vt-'nts oil""!:- You'll love the NEW .~Vsi5r^?; ';"W - perfume and the NEW ^p'^jfe*;" %~ lnv.jji'.ler box. Buy the NEW Black %?"'~(;.'. -      nil White Face Powder at all ;   :"~;^r ;t*'"'4  and  counters.SU!l 10c,25c. ^~W-~\ 4;I^^^S OUT! r"''" "T^nn CCC HW DRY IT STAYS \%@ shades! vLL make this test 1  FROM CHART BELOW: 2. X -ABvcRVLISHT JFI.A  fl/ 1 skin  I   ? W/ (^q\ I LIGHT OR 5To"9      1 SSI pf$ V\ I 8 OLIVE SKIN j High B'""" H K^l g^t .{ 1      ^SKIN \r    "'~Ros. 1 1 Sift *~T        and White Face a  UummorRow H A Powder on top of glass of water. 1 DARK IRojeBronio B j Now, place a match through film 8 SKIN 1 Nut       3  f powder into water. I i l B Tnke thc m"tch out Blow off 1 VERV DARK ^   " Striko Matcb- Jt SKIN \Koio Grown I ri.irk and Whito Fnco Powder 9 ^^ h""1-"1 kept the match dry oven un5 -All    "I!'       ^r\ dcr water! Th1" Is how the NCW 1 tiii*   *w" ^d^ face powder nets on your akin, f ,ai him '"' - a dry coat of  ^~H!It/ !       - dampness In tho air. USE BUCK 1   WHITE CREAMS FOR DAILY CARE VANISHING CREAM e  CREAM COLO OCCAM 111. 'hi: frj5-~M. JO-~     U.~d nightly, quick:,  nd Conl.IM"*          I* yco*     .  m  p h.!01     o'l  kNp"tUn wJf Lm^Im ox h.lD Drot.et your   ard  dirt lor .~ir o..n,l,W to  yow Ufa '^l^LZ!- 1- I- ll- _-ll!!!l__-l'.!!!'*'.       . mor. .l ~^~fc.</t>
  </si>
  <si>
    <t>                                           NO MONEY VOTED, SOLONS READY TO GO HOME                 Talmadge Men Vote Down Their Own Bills                 By Hction of the Talmadge forces Friday. Governor M. E. Thompson was left without either the necessary revenue or authority in carry I out the Democratic platform, made at Macon last October, for the expanded .state services, including teachers' salaries.                 Shortly utter the Senate refused I for k second Hnic to pass n proposed j 'J per corn. sales Uix. William Dean, Senate President, .stated that "unless there is a change in opinion." the general appropriations bill will probably not be adopted by the Legislature. Expressing deep .surprise al the action of certain members of the Senate, who only a few days previously had voted and worked for I the passage of the bill. Mr. Millican said: "I am surprised, amazed, dumbfounded at the action of several                 members of this Senate who got on the floor and begged and  the passage of this bill when it was up for consideration under different circumstances a few days ago. Now these- same senators arc voting against reconsideration of this measure, after voting Thursday to postpone it indefinitely. "I want them to realize that the only sufferers from their action will be the departments of the state governments that had been promised expanded services u-hich must now be abandoned." A number of senators who had urged the passage of the sales tax bill when they thought Herman Talmadge would spend, the money voted against it both Thursday and Friday. Mr. Dean said there had been a large increase in state income under present  and added that Governor Thompson probably could take care of the teacher raise by executive ..EUJsUirTia1U;~. the raise under executive order and it has been. continued under thai authority since. Mr. Dean said that proposals lor- additional roads, hospital aid., additional aid to. the aged and other new state services probably/would have to be abandoned. % Governor. Thompson had plainly warned the/General Assembly "it is absolutely essential and necessary that additional revenue measures be passed.". Sen. J. P. Darby said  he would uphold Governor Thompson if He knew Just what he wanted. He. pointed to a statement in The Atlanta' Journal "that Governor Thompson thought N he could pay toj^e^Ue^^-^. es ^aTcs  SncTrns^ later assertion that the sales tax is nwt\*~*1 nnH ~;      :toH       y* come before the Senate to clarify his petition.'</t>
  </si>
  <si>
    <t>                                           By action of the Talmadge forces Friday. Governor M. E. Thompson was left without either the necessary revenue or authority to carry out the Democratic platform. made at Macon last October, for the expanded state services, including teachers' salaries.</t>
  </si>
  <si>
    <t>                                           RALEIGH, N. C.--(ANP)--D. Rorbert Aptheker, member of the graduate faculty of Columbia university and an authority on the history of the Negro, told a vesper service audience at Shaw university Sunday afternoon "The Negro was nothing to lose in fighting for...</t>
  </si>
  <si>
    <t>                                           Easier Suits For the Boys ff^, Students Suit ^Jlgf-N Por ihc young man these 3 oil-wool flannels and /j^r W;ii'\ coverts; single or double-breasted styles. Expertly tai- iM y^'J    'I  to fit, comes in smart new spring patterns in ut ir'' l f?\^- *^T**^ solids and checks. Blue, ton, brown, grey. 32 to 40. ^^^^ /Ir y. 'tf Cadets Suit \g/" ^^t^^#^ I01 n g^iy, '  the:-? Jjf-     ^^*  !~S^\:\*^~ *C '*</t>
  </si>
  <si>
    <t>                                           EUfC  GOT TOGETHER JaineS E. KeJIy, left, grand secretary of the Elks; J. Pinlty Wli6on, center, grand exa'.ted ruler and J. H. Haiuey, right, Atlantu Elk                  ~'ho presided lit, the Tiienduy night, recognition Georgia Elks tendered their  loader at Wheat Street Baptist Church. Wilson, the Ue-Uverpd rhe principal address.</t>
  </si>
  <si>
    <t>                                           FELIX THE CAT                 TIM TYLER Lyman Young,</t>
  </si>
  <si>
    <t>                                           CITY EDITION Atlanta      World Published Every Morn ins Except Monday  VOUIMi^ 1J), N VM  ATLANTA (3). iiA.. Sl'NDA "20ri947 PRIClTsiX</t>
  </si>
  <si>
    <t>                                           ELLAVILLE., GA.--The Annual Joint Sunday School was held at the New Corinth Baptist Church Christmas morning.</t>
  </si>
  <si>
    <t>                                           HAIR ^-^^^5- x SJionuule ~^  --. y Used by lovely women f^T^ f^ ^' for over 40 years lo ^V^~ft*\    J , glorify the hair. W V" Jl T fV J Leaves  hair smooth, '**"~i,,,~VJ i Icniporarily straight... ^9lr p . J^N E *"3   i Oelicolcly perfumed 0^*1. i. E j 'or added glamour! *~^h,^Ss,Nt M^^^kl Other  Beauty Aids M\jj^^^^^\ Gloiiine ond Prening Oil vK^^W Ex-Odor, a dainty  T^^r Bleach Cream, for brighter ikin AGENTS WANTED '  ;,,(~... 25c at all drug stores</t>
  </si>
  <si>
    <t>                                           Hospital Forced To Dig Ostofi                 Paid Civil Service Foreman Said To Supervise Labor                 By JAMES L. HICKS (NNFA Staff Writrr)                 WASHINGTON. D. C- Disabled colored veterans at the Veterans Administration domiciliary hospital m Kccoughtan. Virginia, sire being  to dig a ditch with pick and shovel to. lay a steam pipe line on that reservation, a veteran inmate of the hospital charged here last, I                 Tuesday. The veteran, wlio asked that his name not be used because he is returning to the hospital for further treatment, said colored men arc detailed by Veterans Administration medical authorities to work three hours a day digging the ditch under the supervision of a paid Civil Service foreman. He said two colored veterans had quit the hospital last week because of being made to perform such work. NoliiieU of the veteran s . Colonel F. W. Frankc. chief of the Veterans Administration Domiciliary-Homes Division; said iast Tues- day that if the veteran s charges j are true, the Kccoughtan installs- I tion is violating VA rules regarding j domiciliary patients. A domiciliary hospital for - i ans is in reality a convalescent home for veterans. A veteran must bc.at least 75 per cent disabled to gain entrance to one of the homes but may leave the home at any time I he feels so inclined. j CHRONIC ILLNESSES While at the home he is given food, lodging and such medica! care j as he may need. Many or the men (Continued on Pace Four) i                 Charges (Continued from Page One) I occupying such homes arc veterans who have chronic  of sicknesses for which there is not much hops for cure and which incapacitate them from earning a living The VA said last Tuesday that there .ire now 382 colored men in the domiciliary home at Kecoughcan and 219 men in the general medical and surgical hospital loi cated there. Colonel Pranke said hospital managers and managers of domiciliary home s arc permitted to detail patients on "light duty" assignments but there are no regulations which permit the assigning of a sick veteran to hard labor such as digging a ditch. He said the veteran s charges were a case for Keith Ryan, manager or the Kecoughtan hospital, and suggested that the facts be reported to him The veteran said he entered the home last January and was assigned to a "company H." composed of disabled colored veterans and commanded by a colored "captain" who Js a paid civilian employee. He said there are three other colored companies located at Kecoughtan DRILL BREAKS GROUND He said when work first began on the ditch for the steam pipe line paid workers broke the surface of the ground with a compressed air drill but once the ground was broken men were detailed from his company to do the pick and shovel work. He gave a graphic account of the Veterans Administrations policy of segregating colored veterans in its j installations "according to the patI tern of the local community." i He said the Catholic Church on I the post and the toilet in the outpatient clinic are the only places at Kccouehtan where he_ has not been segregated because of his color I since entering' the hospital last January- The Catholic Church refuses to segregate the colored men as a matter of policy and in the outpatient clinic there is only one toilet, he said Colored veterans occupy separate wards in the hospitals, eat on a j special side or the mess hall, sit in a segregated portion of the post j theatre, and must play pool on scg- i reflated tables in the post recrea- tion room, he declared. j NO DOCTORS Colored veterans arc attended 'in the hospital by colored nurses but i there are no colored doctors on duty in the hospital, the veteran said Questioned concerning his reasons for  at the hospital, the veteran said that until list October j he was in a western state receiving i a regular disability pension from the j VA. Then, through a mistake made i in his records by a VA training - I cer his Dension was cut off. j After being without income' from I October to January, he was admit- ted to the domiciliary home at Ke- . Since being at the home j he wrote a letter to Representative i Helen Gahagan Douglas. Democrat. of California, outlining his situation and a letter from her to VA officials i regarding his case brought action is I March. He was given a  pay- 1                 merit of allotments due him since last October. Re said that since being at the home between January and March he has received no clothing or mon- i ey other than a suit of underwear I and .some socks given him by a col- 1 ored captain. The veteran was in Washington last week to pay out of his pension money a newspaper bill which he had incurred while selling papers on a street corner in this -city.</t>
  </si>
  <si>
    <t>                                           WASHINGTON, D. C.--Disabled colored veterans at the Veterans Administration domiciliary hospital in Kecoughtan. Virginia, are being forced to dig a ditch with pick and shovel to lay a steam pipe line on that reservation, a veteran inmate of the hospital charged here last...</t>
  </si>
  <si>
    <t>                                           In Memoriam                 In sud but loving memory of our Father, brother and , MR.  LOFTON, who departed this life nineteen years ago. Monday. Airll 21. 1928. ~'Pile  ill .sorrow, wr i- I (HI. The .'oss of i In- nil!' we  so well." Mi."-s Doiulliy lAf l/. (Innell- ivr M:-. (doll Lofton. sister M;'. Krne.it Curler. n:      M.  ; Pluvniaii M. i.:ifi,in. Funeral Notice BURRUSS. Mrs. Minerva C- The friends and relatives of Bishop and Mrs. K. K. Burruss of 170 Ashby St.. N. W.. Bishop and Mrs. C. C. Culeman of Blloxi. Miss. Mrs. Louvilla Mills of St. Louis. Mo.. Mrs. Fannle Pcltus and family of Baton Rouge. La.: Rev. and Mrs. Geo. Coleman and family and Mr. Jonn K. Coleman and family of New Orleans. La.: Mrs. Gertrude Ross of Las Angeles, Calif.: Rev. and Mrs. T. P. Burruss and family of Atlanta: Rev. and Mrs. J. D. Burruss and family, of Buffalo, N. Y. Mr. and Mrs. J. Faire and family Mr. and Mrs. A. Burruss, Mr. Rodney Burruss, Mr. Leon K. H. Burruss. Miss Marie A, Burruss. and Mr. and Mrs. V. Collier and family all of Atlanta are Invited to attend the funeral of Mrs. Minerva C. Burruss today (Sunday) at 1:30 O'clock p. m. at Bethlehem Church of God. 858 W. Hunter St. S. W Rev. H. J. Blakely and Dr. D. H. Stnnton. as? ;ted by other ministers, 1 officiating. The body will lie in stale at the residence until the j hour nf funeral. Sellers Bros. In Memoriam In memory of our mother and grandmother. Mrs. Onie Saddler. who passed away April 20. 1943. Today is the day of remembrance. And so many sad regrets, A day we shall always remember i When the rest of the world forgets. Mrs. Lizzie M. Hall, daughter Miss Marlon J. Hall, granddaughter Mr. James Hall, son-in-law Mr. Bill Johnson, brother. Card Of Thanks We -wish to thank our many friends and neighbors for their kind expressions of sympathy, flower?. i cards, telegrams and use of their cars during the recent illness and death of our beloved  and I brother. Mr. Emanuel AUen. Especially do we thank Hanley Fiin?ral Home for the efficient services renI . Mrs. Eliza  Allen, wife i Mr- am!     J. H. Ailen and family</t>
  </si>
  <si>
    <t>                                           The New Hit Game Sensation Of The Nation Science Has Done It Again From scientific discovery has been developed a new sensational game that is almost unbelievable. A phonograph record of a Tiorsc race with a six  entry. Identical to any other record which when played defies you to pick the winner with the same horses 'running every race    matter how many times you play it. Complete with entry board, .' etc. The perfect game for parties the game any group or person will enjoy and marvel at. Prospects unlimited a fast moving item. This territory is available to responsible firms, or individuals on an exclusive distributor basis. Must be able to stock for immediate delivery in your ,- wire or call: F. A. JOHNSTON JR. ASSOC. MANUFACTURERS Manufacturers' Agcnts";and ' Distributors, 4923 N. Broadway, GarfMd 5243-5357, ST. LOUIS, MISSOURI 1 I II I 1 r</t>
  </si>
  <si>
    <t>                                           j A Little Skylight We're .motivated By .the devil, According to Our mental level.</t>
  </si>
  <si>
    <t>                                           fry l^, I^^^H VjijJ Italian Swiss Colony Now On Sale In Atlanta At Your Favorite California Wine. Retail Store Distributors NATIONAL DISTRIBUTING CO. INC. Atlanta. Ga.</t>
  </si>
  <si>
    <t>                                           BTW Band Concert Set Sunday At At Auditorium                 of the Elk's parade last i Sunday were proud, and rightly so. of the Washington high school band, which displayed Its prowess as the marching unit leading the parade. Person who  themselves of the ;to hear this same group in concert Sunday, April 27. at the Municipal auditorium will be delighted as well as proud of the talent' and musicianship In this band. The  will  promptly at 5 o clock and the director of the band. Earl Starling/:. :promises a fast moving concert, arranged to please the most critical listener. There will be 75 youngsters in the band displaying recently purchased uniforms, which  to Principal Cornell, were bought at great expense. The layman along with the critically minded musician, will thrill to the presentation oC the band, for the program has been arranged with the thought of the layman ill mind. The monotony of listening to number after number will be relieved by action from                 members of the band. There will be monologues, solos, a trio, a playlet, a  dance, all showing unusual talent.</t>
  </si>
  <si>
    <t>                                           j YOUR LUCKY CHARM!! I SEND $1.00 only j You will get. postpaid.- t-i:; Pdid. 2  of exquisite j perfume In 2 odors. I WRITE TO: GEM BOX Box 4396 Atlanta 2, Georgia</t>
  </si>
  <si>
    <t>                                           Prices Slashed! CALIFORNIA WINE I'll.I. l INTH.._.vr.  0c 1 I  I GEORGIA WINE PINTS Xic    15c fifths .' sr.c BEER Atlantic Ale or Beer $3 50 Per Case COOPER S $3 50 Per Case .l. QUANTS. o:i. Kl. I I'omilar Iti.inds I .SI. Or, To SI. 03 Vvr disc I Tako  :i c.iso  I Cut Rate SMITH S BEER WINE STORE Decnlur Si. 272 Atiliurn Avc. 2JR Kori-esl Avc.</t>
  </si>
  <si>
    <t>                                           Two Women Get 3-5 Year Terms For Manslaughter                 Two women not on trial or  of  last week ir Pulton Count}- Superior Court. In roch case, the nD-white ;ury                 turned a verdict of guilty of voluntary manslaughter and1 fixed the sentences at from three to five vears. Judge Virlyrs Moore presided.                 (Continued On Face Two)                 Two Women Get (Continued From Pate One)                 Miss Ocie Kill of 7 Chestnut St,                 S. W., went on trial in connection with the slaying of Walter Reid of 6S3 Larldn- Street. S. W., who was shot on July 9, 1946. CLAIMED SELF-DEFENSE Attorney George T. Manley. counsel for the defendant presented, testimony to the jury that the effect that the victim put a pistol in Miss Hill's back, while she was sitting in, a Fair Street cafe, forced her to a room and assaulted her. He contended that the victim was shot during a  and claimed self-defense. Assistant Solicitors Robert Parham and William. T. Boyd. who conducted the  told the jury that according to the sworn testimony, ot the State's _wi*nesses__ and the deceased who had been living together as man and -wife had an argument and fight. In their argument to the jury, the  said that after the fight was over the victim went to sleep, and the defendant shot him in the back of the head, the bullet penetrating the brain and lodging in the skull. Neighbors of the victim testified that after the argument everything got c^ and the lights were turned off. Later they heard a shot, after which, according to these witnesses the defendant came out of the house and said: "Cal? the police and the death wagon and let them come and get him." The other defendant was Miss Ora Mae Hubert, 37. who was held in connection -with the slaying of Soosevelt Loveless. .17. of 519 Mlt:hell Sweet, who was stabbed on December 13. 1946.</t>
  </si>
  <si>
    <t>                                           Two women went on trial on charges of murder last week in Fulton County Superior Court. In each case, the all-white fury returned a verdict of guilty of voluntary manslaughter and fixed the sentences at from three to five years. Judge Virlyn Moore presided...</t>
  </si>
  <si>
    <t>                                           Police Hold Si"x Suspects In Holdup Slayins: Of Grocer                 Aecorclinc [n City Detectives W. D. Anderson ;incl S. E. Smilh. six men have benn arrested in  with the  of Solomon Kaddad. proprietor of a  story on Woodward Avenue. S.E_ on Saturday . January 11 and the  of Claude Manns, on Thursday nisht. December 19. Mr. V. was slain  3 holdup. Eye-witness were unable to identify the  o3       ;. but stc reported to have  the  a description of the robbers. In -up possible suspects, the officers arrested Robert Stroztcr. of W2 Heed Street. SE_ shortly after the slaying In the vicinity of ihr crime. The officers reported that, hn had a bullet, wound in the leg at the time of the arrest. W. T. Johnson. 21. of Roar Crew Street. SW_ was arrested Sunday night. The officers did not list the other suspects, but. indicated that the mm who killed Mr. Haddad answered the description of the A who wounded Mr. Manus in a fruit stand holdup.</t>
  </si>
  <si>
    <t>                                           An overflow crowd is expected to converge on Harper's Field this afternoon for the gruelling twinbill between the Atlanta Black Crackers and the famous New York Cubans. The opener is scheduled for 2:30 p. m. and the nightcap will get underway after a brief intermission.</t>
  </si>
  <si>
    <t>                                           How women ano? girls j may get wanted relief from functional periodic pain\ Cardui is a liquid medicine which, many women, say has brought relief from the  agony and nervous . ol functional periodic distress. Here's how it may help: 1 Taken like a tonic, it "should stimulate appetite, aid digestion.* thus help build resistance for the "time" to come. 2 Started 3 days before "your time", it should  relieve pain duo to purely functional I periodic causes. f Try CorduL If it helps.  bo glad you did. CARDUI HAIR8SCA1 ^ USC THIS SPECIAL W OFFER E. ^K $15Q MsBBL   - HA1R OH POMADE 65c CREME  Sc  NEW  4 OUNCE JARS OIL  5c ECONOMY SIZE J1.9S Ut\ UnDC IRON-BURNT, BROKEN,   UNRULY HAIR. Send No Money! jy.X"?S SEND YOOR ORDER TOD AT SATISFACTION GUARANTEED Jessie Kare Beauty Products Co. S07 Slli    . IRm.905)      YorV Gly Announcing To our friends and former customers. We are now located at our NEW LOAN OFFICE To Serve Your Money Needs PRYOR FINANCE COMPANY, Inc. 35 Pryor SlrccL S. W. Ground floor of the Kimball House</t>
  </si>
  <si>
    <t>                                           The Allen Hotel Grill 50 Rooms. Steam Heat. IVillis Radio. I51B W. Madison. Louisville 14. Ky. Telephone- SI I. !MI!!~ H. MrClarin. Manager NO MORE GRAY. DULL OR FADED HAIR USE Jessie Yore's IMPROVED HAIR DYE LOOK - AND BEAUTIFUL*  u IT WONT WASH OUT OR RUB OUT. VERY SIMPLE TO USE CAUTION: USE ONIT AS DIRECTED ON LABEL SEND NO MONEY. PAY POST MAN SI .00 plus postage en d.llv.ry. Send order today. Satisfaction or money refunded JESSIE KARE BEAUTY PRODUCTS CO. 107 FIHh Ave.. New York fi v (905)</t>
  </si>
  <si>
    <t>                                           Samuel Baber the colored man who drives the city delivery wagon for the E. S. Collett Lumber Yard, Wilmington has shown the best example of faithfulness and constancy of service that could be found anywhere.</t>
  </si>
  <si>
    <t>                                           Culminating exercises for the Finer Womanhood Week celebration of the Zeta Phi Beta Sorority will be held this afternoon in the Morris Brown College Chapel at 5:45 when Miss Lynette Saine of the Spelman College Faculty will speak on the theme "A Eulogy of</t>
  </si>
  <si>
    <t>                                           MY GOOD OLD friend the Dr. H. E. Davis, the presiding elder of the Quitman District, the South Georgia Annual Conference will be in town and will preach at the Saint Marks AME Church tonight and the writer will be there as Dr. Davis is one of the most outstanding...</t>
  </si>
  <si>
    <t>                                           Senate Confirms Atkinson Nomination                 WASHINGTON, D.C.- (NNPA) I The Senate last Tuesday con- finned the nomination of Richard R. Atkinson, an attorney, to be a member of the District of Co- i lumbia Redevelopment Land Agency for a term of one year. I Four other nominations to this j agency also were confirmed by the Senate. The other appointees I were white. I The nomination of Mr. Atkinson J was one of three made by the District of Colombia Commission- j I ers. Two were made -by the Presi- I dent. 'Rum And       -ola' Invader's Property NEW YORK (ANP) "Rum and Coca Cola" the Trinidad Calyp- j so song that ah' America was sing ins two years ago has been Judged j the property of Lord Invader tRup- ert Grant) the Calypso singer who i introduced it in Port of Spain. Trinidad, during carnival season in 1944. i Trie decision, was handed down by i j Judge Mortimer Byers of the fed- I eral district court against Morey j Amsterdam. American songwriter. who claimed to have originated the j song while passing through Trini- dad. the Leo Feist Music Publish- j I ing company, Paul Barron and. Jen i Sullivan, singer. The defendants were charged with having - ated and having published the song I for their own purposes. A tempor- ary injunction restrains them from further sales. The amount of dama- ges to te awarded Lord' Invader has not been fixed, but a settlement of at least $50,000 is expected. i 1 I The     K. Ellis law firm who i handled the case for Lord Invader I won the famous Trader Horn case for Bawina Booth against MGM a good mean years ago. Abraham Keller, the associate of Attorney j Ellis, did all of the research  ed around the exploitation of "Run-. I ro? for the favorable  Coca Cola" and was no doubt cision. Surplus Potatoes iFor School Kids WASHINGTON'. Two million bushels of surplus potatoes from last year s record crop are being i passed along in extra portions to i white and colored school children through the joint Federal-State j School Lunch Program, reports the V. S. Department of Agri- culture. This extra outlet, though com-  small, is serving a dou- I ble barrelled purpose, say Depart- ment officials. They point out that I the larger servings of potatoes i j provide the youngsters with addi- I tional energy for study and play: also, the purchase of these sur- i I plus potatoes by the government I protects farmers  heavy losses. The 1946 crop totaled 475 mil- 1 lion bushels, about 100 million bushels more than are annually] consumed by the American people. AIR RESERVE The Army Air Force has deactivated 20 air reserve training stations because of budget cuts. The move will leave only 41 active training detachments. Genera] Carl A. Spaatz. Commanding General of the AAF, warns that, at the present rate, the United States, within three to five years, will have a "second-rate air force, largely equipped with obsolete planes."</t>
  </si>
  <si>
    <t>                                           JEAN WORTH Overcome Obstacles And Hidden Feara Therr An- Tiling* With Your C. K....W Wb.l Vu ?-%!~~~~~ fms-   ..w WI..I OU.rr. A.~ ^I       lb. U... .f  lri tl.,k Hlol,-  l.,ml.. Tui(~.     #7 I2i;!l Uanklirail l!i^liu:iy Almu.nl I'arli     Kirdr 0 r     Aiillioily Slll-rt</t>
  </si>
  <si>
    <t>                                           CHICAGO, Ill.-- The revenge of a white man man who resented a Negro's interest in a Negro girl came to light today when Archie McLaurin came to the Chicago NAACP branch with a letter from his wife in which the miserable incident was related.</t>
  </si>
  <si>
    <t>                                           l^^^^H^H5   m m 1 a^ T7 A /T^5^^^^S^^/^^^^P TMAOc MAKK REG. B ^-'^: ~^T^^ k'!-/^*r''K''v"'*W:i"l"V'i^V'f'Hrv\-M'%v"l""-l'l'"Mli! ...?,v^NT5i^*iV-!'.'~''.-'~"'-'- ~~~^'~'^^^^^ma/^'^m I W^omen ty the thousands who have en- The new Southern Twin-Pack 2-in-l Bread I open*- 1 joyed the thrift and convenience of Southern was delivered to all grocers today. If your Zip B Twin-Pack white bread have asked if it would grocer does not have it, ask him to stock it for I "V^B* be possible to make a loaf with white bread in you. If early demand has cleaned his shelves, ^  =~=*  " I one half and wheat bread in the . It is ask him to save a loaf for yuu tomorrow. 1 V ^-""N. I and now the bakers of Southern Bread make Remember, Twin-Pack 2-in-l is an exclusive      7^^\^sSw I I available the Twin-Pack 2-in-l loaf with two Southern Bread feature. Uun't be satisfied 1 I *~V L /liR X^r 1 m kind* of bread in one package as the pictures with substitutes whether you prefer the reg1 V*^/~- \V-*  ' 6 . Now you have two Twin-Pack loaves tu ular all-white loaf ur the -new variety loaf ill- I \l^r^*!:a^*s' B choose from Twin-Pack regular all "white sist on Southern Twin-Pack when you buy I ^li*^ E bread and the new Twin-Pack 2-in-l. bread- it s always_good and fresh! ~^~~ choice now 4mmj^^bmb</t>
  </si>
  <si>
    <t>                                           CLEVELAND, O.--(NNPA)--Ezzard Charles, Cincinnati light heavyweight. appears headed for a shot at the title now held by Gus Lesnevich as a result of his fourth round knockout of Jimmy Bivins, whom Joe Louis crowned the "duration heavyweight champion," here...</t>
  </si>
  <si>
    <t>                                           HAIR STRAIGHTENER^JPr r. i-'' Ine new  to straighten your hair right in your own home without the ravages of hot combs or strong caustics containing lye Eatydo Hair StreisMoner works /ifr Tnjgir... lasts  a permanent {3 to 6 months). Complrtrlystfoighteos the hair in one ffb .. Xjtavn hair straight, soft, smooth and easy to manage j**. does noc bum the sldn or discolor the hair; You can shampoo    *\ your hair .aad over  audit will stay   MI0 No Other StraighVmr It  lie EaiyJa. It's an  __S5 new type of hair . .-       easy to use anH- It 4^S^^  hair by  die  elb of the hair wa new straight KaSlMf shape. Tbtt'saS there a to it just repeated combing and u(        waiting periods. Eoydona* been scientifically proved and  j^Z  ^ and it is guaranteed to- straighten your hair. ^r*     1 TryEatyrJo! Geapadagrtodjyatyour  : ^MQS**^ SS men^JtorcTf Easydo  your hair, youll get your tr%nn iTy* money bade Ducovt* fee /tha easy, proved way to end  $000 straightening trouble aa d worries.  p)i/j ie USE.ONIY  4dy*6  TO STRAIGHTEN YOUR HAIR If yot* eff*  tm   your ta*~rH* dn*o or  ifor*, -*tft , inc., H5 No. Oor* St., Ch*    1, Winoit.</t>
  </si>
  <si>
    <t>                                           YOU DON'T NE12L) CASH At ROGERS Credit ClniliU'ry Jewelers Between Vunge and Juckwm His.</t>
  </si>
  <si>
    <t>                                           Announcing To our  and former customers. We are now located at our NEW LOAN OFFICE To Serve Your Money Needs PRYOR FINANCE COMPANY, Inc. 35 Pryor Street, S. W. Ground floor of the Kimball-House</t>
  </si>
  <si>
    <t>                                           *HA$        ^                 "</t>
  </si>
  <si>
    <t>                                           STATESBORO, Ga.--Visiting here during the week end were Misses Mae and Myra Chappell, of Clark College and Alabama State College, respectively; Mr. H. W. B. Smith, of South Carolina State; Miss B. Ayers with her sister. Mrs. Sara Smith; Miss Almanetta Riggs of...</t>
  </si>
  <si>
    <t>                                           Frontal Attack On Jim Crow On  List                 Fraenkel Speaks To Conferees On il4th Amendment                 WASHINGTON". D. C- () Osmond K. Fruenke!, chairman of the National Committee on Civil Rights and Libcrtic:. of the National Lawyers Guild, told the conference on federal power to protect civil rights, held at Howard 'UiiiA'ei il^..        3sti./7'*~h*^t''  i 1                 frontal attack through the civil courts should be made on  of segregation. Speaking on the Fourteenth Amendment, its background and purpose, Fraenkel said lawyers must constantly pursue their efforts to convince the Supreme Court to uphold and reaffirm the rights of minorities, particularly colored people, and that they must brine action from all possible legal viewpoints. CHALLENGE NECESSARY Comnieiting on certain rulings and misinterpretations by the Supreme Court of t'-e Fourteenth Amendment. Mr.  said it is necessary to  enge through the institution of :   '  cases these traditional mis! which, in effect, hi'1 2 denied the safeguards intended  y the Fourteenth Amendment." He added that the  intended to give  /" to all citizens: should be 'fully challenged on all occasions Dr. W. E. B. Du. B-/ director of special research "f tlv- National Association for the Ad-  of Colored Peop'e. sp^kc -n "Civil KighUs legislation Uef e and Aftor tlw Kourteentlx \." According to Dr. Hu I'ois, before the nineteenth cen ury. the denial of civil rights us i ot based (Continue On lace 4)                 Frontal Attack i (Cuntiniii-;! from   urc 1) wholly on nice. Kitih and  sion of property, lie said, limited the civil rights'     white persons, j wh:  ; fi   sonic civil 1 rights. In the  period from 1800 i I to 1S3(). he said, there was a wide- j i spread and determined  to make slavery and lace  mous. As a consequence, he said, disfranchising iaws aimed at freedman were p:issed in both Southern and Northern states, and custom I narrowed the rights of five colI tired people as to domicile, status in court and admittance to public i places and facilities. STA ITS  Ki'twei-ii IS'iii and llie Civil War. j In- . tin- cast.- .status of i-   ..i-.m1 pi-- was   in j the   ulh anil was .iK    til.' Nurtli. DuriiiK the Civil War and Reconstruction, he said, the whole relation of federal and state Icpislation  to ^e. particularly I during the war by the fact that i the Union armies  fo u^e col- i ored men as -s :uid soldiers, i Dr. Du Boi.s  the  struction era into two parts: First. when the South started to reassert its sovereignty and stress .-tates' rights and to pass Ulack Codes i  the rights of fi-, and. second, the revolution instituted by the Reconstruction Acts and the Fourteenth Amendment. The counter revolution came in l.STli. ho said.</t>
  </si>
  <si>
    <t>                                           WASHINGTON, D. C.--(NNPA)--Osmond K. Fraenkel, chairman of the National Committee on Civil Rights and Liberties of the National Lawyers Guild told the conference on federal power to protect civil rights, held at Howard University last Saturday, that a...</t>
  </si>
  <si>
    <t>                                           81 "IT ALL CAME TRUE" with Humphrey Bogart and "Crimson Ghost" ROYAL "NO TIME FOR COMEDY" with James Stewart, Rosalind Russell, Louise Beavers and "HOP I1ARRIGAN" ASHBY Robert Young, Barbara Hale in "LADY LUCK" and Louis Jordan in RATION BLUES" LINCOLN "THE CHASE" with Robert Cummings. Peter Lorre "Cripison Ghost" HARLEM TAMING OF THE WEST" with Wild Bill Elliott and "CRIMSON HOST" STRAND "ALIAS BILLY THE KID" with Sunset Carson and "JUNGLE RAIDERS"</t>
  </si>
  <si>
    <t>                                           I^/^        'I C SUGAR-  O^C y^   ^^~^I^N. T^^^^ics g?    ?   ^ Salute the X^ - 2QC $ 31c  Wlft-  ^^Illl^ Members jane parker II [       . ^jji 1 nl/^,,-r 'n j  of the ji FILLED BUNS 23C Wftljflr Quotyd p^ SS    DEVirFOOD BAR ~~*27C \SgSr Sold RightT ENRICHED WHITE ft The Idea of  only SUPERB QUALITY MEATS is not new 4-H ClUb mm Jft r%% if*      JL 1% 16 07. 4 1c    -   -i.r.-    .-lll to     Super Markets as this policy is  controlled and 8AlcVE.I_ BREAUi-oa/ IX I^WMrni^ lt^ I  bv the     super right meat service which Week %.aM. w BlT^ ~*^~^;^^MMW^,M,M^j/  in all     Super Markets. *      t in MARVEL ENRICHED W       I.  UA ca     SUPER RIGHT MEATS are especially selected by      JL-XU              I 0 PKC. 4 Cc ^^k. Mcai Experts from fine quality Corn Fod Beet Milk i td SANDWICH KULLb OF 8 lO Veal Corn Fed Porl: ami arc QUALITY Bi;;ht. CON;._.L.L ~*"'ll/ ww m^*m "V-* iw TROLLED Right. PREPARED Right, PRICED Rifiht and SOLD ^T TAAtjr DAOltcoCi R'~hl- 'rhis mean.i that every piece of meal sold under the      M Bl^ .-a.A 5M0Ki!~JG T flic JAA/~  -SUPER RIGHT" Seal will be SUPERB meat in every sense of the ^H UlnAfl TrtBATrA 2 OZ. TIM III A ,,-,-t- /~n/-~~  ^ m won!. You can depend on the same uniform hish quality at all^^H ~~~~^~5 #^lls#^^l L 1.LU Ai \J M fiO I L.        Unu-t. Tlw SuiJfi- Ki^lil Scul iff your    ^   lint  Qiuliiy in nii-uls. :nid that lines not  thst  4   R B rr., id ^%#%/~ ^^U/t^ 2^ M '%ost in.ii-i-  Tin- same  will prevail. Jewel Shortening l sns38c j^55   White House 3 3 sa 37- \f.   BEEF ROASTS Sunnvfield Butter cS 75C - mMm K3 S"    Sffl'BH "= sf* i S LOIN STEAK *65e LAuSiToSLD HOUSEHOLD CLEANSER Og,    9 tf super right  2"=s BAB-0^p*~X ROUND STEAK 69C ^M**~*i-lki^~~Bdm# C^ll^^^k STOKELY S 1 LB HCc %$1~^ I0NA v^ ? finest can^^ fancy cut       !RtGHT ?m*      Grapefruit -w 19C  M*S hamburger 39e f\*\% ^i^S^I-A DninAC 1LB CTN O^5C 1 NO-2/ii5^J^/i^^ MORRELL S. HORMEL S OR CUDAHY S Dei monte  ctn c m r f n r a r n n Crackers--    ^IlvJegr Sultana Olives    27C mT#^ ".r"1*^ mam (g TC* 4     - STYLE* super right fresh shoulder picnic Nectar Tea 19C 3e /Ae^ ROAST 37  Sunnyfield -as 75C i .*!KSt/ sausage 45c TstrM^f*** Si 11^^^ MASTERPIECE 46 OZ. OCc ^^S\CAN W^rK^   ssed and drawn I  juice caL.foRn.a can ^to tf^~ r %r fresh fryers 49c C'trusJuicess[Fia.3 v25c\^^^ ^^H^^W^^F^fc-^t^^^ Spanish Mackerel     fla Lb 3oc ^rm^rJ^LVnm^mW^^^I^/fS^f ^^ABLe\ Black Bass 'Aeo 32c 1 ORANGES 5 1 7c^j\ /^.m^^MfM^^^ tWi I LfaW WINESAP Us. ^,^3 AMERICA S FAVORITE COFFEES! YELLOW ONIONS 3*9* A" ?~^     ffl POTATOES as 10*-37c V'S? S"s W^H38 A MORE FOR       1 U.   ^v^j HI I EH HI. I vAin unu v T=        AGS *^Ma      ^Hl  AGS ?~LY Green Peas 19C       77C IH 81C 8SC 4 s SP1 MAC H Lettuce ^2_"i-.23e .~,..C0   J^</t>
  </si>
  <si>
    <t>                                           FORSYTH                 The  of Mr. Cuff Lamar. j           of Mrs. Mai-y W:     , was I licit! at tlic New Salcm Baptist                 i., Cedartown, on         v. G. Larnar, Mrs. Mary Watson, -ilce Mae Davis, of this city other relatives, Mrs. Mary Picas and Alice Lrunar, of Macon; Mrs. Willie Strickland, of Atlanta;     . Cooper and Pollard, of Cedartown, and F.cv. Battle, of Chattanooga, attended the funeral. The "uneral of Mr. Cary     -n, exM'**nVAr ff *h'~* r?ty.</t>
  </si>
  <si>
    <t>                                           SUPREME COURT HEARS GOVERNOR ISSUE TODAY                 All Eyes Turned lo 6a. Supreme Court Justices                 State High Court To Get Governors' Dispute Today At 9                 The eyes of three million Georgians as well as citizens throughout the Nation, are riveted upon the Georgia Supreme Court, as it takes up the all-important question of determining who is the legal governor of the state.                 The case before the court today is the result of appeals from three lower courts, all of equal standing and rank. On February 8. up at Rome, Georgia. Superior Court Judge Claude K Porter ruled that the General Assembly's election of Herman Talmadge was unconstitutional and that M. E. Thompson was the legally constituted  Governor. On February 12. Judge Walter Hendhx. in the Henry County Superior Court, handed down a ruling diametrically opposed to the lormer. declaring that the Legislature not only had a right, but a duty', to proceed in the election of a Governor Judge Bond Almand. In the same court on February 15. gave concurring ruling, upholding the       of the Legislature to elect Hirmin Talmadge. APPEAL DECISIONS These decisions all. rising from lower courts of equal rank, have been appealed ot the Georgia Supreme Court, where each will be heard together. Counsel for Herman Talmadge will contend that although he was not a candidate, either in the DemocratltfPrtmary or, in. the General Election of' ?D45T he received an-r i. alleged 673 "Write-In" votes which gave him a plurality of 6 over the I next highest recipient, and that therefore, he was entitled to be named governor by. the General Assembly, since Eugene Talmadirc who .won the General. Election by. 143.000 was dead. Counsel for Acting Gov. M E. Thompson, whom the people elected lieutenant Governor, will contend that he is legally the acting gov(Continued on Pace Four)                 All Eyes (Continued from Page One)  under another paragraph of the same constitution. Chief-Justice WJF. JenMns said in Atlanta Saturday that arguments in each case-will he-limited- to- six I hours. 'in order to -speed up the, hearings. These arguments, he said, will -begin at -9 -this. morning.; In- I stead of at the customary 10 o clock schedule and that one:hour will be alloted to each- side: of the- three separate, yet ,-cases.- BASIS OF ARGUMENTS -Contentions - Talmadge attorneys-are based on a 'provision of. the Constitution -which reads: The person   of the whole number of votes shall be declared duly -elected governor- of. this state. ~'bnt^--lf -no- shall have such a .-then- from the; two persons- having the; highest numbers! votes-- who shall -be- la                 life and shall not decline an election at the time appointed for the General Assembly to elect, the General Assembly shall Immediately elect a governor viva voce. -Attorneys for Thompson base their pleas on a provision of the some constitution, which reads: The executive power shall be vested In a governor who shall hold office for four- years and until his successor shall be chosen and qualified.:.. In case of the death, resignation or disability of the governor, the lieutenant  shall exercise the executive power. Because of the lengthy briefs. It Is nof expected that a  the dispute will be rendered before another two weeks- or more has passed.</t>
  </si>
  <si>
    <t>                                           The eyes of three million Georgians as well as citizens throughout the Nation, are riveted upon the Georgia Supreme Court, as it takes up the all-important question of determining who is the legal governor of the state.</t>
  </si>
  <si>
    <t>                                           None too large or too small. Cash or easy ]) plan. .Call: Ma. 1820 or Vc. 770J IF STOMACH BALKS DUE TO GAS AND BLOAT Help Get Food Digested to Relieve Yourself of This Nervous Distress Do you reel all puffed-up ud miserable after every ml taste  our. utter food? IT    . here Is bow you may get blessed relief In helping your stomach do the lob- it should bo doing- in the digestion of lti rood.  lood enters the stomach vital gastric Juice must flow normally to ?  *-up certain rood particles: else tho food may ferment. Sour rood, acid Indljwtlon and  cause a morbid, touchy, fretful, peevish, nervous condition, lost of appetite, underweight, restless sleep, weakness. To get real relief you must Increase the flow or this vital gastric Juice. Medical authorities. In Independent laboratory       on human stomachs, hare by positive proof shown that SSS Tonic Us 7 effective In Increaslns this now when It Is too little or scanty due to a non-organic stomach disturbance This is due to the SSS Tonic formula which contains special and potent activating Ingredients. Also. SSS Tonic help* build-in . weak, watery blood In nutritional anemia so with a Rood flow of  digestive julee. SuVrtehTedblopd you ahould eat  better, feel better, work better, play better. Avoid punishing yourself with overdoses of soda and other  to counteract gas and bloating when what you to dearly need Is SSS Tonic to help you cutest lood for body strength and repair. Bont wait! Join the  happy people SSS Tonic has helped. SCUlons of bottles sold. Get a  SSS Tonic from your  store today 865 Toole helps BnOd StAoflI,7</t>
  </si>
  <si>
    <t>                                           Field Services Director Johnson Sees Difficulty                 Colored Unit Occupancy Below Pre-War Levels                 NEW YORK.- (NNPA) -New housing for colored occupancy reached .1 further low in 1040 as an already intolerable housing situation assumed crisis proportions. Iteffinalil A. Johnson, director of field services and housing coordinator of the National Urban                 League reported last week. Pointing out that the end of temporary war housing constitution had seriously reduced building of new units for the entire population, he said recent reallocation of government housing for emergency use in certain cities has had the effect of cutting colored  even below the level of j the war years. Of the total of 254,000 rc-uuc temporary housing accommodations provided for veterans during 1946, only 5,000, or less than two per cent, were specified for colored veterans and, as late as October, only 1,600 were available for actual use, Mr. Johnson        . In contrast, it was pointed out, ir.,hii0 privately financed special war housing units for colored occupancy were constructed between 1940 and 1945, and ; the federal public housing program 129,000 permanent and temporary units, or 13 per cent of the total, were earmarked for colored occupancy. Unmatched Situation "The sharp decline in - ity of new public housing for Ne-  has not been matched in any decree by increase in private con- struction for lower or middle income families," Mr. Johnson said, adding: i "Only a' negligible amount of private money ever has gone into construction of housing for NeContinued On. Back Pace                 Field Services (Continued from pate one) gross. As an example from 1939 to June, 194C only 23000 PHA in- sured units had been constructed for Negroes throughout the country. While some privately financed housing- construction for Negroes now is -under way" in .twenty or more cities, the amount is negligible, since private builders are con-  on construction for higher income families." The report places much of the blame for the situation on failure of Congress to enact the WagnerEllender-Taf t housing bill. Charging, that public apathy and confusion undermined. the' work of the supporters of public housing in congress and among, the interested agencies, Mr. Johnson said: "If-. alL those in .America who were themselves in need of housing had expressed themselves to their, respective Congressmen the Waener-Ellender-Taft BUI would ;be In effect and low-rent construction a reality. Active pressure- groups with, a special interest in- the end of housing controls and the resultant sky-rocketing dwelling and rent costs to the consumer far outnumbered those consumer-interest groups which filed in support of the bilL" 175% Increase A recent National Urban League spot-check showed a. 175 per cent average- price increase in" property purchased by colored people' in Baltimore,- with specific sales showing increases as high as 433 per cent;, conversion of a group new houses constructed for colored occupancy in Lincoln, Nebraska, to exclusive white occupancy; a colored vacancy Tate in Cincinnati of .6 per cent as against 2.4 per cent.' for whites, with 27 per cent of the colored population hemmed into 16 per cent of the space; and in Buffalo the development of racial ghettos in a locality where there was little or no housing segregation ten years ago. "In enactment during 1947 of federal public housing legislation such as. the Wagner-Ellender-Taft Bill lies the only hope for even a partial solution of- the problem of America's many thousands of' homeless and crowded Negro families," Mr. Johnson stated, adding: "Under" present circumstances, we face the reactivation of             /        *Rt thp further Tnnqhroominpr of white neighborhoods to the exclusion of Negroes, rapid encroachment of industrial and other non-dwelling construction on the dwindling space available for Negro occupancy and intensification of racial ghettos."</t>
  </si>
  <si>
    <t>                                           NEW YORK--(NNPA)--New housing for colored occupancy reached a further low in 1946 as an already intolerable housing situation assumed crisis proportions, Reginald A. Johnson, director of field services and housing coordinator of the National Urban...</t>
  </si>
  <si>
    <t>                                           Mortality And Birth Rates Cited By Bureau                 Negro Not Benefitted By Obstetrics                 WASHINGTON.- (NNfAl-Al-  thp number of white moth- t-rs  f'~~" childbirth lie- creased 10 per font between I!U. anH lfl-~^                 for colored  was less than mif pc' cent for the same period, the. nil.hen s Rureati of the Federal                 i-urity Agency reported l:ist I'll- j j . The   in ils monthly journal that while the death rate at childbirth for white mothers was 18.il per 10,0011 live births, for colored mothers it was 50.6 or nearly three times as high. The report quoted an  who commented on the figures by saying: Obstetric care has undergone an evolution in this generation, but the Negro lias not participated "fully Tn  of f modern obstetrics. It is not pos- sible to have two systems of maternal welfare; there must be one all-inclusive health program." i INFANT MORTALITY HIGH While greater gains were made i in the reduction of maternal mor- j tality rates among white mother* than amons colored mothers, the report pointed out that the reduction in infant mortality rate was 1.6 per cent for white infants and double that figure (3.5 per cent) for colored infants. Of the 6.3K9 maternal deaths in 1944, the report stated. 2.27G or 30 per cent were caused by puerperal infection: 1.B07 or 25 per cent by puerperal toxemia and 1397 or 3d per cent by hemorrhages of pregnancy and childbirth, including trauma and shock. The five leading causes of infant deaths were premature birth, pneumonia anil influenza, congeni- j tal malformations, injury at birth, j diarrhea, enteritis, the Bureau  aid. SYPHILLIS AND T.B. HIGH I Syphilis caused 13 times more I deaths among colored infants than among white babies, the report said. Death from tuberculosis was I rive times more frequent among j colored babies than among white ones. i Death from congenital (Continued On Pace 6 Col. 3)                 Mortality (Continued from Pace One)  was one of the few groups in which colored babies had a definitely lower death rate than whites. Commenting on the fact that there were twice as many still births per thousand live births among colored infants as there were among white children, the re- port said 98 per cent of the births of white children were attended by a  while four out of every ten colored babies were horn without medical attention.</t>
  </si>
  <si>
    <t>                                           WASHINGTON.--(NNPA )--Although the number of white mothers dying from childbirth decreased 10 per cent between 1942 and 1944 the decrease for colored mothers was less than one percent for the same period, the Children's of the Federal...</t>
  </si>
  <si>
    <t>                                           50 Organizations Back NAACP Anti-Stereo Drive                 HOLLYWOOD 'ANP) Fif- i ty minority-croup organizations j stand ready to support the NAACP's j drive to banish stereotypes from the sta?c. screen, r.. and the printed paje. I                 Closely collaborating with the i   are the American Jewish  and the Council for Democracy. Already an  committee has been  on Uie pro ject for tlie past three months to i secure the  support, of at      40.000.000 Americans in the drive i against stereotypes and plans have been completed for the NAACP to; finance n full-time permanent or- . Invitations have been extended to the organizations that, participated on the Committee Against LynchuiK. namely the C1O. the AFL. B'nai B'rith. the ^" Conn cil of churches, the American                 I  congress. Cntholio Intcrrnciiil j . American veterans' com- 1 .Council Against Intolerance. YMCA. YWCA Natiou:ii Lawyers .". KrcGdom house :ind the Pro- I ? Citizens of America. i   A statement of the aim* of the j anti-^-   camp^i^n reveals "radio a.s it now operates is not meet in? the critical responsibilities it h:         ultimate   which c-. -nt to American minorities". Follou-ins the drive  stero- types in radio, similar moves will be j  in Huns, the IvKitimatv i stage, newspapers .-md other- media 'C'.- itn Pase i-")                 50 Organizations (Continued from Pace One) of expression. The NAACP launched un attack here sometimes ago  stereotypes roles for Negro .screen stars. MONITORED PROGRAMS But the Initial move will be In radio, where all programs will be. monitored with the aim of developing a. technique to be applied later to pictures, the stage and the print ed page. Besides monitoring, the groups will be concerned about research and program creation, through, which the case of minorities can be presented. Plans call for the eventual formation of a paid staff of writers,  by a large advisory group of expert radio script writers. "Since people of other nations depend, for the most part, on radio and films for their evaluation of our people and traditions and consequently, our film ideals, it is Im  these media provide a truth ful reaction of the fundamental de mocracy of the American people," .he group s preamble reads. Those already  on the organizing committee Include Peter Lyon. president of the Radio Writers guild; Robert Heller, producer for Columbia Broadcasting system: Ar nold Peart, script writer: Hope Spinsarm and Dr. Donald Young. I I</t>
  </si>
  <si>
    <t>                                           HOLLYWOOD -- (ANP) -- Fifty minority-group organizations stand ready to support the NAACP's drive to banish stereotypes from the stage, screen, radio, and the printed Page.</t>
  </si>
  <si>
    <t>                                           -JSS AT NEW HED CROSS CLUB- The three Army Hostesses  on the recreation schedule for tin1 recently opener! J Rainbow Room Army Si'n'ice Club                 :n Frankfurt. Germany, arc. left to right. Mi's Mary Barnes of Aimirlllo Texas. Mits Gertrude Moriweather of Seattle. Washington and Mis.Pauline Cuokin:in of PittabuiRji. Pa.</t>
  </si>
  <si>
    <t>                                           NEW YORK--(ANP)--The International Workers order under the guidance of Samuel Patterson. chapter president, opened Solidarity house, here this week. It is the first center to be established in a Negro community in the United States, by an interracial fraternal society.</t>
  </si>
  <si>
    <t>                                           DAILY CROSSWORD                 'ACROSS 1. Edible mollusk 6. To obscure U.Christmas plant 12.1 ve 13. First sign of zodiac 14. A net of looms 15. Falsehood 16. little girl 17. Plural pronoun 1 1  Surgical Instruments 21. Chum 1 22. P*cm5 lne pronoun 23. Title Of respect 24. City in New York State 28. Expressly of disgust 29. Part of "to be" 30. Edge 31. Toward the sky 85. At home 36; Grass cured for fodder 37. Regret 38. Unusual 40. Any worthless  42. Thin linen 43. Relieved 44. Straw beehives 45. Fencing swords DOWN 1. Auxiliary verb                  2. Undershot water wheel 3. Foreign 4. SufBx- to form an adjective 5. River (Fr.) 5. Foundation 7. Ostrichlike birds 8. Expression 9. Outside 0. Founder N.V. Tribune .6. Uneven                 19 ~'v-.."". 20 E-.v:) 21. Brain covering 23. Boll slowly 24. Short foot-races 25. A warm. SW wind 26. Garment border 27. Weep 01. Auctions 32. Ascend 33. Indian coin                 tjS.^i:"J.'-:^ Kf^n ~:~ik;t Sic I           il e ITjUlL II    H1C IPM^ i^l Vrttcrday'a Aniwot 34. Feats 36. Assist 39. Contend for 40. Small mound 41. Knock                 1 r p p p pr r r r r wr_ i w_ c    w ppp M 19 X* 17 ii; I W I II I WF I II 1                 - A cryptogram quotation DBZ     XN ;  , DPJ. BZ EBRP-FK Q.E. Yesterday's Cryptoquote: THEY REVENGED THEMSELVES ON TYRANNY BY DESTROYING CIVILISATION- . Distributed by Kbit Feature* Syndicate. Inc.</t>
  </si>
  <si>
    <t>                                           Doomed Second Time, Francis Gets Parole Board Hearing                 KATON ItOUGK. La.- (ANI1) Willie Kmneis. 17-year-old convicted - of a  ^t. was ..        another  tr:nv of hope in his tight     ~.'~c:iuf! tint electric chair tut the second time. when the Louisiana State I'arolu Board  to conduct a                  on his case, it was: revealed here last Saturday. Francis, who escaped mi his  visit to the stale portable electric chair lust -May because of some failure in Uic "hot seat s" working mechanism, recently lost a second appeal to the U. S. Supreme Court by a 5-to-4 decision. This  court decision placed the case back into the: hands of thi; Louisiana state authorities. A citation Prosresso In Chicago, a ^roup of ur^ religious, civic and business                 persons immediately    (;nn agita* lion for commutation of' the death sentence. Headed by Clarence W. Harding. Jr.. an official of tlv Coneress of Afro-American \~v plo. the Kivup.d  upon th-. s office -here in       Route and presented petitions ;ind picas in an effort to save Francis {    undergoing a Sfojnd ordeal of    :ith. Arriving before  "T ',hc  court s first decision was published. Harding and Jiis ^roup were successful in obtaining a J0day stay of execution  a second appeal, which was subsequently denied. The ^roup has taken up headquarters, at the Hotel Kvcr Keady. and working in conjunction with Alty. U-BI:mc. of N'ow Iberia. La.. Is carrying the  On Pace 6)                 Doomed Second                 (Continued Fron Page One)  further. Many local leaders, white and1 colored, have joined in the fight for commutation of sentence, together with several Catholic priests.</t>
  </si>
  <si>
    <t>                                           BATON ROUGE, La.--(ANP) --Willie Francis, 17-year-old convicted robber-slayer of a white druggist, was offered another straw of hope in his tight to escape the electric chair for the second time, when the Louisiana State Parole Board agreed to conduct a hearing...</t>
  </si>
  <si>
    <t>                                           Tim Tyler Lyman Young                 Felix The Cat Sullivan</t>
  </si>
  <si>
    <t>                                           Deaths                 MR.  ZANDERS. SR.. Scllrrs Eras. MRS. ANNIE MAE COU.TER. Crotki'ti I'liiu.'nil Home-. Cnllin. C:i I MRS. REBECCA BELCHER, of Covinuton. Cirnruiii. S: Fii- ncr.nl Hume. MRS. FANNIE RUSSELL of Kil j</t>
  </si>
  <si>
    <t>                                           Atlanta i^fe World frill    ,   .h, Mm*,  K?~fy M*ratas Except Moarfay, at 2H        At*. Members: SN8-- ANP SftakHahed Aac. 5, 1928, Became Dally March IX US! A, Beott n. Foonder-Pablkber, Anc 5, 1928. to Vak. 7, UM Xtiepbone: WAIntrt 115  148* fettered In Port Office at Atlanta (3). Qa, as second clan mall under tbe Act of Congress, March 13, 187S 3. A. SCOTT EiUtwr and General   RATES BT MAIL: Oaflr: 1 rear- 112.90; S Month*-~^0; 3 Monflw H.W Saturday Only: 1 Year- MJO, 6       -*2   Camada: 1 Tear  5J0; 6 Months- $3:25: Forelcn 1 lear- SIM BnlnerlpUto Bates By Carrier- Me Weekly. THK  DAILY WORLD Is on Independent newspaper, on-sectarian and non-partisan, printing news .absolutely  tad  those things It believes to be to the Interest of Its        and opposing those things against the Interest of its readers. Address ALL COMMUNICATIONS to and make CHECKS  10 ATLANTA DAILY WORLD, rather than to Individuals. TEE  expressly repudiates responsibility for return of unsolicited pictures, -, etc, unless stamps are sent.</t>
  </si>
  <si>
    <t>                                           The Atlanta Public Schools In presenting their Annual Music Festival under the direction of Mrs. Jessie M. Wartman, Music Supervisor and Miss B. E. Usher, Supervisor of Elementary Schools, thrilled thousands on Friday evening at the City Auditorium.</t>
  </si>
  <si>
    <t>                                           MADAME LYDIA Palmist Fortune Teller Lucfc-Love-Success- If la doubt, consult a natural- bore medium. One visit is all that j n-- .- Ns- f"ffi-dc-or-t-Or door. i Guaranteed to read av.ifM your entire life, past BS I I j^B present and future. Vm I I ^H Gives true advice k Owl 9n 3' Iove and     [tF J  and family tt^^^n H affairs; tells you ^SrQ^ most lucky for you j and what part of Hie world vill be more successful j for you; advise how to gain and hold good positions; she tells if the one you love is true or false. GIVE LUCKY HANDS j  BUS STOPS AT THE i DOOR- 2973  RD. i BRING THIS AD WITH YOD READINGS 2Se</t>
  </si>
  <si>
    <t>                                           Gas on Stomach ReliaTed in S minutes or  your money        iraa         1i  clit tame.        .             Ml. tour (UHnach   IwMCIIiurn.  ; I * to. bun) .flint        l.i  -     # ^ In    .    TiI.Imi N.1,iiu.i      ..ni ^'    .~nr.id In  nnr tact M  vt hull. I to ul.     il Oruillau. i Bronchial Coughs Due to Colds Spend ii cents today at any  more for a  of BUCKLEY S  - triple acting- acts promptly to help loosen up thick, sticky phlegm  IrrlUted throat  and caso hard coughing . Try It  very next time a cold results In a wracking, stubborn cough- find out for yourself how good and effective it In for  due to . Gel BUCKI LEY-S CANADfOI^ - Is i the. U.S.A. TODAY all druggists. ^^P J St., 8. W. ~^H If Busy ^^^B ^13 CALL ^^^B UbJ Ten Minnie H B p* j Day and ~~^J j ^^^^J "U"</t>
  </si>
  <si>
    <t>                                           CHATTANOOGA, Tenn.--(SNS)-- YOUTH CULTURAL PROGRAM SPEAKER--Dr. Miller W. Boyd, president of Morristown College. Morristown, Tenn., will be the speaker for the Youth Cultural program at Stanley Methodist Church, Sunday January 5 at 7:00...</t>
  </si>
  <si>
    <t>                                           Fires  Extensive Week-end Damages Kirrx '"lui.srd '^r^blf  In Ni:pro dwellings,  the . Two houses a I. i,hc corner of Grove and Dillon sis.. N: EL were                by fire early Saturday, in which an occupant of one of Hie houses. Charles Grant. SO. 8   Dillon St.. N. F... sustained severe bums and suffered suffocation. Potice blamed the cause ot the fire on an over-heated stove. The other dwd.inc damaged was 898 Grove sL. N. W. The  was blamed for another fire which almost completely  a combination .  structure at 1010 Lena St.. S. vV, early Monday moraine  in damages estimated at $U0n. The dwelling owned by Jimmy 31n!on was occupied by Otis Swaut nd wife. No casualties were reported.</t>
  </si>
  <si>
    <t>                                           Radio Artists In Concert This Afternoon                 Chariots Wheels of Atlanta, Ga-, concert and j radio artists will appear in concert this afternoon Sunday. February 23. at the USO. Hunter St., 4 P. M. They sing under the direction of Lawrence Mann and arc heard                 every Sunday morning over radio station WAG A at 0:30 A. M. Chariots Wheels are appearing in concert under the sponsorship of The Yumphs Social Club. General Admis- sion 50c Students 35c.</t>
  </si>
  <si>
    <t>                                           NEW SHADES OF FACE POWDER ^       ^~v !7aSu/eep you  ihe ^S*5$?~y^  ^i. Thc 10 NW shades of Black anc    3  2l^:~3~^^#~S^ White Face Powder were blended r5 f5   ^iS';~Sf^r^ on actual skin types! There's a NEV. ^^^^rS^-*3S^g^^ shade just for you. made with a    3Xtsfe$  *  *   .~-i!'', ~"$7W NEW secret ingredient that ^!*^ ^S^fHr^f vents . You'U love the NEW S^JssSPiS: liS? flower-fresh perfume and the      *3       - :'-ir8  lavender box. Buy the NEW Black ?ts SS^ .? and White Face Powder at all drug XS**r5 ^^''^W acd          .StiU 10c,2Sc n I^ K0W DRY ff stays I a  K BEAUTIFUL Q ^a a      shades! vLs. make this test I SELECT fROM CHART BELOW: 2. 3  V.^ IvERYUSHT JR.* B ~~$f ^AN SKIN (        N^J^ W/         (Tongo Ton r"jjj Ktl VCJ I OLIVE SKIN (High     " I VM BjTW V I - 1 I  SKIN 1c BrOn:*R=.. i 1 Sft 8ome Black ~"d W""*      DARKilMN ^Summ.r Rom I A. Fllwdet 0R top o{ I DARK       BronM S 2 Now. placo a match through film I SKIN (Nuf 8     I of powder into water. B .I? Take tho match out. Blow off I VERY DARK i*CB^l I StrIko .Mtttch- tt "s"1*: 1 SKIN (.Koko       I Blnck and Whlto Face Powder I ^BSAk. haS kcpt  dry oven un1 .an    * i^IMij'^rV dcr      !  U how the Ntw 1     "~~  'na'5*- j^UuS^ J  Powder acts on your akin L-,. ' a dry coat of protection W^/ against dampness in tho air. USE BLACK EH? WHITE CREAMS FOR DAILY CARE VANISHING CREAM  CREAM   your    . .nd held, m.U-uo h.1T ta Ui. of M  W\2Taiiii3  l2J2 on to      profit roM- tUn   nd * ~)irt *or      ^u.? ig.intf  ind  nd w.,t)im-. t. with      . "          !i  JJl.</t>
  </si>
  <si>
    <t>                                           The various Southern Conference quintets will wind up their 1947 pre-tournament schedule this weekend, and will be Alabama bound. They will invade Tuskegee to compete in the fourteenth annual Southern Conference Basketball Tournament, which will be held in the spacious Tuskegee Institute Gymnasium (Logan Hall), February 27, 28, and March 1. When the drawings are conducted at 6:00 p. m. Wednesday, February 26, the ten teams with the best...</t>
  </si>
  <si>
    <t>                                           Urgent Meeting Of Fulton Democrats Set Today At Noon                 A special, - or the EximiHm)         -oU.ai*. CUimia-. Democrdtrt Club of Fulton County hajt   t^                afternoon. April 23. InunedlaWly following the noonday  dull luncheon at,     Butler Stxi^i YMCA.  gets u; at 12:30 P. M. C. A. Sott. resident of the el Jii. In m; the call  Tuesdny .   Importance of iij!?'. nii"  :b"r "f the   :i personal sacrifice In "time In order     . in      - of tlip extreme urgency of the matters to     coti- with . Thn ;~'   :~U ir:-..-:'-'</t>
  </si>
  <si>
    <t>                                           Armed Men Push Back Jailer, Take Prisoner                 BY JOHN II. McCKAV                 PICKENS. S. C. iSNS) The Stale ConstabuTary, on a "must" order,   from two counties moved feverishly late Monday to apprehend members of a 35-man mob which stormed the little red  Jailhouse here about 5 o clock Monday , seized 35                 old Willie Earlc and a few hours later left his stai-bed, shot-riddled body beside a road Just over the Pickcns line, in Greenville County. Earle, a resident of Liberty, who worked In Greenville, liad been arrested at Liberty early Sunday oil suspicion of beating and robbing a white taxi driver of Greenville. Just outside of Liberty and, robbing him of about $40. The driver, T. W. Brown, about 50. died near noon Monday in a Greenville Hospital, after his unconscious body had been found beside the road, late Saturday night, two miles out of Liberty. Sheriff Wayman H. Mauldin of Pickcns County and Sheriff R. H Bcarden of GreenviKe County both said their forces were devoting full resources to the case. Governor J. Strom Thurmond at. Columbia had issued orders to the Constabulary "to go in and krin? them out." referring to the . Jailer Ed Gifctntp said that, his daughter was awakened about 4:30 a. m. by several cars arriving at the jail. Several minutes later, he said.two armed men poked guns in his face when he answered a knock at the door, demanding Earlc. Simultaneously, other members of the seven car party, said to number about 35 persons entered the jail and1 yanked Earle out of his cell on the second floor, driving away with him. Several men remained at the jail, Gilstrap said, -on guard." for half on hour. GUstrap said he notified Sheriff Mauldin who arrived at the scene shortly alter the men had left. Meanwhiic. about the slate and nation,  moved to have the  apprehended. At Columbia, the NAACP. Southern Conference tor-Human Welfare ., the Progressive Democratic Party announced they bad addressed messages" ro Govemor'ThTirmond'bacicr ing  move to apprehend the mob-  and. urging unrelenting search until they are brought to trial. I In a, telephone conversation from i Walter White, executive secretary of the NAACP in New York, who                 ed fur full details of the story, readers in South Carolina were advised that the  had addressed communications to President Truman .the Department or Justice and to several members of Congress urging full Justice and passage of antl-lynching legislation. Tho Earlc lynching is the first uncontested lynching in South. Carolina since 1927 when. a mob strung up Wo brothers and a sister of the Lowman family in Aiken County. However. Tuskegee Institute confirmed today that Its last officially recorded lynching for the state occurred in 1941 in the Truesdale murder at Andrews in Georgetown County, for which two white men were sentenced to the penitentiary. Numerous other deaths of Negroes by white groups have been disputed as lynchings. the Andrews case among them. Last August 12. a white mob at Elko. in Bamwell county, followed home and shot dead through the bade 25-year-old James Walker, which considered a lynching by some groups but disputed ty other.</t>
  </si>
  <si>
    <t>                                           PICKENS, S. C. -- (SNS) -- The State Constabulary, on a "must" order, and officers from two counties moved feverishly late Monday to apprehend members of a 35-man mob which stormed the little red brick jailhouse here about 5 o'clock Monday morning., seized 35 year...</t>
  </si>
  <si>
    <t>                                           Leadership Is The Test Of Quality Shoe Service Shops of Atlanta are the quality leaders in the field of shoe rebuilding. For over a decade we have been building goodwill through thousands of satisfied customers. We extend most hearty thanks to each and everyone for your support and .cooperation. And thanking you for your further support. Shoe Quality Counts ^^Sfil You Can Depend On ^^^k SHOE SERVICE SHOPS WS^ OF ATLANTA  Park's Shoe Rebuilders S54 HUNTER STREET, S. W- Ka. 5681 Established 1022 Whitehead Shoe Rebuilders C5l FAIR STREET, S. W.-Wa. 66S9 Established J041 Holland Shoe Rebuilders 1325 JONESBORO ROAD, S. E- Ma. 8715 Established 1040 Ben Wright Shoe Shop 881 McDANIEL STREET, S. W.- Ja. 8310 Established J905 Odum Shoe Shop 15 BUTLER STREET, S. E.-Ja. 6826 Established 10:i3 Eagle Shoe Shop 432 DECATUR STREET, S. E. _Ma. 5016 EslabUshed 1919 George's Shoe Shop  162 MITCHELL STREET, S. W. Established 1939 Simmons Shoe Rebuilders 277 AUBURN* AVENUE. N. E.- Ja. 8116 Established 1914</t>
  </si>
  <si>
    <t>                                           ONE MILLION DOLLARS $ $ TO LEND $ $ WHATEVER AMOUNT YOU HEED To Pay Off Your Present Mortgage, Recondition Or Enlarge Your Home $ $ SMALL MONTHLY PAYMENTS LOW INTEREST RATE $ $ E. R. CRAIGHEAD, Attorney For Lender 604 Candler Building</t>
  </si>
  <si>
    <t>                                           "We must learn to minimize racial differences and to magnify racial similarities it we are to live peacebly in this present-day world," declared Dr. C. H. McClay, of the State University of Iowa, in an address to the students of Alabama State Teachers College at...</t>
  </si>
  <si>
    <t>                                           Beautify Your Home For Spring With a new roof, brick or asbestos siding wall paper. No money d w n. Small Monthly Payments. Free estimates. R. E. CHANCE De. 9939</t>
  </si>
  <si>
    <t>                                           U1SHOP M. C. GfllFKN  SUNDAY BLsllop Griffin will preach  present the Heavenly Femnlc Gospel Songsters in a  Cnndle Lighr. Sortie? at Overcominc Church of Foilh Tubernacle. 385 Gardner St. S. \V. Sunday at 8 p. in. lie will .h on the subject: "A Cuncrul Tlw Never Has Befu Atlemled." At 9 p. m. I lip Heavenly Gospel                 ii:rs will appi-ar tm ihe program the Heavenly Hurnionizers, of Macon. Georgia, the Gospel Pour and many other groups will also appear on the program. Evangelist Pearl Duncan, the gospel songster, will sing a special number. The BMiop will light rive  ni midnight. Cume  fur a seat. No . Om-of-  will bfl -  Adv.~</t>
  </si>
  <si>
    <t>                                           BTW Choir In Mount Olive Concert                 The Booker T. Washington Choir under the direction or Mr. Johnson HMcert will fcc presented by the Choral Choir or the Mount Olive Baptist Church, corner of Harris nnd Butrcr Streets. Friday. AprU 25    7 :il. 8:30 in.</t>
  </si>
  <si>
    <t>                                           Ga. Girl Winner In Pepsi Cola Contest                 PALO ALTO. Cal.-      - Chosen from among 1362 candidates elected to represent 549 Negro high schools throughout the South, a Georgia girl, Lottie Beatrice Broadnax. 17. of MadlMin. today received word that she had been awarded one of the twenty-three                  for four yean of college which are being granted thin yew by the Pepsi-Coin Scholarship Board to outstanding  of Uic southern colored school system. Announcement ill Hie  was made by Murdcciil W. Johnson, president, of Howard University and a member of the Scholarship Board, who stated  48 boys mid 75 girls from 4U Georgia Negro schools participated In tills national contest, which is financed by the PepsiCoin Company us one of lls public services. Georffiu's winner, bottle Beatrice Broiidimx. Is the daughter or Mr. and Mrs. James Bniadnux. Plunulng to specialize in business, she will apply for entrance to Tuskegcc Institute following her graduation In May. Lottie is president of the TrlHl-Y. secretary of the 4-H Club, mid editor tif the school . Six other students from tlic Ueorr/b colored  who were finalists III the competition received certificates of merit, each of which carries a -dollar award payable when the winner enters college this tall.                 A total of 38.364 white and Negro students from 9,157 high schools throughout the United States. Alas- i ka. Hawaii, and Puerto Rico parti-  in this contest, according i to Floyd W. Reeves, professor of administration at the University of Ciilcago and president of the PepsiCola Scholarship Board of which Mordccnl W. Johnson is a member. One hundred twenty-six .scholarships and 640  of merit i were awarded this year. Professor Reeves said. All scholarship winners will have their full tuition and other required Ices paid for four years ul   college they wish to attend. In addition, they will receive $25 a mouth during the four college years and traveling expenses at. the rate of three cents u mile for one round trip from home to college each year. The winners of the .scholarships may select any course of study which leads to an A. B. or a B. S. degree. and to hold the scholarships they need only remain In good .standing In their colleges and progress normally from  to year. I Any student who docs unusually I distinguished undergraduate work may also be awarded one of the three- or four-year scholarships of $1,500 a year which will be granted I annually. j</t>
  </si>
  <si>
    <t>                                           PALO ALTO, Cal.--(SNS)--Chosen from among 1,662 candidates elected to represent 549 Negro high schools throughout the South, a Georgia girl, Lottie Beatrice Broadnax, 17, of Madison, today received word that she had been awarded one of the twenty-three scholarships...</t>
  </si>
  <si>
    <t>                                           Madam Eva 23c SPECIAL READING 25c m. SHE GIVES aBB FACTS AND EDH     GET gBg C RESULTS 5f^~e World's ( CN 5=-\5*ti P^Imte*- At tn yon ~(\^~Jyri consult all others, t - comc   V7 tjf, f problems.    Mad^ one. thai knom all If you. have trouble *lin  or wife, be sore and come at onoe. Office hours 0 a. m. to 10 p. m. daily and Sunday. MS W. Marietta Street. N. W. Atlanta. Be rare to take the Inman Yard        car. Please ask the car conductor to let you off two "tops on the other      of King Plow Co, Atlanta. Ga. 25c SPECIAL READING 2So Tour Lucky Days and Months Given Free.</t>
  </si>
  <si>
    <t>                                           81 "NOTORIOUS"  Cary Grimt-TiiKrld Bergman and "CRIMSON  ""  Louis Jordnn  "'-IlAIMtlfbW- ASHBY "         WOMAN"   Ljimurr-OiMirci! Siindtrs anil "RATION Itl." willi l^iiii.s Jitrduii  DllDK " with Opnrcc O'Brlfn  "Murder In Music Hull" HARLEM "TWO OWN MAN  n.ini.KM" with All Colored Cnsl and "I"ury Anil Thr Woman"  "MAN FROM 1." witli Wild Bill Elliott and "JUNCiLL1 "</t>
  </si>
  <si>
    <t>                                           TO LEAD  Miirshiil Eddie Shorter will lc;id  .iiit.'l A.      :] t\ii*H(le or Elk.s</t>
  </si>
  <si>
    <t>                                           If it hasn't a METER it isn't a HARLEM I MA 4400</t>
  </si>
  <si>
    <t>                                           Little Skylight Authority I j Ts safest .still. Whilr -i:        I*  nil. K .1. KAKI.</t>
  </si>
  <si>
    <t>                                           BIRMINGHAM Ala.--(SNS)-- Renewing their faith in the unstoppable fight for equality of educational opportunities, and virtually pledging no retreat in that fight, the Jefferson County Negro Teachers Association re-elected Mrs. Ruby Jackson Gainet, under...</t>
  </si>
  <si>
    <t>                                           u: i: ;:n m::,\ti: ins- \viu-n Mrs. Ki.'ili .1 Cuillun!, I'.-ft , ar.il hf i- infant, daughter. Leslie Ann C:ii!!unl.          i:i Mi'iii'l l:is  tin- Christmas  thi-y   .four ^eri-.'ratio fis. Mrs. CaillarUV. ^r::!!iii)i"ll\t-r :i:nl R:    "r aiv     .vi ~.v:i\*r :'.i!.i t- ~:!id. Tli'-y arc M:iies.  j). Irwiii. fur whom the  iau'-' v.-as p:nv.:"il. and                 * Kuril'. \vi'!l-k:      bus:*  \iii?ii:!ii u;* .Mfrnpliis. Uul'V J.- Ann. :!-  ::ik  ill,- family . sr.':iis quit.' .'i.'d  hrr K'"'"'u'"Ky- -^    Gaillard.       Miss Ituth IC'.vin^;. v:as a  ^ ;e:      :il I!:i-~  -i- T.    !:iin;!,~iii Hl^h Siriii1"1'! - !  .-r .'. 1' sht? Is a n.'i-'iiit'.nt     iiir:ii:ip;. Alabaina.</t>
  </si>
  <si>
    <t>                                           IS THERE SUCH A THING AS PERFECT WOMANHOOD "No" claim medical authorities, who ought to /^^Mk know! Nature has so constructed and physi- ^   B] cally endowed woman that in many cases she s ^tt^T ^~W apt to suffer certain distressing symptoms j^B*    during her life. For Instance, when she enters ^~ ^rr womanhood or during the menopause, the ^ period when fertility ebbs away. ^TBWfiill Now if, on 'certain days' of the month- fe-  male functional monthly disturbances arc WmaaKm causing you to suffer from pain, nervous dls- fJE5   SrJVm tress and feel so tired, cranky, you snap at JrCfiiR2S9**^n your children and husband- then do try Lydla. } '.Jm E. Pinkham's Vegetable Compound to relieve '~WI such symptoms. It's Jamous for this purpose. IT} TBt/KLsQI^ Mode ESPECIALLY Foe Girls and Woman mJW^ Pinkham's Compound does moke than relieve Cm'Sinl J l\ such monthly pain. It also relieves accom-      I 4J panying nervous tension, irritability and weak. It           highstrung feelings when due to this cause.   49W^^]7l\ Taken regularly thruout the month this ^ Jll great medicine helps build up resistance I mft A against such distress. A t.Mng any sensible 1 Hi j^ J woman should want to dot \IBB^ ij^ Lydla Pinkham's Compound Is also very ^ effective to relieve hot flashes and those funny  2* MIMI Bl  feelings during the years 38 to .lWH H I S2 when due to the  'middle-age' ^ mt period peculiar to women. ^HHv flv^ Pinkham's Compound is worth,  *^__^!^J 4</t>
  </si>
  <si>
    <t>                                           The Weather  and mild.</t>
  </si>
  <si>
    <t>                                           81       , .'alm-.s W. .mil HOI- IIMIItKjANROYAL ".       ;ilT  NT- with William Ganjan. Aim Savage anil "Sine IVhile Yuu Danrc" "ii h KMi-il Drew. Hobt    ".MIIt. "  Willi.ni: Clurmui. Ann Savauc and "CcnUi'iiirn with Guili" willi Busier Cnibbr :i]~u 1IOI" IIAKItir.A.V LINCOLN "IMSS KKV T(~ .KIf and 1'.  CnsMtlv in    :vii.s i-i.Avcitoi  "* II.MtKKi.W" HARLEM Dllll TINC AI.ONC" with Johnny Mark Hru'U) and "HOP HARRltVtN" STRANO "HAl'. MINK"  . Mack Brovvr. and PHANTOM " I'lrsl (</t>
  </si>
  <si>
    <t>                                           According to a recent announcement. Mr. Kenmore Burns Sr., chairman of the city executive committee, has "ruled" that Negroes will be barred from the primary to be held this year to new a new municipal administration.</t>
  </si>
  <si>
    <t>                                           Atlanta  World Pobllihcd Every Moraine Except Monday, at 210 Auburn Ave. Members: SNS- NNPA- ANP W. A. Scott Jl Founder-Publisher, Auc 5, 1928. to Feb. 7, M34 Telephone: WAlnut 1459 1460 Entered in Post Office at Atlanta (3), Co., as second class mall unde the Act or Congress, March 13, 1879. C. A. SCOTT Editor and General Manager SUBSCRIPTION RATES BY MAIL: Daily: 1 Year- $12.00: 6 Months- S6.50; 3 Months- ~.W Saturday Only: 1 Year- $4.50: C Months- SiSO Canada: 1 Year- S5.50; 6 Months- S3JM; Foreign 1 Year-  7J0 Subscription Kates By Carrier- 25c Weekly. THE ATLANTA DAILY WORLD Is an Independent newspaper non-sectarian and non-partisan, printing news absolutely  and supporting those things It believes to be to the Interest of its readers and opposing those things against the Interest of its readers. Address ALL COMMUNICATIONS to and make CHECKS payable to ATLANTA DAILY WORLD, rather than to individuals. THE WORLD expressly repudiates responsibility for return of unsolicited pictures, manuscripts, etc., unless stamps are sent. THE RIGHT TO VOTE 'The right to vote must be open to all our citizens irrespective of race, color, or creed- without tax or artificial restrictions of any kind. The sooner we get to that basis of political equality, the better it will be for the country as a whole." -FRANKLIN D. ROOSEVELT.</t>
  </si>
  <si>
    <t>                                           City Teachers Case To Open January 20                 Attorney A. T. Walderi "announces that the Atlanta, teachers case  the Board of. Education of the City of Atlanta has been set down for trial in "the United States Court on Monday, January 20. Thurgood Marshall, Special Counsel of the NAACP, -who is associated with Mr. Waldcn in "this case, is expected to arrive in Atlanta on next Wednesday,  with his assistant, Mr. K. IZ Carter, also of New York.                 I BY I. P. REYNOLDS J,. Brother Bell says putting on has been the cause of many a am to be put ouC</t>
  </si>
  <si>
    <t>                                           Gas on Stomach Reliered in 5 minute* or double your money back \     nrm         *   j. i-l painful. MjfTnritIHf t**.  iti-rnn-Ii    *. it-~i .t* n.    -^   .i' ih- fj-'r-.r i-*    .-  fur .XJiaU.- r-ll-f in-ii. .r,.-4      tit.-- II- II an* TahlH.. N.. Ijiail.- ii. -n mi f-'-c .-.-nf..ft In JIITy     .1....I.I" f.-ir m-.r..~ i.j k r-t.i.'ii i-f   ti u*- *i *'l uni^^i^t.</t>
  </si>
  <si>
    <t>                                           Simple Way To Oust Sen, Bilbo Suggested                 WASHINGTON (ANP)- The tinted States Senate can legally, purse itself of Theodore C. Bilbo. Mississippi's Klan congressman, by applying a simple  procedure recently devised by Rep. Charles M. LaFollette an Indiana Republican.                 even though "The Man"' has already been seated. Here is Kcp. LaFollclte's plan that will enable the Senate to banish the Mississippi Klansman at will: "1. The Senate must find, as a matter of fact (which is almost undisputed), that Bilbo violated the Constitution and urged        to violate the Constitution by Denying Nccroes the right to vote in the Mississippi primary last summer when he was nominated for the Senate. "2 It must decide by a simple majority vote that these acts bearing on Bilbo's election were 'contrary to sound public policy, harmful to the dignity and                 or of the Senate, and dangerous to the perpetuity of free government' SOUND PRECEDENT "3. It can then, on the basis of sound precedent, declare Bilbo's election invalid and declare that a vacancy exists in the Senate from Mississippi." LaFollette's recommendations are the result of an exhaustive study on the Senate's right to expel or exclude a member. His findings       hern r lied clear ap.d simple. An ou.'ler move  pn loo s personal qualities and of moral character would require a two-thirds vole to succeed, - of whether or not the oath of office would require a two-thirds vote to succeed, regardless of whether or not the oath of office had already been administered. But if the attack is made on the validity of Bilbo's election, he can be excluded by a simple majority vote, even if he has previously "been seated.</t>
  </si>
  <si>
    <t>                                           WASHINGTON (ANP)--The Unted States Senate can legally Purge itself of Theodore G. Bilbo Mississippi's Klan congressman, by applying a simple three-pointed procedure recently devised by Rep. Charles M. La-Follette an Indiana Republican.</t>
  </si>
  <si>
    <t>                                           Young Bilbo Avoids Committing Self On Succeeding His Father                 FRANKFURT. Germany-  A) Lieutenant Colonel Theodore G. Bilbo. Jr.. last Friday avoided making any commitment as to his availability" to succeed his father if the old man ultimately should be denied si seat in the Senate and Governor Field L. Wrixht of                 sissippi should offer him the post [or tlie  term. Young Bilbo, mess officer for headquarters of the United States forces in Europe, at first absolutely refused to commit himself on any suggestion that he might take the seat which the Senate has temporarily denied to h's father. Pressed for 1:..- reaction to the idea, young Bilbo p-inted out that he was graduated nv:1) the United I States Military Acnd:i:ny at West j Point in 1934. and :   2 il: I                 After thirteen years it looks like the Army is to be my career." Young Bilbo said he doubted that he would get any emergency leave to be near his father when the elder Bilbo undergoes an operation in New Orleans involving the removal ot a large portion of his lower . two glands in his throat and possibly a malignant growth in his cheek. He declined to commit himself regarding the elder Bilbo"s preachments of "white supremacy." except indirectly with the question: "Don't you know where I come from?" After reflecting a moment, he added: Let :ne point out. however, that there is no discrimination in any of the mess or clubs I operate herr."</t>
  </si>
  <si>
    <t>                                           FRANKFURT, Germany--(NNPA)--Lieutenant Colonel Theodore G. Bilbo. Jr., last Friday avoided making any commitment as to his availability to succeed his father if the old man ultimately should be denied a seat in the Senate and Governor Field L. Wright of...</t>
  </si>
  <si>
    <t>                                           I j^Ckk Dry Cleaning ^^S^BH Dri-MM it Suit to ~"H ^_J\5HHftj 1. (Jur  /^^Eilfll TrT=         -    -.  ~.'i: ji ii mm i' n-piii 1       VVIi I ICK UP AND IJKLIVKIl 'ASH AND CARRY ONE DAY  TED LEWIS CLEANERS 704 McOANIEb ST, SW, WA. 2658 5.  0  ST.. SB., JA. 0254 RITE-WAY CLEANERS K67 WEST HUNTER ST. RA.  132</t>
  </si>
  <si>
    <t>                                           NOTICE! MEN! IT WILL PAY YOU TO READ THIS Unredeemed Pledges At Great Savings To You  '~'^-?KI';~!.!   NOW Q. 95 i I" I Sll I V 0* 200 01- FINEST 19.50 I I 1 TAILORING And V I W I{EST BRAND NAMES t0 Originally Cost 50.00 nf\ rr\ i Tosn.on ZO-50 I SPORT COATS ia1BStSTes -7 nc BEAUTIFUL COLORS M HS 1 And lAO  ORIGINALLY SOLD w anU JAblVC I For 2D.00 T,~ 2.7.00 I All Alterations Don By An Expert Tailor Also Shoes Sweaters Hats And Other Items At Tremendous Savings DRESS UP FOR EASTER AT AMERICAN LOAN GO. 263 Peters Street 5, W.</t>
  </si>
  <si>
    <t>                                           In Memoriam                 In memory nf our elm-ling . Mrs Allrp {,. MPOdc ,w)    pushed ;  ;iy on" Vrtir  today. April 19. I'jVi Mrs. All.-,- M. WiIsmi Mrs. - M. lidi; Mrs. ~'~irdc!l:i M. t lll Mix.       M , .</t>
  </si>
  <si>
    <t>                                           WHEN ATTRACTIVE ORIAN BABCOCK becomes the bride. of Rev. James A. Wilborn this afternoon at six o'clock in the main auditorium at Big Bethel Church, of which her lather is the prominent pastor, it will be the. second big event in her family's life to occur on this date. Twenty-five years ago her parents were married and today combine her wedding with, the celebration of their silver anniversary.</t>
  </si>
  <si>
    <t>                                           Funeral Notice                 SMITH. Mr. Lewis (Babe of 171 Valentine St, N. E. The friends and relatives of Mrs. Fannic Jones Smith. Mrs. Rena Smith. Mrs Emma Smith Taylor, Mrs. IJzzie Beth Mitchell. Mr. Lincoln Smith. Mr. Ed Smith are invited to attend -the funeral of Mr. Lewis (Babe) Smith Sunday. January 12 at 10 o clock from our Piedmont chapeL Rev. J. Minor and others  Interment BsrVicsviSe. Ga.     .  will be Mr. Horace Williams. Mr.Gabc Galie. Mr. James Smith, Mr. Sam Bronner. Mr. John Devoe. Mr. Henry Key. The  will leave after the service. Murdauph Bros. Morticians. 71 Piedmont Avenue. N. E.</t>
  </si>
  <si>
    <t>                                           Italian Swiss Colony Now On Sale In Atlanta At Your Favorite California Wine. Retail Store Dlfltrfbntora NATIONAL DISTRIBUTING CO. INC. Atlanta. Om.</t>
  </si>
  <si>
    <t>                                           Till It IX t.M.Y OVK MADAME ROSE PALMIST Cluaranlrrj 'In Heart Vom  life, patt, preheat, foI H^PI^HHft larr. A*ka ba gar*^Tl Mjfl Uam* bBt S2*LJL^1  lT*   umn mad ^b"v53B     *~   t      of k^Owt . lorr. health 1 k "^~V9 family affairs.  i ^k Wl whom you will       tg M and when,  * rivals IotI er t . evil , ( . and bad luck of all  I ReadlDKH 25c dally aad Sunday. 9 a. m. to 10 p. m. Yoa will flad hn   all other*. There    heart u sad or home so drear; that I  bring  la It. located at Junrllon of Brady Avenue aad  Mill Road. 10641  Mill Road he lore to Uke i (be nne car ... Mill       car. Stop at        -ll Mill Trailer,   f while Pruvblu* I ('.</t>
  </si>
  <si>
    <t>                                           Mfttli^fi6 BrOS* Feburary Furniture SALE 4-Pe. Walnut or Smitan Suite MATTRESSES *3 /so % ^        ^ $* a q 50 oval-mirror vanity. Large chest, panel bed and I I ^W ^*^n\  "Phdstcred bench. A quality suite in every 3 I 7  Covorinjjs ^/^^^^~Ci e^^^ ^^K^ 4-jre.  Suite   ^-r^^^^^~?~~^ a f^^^^^S ^*^s^J^^. On today s market this suite  .^^^^SHHS 2^^^ be S169-50! Sleigh pono! bed, 7- Si il 50 w^9^^3^-~^;*r^^^K^^^^ '"%^ drawer colonial vanity, spacious i J^wmt. -2j^^^S^r -^S^^^^a! r Poster Bed Su/ie chest with 4 deep drawers, bench or ^C^^^^fe^^S--    ^   8P c os Shown S?29.50 night . Fcbruoryjale feature. Fajy Termj Bigclow Floral Moslond Argonnc ^sS,5v*4^*- c BBSik^  i#L "^^^W *?-5"^^^S^~^v^-- ^TiriT'"*" j^^B^I A selection of patterns for every room r ^B^ESSsS FMfiii^ff^^^^^^^^^^^ .^6^95/ $9.95, $12.95 1^-Pc. Living Sloossi Group WPlBlBffgrT-r.^ 9 A*fcr Ib't m c. S229.50 save S60. The handsome ^/\ BflHHHiSnnBbBBSB^^. -r -y suite is worth this low sale price. I #%^3^" ^^^MMCTyTfiaBBiBaHaiBiKB        "a 8 ^J ^W ^^liH Li    ^J L^TSlLaB 9 ilS^ '~3?~      45C -E?     C! of Rocker or Choir ^^K5l!^H!i7 i ;;-'r'-j! ILi' Porcelain Table Top r l^w^ it-''' i ^**^^'~^  ^ ^e^* ^^-30- \a*n ^      ^  ^P^^^^^^ Q. r^tli W 'kS^'* v^ i)      mid 4   pail- ^%^^f</t>
  </si>
  <si>
    <t>                                           I i;i:ii i;.\s in i-'.- j \i:\\ . Kiii- from  i Honj'al'-d sil.-nri- and siM- for  past , I In* famous dan-  .KYO. VVilhHiniiia l., erstwhile I'riiailvvay ni^ht-  hostess   slur of Herald I'ktuirs, "Svpia Cinderella," is  In thi- fm. 'lights with hur  . .KYO ,t 1 1 Kit. ISA YOU KANCKIiH, tin* nai,,.: .,f her new act is -d nt four    who portray l.inces nf thn old Mississippi DclI:.. Thi:i Hinarl idea  and .x.-.-. hy Totidulcyo has brought. lo*;.-* a Lroiipr ; a I'.i oa.luay , inasmuch as *hr has  a Krral staff of  t' minds      hrr act for Dm.' topflight ;c*  whom avp Kplicia Sorcl, . v Ivi -;l!ij;ed "Lysistrata;" ~;'~i I"- I'elerson. runner Radio City Mnsii: Hall Ballet Director; BusIrr ll.ii ding, composer and music   ' for Artie Shaw, Woody Ili-, rl : CostumrK hy K.'rn sl 'I'haypi*; nil  i* thr snp- nf Henry LpTnnc .l D.-inr.' .ir with Kltidios at I"T W'l-st llth Sti-pct. 'I'lii' dam'.-rs with Tomlalryo jiro Al Hlidjjt'r, I I'lT. I in. mi,      O'Nril and Hoh I (.". Ity Kluyil Sn.'lwm.</t>
  </si>
  <si>
    <t>                                           Mississippians Denounce U. S. Attacks On Bias                 Solons Take To Floor For A Hacks On Post, Graphic                 WASHINGTON,!). C (NNI A) Attwcks mi rm:n prejudice iii this roil tit ry were bitterly  Ielinuuccd in the Iluuse lust Tuesday.                 The denunciation was started hy Representative John Hell Williams. Democrat, of Mississippi, who criticized n recent issue of Survey Graphic in which race prejudice from various angles was discussed in articles written by several writers of national  at ion. Williams said Survey Graphic contained "12'J :* uf  v"'' wil nauseating anti-Southern, 'anti-Christian, unAmerican, and pro Communist tripe," ostensibly directed toward the diminution of the custom of racial segregation in the South. HITS JOl'KMAMSTK He was particularly hitter about two articles .written by "a couple of renegade crackpot newspapermen who list themselves as Mississippians." He said be hud never heard of either them and that their articles Mere "lying, . pu..s. dirt-  against the white people of the South." "Most of ,tln- other poppycock was written by meddling  nuj- if hate and Indecency from other parts of *the country," he naid. j Wwrcryii'- o   Mlwi^. Representntlve John IJ. Kanktn, loader of the   \li     Hcu:,e, look the floor feW ii^inutes later to denounce (.be liberal Washington Post and spew uul religious abuse upon its owner,  Meyer. BLASTS POtJT ROLF, Indorsing wlu.t Williams had said " t.hiH inspired,  drive against the white people of America, anil especially of the southern states," Rankin charged that the Post, has done more harm to the  and colored  of Washington than dny other agency. He referred to the newspaper as "the Jewish-owned Washington Tost, which is continuously trying to break down segregation in -the District of Columbia and stir up race trouble by forcing Negroes into white theatres, restaurants, hotels, picture shows, and public schools." If the paper keeps up its driv he said, it will "reap the wrath of mii enraged public."</t>
  </si>
  <si>
    <t>                                           WASHINGTON, D. C.--(NNPA)-- Attacks on race prejudice in this country were bitterly denounced in the House last Tuesday.</t>
  </si>
  <si>
    <t>                                           WADE SAID I still have some packing to do and I want to have a look at Alan But I'd like to put in this for me. Lydia in a war a heck of a lot has been taken away from fellows like me and girls like Kirby. That goes for you and Chris, too But there's one thing...</t>
  </si>
  <si>
    <t>                                           NEW YORK-- Two years of intense work, including a complete survey of employment, health housing and recreational conditions in the Ohio city, has been marked with the formal establishment of the Dayton Urban League, the National Urban League announced this week.</t>
  </si>
  <si>
    <t>                                           .MA ill TT.l.". ..-on ns:!1 WICI.CO.MK ICI.KS CAR FOR  Car I'or l  ial Soivicos C. -I. H:  .Ml;iIf w. .1. nui- ATLANTA. ( ^^^h I</t>
  </si>
  <si>
    <t>                                           The Clark College thinclads amassed a total of 88 points to walk off with top honors in the Triangular Track and Field Meet, held Saturday afternoon, at the Atlanta University Bowl. The Morris Brown College Wolverines finished in second place with 62 points, and the...</t>
  </si>
  <si>
    <t>                                           Quick Relief FOUND For Those RHEUMATIC PAIN MISERIES Often Caused By Fatigue, Over-Exertion or Exposure !l PROOF OF RESULTS 1 IO OAT TRIAL       by gn.t.f.1 -Mt by m. NO MEDICINE TO TAKE! m.o. 3 i.^ '^wajs- . -I     p.,.. b dc "b"        .  iV?Kfi,#!7b!"*"1~"        M^; am       me. I  I could U in 5SiIe Ew doc"~"  homo io America!" Eit?  7,"y"* t01 r      1" "Itud p.in. in   , b^.VtnV^T^i'.offi!; TWs'wo'n0  ?u^tm?'iL%?       ?u'2I HMPS A NEW ^^LE       6NT ft *'  ",!\""A it! '!-   .^T^S.      H.lp.d Iho.Mnd, ol man .nd .Oman go D Jljl poil.oi ol  Ih sSU ^'-H'S! \  /~   ?~t' .~u  .LSl dg* 'I"1"1""" "'lout condition       V/d^~/   ~!ll.l   .'"~     SENSATIONAL Io DAT 1 ImrvZ/ Jitr tkL.^ACHiN^      . BM^~ iK^ATIC^M^" IF           NOW. "Ill . ^~~W^r Jin? i elf     Mi Dl#~        Sugowiloni Soldt/1 ^Hk\        J?~r " T - out. HvV\~J i?.~ i^Pu   ?~?'  OF       COST. HU5H       NOW-'  SSSii.     ^    COLDS  B?i AND YOU MAY llE" TH6 DAY YOU W0~' WU.V ~-1 mil Jw" SUPREME SALES JOO^H NoHH,.. IM.' BUMS IW rUi               , Dept. F-l      . ttm rii</t>
  </si>
  <si>
    <t>                                           MADAME LYDIA l';\ l  Trtler l.uck-I.~~        .s- If in doubt, consult a natural- i born medium. One visit Is all that i Is necessary. No calls from door to door. B^J^B Guaranteed to read B^pIH your entire life, past. HjH^Hj present and future. HVlnH Gives true advice on Htfufl business, love, and MUtl health and family af^^ fairs: tells you what  J V I business Is most lucky j  jL A m for you and what part ^^-m of the world will be more successful for you: advises how to Rain and hold good positions: she telLs If the one you love Is true or false. GIVE LUCKY HANDS BUCKHEAD BUS STOPS AT THE DOOR- 2973 PEACHTREE RD. j BRINO THIS AD WITH YOU READINGS 50c I</t>
  </si>
  <si>
    <t>                                           Record Hampton Class Hears Or. Charles Wesley                 HAMPTON INSTITUTE. Vs.    "  .itm::       ir. Hampton TnstituTr history ?t Commencement Exercises in Oi:dcn H?!i last, week heard Dr. diaries Wesley. President of Wi!  ?? University, call for a  of n*' and world            to t-*ke control out of the (? of -        ~-ho conic from a  c.f ". imperialism, and .racism." "We must ha e !~3  !p hum-in for.*~t{oii-nip.it- z*ui Cr Wesley. "Wg must have n lr?.de.r?~     that practices what, i' preaches Unless can          the "One World" Idea on a loc^l community 'oa.vs andon n ^T Snr-.f; we cannot, develop it. on n:i  basis" The Graduates had heard a related  Sunday In Ihe Baccalaureate Sermon by Dr. Chester B. Emerson. Dean of Trinity Cathedral. Cleveland, and a Hampton 1 trustee, who said the "storm" threatening the world today can be  only by  certain eternal principles as anchors  them I the principle "that rood wU must rule all the relationships of men."</t>
  </si>
  <si>
    <t>                                           NEW YORK. -- Mayor William O'Dwyer will receive Singleton C. Anderson of Rocky Point, N. C., who will visit New York on Monday, June ... City Hall announced May 27. The Mayor learned of this modest American through the United Negro College Fund, in...</t>
  </si>
  <si>
    <t>                                           The fact that Negro representatives were denied the right to appear before a Senate Judiciary Committee of the Georgia General Assembly this week to present the views of Negro Georgians on the important question of the white primary hearings, the object and outcome of which is to disfranchise Negro citizens of the state, is a grave and grievous error. It is not a mere denial of a constitutional privilege, but in the words of a letter sent to the...</t>
  </si>
  <si>
    <t>                                           25th Infantry Fetes 78th Year                 KnitT tlK\Nr\O-.  Ja.- Thr v.- ^.'.111 Infantry Regiment last week .~ "Orirnniznlion Day" ..n lli.. . ,,f its TStli AntmcM-.-.-ii-.v. Oruanizoil nn April IRliii.  an Act of.     ,....s. I he '.'..tli  itself  lur ina the Indian Wars of - . 10th i'~~ awl   in tlio Plnlinpino Insurrection. HiuhCM TiatlTp honors for the 2!~th wimp won (w it.s part in capturing Ilio ki-y .Spanish position of El Cnnoy  thr .SimnisliAniori- I ian War. In World Wnr II thn j 25th engaged in  island war- fare in tho Pacific while     the 9     Division. The unit was deactivated four months after V-.t Day. In March. l!~4ii, the 107th In- fantry, stationed at Fort Benninjr was  the 2Rth Infan- try Rpcimpnt and garrisoned in the j Sand Hill area of the.CcorRia Post. I Now  the 25th is Col. I Rohert L. Dulanoy. Major Gennil . W. O'Daniel,  K ( nf Koi-t Ut'iininc. was at             of the famed infantry unit. Ooncral O'Danie'l recently ^il Hip regiment for   behavior and high caliber ..                 Morris Brown To Hear Chicagoan This Morning                 Tin- Pnti- Coiui.il ut Morris Brim ii CuIIpki' will           Ihv chapel program Friday  ur ll ll U'cllll-k. Tllfil- KlU'r.!,. Will members      Niiiliuuil P:iti-lli lli iiir Coimrll Attorney  PiukiT. C'liiriiiiu.                 P.-.I Kniifi-. uml Mr  Hnnms H.inis. l.Vltii .sii-.inu TUciii Sorority. Judge Lauds Negro Cops SAVANNAH. Gn.- - Tvvc of the - Neuro   in Police Court here iti full uniform to present their nrst case before JudKc Emninnucl Lewis. The  person was n 56- mnn who was  for  1Imordcrly charges. After the ense wns dispensed with Judue Lowls commended highly Uicmanner In which the (wo officers  Uioir . Hun nn import of Jnpunusu colton by private buyers set aside,</t>
  </si>
  <si>
    <t>                                           1"^ LIBBYS PEL MONTE  FAMOUS BRANDS HEINZ ARMOUR KRAFT FAMOUS BRANDS 1 Maxwell House 43c jjf^^ %0 W^k^KW Chase Sandborn 47c 1^0*'^(^B' DELICIOUS TENDER ^^V GREEN CORN TO PUT 0% 4BJ im^ X N MAKES A BOW AT SUNDAY -. SPRINGTIME ON _4 Earl I _4 6 I Vienna Sausage t,! 1SC I YOUft TABLE I Fruit Cocktail T 41 c I Pole Beans 2 lbi. 25c 5 5 CHILL AND SLICE FOB 3 888 ^m m fc s n m ice H Cucumbers    17c Mi Tent obt a iree*   " ^s ruT   g AROUND THE CLOCK REFRESHER- OR  S    *BP _m^^-- '9'Ta C Grapefruit Ncl2 9P f r,~    red kip^ RICH. 8ROWN. HOME. MADE FLAVOR f Stl*~~^MTDe W1CS I1' j5^ C "Ol ^Tl*5 1    :k  florid* 2 1~. JW1. Baked Beans a CwmmaIwhSi C 1/2.C  BETTY OR X. V. Z TANCY. SPICY ~$ UIT UDGKrUH 9 MiMf** Salad UreSSina Ja, JA M Alabama new red u s. no. i yellow z r^ ^  ^j^m POTATOES ONIONS S Z   *5''''S^i*ffl^A-V% yy X AS  f/+*  AKS MASH-ADD CHEESE H c MMBJIHbM ^^^y i ANDtROwmN oven. BIG AND SWEET J jl/^MlW^^^^^BF^Jlni ^llf     J*y W S-lbt." 5-Lbi. M..h 3-lbt. Bulk 5Lb.. M.ih ^^f^^RPKUMe JUICe f 22c 25c 15c 28c 10 I t I SUNSHINE BABY FOODS STRAINED ^^Z^We_\   -HO O.~k.f. ,-Lb. Pk.. 25c Gerbers 3 23 I ~?ti44 x7' I ^L0EN 8       C0RN 2 2 ARMOUR S CLOVER BLOOM I A^ I Del M OBle M. 303 J.. 15c 1 Butter Patties 36C Sunday Menu I KeUo^ir. n...o-.25e I EA. OR BLOSSOM TIME I    J GEORGIA f Evap. Mi* ir ^tsr I sssss- 7o'c-w^ 1  house cider         I WfcUe S s,, 460 g t Vinegar 18* Irf^h ReKsI, I *  f,LLEd S H McCORMICKS INSECT SPRAY I "'Kit's        I COOKleS 6J-Oi. Pkg \   I Bee Brand 39* Ti,t" u ~"~er I armours I  Ll^ -mm I     I Marmalade 23c X^^ ^Sttw^ *+ 2 bam* tii.Af Km Kin ^^BBn V ^jr//2^P^ ^f^^ v Preserves 35c /^^ u, 65* I g pinto S ^^_^l ^^HBF g I HS^f...,-..^.^ "c I Ground R-i 3f.^S5Srnml Shortening 34c TT    ^~~tiii 2 I Pork Roast 55         5 OUR PRICES V.IH-N AVAILABLE 'Z   fOR ^ S I Sliced Bacon tb. 63c te GOod pot roast g Ivory Snow u,,. 35c I -^-- lh a,...r % Palmoliv* 9c MMrciS! ^1*  tb  lb 43    Paimoif ve 2 i"- 27c Spiced Meat Lb 49c     (~~,...-/ Vel Soap Po*     u. Pk. 32c B OCEAN FRESH SEA FOODS -t boni rf Saper-Sud. m- 14c I STEAK f Super-Sads     pk, 32c f **VVfV/1     *'c T j        Juicy Foi (railing OclaCIOn GRANULATED 24 Oi PWq 33c I Fillet of /17r Spanish Mackerel S S  a ft Cod Fish ll).*~' 47' = Oclagon .y      ~!o..i., me A    . cj. a- c.d. i -5 J  k 9           I FVwh Virginia f\ Ce Octagon powders u-o. pi,, 9c Sleaks 4V Croakers II. ^5 i*79 J lb 7</t>
  </si>
  <si>
    <t>                                           DISASTER AT TEXAS CITY. TEXAS-- -Hundreds "1 .h.-, w.;ic killed April lti wlim u                  riH  I lie Ti-. City wuU  Tins  ;~ho\vs lire still   l il"' Mimsiuito                 Chnnmtl Company,  wh.i m I ;br * of ihr .                 Crnlrul Pri'.vs I'htiio'</t>
  </si>
  <si>
    <t>                                           Afro-American Life Insurance Company Offer* TO OUR AMBITIOUS YOUNG MEN An Opportunity For Service-Permanent And Preferaiyle-^^^ Careers The Afro-American Li fe Insurance Co. With Assets of More Than Thre e and Three-Quarter Million Dollars With Surplus of More Than Nine Hundred Thousand Dollars and More Than Forty-One Million Dollars Insurance in Force On The Lives of More Than Three Hundred Thousand Negroes in Florida and Georgia Seeks Now To Extend Its Territory In An Mxtraorditiaiy Plan Of Extension and Increase. YOUNG MEN WANTED To Carry Forward This Development It Is Necessary To Increase Both Our Field And Office Personnel A PRACTICAL COURSE OF PREPARATION IS PROVIDED FOR Deserving, determined young men who have the vision for the larger service of usefulness and leadership in the ever growing, constantly expanding field of Life Insurance YOUNG MAN IF YOU ARE INTERESTED CONTACT IMMEDIATELY J. A. Batts, Asst. Agency Director AFRO-AMERICAN LIFE INSURANCE COMPANY 186 Auburn Avenue, N. E. ATLANTA 3, GEORGIA Phone Wa. 1473</t>
  </si>
  <si>
    <t>                                           NEWNAN QUEEN- Utile Ruby Nel! Stokesi. of Powell Chapel M E E. Church. Nownun. Georgia, wan crowned Queen In a May Day Rally sponsored by the church youth  Mrs. Laura Klrby Putton as Counselor. Rev. C. t. Smith, pastor. Little Mary E. Hardy received second prize and little Louis Hall received third prize. The amount mixed was $118.54.</t>
  </si>
  <si>
    <t>                                           Some Negro world War II veterans who have returned to the farm in Hancock County are adopting improved methods of farming in many respects over methods formerly employed. The Soil Conservation Service personnel is assisting, upon request farming veterans who want...</t>
  </si>
  <si>
    <t>                                           ALEMAN IS - Wlien President Alcmiui of Mexico paid a recent       to the United States, he was welcomed on  or the United Nesro Cn.icne Fund by KhtI E. Downs. President of  Hous                 Ion Oillcgp in Tt'Xus at Uic Mucillbach Hotel in K-.ui.~is City. The Fund's ( annual appeal tor $1. 300.000 id aid Nrsrn private colleges Is otf    a .          Atari.</t>
  </si>
  <si>
    <t>                                           The Washington High P. T. A. was sponsored by the Washington Y-Teens Thursday, Feb. 20, in the school's assembly room at 3:30, After the P.T. A. Business Discussion over which the president. Mrs. Birdie Wallace presided, the girls entertained the group in the...</t>
  </si>
  <si>
    <t>                                           Mr. 1VS KING I:: ad-out loving memory of our cii  Father who      us June I -0. 193-t No: only on Father's Day but   wo cherish r.~s mt ni- ory a:-.d *:      to perpetuate the h:ch   by him m :U1 ~;ilks ji Sic. Mrs. Bertha Kir.c Tiwrnas Mrs Nina K::jc Calhoun: Corr.i hus Kt:ip i Jr.. I</t>
  </si>
  <si>
    <t>                                           ONE MILLION DOLLARS TO LEND , $^ WHATEVER AMOUNT YOU NEED 1S?MBwa#Si^ 9} To Pay Off Your Present Mortgage, Recondition Or Enlarge Your Home **r SMALL MONTHLY PAYMENTS LOW INTEREST RATE '.T V. E. R. Craighead 604 Candler Building</t>
  </si>
  <si>
    <t>                                           ONE OF THE MOST enjoyable events of last Wednesday was the four until six "At Home" when Mr. and Mrs. James Bowden greeted numerous friends at their lovely home on Angier Avenue. Mrs. Bowden will be pleasantly remembered by hordes of local people as the former Lt. Maria W. B. August. A. N. C., Spelman College graduate and former instructor at Washington High School.</t>
  </si>
  <si>
    <t>                                           JljlA. *7^~ /4fie# $$4 Science "WORLDS FINEST  PREPARATIONS .^^^J^^, A ~"^Hi- -.*lv- -.ur-rr.-r n..j.,t,rv Arcr Pe-.uty Product;     manufac^ iy .^^LF^^t T^ un^an.-i!-') .1- .1 i. i-.r ^  Wllh thc        csrc to give you 5 "?'  ^\ -.r^lp ..n^! .l.i.i.-lr-jlf 'Tipr/^vc* tlic -jr. ;hc .^'c in performance every      6 "TSt? v  5  -t';s*.~~l ! tKr h,vr.  0r you use then. A free booklet by] ttL    ^ .l_ii.^N- M Madame Sara S. Washington describ-, V ^rri^^P^^1^^'^^ -^^^^S^^^^^^t^"- 'n9 ^Pcx Cosmetics will be sont to you ^,#1K 55c- ^K. % APEX NEWS AND HAIR CO. INC. -^-~f*- INDIANA AND ARCTIC AVENUES r-*3~- ATLANTIC CITY, NEW JERSrf 2BffiBB^^^^ggS5K Acsx E'sjtH C'S^"* Has. i3tr;f ed    ''5         a"    .,,.. .vk,..., JOV.GC  USE APEX} 9</t>
  </si>
  <si>
    <t>                                           Fraternal Church Meet May 28-29                 WASHINGTON 'ANP) The j annual meeting or the National Pra- ternal Council of Negro Churches In i America will convene In Providence Baptist Church. Baltimore, on May 28-29. according to an announce- ment by the    . W. H. Jernagin. director of the Wnslilnelon bureau.                 Host pastor to thn meet Ls the . E. W. White. The session wl.l revolve around the general theme of "The Negro Church and Religion In Action." with r number of Important topics being discussed by the leaders of the various denominations. Including the AME Zlon. Methodist. Baptlsct. AME. OME. Protestant Episcopal and others, as well as civic leaders and Interested laymen. Dr. Cihin K. Stalnaker. executive secretary of the group, along with other officials, has  symposiums and panel discussions on such topics as The Negro Church faces Its Responsibility in World Reconstruction." "The Negro Church Takes Its Stand for Human Rights." "What Is The Negro Church to say In This Period of Reconstruction on Minority Group Relations. Labor Relations, PEPC, Sharecroppers and Rural Life, the Political Franchise and the Poll I (Continued on      Col                 Fraternal Church Continued Frots Page (Om) Tax. the Problems of Veterans of World War I and II and Future Wars" and "The Effectiveness of Interdenominational Cooperation.1' Council officers say .that they. are: expecting the largest delegation to attend this meeting In the history of the group.</t>
  </si>
  <si>
    <t>                                           WASHINGTON -- (ANP) -- The annual meeting of the National Fraternal Council of Negro Churches in America will convene in Providence Baptist Church. Baltimore, on May 28-29. according to an announcement by the Rev. W. H. Jernagin, director of the Washington bureau.</t>
  </si>
  <si>
    <t>                                           APjCilX 74e / ( Science WORLDS FINEST BEAUTY PREPARATIONS' ^^^[j^^l^^^^ A medicated sa vc of superior quality Apex Beauty Products are manufac^^^        ^^~3^.^^ unequalled as a treatment for dry itching tured with the utmost  give you m *^~JbJffijlp%r*^ ^k a sca p and dandruff. Improves; the appear- the ultimate in performance every rime S -^^m^^)', e 4 ance of the hair, 50c.*. you use tht-n. A free booklet. Jjy ~~^^?^^Pi^\ 1 ^mmi..'"'" Madamc S31"3 S.- Washington 'describ\'^       !Risr^S9w/ AnovParo SM^^^BI^^^TS^^w tion s are' oh sale "everywhere* in Drug NSSA^^ Creams for all  -i^Bf Stores and at Apex Beauty Salons. rn3  5 Or Tinest Sk 3    ingredients ob- ^    ^ j I r* v -t^ 2 I p-~^^T. o-     exce-fent results. J^J, i APJ^NI^          OOT INC. INDIANA AND ARCTIC AVENUES^ I ^^fe -ATLANTIC .CITT^NEW. JERSEY        ^W'S ?; I Apex Bleach- Cream has satisfied mil- r r r^ A-i ~~~~^~HPH A lions and meets all .government-standards, T"..' :'r; ~/:;i j BtaW^SSMlil   p-~~.~..bi-~.-o)lGo..M.t_._ MILLIONS USEyyJPE)T-"-^'\</t>
  </si>
  <si>
    <t>                                           Atlanta JiUfe World PaNUwd Brerj M""-'"r Except Monday, at U( Aubttrm An. Memberat 8N8- NNPA- ANP W A. 8o*4t D. Founder-Publisher, Aof 6, IKS. to Fck. T, UH Tetophone: WAlnnt     1480 Bitered la Post Office at Atlanta (3). Oa.. as second class      Uie Act of Congress. March IS. 1878. i C. A. WOTT KdlUr aud         BUUSCKIPlToN  BV MAIL:     - 1 V*~r-  U.(HI;  i Months- W.iO; 3        - HJi Haturday Oolj: I Year- M.50; S Month.-J2.50 Canada: 1 Year- $5.5(1; (I Month*- ; Foreign 1 lear- VtM SubKriptlon       Bj Carrier- 25  Weekly. 1HE ATLANTA DAILY WORLD 1  an independent newspaper i non-Bectarlan and non-partisan, printing news absolutely unbiased!)- and supporting those things it believes to be to the Interest of Its read- era and opposing those things against the Interest of Its readers. Address ALL COMMUNICATIONS to and make CHECKS payable to ATLANTA DAILY WORLD, rather than to individuals. j THE WORLD expressly repudiates responsibility for return of un- solicited pictures, manuscripts, etc., unless stamps are sent. THE KIGHT TO VOTE           to tote must be open to all our  Irrcpectlto of nee , or creed- without tax or artificial             of any kind. The sooner we fet to  basin of political equality, tne better It will for tbe country    a whole." -FRANKLIN D. .</t>
  </si>
  <si>
    <t>                                           r I 9 4 ^7^ We're grateful for  you have given us in the months past and pledge anew to serve you faithfully in the future. May your New Year bring joy and contentment. DOLLAR BUYING CO. 25 PEACHTREE ARCADE- Downstairs SALARIES BOUGHT</t>
  </si>
  <si>
    <t>                                           GRAMBLING, Louisiana (Special --Taking their second one run decision in as many games, the Grambling College Tigers swept the opening game of a double header from Fort. Benning's 25th infantry nine 3-1. then watched the soldiers to an auspicious turnabout to cop the...</t>
  </si>
  <si>
    <t>                                           In a thrilling hardwood battle that had a crowd in an uproar, the Xavier University "Gold Rush" cagers hit consistently from mid-court to shade the Morehouse College Maroon Tigers, 43-39. Friday night, on the Morehouse College court.</t>
  </si>
  <si>
    <t>                                           Man Ushered Into Church And Robbed                 It's nothing new when a man gets robbed, but Wesley Simmons. U6. of 166 Bailey St., S. W.. wns left completely dumbfounded Saturday morning when three men met him near Alpine St.. Invited him to a skin , and upon his refusal, put a knife about his throat, ushered him to a church and robbed him. That is what Simmons reported tn police when they arrived nnd found him minus his shirt, pants, shoes, cap and $6.35 in cash. Upon returning to the church with officers, the victim was able to salvage the cap and shoes.</t>
  </si>
  <si>
    <t>                                           FORMER ATLANTAN INJURED IN TRAIN WRECK- R. R. Stroud. former Atlnntan and nephew Bo. E. Wheeler, of 981 Mayson Turner Avenue. N. W.. was Injured in a train wreck near Salt Lake -City. Utah on December 14. A Western Pacific special crashed head-on with n  train seven miles west of Salt Lake City. Seventeen persons were admitted to the hospital and 30 additional passengers were treated, for minor cuts and bruises. Mr. Stroud who is now recuperating from back and head injuries Is well known in Atlanta. Ee is ft graduate of Booker T. Washington High School and was formerly employed at the Atlanta Life Insurance Company. At present, he resides at 3208 King St.. Berkeley. California.</t>
  </si>
  <si>
    <t>                                           After winning the Sunday's spencers from the Heaven La Paleinas at Cresley Field, ... the Black Cracker, came Back, Monday night and made it two straight by charging a 3-2...</t>
  </si>
  <si>
    <t>                                           STAY 1IKA1.TI1Y AND PROLONG YOUR LIFE. Order the book "A IMiyslclitn in Hie House". More than 1000 paces, only S2.50 and "The Druglcss Kuud tu  Health**, S2.00. Both hooks, $3.00 for a limited time only (within 30 days). Satisfaction or ymir  refunded. FAMILY  702 Crosby Street Chester, Fa.</t>
  </si>
  <si>
    <t>                                           Housing Shortage Said No. 1 Problem                 WASHINGTON 1ANP1   11 ix the number one problem facing Negro people. Their housing condition*  "are a treat root evil from which spring many Bf their  problem*. This           ho.i been bad for decades but Is more acute today than ever                 fore." This statement whk released here by the National Public Homing conference. Inc.. along with facts concerning the merits of the TaftEllendcr-Wagnar General Housing bin. currently under debate In the 8enate. "Whether in Boston or New York. Cleveland or Chicago. Atlanta, or Dallas. San Francisco or Seattle, or places between- everywhere., too many Negroes with top little money are crowded Into too few homes on tint enough space for decent living. These conditions breed crime, disease, dm In and ." the  said. IN   "Peopl"! point to thf crime, .   delinquency            hy Jim crow and sny 'Look at Ihrm! Keep  nut of our ! Now housing for (he                 KniON7 Nut In my block I Not 111  town!" And Nrgroes air caught In a comp.cte  vicious circle." The statement  out"lh*t an effective Instrument to combat the  of I he housing .  h.s far nk Negroes arc concerned.     in the passage of the housing bill. II draws the conclusion that "if millions of new houses arc built for millions or families. It will mean much more than a Negro . In the new housing. It win mean a preat new body of fresh and convincing evidence that the Negro product of a decent home and a  living environment Is the equal of other people coming from decent neighborhoods. "It  mean cracking again and again, in one locality alter another, the vicious encirclement of Jim crow residential , based on nice"</t>
  </si>
  <si>
    <t>                                           WASHINGTON -- (ANP) -- "Housing is the number one problem facing Negro people. Their housing conditions everywhere are a great root evil from which spring many of their worst problems. This situation has been bad for decades but is more acute today than ever...</t>
  </si>
  <si>
    <t>                                           IB b %^ aa KJ*%i"- Cool Prints, Solids Sucb i   to behold and to wear are these . refreshing as frosted lemonade, gf, ^g^. ^%^% Jaunty junior styles in navy and Ik ^^^A KK prints. Shadow sheer printed or *f ^~K striped  with cap sleeves. ^^^B side drapes or peplums. Pretty ^S^^ pastels in blue. aqua, rose: sites 12 to IS. Also, bemberg beauties for      1S'=    Z\\'~. 46 to 52. Men's Slack SuSts Smart slack suits of fine  ff AO sanforized fabrie. Zipper slacks.  S '^98 in or out shirts, double pockets. ^^h Very slight imperfections. Tan. blue, green. SUes 29 to 40. Wrrr Some. S4.9S! SC.98-S7.  : Men's Dress Shirts Excellent quality broadcloth shirts in white or fancies. Fast S^*98 colon, sanforized shrunk. Lone tails, fused collars. Also, short  sport shirts. Sixes 14 to 17. Boys' Sport Shirts Famous Lucky Lad brand . tf" 10  A; Lucky buys for sixes 6 to lii. Of V^- '-'V  broadcloth In all colon.     Other sport  In fancies. ~..~-:;:r.-:rig9 '-{'.1.Ji.l',iJl.1i-1</t>
  </si>
  <si>
    <t>                                           FUNERAL NOTICE                 . Otonje- of 414. Rip-?y Street passed. February 25.. Punernl  later. Hauga^  rooks. PunenU Home.</t>
  </si>
  <si>
    <t>                                           5-Point Anti-Bias Legislation Urged                 WASHINGTON (ANP)          for legislation to "protect  right* and prevent discrimination against minority groups." Melr Stein blink. New York state supreme               On Pmfe 4 Col. 4)                 5-Point Anti-Bias K'mituiurd Krout Page One; tier, unu national  of the i Jewish Anri-Defunuitluii league, out lined u - ( IrgLxlutlvt- program here Sumluy  in un  lu die    uf B'nol B'nth. Steinbrink's  called for legislation ill ui;ainst racal und rement:  2 against   in higher  und "a complete ri  of quota systems In col- leges and universities; i3i to protect i civil rights of minority groups; i4   restrictive covenants in reu) estate deeds; und      nuin- t  the disclosure of tin*  of defamatory literature.</t>
  </si>
  <si>
    <t>                                           Clark Sees Bias, Hatred As Increased Crime Spurs                 Brotherhood Speaker In No. Carolina                 CHARLOTTE, N. G- (NNPA) -Race hatred, discrimination and . lead only to increased lawlessness and crime. Attorney Ceneral Tom C. Clark declared here hist Thursday evening.                 Speaking before the Xorth Car.'ina Conference of Christians and lews on the occasion of its observance of American Brotherhood Week, Mr. Clark praised Dr. Frank P. Graham, president of the University of North Carolina, who -.as presented the Carolina Israelite Award for distinguished  in the furthering of human lights and inter-faith amity. "I know you will agree with me rhen I say that no one occupies .1 higher position than Frank Gra'iam in the affection of the people  f every class and group in the entire south," Mr. Clark said. 'Through his service to God and country he has left the indelible imprint of a fighting heart and  in the cause of tolerance." CIomc to Truman Mr. Clark said no cause is closer to President Trumar. than that f tolerance and that when the President decided to select a Committee on Civil Rights he immediately thought of Dr. Graham. "This committee is Harry Tru;nan s answer to those who" would them*~l.ves.,      -.t)ie ^Crinsji.ution and try 'to substitute their own concepts of personal power .-ind special privilege for the equally, brotherhood and the orderly process of law upon which our society is founded," the attorney general declared. In his appointment to this committee. Mr. Clark said. Dr. Gvaham "brought honor to himself and to his state" and the committee in having him as one of its members "has proven champion of those who believe in the dignity of men and the preservation of indi- vidual rights." Mr. Clark told his audience that the United States has grown in power and splendor "through the efforts of no single race, class or religion" and th:it every nationality, creed and color "have vn- j riched and ennobled our national life for the greater good of all," (Continued On Page 6)                 Brotherhood                 (Continued Fron Vase One) adding: Greatness Through Unity "We have risen to greatness through unity, not  the disunity which some subversive groups would like to foist upon us. They would pit class against class, creed against creed, and color against color. Let me tell you that there is no room in America for .such groups, whether modeled on communistic fascist or any other ideology of like manner. As long :is I am attorney general 1 shall vigorously prosecute them whenever they come in conflict with Federal law. We mu^l all stamp out the seeds of. hatred toward their fellowmen which they sow." Mr. Clark condemned both communism and fascism as two of the' greatest dangers to civil liberties. "I set: no difference between Uh.mii," in: said, adding that both seek to "achieve final power at the expense of our democratic institutions." He charged that communistic groups seek to infiltrate into American organizations ami institutions and "to ply their nefarious trade" under the guise of patriotic American organizations of- honest men and women. The Justice Department is actively pursuing the problem -of subversive elements both inside and outside of the government, he said, adding: "A word, too, about the fascist elements which before' the war, during the war and now are seeking to spread  poison of defeatism, anti- and  throughout our land. If they could, they would bring us the reign of terror and the concentration camp. Columbians, Ku Klux Klan no matter what the name they are sedulous, scurrilous and servile copies of National Socialism,  to hold forth the will of the tyrant as the will of the state."</t>
  </si>
  <si>
    <t>                                           CHARLOTTE, N. C.--(NNPA) --Race hatred, discrimination and defamation lead only to increased lawlessness and crime, Attorney Ceneral Tom C. Clark declared here last Thursday evening.</t>
  </si>
  <si>
    <t>                                           AUTHOR OF NEW SONG- Mrs. V. Bank*,  church woman.  .  . pre.ciHs a new and beautiful      stiring sour "Let Jesus Help You, He Understands." Available at Hopkins 3ook Siore. Gosiiel Singers Center. \ Avenue nt Port. 393 Gray St.. N. W. JA. 1093-M.</t>
  </si>
  <si>
    <t>                                           STAGE AND SCREEN {^*!] -,*mm   PEACH ^Hj^HflHj^^^ft New York'*  ^B^^^^^^^^^^ ^^^^BWjwr*[^^^^B' **4ttf "i ^^I^^^E^^^^^^^H^^^^V</t>
  </si>
  <si>
    <t>                                           Nothing is more evident in the unfortunate discord and dissension within the internal affairs at. Wilberforce University than that politics is eating very life-blood out of the institution s glorious opportunity to pioneer in educational leadership. For more than a year now. it has been an open secret that the church board of trustees and the president. Dr. Charles Wesley were traveling in different directions. Hence, the tempest in the tea pot has...</t>
  </si>
  <si>
    <t>                                           MISS Jl'ANITA  CONTEST - It bus beun  hy the Kuiitlny School of [tnt  Haplisl (Iliinrh, Mi-Diiniul SI., S. W.,  Miss Jiuuiitii  kni-.v, of I I.T7 Sims SI., S. W., lias lici ii :iw:n-~    first  in  Sunilay School</t>
  </si>
  <si>
    <t>                                           Fire Reported In Cleaning Concern At Manhattan Cleaners. 838 W. Hunter S"_ Monday, a fire broke out and caused considerable  to the establishment,  to Made Moseley. operator of the concern. Mr. Mosfley reportedly stated that the .'ire started from a motor of a cleaning machine. He estimated damage to be approximately $2,000. The building Ls owned by Mrs. Esther Goldwaser.</t>
  </si>
  <si>
    <t>                                           With the first Sunday in May, Friendship Baptist Church of Atlanta, Ga., Maynard Holbrook Jackson, minister, began its 86th year of service to the Atlanta community and the nation. The church separated from the First Baptist. Church of Atlanta, which was an...</t>
  </si>
  <si>
    <t>                                           TO   THE PLATE FOP. .ES K:;u:c:m:o C:is:ii:~--.:_i. X:. 2 N,-x Orl.Vm:. Cm,.-, rr.i.t: ~::i 0:. .-;:.:t:"l) :\::i ij,-!i:i;;l i);,- . i.i-.l: i\i v.Jji'ii :!ii- lit.il: Cr-.-k- :ii.- ~~:::,1..  1., I.: ll.,- Cv'y ..~~. j :i. ui.'..Miiur. i,.s .irst rh, \,~..r., .s.,tn !i,:; Lou^uc                 *';r :::u: -.vln-n :i lir i'"1 '"I1"" ;""'"':'Cl :'bll::y- ^"--i ;MJV"; '=~- bv! im.M-11 v.hui ls ,,,,,rt. UIil...,,,,. la,u: i!,,. l,,,:.s,.-i,ldt, whl(.,, m.-:.::.-. 'h:.: 1,,. U:   u. :1    .^-~'~...S..tt or..,,., li!ll.!ip.</t>
  </si>
  <si>
    <t>                                           Head Babv Found In Pickaxe A* Woman Sweeps Sidewalk                 SJ,   . V-  V of   wn F-  - M. F. MJt9   KH.--W.W F.. **n*  a Off  h- ,Mr 'i }             n^  ^d a          (t )     ..  nfld the *  lw      .ntl^ait ~~~}. ~'~l h*1** *hrt to be      a      -~.M. ExdtH and           . "-~'~'h^r. Mr?. J. A. O*   ... whA   rum* ^v^r t.o  3                      ^~5t of    1    nd ( ttm    -^lf^     to . The  harf ^       1  H for "ly  . utd the -    - 8              *     .  inn ha*     " turned  to       *     W.M.Holland and J. E. Hdms.</t>
  </si>
  <si>
    <t>                                           STATESBORO, Ga.--Visiting out of the city this week are: Mrs. Elery Joyce at Washington, D. C., with her husband, Cpl. Elery Joyce; Mr. W. D. Young at Philadelphia, after visiting his mother, Mrs. Mary Harris; Mrs. Jewell Lovett and two children, James, Jr., and Susie Mae...</t>
  </si>
  <si>
    <t>                                           Filthy Milk Sold To Pupils, Charge Officials And PTA                 The department or City Schools and the Atlanta Parent-Teacher Association  Wednesday that milk sold for use in city school cafeterias contained an abundance of filth.                 Mrs. Ira Jarrell. who listed hundreds of complaints from parents and children on the quality of milk being served, ordered milk removed as a compulsory item on school lunches effective with opening of school next fall. In the past it -was served with each meal regardless of the wishes of the -children. Some dairies have been meeting all requirements, said the officials, and chief criticism could be traced to three or four firms. Acting upon the recommendation ot Mrs. Berma J. Abercrombie. superintendent of Atlanta school system cafeterias. Miss Jarrell has called upon the city health department to furnish weekly reports on the bacteria count of milk being served in the schools and the source from  the milk came. "We have been noticing poor qualty of milk being sold to our lunch rooms for some months," declared Mrs. Abercrombie. "We have required all our milk to be purchased from dealers selling pasteurized milk, but we find that In spite of the pasteurization, the quality is far below what^t should be." Numerous complaints have been made to the city health department about the irregularity, said Mrs. Abercrombie. but thus far we have been unable to correct the situation. Mrs. Abercrombie states that she has found cigarette stubs. bottle caps and even stable manure in the milk. The flavor of the milk has (Continued. On Page 3, CoL 6)                 Filthy Milk (Continued From Pace One) been so bad at times, declared Mrs. Abercrombie. that the children simply wouldn-t drink it. Dr. James F. Hackney, city health commissioner, stated that his department would co-operate fully with the requests from the school department for inspections and reports.</t>
  </si>
  <si>
    <t>                                           The department of City Schools and the Atlanta Parent-Teacher Association charged Wednesday that milk sold for use in city school cafeterias contained an abundance of fifth.</t>
  </si>
  <si>
    <t>                                           JEFERSON CITY, Mo., (ANP) Clifford J. Campbell, director, Dunbar Trade School, Chicago, told the fifth annual Industrial Arts and Technical Vocational Educational conference at Lincoln University here last week that "we must correct the fallacious...</t>
  </si>
  <si>
    <t>                                           On trial for a charge of arson Thursday, Mrs. Elizabeth Bell, of 342 Irwin St., N. E. Apt. 16, was found guilty by a Fulton County Superior court jury and sentenced to two years imprisonment.</t>
  </si>
  <si>
    <t>                                           A  SKYLIGHT Spend all your time In  wise. There's mi defeating On* who tries. F. .</t>
  </si>
  <si>
    <t>                                           Sounding a common keynote as the essential factor for a successful adult education program, speakers of the Tuesday session of the conference of public librarians which opened at Atlanta University Monday, declared that there must be a definite coordination between...</t>
  </si>
  <si>
    <t>                                           l I BURGLARBARSlJlP^ AND  NJOY SUM BftPuM^^^fi PROTECTION IH^SB Btbnatm Oi-r fully GbmWP^ N^^^WiM^T SOUTHERN WIRE IRON WORKS 7 _   *     *_..   1 MEMORIAL OH. t. ATLANTA, qA. MisS Williams. Kepresentative Ka. .*</t>
  </si>
  <si>
    <t>                                           TOP BLUES SINGER HERE TONIGHT A?.iER CA3 GREATEST BLUES SINGER Eddie ("Mr. Clcanhcad"^ Vinson  "Mr.    ?" V1NS0X :;tid his Orchestra will move on the TOP HAT . Sunday. June 8th at     . Admission S1.00 advance: at box. $1.25. Edflfc "Mr. Cleanhe-.'.d" Vinson is rated America's greatest "      Singer." Don't miss this attraction.- A Beamon : Oripjrs presentation. "^v</t>
  </si>
  <si>
    <t>                                           /faed- now use HAlf AGAIN AS MUCH ELECTRICITY I V AS THE AVERAGE U.S. HOME! Georgians can be proud of the fact that I heir 2 homes use 50%'i more electricity than the average J American home- because the use of electricity in the home is one way to judge the living .-ml. The greater the use of electricity, the higher the standard of living. On this basis, Georgia is wny j ahead of the nation in healthier, happier, more --^===~ ZJjZlL^, livable homes as a better place to live. ^^^~p^fpl^jt"it-               COMPANY   CO.  2023 KWH 1947 -f'^~m^^      ^M^^MMti I* r.  co.  1527 KWH I 1940 ~^^m^^------^*L^^^M I on.  co. AvtsAGt 1039 KWH I or I i^r:' t    -*A,/(?r ^TV"'^ I row,.    .,o, M4 :j.S. Mr, ;W*; f if 3  V^M^ I</t>
  </si>
  <si>
    <t>                                           ST. LOUIS WOMAN" TheBroadway theatre will in Us th* beauteous and dimpled RUBY HILL when she  for a European trip to London and Paris next month. Miss Hill (luring her brief career made a  name Tor herself in the slur  nf ''St. Louis Woman" and likewise* "Anna        " that was  outstanding according to the raw critics. "Miss Hill is 0110 oT tho most                 1- and exciting young wom:n tn make her first appearance on the New York stage in many a  ear" was the comment of "The Only       Critic" in Stapre MaprJizine Richard Watts. Mr. Gene Nathan had to say "Kuhy Hill was highly  for her remarkable looks .ml ' of that mid-20th Ccn:ury Lillian      "ll, of her race in    .t                in "St.        W.mian." Sm.'.</t>
  </si>
  <si>
    <t>                                           BAND CONCERT PICTURES By D. T. HOWARD BAND At. MT. OLIVE BAPTIST CHURCH (Corner Harris and Kuller Streets) Tuesday Night, June 3, 8 P. M. , ADMISSION ." AND  25c ISeiieCil Sendiiij; ISiind on an Klk's Kdiu- Tour of Philadelphia I'rof. Charles I,. Gideons, Principal Prof. Kenneth D. Days, Director John E. Hill, Promoter</t>
  </si>
  <si>
    <t>                                           Randolph Praised For Fight On Bias                 YORK.- (    )- A. I'hllip Randolph, president nf the Brotherhood of Sleeping Car Porters, is "undoubtedly one of Jim Crow's moot implacable enemies," according to an article appearing in the recently released April issue of Magazine Digest.                 "For 45 of his 58 years, he has hammered away at this evil, and intends to wrestle with the monster until it is slain and buried for i all times." The article, written for Magazine Digest by David Ashfield. I traces the organizing efforts and j 12 years' leadership of the brotherhood by Randolph and describes his successes in bringing about I economic justice and racial equal- ily. The group, the first Negro international labor organization in the country, Unlay numbers LG,- 400)1, nbd can boast  working I j hours have been cut     half ami Vw'agejr'uTiTiBfein I Regarded as Mo.xes i j "His fi  union members re- I gard him ns a -day Moses I  led them from bondage," the j j article soys. "They sometimes re- I fcr to him as 'St. Philip of the j Pullman .' Others regard him as an American version of Mahatm.t Gandhi, for nonviolent mass demonstrations against racial discrimination. "Certain whiles, who view any Negro bid for equality as anti1 democratic, have characterized him as the most           Negro in America." The idea for the brotherhood .came to Randolph in 1925 when.' years old, he was concerned with writing and lecturing only. I On an August afternoon, some 50 i porters meeting in a labor-orga- i nixing drive in a small Harlem i hall, told him of working condi- i tions in the Pullman company. From that time on, the whole course of his life changed. Through j his efforts,  who once i worked :t00 to 400 hours a month, under a net salary of $4-1.50 plus tips, now receive a minimum of j $1.17.50 a month, with a basic i working month of 240 plus Overtime pay. N. Y. Headquarters j Headquarters of the brotherhood i1 is in New York. Here porters come to crowd the anteroom and 1 wait for a chance to see him. It I has been observed by friends that j I an obscure porter from Topeka or I i Salt Lake City has less trouble j getting in to see him than -i- nent non-union . i</t>
  </si>
  <si>
    <t>                                           NEW YORK.--(ANP)--A. Philip Randolph, president of the Brotherhood of Sleeping Car Porters, is "undoubtedly one of Jim Crow's most implacable enemies," according to an article appearing in the recently released April issue of Magazine Digest.</t>
  </si>
  <si>
    <t>                                           f^H"*] 4S Chestnut I I^P I SI., S. W. I  MBJ i I 4 Now k^^H ^^^^J Service I ^j Day and I mm 1 ft* too m down-  Jtm-r. not  all Oi. A*D Stotf. EmuUloa to       brine       an*  mnd build         0fc GcxKl- Scotfi li rich In natural     VlUmlm and -. natural oil. Buy  I A U .</t>
  </si>
  <si>
    <t>                                           ^'iT*"1"1'"*^ '"WwrW       )~              -^g!                 ...mo.                 .3 alr.mrM. SjSTTP'iJ^S)^' 'ifiS              .      :ra(      .~~U(. SB^ 1 OM? M  B CHOICE OF ANY NAME  I V . Wa Bright Simulated HEART BIRTHSTONE JM0   1 V*O ytB       im  *M Btrthmpnth. ! HflA^' M- (J -'M 19-dar trial. Satisfaction *^! or Monrr h*^. ^^HL'  S ^^AmfttflH va7oe*1*      0           .Ordernoir. ^^^  ^^^*T^B .XTUfSW 1 1      n. th-pt. . ^^^BHj^^^U E^^l     Av*~tin*.. Oil*~aGo 1*. Itt. HaMaMHaBaaBBaaaBaVaaHaBBl JEAN WORTH          Obetacfea A.nd Hidden Fear* There Are Thtegs With Tow Onidp 1269 RwifchwtQ Highway Abnaml Puk or Bim Cax to AatboBy Street</t>
  </si>
  <si>
    <t>                                           JEAN WORTH              Obstacles Ard Hidden   "*"       Are Things With Tow Gram B""T" RH I I HI Cor* Slotaow  Remore    0        lfl-~"~-VJ MedlslBa Khw Wlul (HImi  K Hj-IJr-J Calm the       af               . A Vj Blddtax   (mla Toolh u4 T%   . A 6   ( Buk HipptMi   * Buk  . ==~- ^^j       NmIBfc'' 12G9 Bankhend %Hijthway Almand Park or River Oar in Anthony Street</t>
  </si>
  <si>
    <t>                                           Mrs. Charlie Pritchard and ... Jennie Pritchard were bridge ... Friday at their lovely home on Northwest Ashby Street. Altho not prevously informed, the many guests who arrived on time were surprised with a bonus and the scores for the some forty invited...</t>
  </si>
  <si>
    <t>                                           Says Filipino Masses, U.S.. Negroes Face Same Problems                 BY LOOTS A. JOHNS. Jr.                 MANILA f ANPA Charging I that the Filipino. masses and the American Negro are fighting the same -masters," A. B. Ssulo, former managing editor of the Star Reporter. Manila's leading progressive i dally, said" that. It la time for toe American Negro arid' Filipino to                 come together, it not for any Rrcatcr reason, to crush America's imperialism." Mr. Suulo was  the first                 week**; forum of the year he d at 'Kay American Red Cross club. the only all-colored staffed Red i Cross club In the Philippines. He i  extemporaneously to a large i  of mostly Filipino and Negro soldiers and civilians. COVERS CONDITIONS During his talk he covered a vast amount of current internal Phllip(ContlniKd On race                 Says Filipino (Continued From Page One) pine conditions such as those which ire now existing over Central       . He blamed his government for aot being; able to restore peace pM order in' this section and charged chat for nearly SO years American rested Interests in tee Philippines ^?ve_i!5^y. *5"sht_aiem_!l_tHi. wards other people and nations. He went on to point out that,' the thinking of the average Filipino of today is in. an entirely different direction." and that "ire, as an op- j pressed' and minority people most join hands with the American Ne- I gro, because in reality, PlUpinos1 and themselves fig-M^g the same, ." Mr. Saulo Is v:ce president of the Congress of Labor organization, in Jie Philippines and briefly related .ts pattern after the CL Currently editing an TfrigUsh section of native .anguage- Tagalog- newspaper, he recently supported this correspondent in protesting against, five Manila newspapers for publishing antl Negro material In pre-war days he worked for the DHM newspaper chain under Carlos P. Ronvulo and during the war fought with civilian resistance movements In Central Luzon.</t>
  </si>
  <si>
    <t>                                           MANILA -- (ANP) -- Charging that the Filipino masses and the American Negro are fighting the same "masters," A. B. Saulo, former managing editor of the Star Reporter. Manila's leading progressive daily, said that, "it is time for the American Negro and Filipino to...</t>
  </si>
  <si>
    <t>                                           SALE!       SumaiuT Special Purchase! 111 Shirts ^^^^^yi- 2" * ^li   ^^^F /Vf it GuarantecdnoMo Crock 01 V^- V 1  r tkm""Z tucky ore      who ?hop in      ^ f 'ns t c Zippers jUn  if ^ lon' ^  *      tomorrow morning. They'll i ^^^S9^~. ^fz^m*? ol l'"1 new 'ow p"cc- *    * ar* HB^BH^k^^ ^W^M^M^j9p.    color Blues and Tom. So very slightly ^B^B^H^MI^B^^BlBi t !!!^ I ^^^^^^^^^^^H^B^A Jult ln Um* for Mothers Day' Her MHI^^H^~*W"'/ irregular that it s   to ^^^^^^^^^H^V^B i i. ^~sB^^Mti^'/ ^^^^^^^^B^H^V  handbags in  black         i detect the irregularities. Sizes 4 to 18. ^^B^B^BVBVv i d i           I ^^^^^^   plastic. Perfect for year round wear' H^R^          ^? ^^^^^^H^^ Top zippers, pouches, pannier  ^^H^^H^^^UIflEl dozens of  styles. At 1'i-t ^H^^BB^^^^Hpf ^    __v  prica for ont day only!    slacks sale! rr  1a NYLONS ^Mm231t ^^Pdl ^    or*  to match the shirts ^PP^^ ~~^    ~*r t0 ! They're the same fine ^-.^K** s ^~^^3 materials, same wonderful summer colors. H H H H\ n- ^     Their irregularities are as minute -s arc H BJ A those of the shirts. Buy two of jach and have several outfits. Sizes 4 to 18. They'll go like hot cakes at these low prices, so JFil**i ^. Fllll FaSihioil        come in early so you won t be disappointed. It's been a l-o-n-g time since we ve seen such excitingly sheer nylons ot this tow price! They're full , all nylon, perfect quality! Sizes 84 to lOVi. luy t. several pairs for Mother's Day gifts and yourself at this wonderfully low price. Boys Deportment Phone and Mail Orders. Filled- No C. 0. D Please DAVISON S BASEMENT "SKVSr</t>
  </si>
  <si>
    <t>                                           Independent Civil Rights Agency Urged                 Advice Comes From Workers' Defense League                 NEW YORK CITY,- Pointing to the conflict of interests between various divisions .of the 'Department of Justice, the Workers Defense League has urged that responsibility for upholding civil rights be transferred to an independent  of .                 Tins was the outstanding recommendation in a seven-point program presented by the league to the  Committee on Civil Rights.-. ;In. -forwarding -the pro mittee s-" secretary, Rowland Watts, secretary of -the W. a-L.-s--ooR5-         }an opportunity to testify and present briefs. "Recent Supreme Court decisions further restricting application of the federal civil rights statutes and failure of the Department of Justice to secure convictions in such flagrant cases as the Minden, La, lynchings point up the inadequacies of both the law and its I enforcement," Watts pointed out. Long Experience j "The WDL has had long experi- ence in this field. Its own inves- I  have repeatedly produced evidence for use by the Depart- ment of Justice, only to have the case die in the files of the Civil I Rights section or in the jury room I because of inadequate laws to cov- er admitted civil rights violations, I inadequate or improper investiga- tive procedures, conflict of inter- i (Continued On Pace S. Col. 2)                 Independent (CUnilimiril 1'rnm 1*agr. Oilr) fsls between various divisions of Ilic Mf- or Justine or inadequate presentation of evidence." Hi addition lo  of  rights enforcement to :tn independent  agency, the WDI, seven-point program calls - public hearings  the country to determine the extent and nature of civil rights violations, ; of the existing law to make the acts prohibited Prima Facie evidence of intent instead of  proof of wilful intent, strengthening the civil rights section of the Department of Justice by increasing its staff Bivinc the Civil Rights section the  to investigate without sp.r-  complaint", ^; of spe- I cial prosecutors rather than local U. S. attorneys particularly in the South, and passage of such essential legislation as the FEPC,  and anti-poll tax bills. To illustrate the conflict of interests between various divisions of the Department of Justice, I Watts  to the impossibility of investigating civil rights viola", i tions by the immigration service I since it is an integral part of the Department of Justice. He also                 I lie impossibility of obtaining; action on civil rights  by the Selective Service camp operations division, when the Department of Justice is the enforcer of the Selective Service act.</t>
  </si>
  <si>
    <t>                                           NEW YORK CITY,--Pointing in the conflict of interests between various divisions of the Department of Justice, the Workers Defense League has urged that responsibility for upholding civil nghts be transferred to an independent agency of government.</t>
  </si>
  <si>
    <t>                                           Services 11 a. m. and 8 p. m. on Sunday. The pastor will preach at each service. Monday night preaching by Dr. Staron. Miss Christine Sims. reporter and Rev. E. D. White pastor.</t>
  </si>
  <si>
    <t>                                           The 15th annual session of the Mount Calvary Sunday School and BTU Convention will meet June 10-11 with Mt. Nebo Baptist church. Rev. P. J. Dotson, host pastor. The convention theme will be: "The World for Christ."</t>
  </si>
  <si>
    <t>                                           Last Thursday night, the Buzz Bombers and the Bombardiers clashed again. The Bombardiers won with a total of 1193 pins for the three games, as compared with 1147 pins for the Buzz Bombers.</t>
  </si>
  <si>
    <t>                                           The Morris Brown College Purple Wolverines scored heavily in the middle distance, distance runs and held events to out-pace the Morehouse College and Fort Valley State College thinclads, in a triangular meet, held Saturday afternoon, at the Atlanta University Bowl. In...</t>
  </si>
  <si>
    <t>                                           How women and girls maj/ get wanted relief from function*! periodic p*in Cardul Is a liquid medicine j which many -women say baa brought relief from the  agony and nervous strain of  periodic . Here's how It may help:  Taken like a tonic should stimulate appetite, aid digestion,* thus help build resist* I nice lor the "time" to come. 2 Started 3 days before I -your time-, It should j f help  pain duo L to purely functional j I periodic causes. Try CardUL If It helps. you ll be glad you did. CARDUI [HAIR SCALP TREATMENT! ~^^ UU THIS mZ\  m J^ offer 9^P roM*Di    CltMI    I IAMI MIW MitllNa I  Mill  U    1  XJZf Jl.tJ NO MORE  oh.     . . Send No Money! 'Z Z7J%\ i urn row * today i MTtiTACTION           j essie Kare Beauty Prodncts Co. MT M An. (a*. Ml) Nnr Tark</t>
  </si>
  <si>
    <t>                                           Madam Eva tW r 1  Tfi    *it4    g    ^ with 7    S problems to Ma6Crf IUS     BJiw "Pf, *'^SK4 SHE GIVES I V i Ijljfl FACTS AND i ^D/E^f tou Grar T(~3Bif- .TS i VI     turn  with  or .      ore awl tw ot twee. 1 OffHse ^~    tn. to 1  p. m. d*nr SnadsT. 10W W. MKrtvtts       Twnuui Yw4 8        w. FVkmw auk Uin car  to M yoo ott two stops om ^e other dde of Xla* Plow Co. Atluits. Gm. Z5c SPECIAL  U*     Iacky Itvyi aad Bbatta Glra    .</t>
  </si>
  <si>
    <t>                                           Lynch Grand Jurors Hear Howard Charge Verners With Beating                 Walton County Body To Hear Charges Monday                 ATHENS. Ga.-      - The  federal grand jury which investigated the Walton county lynchings [torn Golden LamartT^Svwd^ --Ehat-Hvo--' -sc- to beat out of him what lie told that body In the previous                 probe. :'v.? i The grand jurors failed before  for. the da.* Wednesday 10 :c uny disposition -as to 'i?ie j - against James Vcmerl1 36 I r.nd TonvVerner.-ae.  .I illy -Howarcl at- roe Municipal, ice plant on January 1. .but ilie body may do .so 'today.  to  'the- clerk of cour.fs office. Decision could be deferred -until later, however, "since this special grand jury is considered' in  session on the  ing case. 1 WITNESSES TESTIFY Only three, witnesses, including Howard, were called before the grand Jury excused from testimony i the six under subpoena to present I the Government's case of intimidation against, the Verners. Middle District Attorney John P. Cowan conducted the hearing, j Dr. Head, of Walton county hos- I  where Howard received  following the brutal beating-'' Will Perry, manager of the ice plant where the beating allegedly occurred. and young Howard, the victim, I went into the grand jury room in that order. Then the federal body excused Mrs. Catherine Howard the victim s mother: Jack Simmons, his uncle, and Paul Brice. a resident in the Howard household, all from the Grattis community. It is probable that the testimony young Howard gave jurors will have definite bearing on the probe of the lynching of the Dorsey-Malcolm i couples on the banks of the Oconce River last July. When found In the home or his grandmother, showing sKins of a brutal attack about the face and head, young Howard said the Verner brothers had cornered him on his ice house job. beat him with their fists and a pistol and i threatened to kill him in an at- tempt to. get out of him what he i told the  in the December testimony The Verners were ar- n-.     ami pm. ,r jio. bonds WALTON AH'KAKANCi: While- ; his mm to testify Mere Wednesday, young Howard {Ci.nl  on ruef Fnnr)                 Lynch Grand (Continued from. Page One) was served with a subpoena to appear in the Walton County Superior Court next Monday, February 24, in connection with the state s action against the Verncrson an assault charge The victim was accompanied -to Athens by officials of the Citizens Defense Committee Wednesday. He also-- to Mrmrne  of the committee, which has had him in its custody and care since he was found in his assaulted condition.</t>
  </si>
  <si>
    <t>                                           ATHENS, Ga.--(SNS)--The special federal grand jury which investigated the Walton county lynchings in December Heard for that larges from Golden Lamar Howard Wednesday that two white brothers attempted to beat out of him what he told that body in the previous...</t>
  </si>
  <si>
    <t>                                           Now is the time to begin glamourizing your feet for those shoeless days on the beach this summer. Have you ever stopped to think of the wonderful service your feet render you in payment for such gross neglect on your part?</t>
  </si>
  <si>
    <t>                                           BIKE RiDER WHO MISSED DEATH BY SECONDS                 THE "BOY ON A ," Richard Schultz. 15. or Queens. N. Y.. l.o was r.-purl.M V. ilU-d  a DC-4 plane crashed at LaCuardia Field, costing Uie lives ut 42 . Is :!.    ' In-: i  LiKe in Iront of ti.e v.Tn.- .er Out - l.! last Thursday .      J .v U..- - a toll ut-.p - v.  Iw                 bml left j*t  ivf.ir JMitCmxUiu Fii*id.  ^       *.* of the . ()</t>
  </si>
  <si>
    <t>                                           'Red Bogey Raised To Hide,Facisjny Robeson'                 PANAMA . R. P.- (    - Three times before be had seen the "red " raised to hide fascism 1 and Justify thc perpetration of crimes against humanity, especial- j ]y minority , Paul Roieson. I Internationally famous singer, actor I and welfare worker told a press I                 conference in Panama City last week. Mr. Roboson referred to the red hysteria of Prances Spain. Hitler's I Germany and 'Mussolini's Italy. "Nojradiiys it is raised against any people who have any pretensions to Ubera.1 ideas." he stated. Because of their beliefs, the sine- i er . Henry Wallace. Sen. Peppei and Einstein are "thrown Into onr basket."                 QUERIES OF DISCREDIT j Asked by a reporter It hc was a member of the Communist party as has been widely circulated here. Mr. Robeson said lie refused to answer I lions were usually asked to - I t-i question  as such ques- It the  to -whom they were addressed He, however, .declared himself as an "anti-Fascist, interested in the                 problems of oppressed peoples. To- day. in our {car of Soviet. Russia I and Communism we arc supporting j Fascism. America has to ask  the question: What do we want In this w"id. x want, to sec democra- cy become democracy. And the. real test or democracy is in the treatment of the mass of We labor- ing people. I don't want it to be- I come synonymous with Fascism." I                 LABOR MOVEMENT I Speaking of hts present and fu- I lure activities in the Interest of la- J tor. til,; noted singer said that he i  the example of bis own career for other Negroes to emulate was not  and that It was more i important for him to give direct participation in the labor movement to improve the lot of the Nesro. "I have found the destiny of tl)c Negro race closely Intertwined with the problems of the laboring class all over the world." Winding up his Isthmian concert tour here under the auspices or IjOca7 713 United PuWic Workers of America. CIO. Mr. Robeson emplaned for New York. HP was in Pana- j ma for more -than a week. I</t>
  </si>
  <si>
    <t>                                           PANAMA CITY, R. P.--(ANP)-- Three times before he had seen the "red bogey" raised to hide fascism and justify the perpetration of crimes against humanity, especially minority moons, Paul Robeson, internationally famous singer, actor and welfare worker told a press...</t>
  </si>
  <si>
    <t>                                           Announcement has been made by I Atlanta University of the Sixth Annual Exhibition of Paintings.; sculpture and Prints by Negro Ar tists. to be held April 6May 4.! 1947. in the Exhibition Gallery of the University Library. As in pre Vi011% years. Atlanta University will</t>
  </si>
  <si>
    <t>                                           Conn. Governor Stops Extradition Of Man                 HARTFORD, Conn.- The Hart- ford branch, NAACP, Sunday reported that the Oovernor of Connecticut had refused to sign extradition papers that would send Joseph Walker. 27-year-old Nesro, back to Chattanooga, Term. The Governor came to his decision at u hearing in which members of the branch, u Tennessee officer and other interested persons participated. Walker vtn* arrested early in 194S, in Chattanooga, on a charge of stealing a watch valued at approximately $60. According to Wulker, the arresting officer beat                 him unmercifully en rout*    \ police station. *  eyes and inflicting painful on his body. The man ht test d his Innocence,     cruelly he was beaten,     He tried to  ceived the watch M he loaned flO to    ,oC with whom he had ":.J; crap  tb*. said any of     man the game could story. The .-^'                 Conn. Gov. (Continued From rage Ont)    escape and ran from the police car. After hiding for a few days he left Chattanooga, headed north and  Hartford, where his wife has relatives. There he chanced his name to Willie Green, went to work, saved money and, in the fall of 194G. sent for his wife. The two lived quietly until March of this year, when, as the result n( a Sunday fracas, he was arrested and finger-printed in routine fashion. The Hartford charge was withdrawn since evidence showed he had no. part in the disorder, but the finger-prints revealed he was the Joseph Walker who was wanted by the Tennessee police. The Chattanooga authorities were notified and Walker was told he would be returned to Tennessee. Mrs. Walker obtained the services of u young white Hartford i attorney, who was very much j stirred by the story she told of southern justice.</t>
  </si>
  <si>
    <t>                                           ^^L^^Ha^L^Ev^ glamor  r for Spring A Howard Real-Hair tag* Boy adds long   *2s0 , rich, -  at, real hair attachment, 12" wldo. Adjustable  band. Blue black  black; dark brows; or tend your hair *. TO ORDER, tear out  . Print your aama and address. Stato color you want. Mail to Howard. Dcpt SD, 143 Wost 125th St.. New We*t 125lh Street, New York 27. N.Y. Pay postman 12.50 plus postage. Write for jit* catalogue. howard Trmm: S*       rail bair .It.* nu-oi. J.         oc  bark</t>
  </si>
  <si>
    <t>                                           DEATHS                 Mrs. Mary Ellison. Mr. Otis Mitchell. 728 Highland Ave., N. E. Mr. Thomas Weldon Btasley, 326 Robblns St.. Drcatur. Mr. Elijah Reid. Bear 684         Pluce. Mr. Isaiah Thornton. Smyrna. Ga. Mr. Luiher l^ Brown. Mrs. Mary Ann Mitchell. Green . Gu. Mrs. Annu- Slceltoc. 801 Spencer St. N. W. Mrs. Amur Mutt Stevens, S73 Und sey St. N. W. Mr. Sam Alarable.    . J jl Gilbert. 371 GrlHln St. Mrs. Creasy Cunningham. Tboisas    . Ca. Mr. Henry Jones.</t>
  </si>
  <si>
    <t>                                           H Atlanta JJtl^World  ^JJlJEg^^l Published Every Momins Except Monday It Is News" i i  v^, ,,~.g M,,   ?n'7;;"-' r Atlanta (3). Georgia. Tuesday, june 3. 1947 price five cents L i r T</t>
  </si>
  <si>
    <t>                                           TUSKEGEE INSTITUTE, Ala.--(SNS) --Wilbur George, Tuskegee's sensational basketball shooting star. chalked up 24 points to lead his tea min scoring a 62 to 46 victory over Morehouse College a Atlanta, Georgia, in Logan Hall Saturday night; before a near capacity...</t>
  </si>
  <si>
    <t>                                           II YEARS NATIONWIDE SERVICE Family HOSPITAL Plan  with MATERNITY Benefit. Surgical Benefits Optional    Low 60       per Month for Adult*     : 4S Cent* Monthly for Children 0 to 65 CUimn Paid Within 24 Hour. Clip find Mail to S. T. SUTTON. Agent Al.o SPECIAL PLAN 341 Peaehtree Arcade FOR INDIVIDUALS FEDERAL LIFE AND CASUALTY CO. Atlanta 3. Georgia MA. 8453 Acenti. Wanted Pleane furnish me. without obligation, full detail* of your HOSPITAL PLAN  ADDRESS CITY STATE MEN -WOMEN EARN $15-$30 EVERY WEEKEND Show and sell beautiful Multi-color Religious Mottoes. Everyone buys. Raise money for your church, club or organization. Write for details, and samples. Write to. Olin L. Milner 335 McDaniel Street Atlanta. Georgia</t>
  </si>
  <si>
    <t>                                           IT NEVER FAILS</t>
  </si>
  <si>
    <t>                                           RICHMOND, VA. -- (ANP) --- "The importance of the teacher in building 'world relations' was the theme last week of the northeastern regional meeting of the national sorority of Phi Delta Kappa. Sessions were held in St. Phillips Episcopal church here.</t>
  </si>
  <si>
    <t>                                           Expectant Mother Hoax Sizzles In Recorder's Court As Baby Returns!                 Bal_~y Min'ii- M:~e Bum-. I      "f."                 After     : --i- :~v. :iy lr..m U-.  T. Mr- Mai- I l-v-if Butt.-, at Orady lu',pi-;ii Tui\. . ImIi-, Mmnle Mar Hum.. h:r.    -n . City detect in-;  Wl.owed 11 lead given to ttu-iii '~y an orderly at the hospital li-ai-i'd the it   to 324 S. ClKipr! HI. f.v W..  197.! Wednesday c'-.  ; found t.hc m]s:;:  '     t cuddled in bed with Mrs. Kannle Russell, the  who allegedly took her away, j The baby was nii  for - mately IS Imur:,  Us recovery. Wlien Hie  and the father of the . Wlhic Lee F.   . of 2 Perkinr, .Alley, entered the loom where the : tot was located:. the alleged abductor of i.hc baby. Mrs. Russell, is t"~ior(ed to " ~-e- marked to them "Are y^u going to take my baby?i The  looked at the ha by and  liH ii as hlv The dr"?c r.(*. '    "  woman t-^ drc1--- imd come *'Uh them. When Mrs Ruj.cII 1 out to the cm       thr rif?'rcti\o. and father Km- au;ii u'!: 'nc: ^ln- i^ reported t" Ilivi' remarked the father: 'I saw  yp- Tli;-, Is your b;ti\v A  IK   - hold tt.                 __I_ lv_  i_!    '/"_ Tlw1 father "n as yi  hn.yli.n  the" tahy w:is  The baby h.id h  iip of cloth- inr,' and appeared to h;u*e had (lie test of care while It  ai with Mr:.. I Russell. Mrs. Flus:.cll w.is  to police headquarters, while the       and the father werp  home by the detectives. Mrs. Emniti . '.idy   ( j the mother and from whom the] baby was taken, said yesterday thai i the mother. Mrs. Butts, had. refused In eat during the baby':, absence She was so overjoyed  it , returned to hor. said Mis Saniord. I words could not express her enio- . All she could do      the baby and Just look ?l U WELL CARED FOR It was a different  wit.h Mrs, Sanloid. . for ;.ie said i:ie felt  ^t re.^Pons1 :Ie for t lie dt . It was site who let Mrs. Russell ho.d the  while I she went to the bedside of the mo- (.her i When she s;iw tlio      :ei*-; and r lie I lather ? upon the P'jh.'Ji with (C'on* On Page i Col. 51                 Expectant Mother j I Continued From Pajie One) i he baby, she shouted for joy and old the officer: "This Is our baby! ?ou lire the be*t- men I have ever !" Mrs. Sanford. an unusually spirited woman for her miny years, replied with fervor and Interest to the questions asked by your reporter. She said that the baby had had a ; of clothing and was "all ight." The woman "took good care )f It", said Mrs Sanford. However, he baby s navel had been taped vith a piece of cotton, she pointed  ut. It was not taped when It was aken from her. she said. Mrs. Sanord surmised thai the woman had aped the baby s nave? in an attempt show that It was new born. (~EARING HELD In the hearing before Recorder's :ourt Thursday afternoon. Mrs. Ruscll appeared very shy. She testified                 Lcl'ur,. K:-:\~:u:T (.'airway thai !    " kidnap *:i- . but merely took i: . lie :i!:i-:' *!le  Mill find Mr- .  .inl*;inl iv;:i:n n lie:-. Alxiu: a-: vii;! ~-.r. "1 .': kidnap tl:.1 Ijaiy." Mis.   ttl:S:n ii I.i-i! tile ji:ire ,lm: she .stayed M tli.~ li .il unii] .sun- clown :: l:ir .  or Mrs. Russel. : :Me b:i-:y bin could rind them . i The :;ve- who recovered th.baby :      Mrs. Riisc-.'ll  thai at nr.-:    . Hnssell  tht1  as  bu: later e:)nfL*. that. 1; wn.s no:  haby. Reccrder Cilbway. who was bu.sily .' pa^es :n his leser  i the hearing Tliiirsduy . concluded that uic  iu.: Mr.s. Hllssc). was kidnapping :nul bound her me:- .m a $1000 bend. The case vv;H i- up -  County SuiL'iiii  at a Inter i dale. Following t.lie in  outside the . :-e.sted witnesses and .  the case pro I  con. A neighbor of tlie  stated that Mrs. Rus^^U hud appeared ns an expectant m:r.:icr for some time; I however, she was dumbfounded when i she noticed that she retimed from I the hospital with a t.iby approximately four or f;ve hours  she had gone to be admitted. j One witness said that Mrs. Rus- i sell did not appear to be In the I same  at the hearing ns i she was at the hospita; the time the L'Tby wns taken, saying further j that the signs she. displayed at the hospital' were Hint or an expectant i mother, while shc had shrunken exceedingly In size when she appeared for the hearing. j It is said that Mrs. Russell engaged an ambulance it the hospital to carry her and the baby to her j house. Upon her arrival. It Is re ported that she was wheeled from I the ambulance to her bed with the baby in her arms. I It was also slid that the  was very disl.Usioned to learn tha: the baby was not his.</t>
  </si>
  <si>
    <t>                                           Baby Minnie Mae Butts has been found!</t>
  </si>
  <si>
    <t>                                           Estime Galls For Liberated Haiti                 fORT \V nil NCR. Haiti.- ( PA) The spirit ami patriotism  , Haiti to be the first free : in' Uatin Anu-rica has been " on by Tresidont Dumarsais Estime to  Haiti from the financial c.r.trol of Ih.' L'nitoil States.                 President Estime has created a ~'Oommittiu* for Liberation" which h:is already launched a nationwide  the Haitian people to raise, five and a half million dollars with which to "pay nff tho balance of a    22 debt which Haiti owi s the United States and which under tho terms allows the United States to control completely the financial affairs of this vc*                 public. The Export-Import Bank at Washington last March turned down Haiti's request for a $20,non.OOO loan and a refinancing of Its obligations to the United State* The Liberation Committee,' headed by Dr. Timolenn Brutlii, opened its  at I'ort Au Princt last Sunday nt the fool of the statue of Toussnint L'Ouvertur*; Huitiun patriot, Gigantic Drlvfl T;nder  from      ( E time,      committee launched -'a RJRuntic bond  which w j taken up on Muy 1 by       toWn.. Continued on Pdg* 9, Cat                 Estime Calls {Continued From One) and  in Haiti. In order to assure nationwide -t)ar ri    )'..i m- Hit "    :.." movement, the bonds which are called "Liberation Honds" are ; sold in denominations running from We to .'52,     . As an added         to shako off the financial control of the United States, this little republic has ordered all du- j ties from exports of bananas to be applied toward payment of the   on the 1922 loan. Infnrmed sources say the Haitians will repay the full amount of the I!i22 loan as soon as the money is raised to throw off the ".ion"  the government is' forced to undergo as a                 result of I lie loan agreement. Koan of Concern Although Haiti is indebted to the United .States more than ninr and a half million Hollars it is thr ' and a half million dollar: the country owes on the 1922 loan over n-hir)i it is most concerned. Under Iho agreement of the I92S loan the National  k of the Republic of Haiti was established with W. H. Williams, an A;, as its president. The agreement authorizes the bank to formula!*-    ; Haitian budget, account fin- and disburse t.he funds uf ih,. Covernment of Haiti, collect all customs revenues. and establish regulations fov the handling of Hie revenues of the various communities of Haiti. The 1!~22 agreement ties up the! financial assets of the Haitian                 Covornnir-m ~,y i-r-jj m'  ilw ,~i- i n ctr.rs or Lank 1., si..j ux;th.\ in tilt /n-si it;, ,J.-~y.s  a sufficient *um lu .i.v.t! monthly payments   , * of 'J'- :'"'l 1 . No .ls ,,f tin' Iliuiia;) (;i.ven)mo;ii      .) until this is dune.</t>
  </si>
  <si>
    <t>                                           PORT AU PRINCE, Haiti.--(NNPA)--The spirit and patriotism which caused Haiti to be the first free republic in Latin America has been called on by President Dumarsais Estime to liberate Haiti from the financial control of the United States.</t>
  </si>
  <si>
    <t>                                           Fellowship Opposes UMT For U. S. Youth                 Race Bias And Militarism Basis Of Opposition                 NEW YORK- The American people         vigorously oppose President Truman's drive tor UUverul Military Training, which- wlK thru conscription, listen bota   ***i dls* cr: and militarism on all American youth at  most              ace. according                        Fellowship of ReconcHiailam This statement appeared in a release  by the             *~ Racial Section and was signed br Bayard Rustin. who served : months ni prison during the war. In his statement to th_ Attorney General in iM3, Rusto said. "Men .ly in slavery cannot  for freedom they are denied I must, therefore,  racial indefeasible, but also a clear violation of the Selective Sendee and Training Act." The Fellowship of Reconciliation. *h:ch recently conducted a direct action campaign against jlm-crow In bus*? in the South, sent a  to Port Knox. Ky^ to Inestimate the racial policy ta tho ; UJlLT. camp  the Army ordered Brty.Gen. John IC Devine to set up. On January 4th. Gen. Devine told the first trainee: "It cur m^ i.o demonstrate that . MUlurr Xralninc AS PROPOSED BY THE              , is  to th* you of the nation." This demonstrated -" (Coatiaoed on Face 4      7}                 Fellowship (Continued From Pase 1) program Includes no Negroes! When questioned about this. Gen. j Sevine indicated that Negroes would j be Included If Congress passed U. M. T. However, he Indicated that In such a small experimental unit, it wouldn't be practical to brine In enough Negroes to form. a separate platoon. In other words. Negroes would be segregated into special units if U.M.T. passes. Such policies of segregation are hardly the "training In democracy" the public has been told UJtf.T. would be. Political considerations are behind the policy of having no Negroes at the U.M.T. camp, according to one member of the Army's U.M.T. Advisory Committee. In substantiation of this fact, Rustln called attention to a  In the New York Post of April 16 In which Rabbi Rauch of a Louisville committee serving as advisors to. the Fort Knox experiment "regretted It. but suggested that the South might oppose M. T. If Negroes were included." In other words. UJid.T. envisages nnd plans the same type of segregation of Negroes by law that the U. S. Army has not only traditionally practiced but also defended. j On, June 2. President Truman's carefully picked commission, composed predominantly of long-standing advocates of .T.. rubberstamped his desire to fasten conscription on American youth by recommending that a!I boys be called up at eighteen. In justifying so radically un-American a step. the commission viewed with horror the program s total cost, but "warned that to evade the responsibility was AN INVITATION TO EXTERMINATION." The commission failed to see that the surest way to exterminate democracy vs from within- that the most formidable fifth column is racial discrimination.</t>
  </si>
  <si>
    <t>                                           NEW YORK--The American people should vigorously oppose President Truman's drive for Universal Military Training, which will, thru conscription, fasten both racial discrimination and militarism on all American youth at ther most impressionable age, according to the...</t>
  </si>
  <si>
    <t>                                           COLUMBIA HONORS PISK PRESIDENT-ELECT Dr. Charts Spurgetwi Jo'insor.. noted educator (.il i received the honorary  of (iac:or.-: letter:,  Dr. Praut FackcuiMu.,   of Columbia Otuveraty. at the 93rd commencement us the (                 Ainu Ma'.er .   [ Columbia provides i.V :;. Dr. Johnson's  spirit and his ability to ht-ly people understand       through his spirited .- writing wt,s a potent factor in hlr. selection for rh* .  -u                 (ANP.)</t>
  </si>
  <si>
    <t>                                           FLORIDA S "WHITE PRIMARY" BILL DEFEATED                 Measure Aimed At Eliminating Negro Voters                 Author Says He'll Stump State To 'Tell The Truth"                 TALLAHASSEE, Fin. ISNS)- By vote of 30-4 the Florida 8    ale Thursday rejected a proposed white primary" bil. that would withdraw the Democratic primary election from Bute control and   'urn tt to party supervision. Senator John Mathews of Jaek-. author ol the bill,  by the voting results, rose to his feet and announced dramatically that he would stump the State as a candidate for governor and teU the  c the truth.' THREATENS RACE "You. by  action, have produced a candidate (or governor. I intend to take this to every by-road and crossroad In Flortdu to spread the truth." declared the senator. It Is believed that the Senator In mentioning the "truth" referred to his prolonged address on the Senate floor, charging tha: Communists are behind a move to have Florida Memoes vote us Democrats.</t>
  </si>
  <si>
    <t>                                           Card Of Thanks                 '"We  la   -/man:  and neighbor* lor Uielr  "f , ..   mid  of can luring the Illness mid dentil' of our , Mr. Tlllii Walker. We ^~Ihi  to thank Rev. R H. Porter. Sev. B. J. Johiuvon mid Haitlcy i  home lor their most ^.-ff idem . The Protliro. Truyloi und Jamn. .1U11UU1.. CardtOf Thaiiks Mr. Oftircn '.o. ol 14ft Ijouiiii 3Lrcct. wishes to 'thank  ' ..s .;c!r-  kindness .lii sni:- his I i uli.-i.i,~M n ni!...'i Card Of Thank* The Unhcra-of West Mitchell Church  to thank their many friends  nd members who              In  their ninth anniversary u  on till: UilrU SuilJay In April. We raised "~i:i7.TJ mid .IK) wits .~Ivcn for the  I lie . We p.'ipi Ciiilly Ihnnk Prof Flnycl Biilllvnn Tor his very fine int . Mrs. Plorcni'o Clnytnn, ; Mrs. Mnry Conlcy, *.-(    .i Card Of Thanks I Mrs. M. B. Collins of 102 Chcsl:vit Strret. wli nss to express her  to the members of         Mt. Vcrnon church and the  frie:uls for th^tr  kind ness shown during her Illness. Shr will bi- Ir.; the city with her mo thcr and sister [or ten or more days I Unplnci tn return fully ub?e to cary on with her duties Thanking you In advance lor your kindness and prayers. Mrs. M. B. Collins. i</t>
  </si>
  <si>
    <t>                                           H_-J^^Hg^~^HB^^H^^H^^^^^S^^2^^~ 9 Tra. -7 THANK* A -     ^^~~^~^~~l ^^~5?^^H^  ^^^z!_ZM^BtaHKB^B^B^B^B^B^B^B^BH^Bl SI       Irleodi who ra*   Ual WMk*a Anslvanaxr ^^H *J f fi.*% af.~ *a^aB?   ^^~^Ma^Ba^aK7al^TZai^aK^    !Ra^al H s*'~ BlrtUday        . Atun ^~T 'U' It'll ^aT. 3a^a^a^a^a^a^a^a^    /(29^~ 19 In  jour idM gu- ~^a^a^aw-^~~a_a^B^^__ r^a^a^aPE9^a^aW///   !l!^HI SI        you ana         XfVwivmlvE fe^B^P^^^^^^^^^^BVaV^^BUaT ^~^'^~^~~^~^~^~^~W^B^B^BW^BnlK 19  *  ^KT^^_^^^i^^u*^4E^r ^^H ~^K^SFk fy^?}Sr^^^M^/GUlKi \t ~~"n      Catoalal O)o7 d OM ^j-iT^ill^^^- B (~^E^JT^bV MB29^^k^.af^^^*lW!9^   #%93f * to4  ot      Iwt*      ^ SURmAD** IE  ^*          ^^        /~'/         .          to  rv. .~i. urn b.jto . ^uim*"*iy K ^^PwSSMi^'* '^^^Kr^4^7^       our * of  f-"-*"'*" wUA "l^i^l^i^^^^l^i^i^k^ ap *^BT^^^m_h^^~ ^feu^ m^^r your       . ^^^^^B*^ V* 5 B    !^~^E^V-. '^^2~^hR^^S?~_ atop  ltb* at CMonlal               a^^^ U !V^s^ ^^^^P^^VB^A .^fll^B^lB^BKi ^rt jT*~'el tev* a^9 ^^^JMt^ TOMATOES  r15  I  tef^^~V^         TO ..E-0A. MA.D  STYLE      CUT Q T.c, DILL pickles 2 3~? 25 I 3 cHIT  2~-  .   ..i  xC I A  BUY for flavor and price- glen valley E M Our Pride ~*i- lie I SWEET  2 *   25 C 1 ^3 Ry0 BireOd I6-~Z- 15C I S -RVE COLD FOR HOT WEATHER SALADS- JACKSON S. BUSH S  E i Whole Wheat   o,iM. 15c I SAUER  2 17 I J FOR VARIETY SERVE ATOP DRY CEREALS 1 J9 Avr.\RAC.Ls- rr..\- vrr..r sour I B" B^  a"l'~V ^f VT^C ^5 ^V ^E C 3     2_ no14  I *~~%#**~~*~ All 3  BSi G B XI Z Cm I ARMOUR S STAR j 3 Del Rich 41 c SHOBTENIIvG 92^ j 3 -s vru.OU- I ~.B0 MAYONNAISE FOR SANDWICHES- HARRIS S DEVILED I g Mustard 9^ 9C CRAB MEAT ^25*     T=l M J  I CHILL AND SERVE WITH SANDWICHES EVER BEST S H dalad  bs.no 3i l/Ff?       i Ktf SELF- RISING  R I Wf bKb^^9 ABf^AMU^JEft I  IIF BmJ _s3- ^n- BS "jy- ?     - ft-ft*  W',, i^fc]^^ p^ JBCUlClirCI S     W I SAVE ON PRICE- ENJOY THE FLAVOR- STANDARD PACK gW Kj Chocolate 21^ TOMATO 3 23 Ivory Flakes Lg..Pkg. 35c W^%^^ffi^~?  ^^        IVOry Soap 2 Person.) Bars 15C \^Ei^^iKj^^^mW^tSt^^^ Swan Soap 2 21c ^ ~~.^~~wb^ ^BZ^iwtc^^Ti7y7//^L^BlPl Sma" S to 12 Lbs. fl^H tf^ SBfl^^v V V (^rrf {~ A MILD          i u ^Va w^AT I #^8BSK ^ J^^^^yu^, BKF CHOCK I    5/^VIIcK BACON 59C roast P^ f ^aQ#nV* *^^T -V^ *m ~""^T "UW, GRADE *A* B Pi ^*~^j2rW j^f**^"^  ,u 9Et 49c E HiiW^^.;:: Vr^^-s; 11 X Aitid 63C BHF MHJ ~^^i^^^ - 8 -O- PC5r *^    Hju'lJASi 5c 37^      Frr.h        Jt'r th So* Food* n^ rai5 2lbs.25c pan trout lb 25c 67c j fci       Sunki.t SFA RASS STEAKS LB. AQ- KRESH GREEM j    /      iij ooz. ^UC CAT FISH fresh lb. 48c  U. 5. No. 1 Yellow /N/%rv  w pit i ft^ I R OC w*y n  j()puC 3 LBS. COD FISH FILLETS LB. 2 C H .i i I TRIANGLE LI "^ oil i ^3 FRESH GREEN MOUNTAIN SoW-Ri$in II pH" J" 42 C CABBAGE* JL1r1*911 I! s^       B</t>
  </si>
  <si>
    <t>                                           IF NATURE SLEEPS I ton should tike OSIt Tablets, if j yon lack pep. energy, vitality and i don't have natural desires for fun and  times, it yon suffer i from aches and pains,  tongue or bad skin. It may be due lo faulty elimination. IIEtP NA- I T0KE with OSR TABI.KTS-~a- Cure's herbs ta tablet form. - j : Take only aa shown by sun- pie directions on the box. The I SAFE PRESCRIPTION TYPE to- j  in OSR tablets Krve (prick i pleasant relief. Yes. youll smile ms too do  dally duty like a heal-  hy  or woman. SEND NO MONEY pay portman $1.35 for a r-IG box of 180 OSR Tablets. Or -end S1.00 now and save 35~. irE.\I.Tn IS POWER- WRITE TO- j !     *    ) RfTVTEIlT CO- i I DrpL S-24. Baltimore 2. Maryland</t>
  </si>
  <si>
    <t>                                           WASHINGTON, D. C.--(NNPA) Withro McEuge, head of the Industrial Arts Departments of Tuskegee Institute, and a contingent of Tuskegee Industrial art students arrived here last Thursday on the last leg of a 2,500 mile tour of industrial arts schools which ended last Friday at...</t>
  </si>
  <si>
    <t>                                           MEMPHIS, Tennessee --(SNS) -- More than a score of local business men have "jumped the gun" in the rush to get on the band-wagon as sponsors for the bevy of bathing beauties who will represent the Beale Street Elks at the Philadelphia Convention in next...</t>
  </si>
  <si>
    <t>                                           DAILY LkOSSWORD                 I ACROSS 1 Weaken* 5. Doom j 9 American I Indian 10. Boysschool (Eng.i 11. Any worthless thin? 12. Compass point 14. Anoint 15. Esteem 16. Ctrt's nickname 17. Theater J scat J 19. Sheltered side 20. Pointed 22 Guided 2.*. Argentiim (symi 2~. Sun    1 :r..  notices 2T. Sportively humorous 31. Clear profit 32. Prepare for publication 33. Greek letter 35. Inland 37. Skin tumor 38. Covers  39. Evade, as a duty 41. \Voody perennial 42. One's mother s sister 43. Whirlpool 44. Marries                 7- DOWN 1 To rr.ak* scanty 2 External seed  3 Vitality 4. Observ* Warded off R. PartictFlat,  rakes (Sp.; S A dish before main course 11 DiRit 13. To note                 IS. A            IT.LeiW 18. All eon 21. To-. f he fast 24 Dwiy 25. Kf*1-hill-.~          26. Show 27. A .l jacket 28. StranRc 29. Orrus .) 30. Puts forth effort 34. WriUr.R .l                 's         "K. MimickfHl ::t. Breeze .10. Cut tine toni 40 Shade of a color                 CB1- A  quotation HJ JHK  UK Y  1 G K              Cryptnqootr: DEEP VERSED TN BOOKS ANDa SHALLOW ;N  MILTON-. Z-:Vr"~              ^y Klnj                .  . Iiw.                 'm r r r m r r r tj iz i: I _p: i "^pn i; III IK II I--!1' ii in "_ 1L_: WLJ1ZM w\\\wt\\\W,                 BF.!^   5     ?    fc,          *'A^~     UiJnx c.45   u Ek.1  jsi iw'-Mb IE ^ii '.t</t>
  </si>
  <si>
    <t>                                           Soft-ball, which is rapidly gaining favor in the Memphis area, thanks to the stellar performances of members teams of the Dixie Homes League, provided another thrill-packed week over the past eight days, with icedsive victories and hard-fought defeats.</t>
  </si>
  <si>
    <t>                                           Last Minute Effort To Save Willie Francis                 NEW IBERA, La.- (NNPA)- In a desperate effort to keep Willie Francis, 18-year-nJd condemned killer, from going a second time to the state s electric chair, -Bfitramt-fof Blum li, -Mar , attacked the original trial at which KranciH was convicted. The attorney acted after the State I'urcloii Hoard hail refused to commute the death sentence, which was not carried out last May because tho electric chair Jailed after Krancis was  into it and the  h was thrown. Mr. he Blanc made his attack on the first trial in the State l Hsirict I'ourt at St. Martinvillr, Francis was convicted of killing Andrew Thomas. -a St. Martin .</t>
  </si>
  <si>
    <t>                                           War Sec'y Denounces Vet Benefits Denial!                 NEW Vo'KK, N. V. Kc. of War Rolicrl P. I'nttrrson l.mt U'rpk -oii Ihc .'il of       Necrn  ill    ! South  "a 'l".i)) ," ;     .sol Ihnt Ihn War DcpartinuiU would move to       ' in                     of veterans i ights** occured. This wan ; hy the United     :im and All   -   Veterans of America which released ;i letter sent to the Secretary of Wai* by Charles Klare, director of veterans activities rif the New York Council of Hie Congress of Industrial Organizations.  headquarters here explained- that Patterson's  of Die War De-  s posit inn on violation of! the Armcii Forces Leave Act was 1 in  to Ktarc'ti       test on the withholding of federal  to Negro veterans in the! South. II. S. I'ROflfc ASK.KI) The United Ne^ro and Allied Veterans of America had asked the CIO (Council here for support in its efforts to secure federal  of il^se practices and prosecution of violators. The War Department's statement was m'(de through Mnrcus Ray, Civilian Aide lo the Secretary of War who was acting on instructions from his chief. Ray, spc-- from War Department hend(~ in Washington, told Charles Klare, director of Veterans Aclivilics of the New York Council of the Congress of Industrial OorganiMtions that he was  for Mr. Patterson who was "greatly concerned" over a report In* had received from the New York CIO Cnunril .on Tuesd:ry charging that .Negro veterans in Sum hern  were heing deprived of their rights to apply for terminal leave pay authorized by the Aimed Koires Leave Act of KM'1..  .CONCERNED Mr. Kay said that Secretary Patterson wax concerned over the violations of the Armed Forces Leave Act as had                 to him and would immediately investigate all instances in which Negro veterans in Southern suites were heing di mVd terminal leave pay rights or the facilities to apply for I hem The War Department. Mr. Ray asserted,  the country s Negro veterans to know that it is prepared     prosecute all violators of the Armed Forces Leave law. He specifically urged that  veterans communicate directly with the Secretary of War. He said the War Department would shortly  announce that it would secure special  lime extensions for those veterans who had heen prevented from applying for Terminal Leave payments l,y th.. Seplemher I deadline.</t>
  </si>
  <si>
    <t>                                           NEW YORK, N. Y. -- Secretary of War Robert P. Patterson last week denounced the denial of veterans benefits to Negro veterans in the South as "a despicable practice," and promised that the War Department would move to prosecute in cases where such violations...</t>
  </si>
  <si>
    <t>                                           NO MORI RAT, MU OR  HAW USE Jessie Kan's IMPROVED HAIR BYE LOOK TOONfC4   AND MAUTINl'  wv IT WONT WASH OTT OR RUB OUT. VMT SIMM* TO VM * L4  1 SIND HO . PAY POtT WAN (Mm rn*mf 4*llv*   .   M  r*~r      . JESSIE KARI  PRODUCTS CO.  0  Mfe A**, **m Ywft  Wy (~</t>
  </si>
  <si>
    <t>                                           YOU CANT AFFORD TO MISS THE MANNEQUIN PARADE S]          By The Service Guild of Allen Temple A ME Church MAY 5- 8:00 P. M. MONDAY NIGHT At The Church ( admission soc</t>
  </si>
  <si>
    <t>                                           EXECUTIVE SECRETARY OF THE CARVER FONDATION J. Henry Smith, former assistant to the president of Tuskegee Institute and director of the-U S. Navy Recruiting office for Negroes in Alabama, has returned to Tuskegee as executive secretary of the George Washington Carver foundation and assistant to the -- t-~.- p,TT sel W. Brown. In making the announcement. President F D. Patterson stated that Mr. Smith's duties will include business management and public relations for the                 tion. (AXP.)</t>
  </si>
  <si>
    <t>                                           North Carolinian Dies At Age 116                 WINSTON SALEM N. C- (ANP) i Death took an ex-slave, who was be- i lieved to have been ll(i years    I aye, here last Tuesciny. The former I  was Mrs. Mntlle Carrigar. A r.- of Plymouth. N. C. Mrs. CuiTagn:' said In an interview several years ago that ahe had held ;i i position In the "the bin " ol j the    '.e:-. She cu:ne lu Winston- Salcm to  ivc after receiving her (. At her death, she was con I nected with the Gospel Tabernacle Holiness church. SurvlvlnEj are one daughter. 11 j -. 22 p-eal Rrund- rcn. and 24 Kreat-- child rcn. j</t>
  </si>
  <si>
    <t>                                           T.  ^7.'w                               S^m" :X "T FELIX THEj:^</t>
  </si>
  <si>
    <t>                                           YOU DON'T NEED CASH At ROGERS Credit Clothiers Jewelern 1M Kdf*wood An. Batwmn Tonga mod Jukwn eta. LOANS PRYOR FINANCE COMPANY, INC. U  8. B. W. Grvnrnd Floor Of Th* KnmAix Hotm</t>
  </si>
  <si>
    <t>                                           Want                       Try Us We Guarantee To Fit JOE THE TAILOR 178 Auburn Ave. CY. 5111 CUT -TRIM -MAKE ALTERATIONS REPAIRS Made To Order Clothes Delivered In A Hurry Joe William*, Prop. Learn Beauty Culture We teach yon a complete and np-t* ^^^^M dale course in our modern Beauty ^tf^^B Collet*  under strict staU PlP?^ . Under our trained f ae(1 wT^m r\ uKy you master all the fundamental* ^-K *~d  a licensed operator fat 7 iS/YA months time. A Job is waiting- for sS^    you sr yoo can start a business of your own. Vary Low Rates Stait Any Tim* Pay A. Ym Lwi FraMiM im Aay State CALL. PHONE OR WRITS.  BEAUTY COLLEGE:  BLPG^ Mill Mum St, X. W^ Atlanta. Ga. Southeastern Champioiiship MOTORCYCLE RACES TO BE HELD AT THOMASTON SPEEDWAY, THOMASTON, GEORGIA TODAY . Com* Out and Witness the Champion of 1947 Dont you dare miss it.</t>
  </si>
  <si>
    <t>                                           Funeral Notice                 ANDERSON. Mrs. Agnes Morse- i The friends and relatives of Dr. I and Mrs. B. F. Anderson and j  fa-mKy. Mr.- mrd-. George-Morse and family, and Mrs. Minnie Crivington. arc Invited to attend the funeral of Mrs. Agnes Morse Anderson, Monday. February 10. at J o clock . from BIr Bethel AME Church. Rev. D. T. Babcock officiating. Interment LincoTn Cemetery The nephews will serve as pallbearers. Pallbearers, and flower ladies arc requested to meet at the residence at 12 o clock noon. Tlie re.-nains will lie in state at the residence from 6 . Sunday until '.lour of funeral. Ivey Bros. Mortiians. I</t>
  </si>
  <si>
    <t>                                           Work For Cultural League                 A. SCOTT IV (Sponsored by AUnnui D:i:ly World reported the . Mini. SH5.10'                 EDWARDS j (Sponsored by Mcsdaracs Ala Mac Edwards and Dora Lavcnaer, 01' Blnndtowa. reported second highest amount. $100.25)                 WALTER B.  'Sponsored by Mcscanics Ophelia Terrell and Rosa L. W:U:ams. Kockdule Park, reported s-13 1                 JOYt'i: SMITH  Ijy M. A:;:i: Smi::. ;:i^ i-::. \l.,;u:i. : i::::                 JOYCE  SS Sponsurvci by Mr^. 'Wilbraur.i1 3iiii:~*^. reported SSO*                 JULES SJxsr- by Mcsdaatrs Fannic J:!cs ar.tl Walter Storscll. of Howard Sui::or.. reported S"J2.10'                 WILLIAM HOWARD MINES Spo.--d by Mcstlamo Hazel K::ws and C. E. Rsucns. Scotu      ;ni:. who :-c;)orti;d S25J.*4                  J.  III Sji'itisf  by Miscin i El*:::v a:id                 Spcn:.~.r:. I-..::... .:.!:Lnrii  C:illu::.; -i:-. M, l-.lil.;. Black^ur:i. p: o:..r: i..ib."-.s                 C:iri r.i:;v.,;;. V.:-r I'ni'.lr.. J:i;:i.;. L:iii::i:\ H..      M l-.,u.!i. I i. Ki;-.vi:i !  -y. I.. H.,1.- u..u Li:.::i..r. .-Ml.-i:.</t>
  </si>
  <si>
    <t>                                           BUSINESS BREAD - BREAKING: Members of the Birmingham Colored Dry Cleaners Association gave a banquet at Bob's ... Cafe Monday, following their meeting, W. H. Hollins, president of the Greater Birmingham Negro Business League, was feature speaker.</t>
  </si>
  <si>
    <t>                                           GOLFERS SET FOR SIXTH CITS TOURNEY -Included among ite nation s outstanding  eho will play ror the S2J500 prize money and galaxy of trophies                 fered by the Sixth City Coif Club as prizes in the first annual professional and amateur tournament sponsored by the Cleveland. Ohio. Club on August 12, 13. 14. and 25                 arc Zeke Hartsfield. Los Angeles: Benny Philpot. Cleveland: Bill SpiDer, Los Angeles: Leonard Reed Los Angeles; Ted Rhodes. Memphis: I                 Ai Seawrlght. Cleveland: Harold Wheeler. Philadelphia: and -KM Thompson. Los Angeles.                 photo I</t>
  </si>
  <si>
    <t>                                           -MttrllMiton NATIONAL  COMPANY. INT</t>
  </si>
  <si>
    <t>                                           IN MEMORIAM                 In memory of my dear husband inrt our dear father and . Mr. Joe Evans, who departed his life one year ago. May 26. 1946. What Ood did, he did for the best. But he broke our hearts that day When He came and took you to  In our hearts .vou live . Mrs. Mary Luc Evans ami . IN MEMORIAM In loving memory of our mother. Mrs. Savannah Fuller, who departed his life two years ago May 28. IMS. We all love you. bill Ood loved you best. Mr. Simon Funer. son Mr. James E. Fuller, son Miss Emma Jcnc Puller, daughter Little Geneva Fuller, grand daughter.1                 IN MEMORIAM In loving memory of our dear husband, rather and grandfather. Rev. B. V. Thornton, who left us six years ago May 28. 1941 When he took you home that. morning You left us sad and mourning But. we hope to meet' you one glad day In that land where an will be happy and gay. Mrs. M. B. Thornton, wife Mrs. B. J. Freeman, daughter Mrs. Amelia Thornton, daughter ter-ln-law Henry. Jr.. Benjamin Hall, and Amelia Louise Thornton, grandchildren. Dont be  by pompous people. Pomposity Is a thin veneer by which some Individuals holding positions of honor or responsibility attempt to cover up Intellectual or moral mediocrity.                 JOE EVANS</t>
  </si>
  <si>
    <t>                                           Carol Brice Lauded by look'                 NEW YORK Carol Brtce, 28year-old Nopro  who lias sung with a number or well known  orchestras Is /.-* cd by Look Magazine as "one of the nation s Icarilnc young concert singers" In an article  In the current issue. Praising both her voice and her stage presence,            Miss Biicc "an unruffled performer," and says that "her handling of songs- whether It Is her own favorite German . Brahms with the Boston Symphony, on her Columbln recordings is winning top honors." Born In Sedalla. N. C, Miss Biicc I began her singing career with the SedoJia Chorus, and came with them for a recital at Town Hall In     York. Later, she took her degree as public-school teacher of music ut Talladcga College in Alabama, followed by h fellowship at the famous Julliard School of Mjislc. and the winning of the Nuumburg Award in 1944. Her recitals have Included appearances with the Boston Symphony Orchestra under Koussevitzky. and the Pittsburg 8 under Prltz Reiner.  Miss Brice's "warm, -smooth " win be heard this summer,  to Look, at New England's Berkshire Music Festival.                 Settlements In Calif. Civil Rights Suit VTM7bfe?er-7---A    making settlement today rinsed ihr. - suit Drought by twelve  living In the Chabot Terrace Housing Project against the Vallejo HousIiir Authority for violation of their civil rights. Under the arrangements, made out or court, ench claimant received $25 and two families, who had .suffered loss, of property, received ,; payments. The violation of civil rights  when Solano County deputy sheriffs, acting on the alleged .., or unknown persons that Negroes hnd been seen fleeing trom the scene of a murder of a Chabot Terrace grocer, entered and search cd nearly 100 homes or Negro families In the housing project on May 1 17. A subsequent coroner s Investigation failed to produce a witness who could substantiate the report that a Negro was seen at the place of the crime Charging the Housing Authority with responsibility, since the executive director of the project gave pass keys to the deputy sheriffs, protests were lodged by the Vallejo branch of the NAACP. and the Chabot Interracial Club. The Amer lean Civil Liberties Union, thru Its Northern California director, also demanded an Investigation by the attorney general. A San Francisco I law firm handled the case with the support, of the NAACP.</t>
  </si>
  <si>
    <t>                                           THE RIGHT TO VOTE Tb* right I* *oi* Blunt be  prn to all our  Ur- of . v   tax w   of  ht kind. Cbe Mower   Ixwln of political equality, the better It win k* fer tbe  a* a whole." FRANKLIN D. ROOSEVELT.</t>
  </si>
  <si>
    <t>                                           NEW YORK-- The Progressive Citizen of America has called upon the Congress of the United States to enact legislation rolling back prices approximately 10 per cent at the retail level and announced the launching of more than 200 community rallies throughout the...</t>
  </si>
  <si>
    <t>                                           1741-Negro slaves plotted to burn New York City: 13 were burned at the stake, 18 were hanged, 71 were transported: among the white hanged was John Ury, an Episcopal dominic: two Negroes were burned at the stake in Hackensack, N. J.</t>
  </si>
  <si>
    <t>                                           MOULTRIE, Ga. --(SNS)-- The fast-stepping Atlanta Cardinals continued their victory stride here Friday night, winning both ends of a colorful doubleheader from the Jacksonville Eagles of the Negro Southrn League, 2-0 and 6-4.</t>
  </si>
  <si>
    <t>                                           Baseball Scores Atlanta Blue Jays 4 Hampton, 1 Atlanta Travelers 3 Jonesboro 2</t>
  </si>
  <si>
    <t>                                           LOANS PRYOR FINANCE COMPANY, INC. 3S J- 8. H. Or.ci.nil Klixir Or Tba K1  Madam Eva tU HfKClM.  Wurl d'~ (  *tMt           AflM  JEB a con.ull aU othen, Bug B mnt "           to ftU4li^. Sijfij^      .  U TV^^Suh 8HK  i I V K H V -'j K\CT8 A N 0 V" Jff 1 voo OKT K     bate               *~d  r wife,  ure   J          9 oi.  u M' OJUjj ud       . loia A.         . N. w.. .    take \MUx+*       Mf. rii-~~r wik the- car  tUC Ui     mu ufl       l"iT  0d* i.f KUlC flaw fo. All..    . it HPKt'lAI. KK.           Vuac       lUva  M.Hilh*</t>
  </si>
  <si>
    <t>                                           CHICAGO-- New York fashion designers base planned not just suits, coats and dresses for the coming fall and winter seasons, but 'ways to look." The costume will count for everything--its individual parts for little. The well dressed woman in the months ahead...</t>
  </si>
  <si>
    <t>                                           The superb all-around consistent play of Jackie Robinson gave approximately 10,000 colored baseball fans, including more than 100 sports lovers from Atlanta, Griffin, Columbus and Macon, Georgia, the thrill that comes once in a life-time, as the Brooklyn, Dodgers breezed through with two hard-earned victories in their heated series with the Cincinnati Reds, over the past week-end, et Crosley Field; Cincinnati, Ohio. Many of these .fans traveled as far as from...</t>
  </si>
  <si>
    <t>                                           Negro Proves Right To First Class Citizenship-- W. A. Bell                 Cite* Aid To U. S. Progress In All Fields                 LAKE , N. C. (ANP) Past achievements and present contributions, ot. the Negro race in all fields of endeavor stand as proof that the group has aided materially in the progress of the United States, declared Dr. W. A. I Bell, president ot Miles college,                 nere . Dr. Bell was addressing tbe Late Junaluska assembly at its .annual observance ot Negro Recognition night. "By his record of work, the Negro has proved his right to  class citizenship under th^ protection of the constitution and Is -entitled to enjoy the opportunities (Continued on      5, CoL 4)                 Negro Proves jj j             from Face One) j and privileges to which he aspires." he said. He pointed to the varied record of worthwhile endeavor in the field of music, art. radio, theater, sports. literature, industry, folklore, agri- culture, invention, politics, armed service and religion, as examples of the Negro's contribution to the culture and progress of the nation. RECORD OF WORK "There is behind the Negro in America, a record of work,** he declared. "And -while there Is a notable growth of good feeling and fraternity, there had never been a time in which Negro youth, were more uncertain of the future." -Be accounted' for this oy  that they had heard it said the Negro race is a "menace" and a pro*Aibiijt UtiL  XiiCLS'pi'   wise. "All of this has discouraged youth" he asserted, "for there is no economic depression that is as discouraging as the depression of spirit." In the field of religion Negroes have produced a constructive and able readership, the noted educator declared. He said, however, that patience and understanding by both races is needed in order to build together a democracy founded on justice and brotherhood. GOD-SENT LEADERS The Negro as a race, believes that the virtues and principles inherent in the Christian religion will finally triumph, and that God lays his. hands upon his leaders whereever he can find them, whatever their race or color," he asserted. A choir of 24 voices, made up of members from Paine college. Augusta, Ga, gave a musical program of hymns and Negro Spirituals. Dr. F. S. Love is superintendent of the assembly. Dr. Be3 was introduced by the Rev. Elmer Clark, editor of the. World Outlook, national missionary magazine of the Methodist church.</t>
  </si>
  <si>
    <t>                                           LAKE JUNALUSKA, N. C. -- (ANP) -- Past achievements and present contributions of the Negro race in all fields of endeavor stand as proof that the group has aided materially in the progress of the United States, declared Dr. W. A. Bell, president of Miles college...</t>
  </si>
  <si>
    <t>                                           CHICAGO--(ANP)--Paying tribute to Paul Roberson as an actor, singer and uncompromising champion of democracy. Chicagoions from all walks of life filled the Civic Opera House, Sunday afternoon. The program was sponsored by the Abraham Lincoln school, an...</t>
  </si>
  <si>
    <t>                                           Housing Conspiracy To Be Tried Soon                 NEW YORK- The Mortgage Conference of Greater New York and its 37 member banks and insurance companies will be tried this fall on charges which include maintaining racial maps of the city,             from making mortgage loans In Negro blocks and inducing real estate owners to bar. Negroes from white sections. The original complaint was filed In June; 1946.</t>
  </si>
  <si>
    <t>                                           GETS MICHIGAN POSITION Miss Rosamund Dunn. 1947 graduate  1 the Atlanta University School -if Social Work has been employed -   Director of Girls Work with the Dun aai Community A.^sociation Ann Arbor. Mich. Miss Dunn will begin ;vork September 1st. Miss Dunn is* l  of Lou is vi 1 Jo Ky.</t>
  </si>
  <si>
    <t>                                           University Homes Anniversary Success                 The Tenth Anniversary celebration of UNIVERSITY HOMES closed la.it Sunday. The (inn! event of u    -k of - activities was an upen  in Roofwveli Hull, llw Projiwt Auditorium.                 Jiic-I W. Srnilh, one. oi    : Hist tenants of the Project, gave Die highlights of the project s accomplishments over ihe ten-year span A pitino solo wii.-. rendered by Mis* Barbara Green. Alonzo CJ. Moron, former Project Manager ami now General Business Manager     H: Instliiirp. u-:i? presented by Hubert M. Jackson, Housing Manager of Univer-.ily- 1 John Hope Homes. j REVIEWS t. DAI S i\ir. Rioror.  ave ai, interesting i view of tn? project s early day.s. its I struggles an;i the . n holds in Pucuc HounriB t \ii \lie South iina the country at large In  nn the  of me .-., "Afier Ten Vrars. WhatV". Mr. Moron  Ins!  to  : t(. -ve I tne perfect cx. life He; .-.I  the need for , rr. effort anil .n The  oi the  sue   .(IHI. I Tin? War Wives ;i:.d Mothers' l.eab iie presented service plaques; iij both projects with the  of i men and women from both projects    . .-.tjm-d in the armed forces. A successful Clean-Up Campaign in   was concluded :he.  of ihe Anniver.-^iry. Front and Back yards were judged by a  from the Tenant's Association. Mr. James Barron. President,                 of       Tenant's Association, made the presentation. The.  families were cited as having bren winners In the contest: JOHN HOPE HOMES: Mrs. Ous Williams, Apt j 'Hi: Mr. Oscar Blouni. Api 19-'; I Mrs. Murray Sininiui;:., Api. l'/:i; Mrs. . Similiou.s, Apt H4:l;  Mr. Oeorge Hunter, Apt. 165 I UNIVEKSITi' I1OMB8: Mrs. V.;r- I Ijoii (, Apt. 89, Mr Wuilu Flen-e, Apt. 27-1; Mrs Kov Krv.iii, Apt.. 4S5: Airs, i- Taylor, Apt. 53b; ami Mr:,. Philip , Ajil.  l</t>
  </si>
  <si>
    <t>                                           The Tenth Anniversary celebration of UNIVERSITY HOMES closed last Sunday. The final event of a week of project-wide activities was an open meeting in Roosevelt Hall, the Project Auditorium.</t>
  </si>
  <si>
    <t>                                           Rev. E. D. Bryson, the ... of Lincen Street CME Church strives "to make hay while the sun shines." Being a member of Gammon Theological Seminary's 1948 ... the leader of a people who have longed for a suitable house of worship, all efforts are turned...</t>
  </si>
  <si>
    <t>                                           Jamaica Doubts Constitution, Launches Self-Rule Campaign                 BY W1 E. HEMMING                 KINGSTON, Jamaica (    - Britain"s sincerity in aiding Jamaica to achieve, dominion status by granting] this colony a new constitution in 19*4 was doubted here this week.                 Socialist-inclined and conservative members in the house of representatives said that the constitution seemed to be a farce. And deciding to question Britain's loyalty in     matter, they have appointed a fun house committee to revise the constitution and submit their recommendations to the secretary of states for the colonies from whom wider administrative powers are demanded. They threatened      if -wider  powers are denied them  Britain must be prepared to grant them self government  immediately thereafter. The cal? for self-government was sounded Wednesday when for the first time, members of both parties, the People's Naitonal party and the Jamaica .Labor party, put politics aside and "unanimously decided Co wage a political rebellion against Britain if. they are refused wider powers by which they might dicta.lt orders to the official side and govern In executive council. Arguments on the subject were begun by eastern St. Mary's (Independent) Roy   . Undo. Be had questioned the power' of elected ministers in enforcing majority decisions reached in executive council, regarding policy, on government  falling under each minister s portfolio. Speaksr C M. Altchcson. just before departing on vacation for Britain, had ruled that                 no minister had power to dictate po-icy to the heads of departments operating under his portfolio.  then contended that the constitution might have been given under hypocrisy. So he moved a motion requesting the secretary of states for the colonies, Arthur Creech. Jones, to inform the house just what powers Jamaica has under the present constitution. VOTE PaKTIAUTY The chief point Is that executive council has a majority of votes over the house, of representatives. There are six. nominated members up there sitting- beside the governor whli.~ the house of representatives has only             . The governor s casting vote could also play havoc -with, the decision of the house of representatives liken to a*i upper council by the five ministers. Heated discussions  the debate through she house -Wednesday with members recalling the days of slavery and the Morant Bay  to 1865. One minister said that George William Gordon -who had struggled in that rebellion had left the job for Jamaicans to continue with the view or getting compete liberation. In a fast speech. Bustamenta, leader of the majority Labor party said that Jamaicans must tell Britain that they do not want her to rule them .any longer. "Britain Is not fit to role the islanders. Jamaica must git self-government and the people liberated. A day is to be fixed when the committee to revise the constitution will meet.</t>
  </si>
  <si>
    <t>                                           KINGSTON, Jamaica -- (ANP)--Britain's sincerity in aiding Jamaica to achieve dominion status by granting this colony a new constitution in 1944 was doubted here this week.</t>
  </si>
  <si>
    <t>                                           GRAY, Ga.--(SNS)--A new chapter in the brutal beating of a Negro prisoner, Mose Harper, developed Friday when the Jones County Prison Camp was ordered closed after a dispute arose between Jones and State Board of Corections.</t>
  </si>
  <si>
    <t>                                           Birth Announced .KS ION. S. l\ .-.Mr. an.l Mrs. .li.hn A. Harris. l:..(~inl Slrc-it. .iumi' the birth "T Ihiir m*aii()~laut;!it*M*. Canilvn Almarita,      -r "f Mr. and Mrs. Winfi-d It. .li.. Mother and  an; ; lino.</t>
  </si>
  <si>
    <t>                                           Johnson Named To Bady To Select Foreign Study Students                 WASHINGTON, D.   - 'NNPAt Dr. Charles S. Johnson, president uf Fi.sk University, was one of ten persons named last Thursday cy President. Truman to select American .students for study abroad under the Fulbnyht Act. The t:ii person* to be known as                 the Beard of foreign Scholarships* will have general . ol the educational exchange program authorized Uy the act. The act provides that foreign :$ may  studies ar.do*-her educational activities American citizens m : own educat:u:ial ins;: tut ions as payment loi surplus proi*r;y lel t in the:r country by the United States :o11ow;r-; :lie war. Bcsid's    . Johnson, the board i-  :LsLsti. of General Omar C. Brad'.vy. Ad: of Veterans' Af:a:rs; John W. Studebaker, Comrr.is-~io:n-r, U. S. Off let* Eaucaiion; Praruris Spau."d:nK. Comm:ss:3ner Education.. State of New York: He!f*ri C. Wnte. professor of English Umvi*r.si:y of Wisconsin: Laurence Du^gan. Director Institute of Ir.ternational Education. Ernest Law rence. professor cf physics. University uf California; Sarah Blandin.; president Vassar ColLge: Walter Johnson, professor of history. University ot Chicago; ana Martin P McGwire, jean the Graduat? Sc.'wSi ci Catholic University.</t>
  </si>
  <si>
    <t>                                           Gary School Board Adopts No Pupil Biasln Schools                 To Assign Students To Proper School District In City                 GARY. Tnd. )- A new policy to "end discrimination and to put h program of equal access to education into "." has been adopted by the Gary school board, it whs announced here recently by Charles D. Lutz. board superintendent.                 i he policy will take the form of .al[ st.uri ents._of..the.jj*T's public" schools to- their "proper"' school districts next fall, without H* tt\ t*  *A #*i*~x^  TFljr action followed an outbreak of disorders at the Froebcl school, where a strike was staged by white pupils 18 months ago against the presence of Negro students. Principal schools affected by this decision are Tolleston and Emerson, both of which have the needed space, and both in areas having a Siiall number of Negro residents. Most Negro children attend the all-Negro Roosevelt school, which, in keeping with local school policy, hus all }2 grades. I9W PROTEST I Emersoh'school has had no Ne- 1 gro students since 1927, the year when white pupils struck in protest against the transfer of 18 1 students from the all-Negro Vir- I ginia Street School. According to Supt. Lutz, a study of the school situation was made by Dr. .1. M. Hughes, dean of the school of Northwestern University and head of a local committee. Teacher groups also made recommendations for the  steps toward implementation of this policy will be "limited" to about 101) Negro children in primary grades. No decision has been reached about the transfer of Negro teachers to existing white schools, nor h.*id any move to "integrate" all Negro pupils in such schools been advocated. Negro high school students are I now attending the Froebel and Roosevelt schools the latter being staffed by both Negro principal and faculty. Its enrollment is over 3.000. the largest in the city. (Continued on Pace 6 Col. 3                  Gray School (Continued From Pace Oncl and it is located in the  district. This district encom- passes the area where most of the  Cegro residents live. Principal of Roosevelt is Theodore Tatum, who came here over 20 years a^o from Xcw Orleans. He is a native of                 Texas and was graduated from Wiley College and Columbia University.  INACTIVE Speaking of the student outbreaks. Mr. Tatum said that these disorders had not upset the general trend of better race relations. He pointed out that while local trade unions  in fostering better relations between races, the churches had failed to take "an active stand" in practical matters pertaining to Negroes. "The community needs to abolish traces of segregation and discrimination in its school system," he said. "Teachers here are not afraid to compete for their jobs with white teachers." "The community needs to abolish traces of segregation and discrimination in its school system," he said. "Teachers here are not afraid to compete for their jobs with white teachers." Gary boasts of a Xegro population of about 25.000. Many local organizations. including the League of Women Voters, were acI tive in the fight for abolishment                 of wholly or partially segregated schools. This summer, Gary citizens will sponsor two sections of summer camp life, with quotas from all school areas, without regard to race, color or creed.</t>
  </si>
  <si>
    <t>                                           GARY. Ind.-- (ANP)--A new policy to "end discrimination and to put x program of equal access to education into effect." has been adopted by the Gary school board. it was announced here recently by Charles D. Lutz, board superintendent.</t>
  </si>
  <si>
    <t>                                           Mild and Mellow! WILLIAM DEN II TRY IT     ^^T Bk Vv*-.'^s'5~- /Coaderham X ^~O-.'^.^ X Worts Umrttd</t>
  </si>
  <si>
    <t>                                           TIME AND THE MAN-OF INDIA                 EMPHASIZING A POIN7 with a gesture, Manatma Gandhi,  incurs leader, concludes his speech to the All-India Congress in New Delhi. The Congress president, Acharya Kriplau, smiles as he offers him a sea: of honor on the rostrum. To make certain that time didn't hang heavy tor the listening delegates, Gandhi gauged his speech with a  hanging from his loin doth. It was at this meeting that the Working CoamitM* mad* tat   to accept to* British proposal                 Sat CiyjUat lotta 'jaa.Zuianaa. taA  ^^.</t>
  </si>
  <si>
    <t>                                           GREENSBORO, N. C.--(SNS) --Winding up its most successful diamond season of the past fifteen years, the A. and T. College baseball team classed out the yeas with a decisive 18-11 triumph over the Johnson C. Smith Bulls to give them undisputed possession of the...</t>
  </si>
  <si>
    <t>                                           TIFTON, Ga.--The Commencement season for the Tift County Training School began May 19 when the first, second and third grades presented the operetta "The Children of Mother Goose". The fourth, fifth and sixth grades presented "The Sleeping Beauty" May 23 and...</t>
  </si>
  <si>
    <t>                                           The homicide rate among Atlanta Negroes jumped to 46 for the year when Rufus Harris 54, of 457 Millers Alley, was found stabbed to death Sunday and Williams Waters, co-owner of Hunter Street Service Station was shot to death Monday evening.</t>
  </si>
  <si>
    <t>                                           Mrs. Amanda Hill, formerly of Atlanta and now residing in Los Angeles, is visiting the P. E. Hudson's and other relatives and friends.</t>
  </si>
  <si>
    <t>                                           "Trigger Man" Identified As R. C. Hurd, 45                 Pre-Dawn "Rendezvous" Described                 GREENVILLE. 8. C- (SNSj- As :he muss trial ol 31 men charged vith 'lie  of Willie Earl* - . a confession  the pre-dawn rendezvous i.i;~ icad The statement was signed jy Winie Eugene Bishop, a 27-  driver, who admitted he                 -Afiit  mi* cao omce  uie u 1 1 1 1 u j r. ol participating In      1;ik:iiii,' but did not get to the execution scene In time.  si.-.   's statement went further t., am' chat another defendant, W D Gikl,-y su a cafe owner  me .tuft ircm the cab office, had        he be notified when they went lo get Earle so that he could  along. The statement also named 10  who participated to the removal of Earle from the Picktns .mil Ocmiruing. the statement of Bi.'hop said that he got lost In the  thui carried Earlc away fj oia the Jail, and he never actually" I'v the victim, but he went to Pii-ki-iu for the purpose of killing him IDENTIFICATION MADE Within Bishop's confession Is states thut one of the cars hod a flat tire, and two  guards were called to identify Paul F. Oritfb, 22, as the mail who came to claim the car shortly after the lynching. Jailer Oilsirap told how the  came to the Jail uid- the prisoner. "I knew they meant business", said the Jailer^ for^  1i3      ' He i old how he was forced to lead the mob upstairs where two of the men entered Earle's cell and pulled him out.  further said he could .not identify tiny of the mob but he did remember that they wore - cups. Trie county physician who examined Earle's body said that he had tutu stubbed five times in the . stomach, forehead, neck and right thigh. None of the wounds were sufficient to cause death, said the . It was the shotgun blast that entered the right temple nnd ripped through the left side of hu.  which ended the victim s lite.  TRIGGER MAN" IDENTIFIED Another statement by George M Covingtou, one of the defendants, Identiiled R. Carlos Hurd, 3r as the trigger-man who fired the fatal  blast while Earle lay helpless on the ground. Covlngtcn's statement also stated that Enrle denied the fatal stabbing of the taxi-driver for which he was arrested, but that after another defendant, "Red" Fleming  nicely to him he confessed. In the statement of Hubert Carter. Carter  that he did not see ihc actual slaying of Earle, but named Carlos Rector as the one who  of Jailer Ed. CU1strap that he turn the prisoner over to them. Carter's statement went mi to say that as they stopped in front of a rural slaughter house, he heard two shots. In still another statement, said to be thut of James Truman Caotrell. Ifl-year-old taxi driver, the defendant admitted accompanying a       ol cab drivers to Pickcni. near an adjoining county where the . pi bom.- was slain. Tiw .st.it* offered evidence Wediit.-d.iy to  expected defense  that statements given Koiitinued on Pace S Col; 61                 "Trigger Man" I Continued from Page One) were obtained by officers through threats, coercion und promises. Most of the men fidgeted in their seats as the charges wort1 read. But one of the defendants, dresser! In mismatched trousers and shirt, sat quietly. His chubby, blond baby daughter was curled in Ills lap asleep. A majority of the defendants had turned State's evidence before Tuesday's trial, signing confessions to their part In the lynching. They hoped the act would get them off ~\ lighter sentences if the State [won convictions. But those confessions had resuited in flat first degree murder chaws against one of their number -. heavy-set Rnosevill C Hurd, 4i.</t>
  </si>
  <si>
    <t>                                           GREENVILLE, S. C.--(SNS)--As the mass trial of 31 men charged with the lynching of Willie Earle continued here, a confession describing the pre-dawn rendezvous was read. The statement was signed by Willie Eugene Bishop, a 27-year-old taxi driver, who admitted he...</t>
  </si>
  <si>
    <t>                                           LOS ANGELES--(ANP)--Delegates to the Southern California-A rizoii a Methodist conference formed a six-man committee here last week to investigate the practice of jimcrowism in church owned hospitals.</t>
  </si>
  <si>
    <t>                                           KEEP COOL WITH A World's Finest Air Circulator $57.83 SPECIALS  Floor Waxer 59.50 8" ELECTRIC. FAN 10.26 io" : FAN 16.12 12" KI. FAN 21.26 PRiytfPIRK Vacuum Cleaner 64.75 Electric Mixer 29.95  GEM Waffle Iron 1050 PROCTOR AUTOMATIC Toaster 22.95 AUTOMATIC K. M. Electric Iron 10.95 SELF-STARTING Electric Clock 16.70 WILSON Radio Service 371 Auburn   . 2249</t>
  </si>
  <si>
    <t>                                           SONGWRITING "; Picked by Song Hit Guild  and its Advisory Board;* t;-iay iH-\      .-. as-.-; writing "discovery" of the year, Eddie Clark, 3754 Michigan Avt. Chicago, happily contemplates a caren a^ b ^      : composer. His original melody was' submitted to the Guild earlier this year. A total of seven songs were selected of more than 10.000 submitted, of which one. a  and novel melody, was composed by Clark. The words for Clarke's accepted melody are now being written by the celebrated ASCAP author. Vicfc Knight. Knight- Is si-so producer-- of Ed^~,' die Cantor's radio program. Clark^ has received an advance royalty1 check for S250.00 and win share' future royalties earned by his song' equally with -Vick Knight. Since 1938 Eddie Clark has been employed by Armour and Company -Jni Chicago.</t>
  </si>
  <si>
    <t>                                           Madam Eyjf "ui .280 SPECIAL         ^jQ^               (</t>
  </si>
  <si>
    <t>                                           WINS JACK DEMPSEY TROPHY- Norman Ward 'left/. Xenia. Ohio, .it      Waterman *rli'.hf, Lynn. .          *;.t.s. who is Itoldinu ihr- Jack Dcmu.scy . av.:       by Hie Adaiv.s hat cump: V.' U!live:~:iy'.s                 n*.(   : .:ir.d:ns *'.~- V.:i. *.vho Jihn .i-d   *::t-   in .il. UiM-ki . :~!id UiSL-. '.vim   jr ulu-n In* OrfeuH-*! Ward by a -in;'.!** vo:i*. m ;i \*A\ ol  V/i}~~~-r:    .* nr.r. s:     .i                 body. 'PiriTi, by Orrrni</t>
  </si>
  <si>
    <t>                                           MINI MEN! MEN! Ml W0M- WMk HEBRON 'i  our-^tc  stom MiMnirtt  U N. W. i atg) Wan*</t>
  </si>
  <si>
    <t>                                           Negro Library Facilities Woefully Lacking In South                 Public Ubrarv service units in the j Soutli serving Negroes, though I doubled In the last decade, are       fui ly lacking, it was pointed out in I the iix-diy :ne?ting of public librarians which closed today at Atlanta University. Also revealed was trie fact that there has been no                 certed effort on the pare of library and educations, agencies In the region to give guidance and direction to the development of this service. That there is a pressing need for leadership in the field Li significant In the fact that of the 97 Negro pub.'ic librarians in attendance from 14 southern states, only 20 per rent were professionally trained. 40 per cent had spent 6 to 18 weeks formally preparing for their work, i mid the maining 40 per cent had no training for  service at all Other problems in the field, emphasized by Mrs. Alma Long Oray. branch librarian of the Enoch Pratt Library In Baltimore. Maryland, In a discussion of the status of public Itbrarlanshlp In the South were: ID lack of adult ed-  programs; (2) scarcity of children s librarians; (3) poor book collection: (4j uneven Inter-library loan service; and (5) low personnel morale. Constructive action taken by the Conference Included (1) a telegram' to Senator Walter P. Oeorje appeal-                 :ne f T favorable consideration of :Uf Pubiio Library Service DeraonI  Bill, and (2) a letter to Puoluher's Weekly praising those who nad contributed to the  of better interpretations of me Negro in books and protesting the continued existence of offensive material. MANY SUBJECTS DISCUSSED Areas discussed were Adult Education. Public Relations, Service to I Children and Young People, and Extension of Public Library Service to Rural Areas. The Conference heard among other speakers. Robert M Lester, secretary of the Carnegie Corporatlon: Miss Mary u. Rothroek,  Ident of the American Library Association;  Hughes, poet and novelist; President RUfuf S. Clement of Atlanta university; Mis* Marie Lolzeaux. editor of the WUson Library Bulletin; Dean Dorothy Q. Williams of the North CaroUna College School of Library Science;; and Mrs. Mollle Huston Lee. supervisor of Negro public libraries for the State of North C.. The meeting was sponsored by the Atlanta University School Of Library Service under the direction of Or. Virginia L. Jonta. It -Wat made possible by a grant from tM Carnegie Corporation ot Hew Torsv</t>
  </si>
  <si>
    <t>                                           Public library service units in the South serving Negroes, though doubled in the last decade, are woefully lacking, it was pointed out in the six-day meeting of public librarians which closed today at Atlanta University. Also revealed was the fact that there has been no...</t>
  </si>
  <si>
    <t>                                           JOSHUA JONES                 By L P. REYNOLDS                 Brother Bell an old man  holds to his     7       attracts^ a  "hooey."</t>
  </si>
  <si>
    <t>                                           Ieachers'Suit Unchanged ;By Underwood's Ruling                 The federal suit of Samuel L. Davis and other Negro teachers oJ the Atfanta public school system will go on docket at an early date as scheduled cl. spite a technical ruling Monday that the name Miss Ira Jarrell. present  of schools, could not be placed as defendant, .. -: u. . superintendent Willis A. Suttui. City attorneys had argued tha*. the defendant s name had not been substituted within six months  Dr. Sutton's resignation and could not be used in the present prod:~ under federal laws. The motion to substitute Miss Jarrell's name was denied by Judge E. Marvin Underwood in an answer filed in the clerk s office Monday afternoon, tut the ruling  that the action was without prejudice to the right of  to institute an '.e ?", under other rules to make Miss Jarrell a party to the suit upon cue                 * with other rules. Uavis' counsel said Tuesday tha'. the proper motion to make M!    JarroH the defendant in a proper n-.anner already had been prepared and that, the suit would come up a: the next regular session of Federal District Court. Civis is suing: the Atlanta Boara fo: equalization of r, of Negro ...idlers with  of whites.</t>
  </si>
  <si>
    <t>                                           DIPPY By John Croa.</t>
  </si>
  <si>
    <t>                                           Reliable Hair Co.      * M.% Blh Avr. N V. 17. N. T..     . WC H;lvC Krpl. SNS I'rrnrh Wovrn ^HIHcA I'^t;" K"V Allnrlimriila $3.25 ^Km^S^Ib^H ~'5..        - C.ny J2.7S JKJHEaB^M Plus PrL*;:c C^B^^^^^^B   -  nil     -.'; of Mlinian Hs.r Hmm^B (- I'iiy l n:;! when deliver- ^^SbK^^^^^. Wrilc Tor l'~ec C. ^^     NYLONS!!!! - Ftnrr quality      THIS   UPON ...HERIl. FHloT  UALirY 8I.F. HAIR CO. LATEST UrniNO SHADES 04H Ml" V- N. V. n Dcpt. SNS 45 Guneo $t*6S I'uki! Hoy Ki-i;iil:ir 51 Cu.Rr SIRS ChlKiM.n French Sljrs B% In II t Blni-h Brown NAME  While Ouonlllln Lantli! ADDRESS Whrn  NyloiiB. (.end MO. CITY /.ONE and Sftc for  nnd  STATE charges.</t>
  </si>
  <si>
    <t>                                           BALLTILMORE, Maryland -- The State of Maryland is the recipient of a Liberian flan given by the West African Republic in memory of Dr. Ernest Lyon, one time United States Minister to Liberia and later Liberian consulate representative at Baltimore...</t>
  </si>
  <si>
    <t>                                           BURGLAR BARsj^ AND ENJOY SURK BH%     ^3~^M PROTECTION I^P^^H I  Ch-r fully Givn ptf^ *^^7Wvii^? SOUTHERN WIRE IRONWORKS '- Wilnams, Kepresentative   .     .^</t>
  </si>
  <si>
    <t>                                           Howard Students To Oslo, Norway                 WASHINGTON. D. C- .'- i Six students from Howard University are Included in a group 200 who will leave New York on June 30 for six weeks of summer school study at the University of Oslo in Norway under the auspices of the Institute of International Education it was learned last Thursday. The six Howard students are Judith Hedcepath. of Chil.'. Ohio. Vera Branker and Margie McOee of Boston. Lester Florent of New York City. Patricia Shaw of Washingotn. D. C. and Alicne Clark of Brooklyn. The group of students will spend six weeks In summer school and then be given two  to travel as they desire in Europe. They will return together, leaving Osio for New Yprk on September 9.</t>
  </si>
  <si>
    <t>                                           TTT Beauty And Barber Shop Specializing in Marcelling. Waving. Rpn-ini  fnr Dry Scalp And FalliiiK Hair. Guaranteed to  hair. Special , $2.00. B. Chairs and Booth for rent.      i; months. $5.00. Madam J. M. Jones. 192 Auburn Ave., N. E., Atlanta. Georgia. Cy. 9563.</t>
  </si>
  <si>
    <t>                                           The New Hope Sunday School and BTU Convention ended a highly successful annual session Friday night in a blaze of old time religion glory at Liberty Hill Baptist church, Rev. O. T. Clopton, pastor. Directing the highly informative program of the convention was the...</t>
  </si>
  <si>
    <t>                                           HIGH S BASEMENT Vse High's ^^"^X \p Convenient    M^f\ Jw Lay Away! JACKET DRESSES in Women's Half-Sizes $g95 You've been asking for them! We have them again for you! Favorite "double feature" dresses, equally as flattering "solo" as with I their neat jackets. Key-hole and "V" neck- j lines. Skirts with kick pleats in front. Whiic f i polka dots on navy, beige or rose spun ni;.-i*n. I Cool, charming, and highly       -    -~ for sizes 18% to 24^ and ::8-44.</t>
  </si>
  <si>
    <t>                                           ^M3ffr5B^          SWEET  W#~R^; GEORGIA Ste^lr* BROWN IIP E A II -k3p BOOK   -coupon riLL IN BELOW- WAI I- TOOAYt  ROOt*    CO.  US^       .       . . PIMM nod rae  mxi or any roit mr ValmorudaweetOtorebUniWDOra.iiia^uC nT.^ '^_j. IHA1   SCALP TREATMENT ^ U5TTHTr^ A SPEOAt W ^I^n OFFER 9^V  43c CUME 43c tMOl Ntw   MM Oil 45. KONOMr JJ2I NO MORE ~%KKy-.Kffl* Send No Honey! ^r/;-;:^ I XfNO YOUR ORBtR  I      *N7ttD [Jessie Kare Beauty Products Co. I tea  Avo.(~m.WJ)     York Cty</t>
  </si>
  <si>
    <t>                                           1/9 Lp$*~COMMUNfTK \oan:~ Investment -  oom 309/ km. It ALABAMA STtECT. S. W. T.         MAJn 130t c                          !    -</t>
  </si>
  <si>
    <t>                                           Announcing Our New ^^    Specialist Manicuring, Massaging And Hair Dyeing NEW MODERNISTIC BARBER SHOP STRICTLY SANITARY SERVICE" 286  AVK. GEO. BATTLE, Prop.</t>
  </si>
  <si>
    <t>                                           NEW YORK --(ANP) --With the post of executive director of the Harlem Branch YMCA open through the death of the recent director. James C. Arnold, a bittcr and busy fight is being waged for preference for the job by a number of "candidates."</t>
  </si>
  <si>
    <t>                                           CHECKING AND SAVINGS ACCOUNT SERVICE First National Bank ATLANTA FOUNDED 1865 CAPITAL. SURPLUS and PROFITS $10,000,000 Member Federal Deposit Insurance Corp. BUY DEFENSE SAVING BONDS</t>
  </si>
  <si>
    <t>                                           CHICAGO-- (NNPA)-- As the sun set over Comiskey Park on last Sunday the West nine, made up of Negro American Leaguers, made it three in a row against the East nine of Negro National Leaguers in the fifteenth annual East vs West classic before a crowd of 48,112 paid...</t>
  </si>
  <si>
    <t>                                           LUCKY STRIKE presents THE MAN WHO KNOWSf-^=~~ THE TOBACCO AUCTIONEER! ^l^~     '      ^~4g f; pounds of tobacco at the auctions '^MNiW^fuT^ fjW^J^^M^ 'ill i "~'ve seen tnc makers of Lucky ?$)A* f[    fj f ?/;= U /l/'( ''''~'**''8BB^^   : ^fp Strike buy quality tobacco fine,  ltf /Ift^ )    \ I mlf% '~^s ^^B" I J-H- BURNETT. INDEPENDENT TOBAfi'd AlKTIOXKr.R y^****r*^~V^^^ 'tlp\VS^,;,,^f  1^^111 ^^W^l *j^^t ^L 'r  t A^^^^^^^H^^^^H^^^^^^^^^B^^^fll^^33^B^^P^B^^S^^^^^^^^^^^^^H^^^^^^^^^^^^^^^^^^^r ^v ^k "^~^/'''^'tfc ^^0^^^^^^^^i^A^A^^ ^^^A^A^A^A^A^99I^^S^Hir^t 9^* %^^v ^A^S^^^^ *r 3hV' ^^r FINE TOBACCO is what counts in a cigarette joe burnett is right!... And like him, scores .^^^^fe' O\^^rt^^^\ of other experts. ..who really know tobacco JBSFIPSHwI V*l^"' ^^^^^^L^ have seen the makers of Lucky Strike ^ J^^" ~~^"^^^~~L j/# yi^^^NA^ buy the kind of tobacco that makes "a grand ^K::: S^;/ iK -Sf .^^^^S^ After all,  what you want in a ciga- V^; :pW ^T^^k l^ }^ j rette the honest, deep-down enjoyment ^^^v- W ~^lk# ^^Vw\ Nv'^^^^^y 1 So remember... t jJL^ f. A ^II^^^^^^^^^^^I^K^ /^'     ^^^^^^?^ f/ucKY Strike /0eans ^ine / So Round, So Firm, So Fully Packed So Free and Easy on the DrawJ j*~</t>
  </si>
  <si>
    <t>                                           1 I FLYING SAUCERS j I saw a flying ^juicer once, j AjSfu^nsT. the   *    ^ flowing; But, in that instant, mint* you Friend wife was         the throwing. 1  ion*l col lor t    - offense, now. But. to my .icy ni ^r-Mg1.- I*)l recall th:a saucer son^r Around my head a-flyin^. This way and  I ducked  1  .t^e angel? crooning As  he Atiatch^d that cupboard wide And s^nt that saucer . Fellf-^'s  vh" do hon-shoe stunt And guide planes     their hawsers Just ain't got a bit of time With 'that dame shooting saucers.</t>
  </si>
  <si>
    <t>                                           MACON. Ga.-- The Deacons' State Missionary Baptist Convention of Georgia closed the 21st annual session this week in Milledgeville with Flagg Chapel Baptist church. Rev. A. L. Calhoun. pastor. Women's Aux Mary with Union Baptist church. Rev. A. L. Walker. pastor: Deacon...</t>
  </si>
  <si>
    <t>                                           81 BLUE DAHLIA" with ALAN LADD and "Son of Zorro" ROYAL "STORK " w:th BEm' HUTTON and "Chick tarter. Drtcclive" ASHBY "MACOMBER AFFAIR" uith GREGORY PECK JOAN   "BOV: WHAT A ." with All-        CkA. and- "Son of 'farm" HARLEM "CABIN IN THE SKY" with ETHEL WATERS  s*uid "Son of Zorro" STRAND "PIONEERS OF THE FRONTIERwith WILD BILL ELLIOTT "Who's GnUty"</t>
  </si>
  <si>
    <t>                                           The faculties of Booker T. Washington High School and David T. Howard High School are working hard for a good start for the opening of the two high schools next term under the community high school plan.</t>
  </si>
  <si>
    <t>                                           American Lynchings Puzzle Europeans, Writer Claims                 LOS ANGELES- (ANPi John Itttmon, outstanding young labor figure journalist and lecturer, told a press conference what, goes on  "the iron curtain" Russia is : with having drawn across several countries of Europe. The press conference took place Mon                 day in the Crystal room of downtown Hotel Clark. Plttman has just returned ironi a nine month tour of Poland. Czecho-Slovakia, Bulgaria. Rumania. France and England, under assign ment by the Chicago Defender and the Peoples Daily World, to set Srst-hand facts in- the region which all the world is wondering about with apprehensions of an early World War IIL A few of the highlights of Pittman'.s study of the people, their politics and economic conditions follow: The vaunted "American way of 1UV Is being closely watched, with wonderment freely expressed as to how it. can have a "Negro QUt-Mion."  is highly           abroad anil gets full representation in . he said. Every Instance of lynching, mnb violence, res. covenant agitation, poll-tax enforcement. Ku Klux Klan activities, etc.. gets  front page play In the dally anri  papers in Europe. Negro culture has penetrated behind the "iron curtain' in certain aspects, music by Duke Ellington being the most, popular. One of the  highly respected citizens In Warsaw is a Negro, born here In America, but operating a One cafe and playing trumpet In his cafe orchestra. The rest of the outfit Is Polish and other nationalities. All the countries visited by Plttman are desperately trying to make a comeback: contrary to American opinion they do not crave dictatorship, but cherish the right of free government In spite of lack of                 food, devastated cities, and broken hornet ENCOUNTER JIM CROW In Rumania. Piitman met the old familiar jim-crow. Brought there by American officials. A luncheon was Riven by them and everyone of importance invited, but Pittman was studiously ignored. Said he: "I think a talk I  over the radio  the people on the manner in which they had conduct ed their election did. not set well ~-i:h the Americans, with thoughts in their n::.ids of disfranchised mil lions in our country. Correction ol such evils is the best protection against the influence of communism currently being flaunted as such a bugaboo." Said Prime Minster Pctrugroza to Pittman at Warsaw. "My government has succeeded in restoring  relations between all nationalities living here'.1 Said Mintchonaldsfl'. minister of public Instruction In Bulgaria, "My government h s removed restrictions again*:. Turks. Egyptians. Jews. Macedonians. Gypsies, and sll groups considered inferior under Nazi . We operate through a dual policy to sn-uri- equal opportunities m liber, and bring about better understanding between various nationalities." Pittman told how surprised he was at Chuge, Transylvania, when an interpreter brought in two ot tne day s papers. Across the tops in bit: black  they told of Paul Robeson%s leading a delegation to the White House to protest against lynching. Iu Prance, he round conditions improving, but still some traces of Nazi influence as regards differences in races. Warsaw will take a generation to rebuild, following Its destruction by the Hitler* blitz. Many of the population are living in tents, and food is scarce, but they are bearing up under it all bravely. Pittman     .</t>
  </si>
  <si>
    <t>                                           LOS ANGELES--(ANP) -- John Pittman, outstanding young labor figure Journalist and lecturer, told a press conference what goes on behind "the iron curtain" Russia is charged with having drawn across several countries of Europe. The press conference took place...</t>
  </si>
  <si>
    <t>                                           PARROTT, GA.--Mrs. Lillie Perry has returned home after spending sometime in Jacksonville, Fla.</t>
  </si>
  <si>
    <t>                                           MADAM MINGY, A GKNtUNC  AND TRtTE  6*c- ~^ R*- Wlthoot *Rk1nt    ^[ tell       \r* j^^^^y^Bj *nd how to   ^EtrlC r*lv^~ tt*v**T  *A HTl/ icr *~n health, Inv, *n"'^ji; *^B    *~  *4* rtt-~i      ^%   *td ( ml. it tor*- fl^^/ M\ to  \~*      *  - ^oo-m *n^t st*~p  In**rr. ** jfm\ 'uck. G^ln the * 700 *~~r* ti    ^~ UiU . low prtr* nuiT no* hr *    untied. 40 ^ rx    1  fan to AiUnU. U MAOaM  eit^  ~~*ttrr readme or f*      twi ^l     *  * ,  n;    #rtj m. 'Ill to p. tn. *   ? McDofM.of1^ Komd. ^ fr^m   -~1*m-  V^a*J RVTl Af I in*.- T4-~~. Fnr   *ft  tri THF.RK*S; ONLY ONE MADAME ROSE r/VI.MtST C*        !t To Read Votir-  life. . . ft       lure. A*      nn quei ^mT^^m     " hnt t*ib J"  Uvfl all  want I  .   ^^f'^^TSI of , Iot ,^~^ hr;. family r, V ^^tt lr"~ "hoi  ft. tff Tnl1 will  W . - el tnt*~.        .         q^~*  ?)~,    habits.  in?        Works, and     nf  ll Kindo. Rfadlntni l\ *~     ml Simday. A a.m. to ID   .     will find h?r  tha  ll . There b no heart  r home so       I ra.    Hne  In It. The power which you      4 *    desired    now in your  at Junrtl.m ..i Brar \venne and  Mill Road. Kowell Mill Road. Re ^ur#~ lo     Iw nw    -    *ll Mill Rntd Stop aL door. Hnarll Mm Tnlfc  of Whit,          ) CftBioau d pnr. la w,          - .   .</t>
  </si>
  <si>
    <t>                                           Mrs. Edna House Swingler, of 284 West Fay Avenue, who returned last week end from A. and I. State College, Nashville, where she attended the 10-day Red Cross Aquatic School, will be first AMC swimming instructor in Memphis Red Cross Chapter learn-to-swim...</t>
  </si>
  <si>
    <t>                                           E.  APEX Beauty College K:ir:. M.~    Money. Bo Your Own Ross. Kistity Culture Is A Depression-Proof Business. I NEW CLASSES I FORMING      *~f  reasonable* Sm:ill down . Balnncc in small  . AUBURN 4* BUTLER STS. CYprc*. 9543</t>
  </si>
  <si>
    <t>                                           MADAME LYDIA Palmist Fortune Teller j ^V^^^^R Guaranteed to retu! j Bcf^l your entire life, past, US present and future ^      Gives true advice on HtlH business, love, and HUM! health and family %     fairs; tells you what ^   1p I business Is most  I ^^Afl for you and what pan of the world will be more successful for you; advise* how to gain and hold good positions; she tells If the one you love Is trut or false. GIVE M7CKY HANDS 2973  RD.</t>
  </si>
  <si>
    <t>                                           War Dept. Nears Decision On Use Of Colored Staff                 WASHINGTON i NNPA AcLion to carry out the policy laid down In the report of the Gillem i Board for utilisation of colored per-  was visualized Tuo.sdny In the announcement the War De-  that Lieutenant General Ai'vln C. Olllem. Jr.. will be transferred to the command of the Third Army with headquarters In Atlanta, effective June IS. Oeneral Gillem. former Command- j Ing Oeneral of the headquarters group at Pelplng and United States Commissioner Executive - ter.s. Pelplng. was the chairman of i the board of officers who drafted i the policy for the utilization of colored man-power In the military es- i  and Is presumed to know more about It and to be more j sympathetic with It than any other Army officer. Willie the Army issued a circular i outlining the steps to be taken In the utilization of colored personnel In accordance with the report of the Gillem board Tuesday Is generally agreed that little has been done to I effect that policy sine its adoption more nan a year ago except to limit colored personnel to the ten per j cent of enlisted strength specified I in tile report. j</t>
  </si>
  <si>
    <t>                                           M. B.--We have been married for 16 months and it seems like we are not happy. My husband wants to run our married life like he did his men in the army. We are planning to go to Chicago. Do you think it wise?</t>
  </si>
  <si>
    <t>                                           Plans are being made for the fourteenth annual meetings of the Southeastern Regional Federation of Colored Women's Clubs scheduled for the Alabama State Teachers College on August 12-13. 1947 The opening session will be a Board Meeting at nine o'clock, with...</t>
  </si>
  <si>
    <t>                                           SOMETHING IS HAPPENING to the politics of this country something that may sure democracy---that abstract ideal which claims to be above the evils of other government idioms.</t>
  </si>
  <si>
    <t>                                           Woman Found Dead                 Mrs. Willie Gamble Brooks. 53. of 2211 Inman Avenue, died here .suddenly at 351 Hunter Street. A companion of the deceased at tlie time of her death stated that Mrs. Brooks had complained of a fullness in her chest and took some salts to alleviate the pain. They both  went to the porch, said the companion, and ten or fifteen minutes later she noticed that Mrs. Brooks had collapsed'. Another parly stated that the deceased had complained to her or being ill. ;The,body is  Cox Bros. Funeral Home.</t>
  </si>
  <si>
    <t>                                           ,Clark Professor To  Recital Friday During Chapel Hour                 Mr. Peter T. Fletcher, baritone, of; the Department of I*ench at :Clark College, will appear In recital Friday at 10 o clock (regular Chapel -period) In Davage Auditorium. .Trie singer, who appears annually; in recital for the students and faculty, will be  by Mrs. Marie Sykes. His  includes: "Wanderi,\1 by Schuman: "C'est Mon Ami," D.v Mane Anioinnette: "Si Mes      At- De.-i Ailes.' by Hahn; "To rtic Forrest." by Tachllowsky. 'Ohl Holy Lord,' uy Hugo; Didn't My i I j:d Delivdr Daniel?." roy Stanly j Adams:  R.iin CSemlnole Indian  ong' tay  Crowe and "I Am Thy Harp, by Cl:.irles Olmstead. ihe  is  Invited to 1 ..d this recital.</t>
  </si>
  <si>
    <t>                                           British Family Of Nations Is Debunked                 Imperialism Said Akin To Totalitarianism                 By HENRY B. COLE                 ACCRA. Gold Coast. West Africa ) The- British ^G- claim to be "family of nations" was roundly debunked here recently by the Ashant! Pioneer, n  newspaper owned and published by Afrlrnn"; at Kiimn*;!.                 The  was brought about by an Empire Day address to Gold Coast children made by the colony s Governor. "We are celebrating cur membership of the great family of nations which is called the British en-.. "the governor said. "Our family is scattered all over the world and Its members of a great diversity of  and race, but it is nevertheless a very real family. "It is united under the headship ot the king and every member of It shares a great heritage of wisdom of courage in disaster and of goodwill and of service to one  and to mankind." TRITE PHRASES Taking exception to this speech, the Ashanti Pioneer described the speech as betas replete with "trite Imperial phrases" and said that "British words are not compatible with British actions." "Year in and year out governors   children In a similar vein. But colonial children so addressed  to know what Empire Day addresses mean In practical life. Ths experience which the Cold Coast '\ learns from  vith 3ritish imperialism is one of injustice, oppression and exploitation. These are demonstrated lr. the dally discharge of government measure which are inimical to the fundamental interests of na- i (Continued On Pase 8: CoL 7) I                 British Family (Continued from      one) Uons of this country. ALIEN ENGAGEMENT "For Instance, why should the j government engage aliens for the service of this colony without InI  the people who bear the burden of  their salaries? A host of technicians arrive In the colony lone before the public is I  what exploiting schemes they are here for. He who pays the piper must call the tune. Considering the rampant conditions of . disease. Illiteracy. etc the public feels that the importation such redundant fat- experts to feed on the revenue of this country leaves much to be desired. Colonial subjects ore seriously ask Ins themselves whether for                 purposes, there Is an -" ence between totalitarian  and western democracies when deal tag  African*. I -There are many capable ,~Irl-~ can engineers, doctors, lawyers and technicians, but they  re never ulvI en the high posts and the same I salaries as the white technicians., These Africans do all the work while the European sits down to boss the situation."</t>
  </si>
  <si>
    <t>                                           ACCRA, Gold Coast, West Africa --(ANP)--The British empire's claim to be a "family of nations" was roundly debunked here recently by the Ashanti Pioneer, a daily newspaper owned and published by Africans at Kumasi.</t>
  </si>
  <si>
    <t>                                           Madam Eva Z5e SPECIAL READING 2Se fft^ Wee*    'rifle  em B fmct* V W5 Cake Marlctte-tn. I '/ maa Tard 8t**at I</t>
  </si>
  <si>
    <t>                                           Using as its theme this year, "The Uplifted Christ" the Mt. Hermon Sunday School and BTU Convention will hold its annual session July 9-11 With Mt. Gillard Baptist church. Spencer Street. Rev. A. Hall host pastor.</t>
  </si>
  <si>
    <t>                                           BIRMINGHAM, Ala. --(SNS) -- Lorenzo "Piper" Davis, topflight first baseman of the Birmingham Black Barons, became the first ranking baseball player developed in the deep South, to be signed by a major club. Davis was signed by the St. Louis Browns, who have the...</t>
  </si>
  <si>
    <t>                                           There appears to be strong possibility for Federal prosecution of Georgia wardens if prisoners under their jurisdiction are treated cruelly.</t>
  </si>
  <si>
    <t>                                           81 "PRAIRIE BADMEN" with Blister Crabbe Fuzzv and "FLYING SERPENT" also "Chick Carter. Detective" ROYAL 1 THE LAST CROOKED MILE"  Don Barry and "CLUB HAVANA"  "WEST     THE LAW" with Buck Jones and -Valley- cf UicQZomblcH" Also "HOP HARRIGAN"  -RANGE DEFENDERS- with "3 MeDQUiteers" and -TALK ABOUT A  Also "HOP  "HAUNTED MINE" with Johnny Mack Brown and "Chick Carter. Detective" munD "  FUED" witli Ranee Bnsters and -MISSISSIPPI MOODS" All Colored Cast Abo -PHANTOM</t>
  </si>
  <si>
    <t>                                           KIWANIS  PRESENT JONES CHECK                 By P. BERNARD YOUNG                 . N. C- (- On a small farm at the end of a wind trig^-rad- Tracy-near here, human decency at long last prevailed Thursday noon wH:n a (trim and7  delegation of Klwanlans presented a check to Harvey Jones for $3,200                 as a make-good gesture to the youth who won and then "lost" the Cadillac sedan  as a prize In a contest by the Ahoskie Kiwanls club. The check presented in a brief and hastily arranged ceremony for the purpose and was attended by a score of club members and a half dozen newspaper men. Members of youthful Mr. Jones' family were on hand. In only one stage did any of the Kiwanlans show any cordiality toward the winner. When Dr. Charles Armstrong of Salisbury, N. C, president of the Kiwanls International was Introduced to Mr. Jones, he shook hands with the former Stewards mate. SUGGEST HAND-SHAKING Following the ceremonies and during the picture-taking by               this writer suggested thai the Klwanians. for the purpose of a picture, converge on the winner and enact a scene of congratulating him. The request was at first refused and then at the urging of the Klwan  for the . the crowd grudgingly arranged itself around Mr. Jones. "Now shake hands with Jones," the Guide representative suggested. "We had better leave that out." objected N. S. Garrett. of Ahoskie.1 And that was that. There were no shakes. I The Columbia Broadcasting Sys- tern invited Mr. Jones to go to New York City, presumably at Its ex- , tp appear on a radio program last Thursday night.                 Througl'.i the assistance of the NNPA representative plane reservations were madi tor the winner ^HotSoiK.      .Xar-^ from her to' tae Norfbl -port. ARMSTRONG "HAPPY"       ""               "in3de- by Dr. Armstrong at the presentation ceremony: "Both personnally and as president or the Kiwanis International I am  indeed that this regrettable affair is at last about to be cleared up. "The Ahostde club has shown the proper spirit In agreeing to make this check which they are presenting to Harvey (sic), for the full amount of $3,200. He thereby finds himself In a better position now than if he had been given the original car. "This Incident should serve as a sharp warning to     Krwanls Clubs not to engage In any money raising ventures of a questionable character, even though they may have assurance from legal advisor.; that it Is within the law. "We have repeatedly warned clubs that this sort of thing is not permissable and is contrary to all prln  of Kiwanis. It s In my Intention to recommend to the board of trustees of Kiwanls International at our meeting on. August 9 that we take immediate steps to see to It that this sort of thing does not hap pen again. Kiwinis International has an enviable reputation and I of presidency to. go "to any lengths of presidency togo to ony  to protect that reputation." FOLLOW WISHES This is a statement made at the ceremony by Rupert Massey. Ipresldent of the Ahosfcle Kiwanls Club: "As president of the Kiwanis Club of Ahoskie. N. C. I have been authorized by the board of directors to present to you this check In the amount of S3200. "The board of the club of Ahoskie (Continued On Tmge 6 Cot; 3)                 Kiwanis (Continued from rise One), decided to give you S3.200 in view of your expressed wish of last week that you be given the money rather than an automobile. "As you know, the Kiwanis Club of Ahoskie reasons that it was not conducting a lottery Thursday  June 19 in Riving the Cadil lac automobile a* a door prize for                 its festival. The decision that evening: was not based on your race. The 22-year record of the club shows that it has endeavored to render a service to the community and to its citizens, regardless ol race, color, or creed. "Upon the recommendation of Kttrac f. UntenvCAonal and as a gesture of good will to all people I therefore, on behalf of the 1^1Manis Club of Ahoskie, present you a chick for $3500. TO BUILD HOME "Mr. Jones said in reply: "I intend to use the money to build a home nearby. I ani now                 ing the purchase of a lot." Questions on     point by white newsmen drew an indignant statement from Mr. Jones that he did not gamble In any form. "I purchased a ticket for the automobile and I would buy a raffle ticket again under the same clr cumstances." Among relatives on hand were youthful Adrion Jones, a nephew. Mrs. Carrie E. Jones, sister-in-law Starkey Jones, father: Mrs. Jones, wife and their infant baty. The group of Kiwanions were ob viously very much relieved when tlv: ceremony was completed and lost no time in departing the premises.                 The  seemed to have been "I seen my duty aud I done It* But to an observer they  too happy to  the</t>
  </si>
  <si>
    <t>                                           AHOSKIE, N. C.--(NNPA)--On a small farm at the end of a winding, muddy and gutted road near here, human decency at long last prevailed Thursday noon when a grim and unsmiling delegation of Kiwanians presented a check to Harvey Jones for $3,200...</t>
  </si>
  <si>
    <t>                                           MONTEZUMA, GA.-- Mrs. Minnie Belle Veal, of New York city was weekend guest of Mr. and Mrs. Robert Johnson. Mrs. June R. Engram spent last week with her husband. Maulin Engram, at Dixie, Miss Doris Rickenbacker of Sannah, was the houseguest of...</t>
  </si>
  <si>
    <t>                                           Railroad Employees ANDY KIRK An All-Star Show Amby Kirk And His Clouds of Joy HUBY CaLHOUN Exotic Dancsr Ray Sneed And His Famous Bvcode Dance Billy Wright Sensational -Blues" Sinprcr THURSDAY NIGHT, AUGUST 7 9 P. M. To 1 A. M. CITY. AUDITORIUM ADMISSION PRICES Advance 75c At Door S1.00 Table Reservations Si. 25</t>
  </si>
  <si>
    <t>                                           Felix The Cat Sullivai                 riM TYLER LymanYoun*</t>
  </si>
  <si>
    <t>                                           QUAKER CITY VISITOR AND,  Visiting from the Quaker City last, week  u Mrs. Elizabeth Wilson  sister or i Mrs RuUi E. Naylor         teller!    Citizen* Trust Company, and   wbo helped to make iie Philadelpblan's  enjoyable was Mrs. Nettle Bennett Archer                 center'  of    - bunkum :n- . The three charming mesdames I were "" by the WORLD S  as they were about    leave the  to arrange Mrs. Wil- son s reservation for her return to Phlily Thursday night.</t>
  </si>
  <si>
    <t>                                           IN LINDEN ST. BABY CONTEST -Above arc live cute tables , mothers a:id .^rs. \    are determined to rank :ush :n Lin ~--n St. C. M. E. Churcir.s hu;v co;.f Tiic  Kic having tlic  .\ :t:ovc S175 n-.~) be awarded :   ^Irst prize, a Bcmux w.' Oihcr valua.blu :s      .-. also. Contest  AuuusE.jrv                 Appearing In the top 1-ft pici:rc are Rev. and Mrs. Richard M. Ccliins of 123 Thlrklel St. with their . Addie Lee. ISfrht ts little Cor .-isa Watkins. Mrs. Efflc Jones, thr  i--       stands in tie background Bottom Left is Mrs. Annie Hart the sponsor with baby Bobbie Jean, thu  of ilr.and Mrs. James P. Ro-inson of 376 Linden St. Center j little      "Agaes Favors s: *ith her . Mrs. Lucile Favors J.' S31 Farrlngtoa PI. Mrs. Ella Hut-lii:.jon the sponsor stands in the ;ack?round. Right Is baby Aice Gritfin  tth her mother Mrs. Jessie Origin of 275 Ujiden St. The sponor. Mi-s. Mary Mapp  In tne ^round.-Photos by VV. Allca M11.-7.hy.</t>
  </si>
  <si>
    <t>                                           AUGUSTA, Ga.-- A new program is being planned here in Augusta whereby student nurses may have a course in nursing at very little cost to them.</t>
  </si>
  <si>
    <t>                                           CHICAGO--(ANP) -- In the five years since bandleader Louis Jordan has been in the public musical spotlight as a top boxoffice attraction he has always used the material of struggling young Negro song-writers who heretofore found the majority of baton-wavers..</t>
  </si>
  <si>
    <t>                                           WEST . Ga.- Mr. and Mrs Henry Frazier have returned borne after visiting Toledo. Detroit?* and. Canada. Mr. Aubriy Hutchinson died Sunday a: the Valley Hospital The  was held at Mount Nebro Baptist Church. Mr. Hutchinson Is survived by his widow. Mrs Saiah Hutchinson. brother, Pete Hutchinson and a host of relatives. Mr. and Mrs. Walter Davison are the proud parents a daughter. Lavonla.</t>
  </si>
  <si>
    <t>                                           l#ffl anta M8\ d    ' ~-~in ~.~~7                tf-j.  t US Aafcmzm Am. 5*5-;V Mwhur.; gNB-NMU^UV -ii'-~-' V U.  PubtJMhtx. Aug. 5. ISM. f Ftth Z. MM TaMptMoe: WAlnot MSt MM -Xui.r. u u, f-o.! orTH^  tt Auauu Oik. iu   mall mule me Act of Cnoicraa, Slurcn 13. 1K7W i '"A M'lrn editor  M Oenermt         Sl- SATES BT MAO: i .~^.4   M....U.J.     ; j Muolhj Tl.~~        ;     : 1 Veiir MM; Mgnthn T*    i llm, fe.jM; MmiUu MJtt;  I Yrmr-9!   Mwnidiu. luci- rt. i^r.trr- eftr Meekly. ATLANTA  WORLD 1* an independent  ,^*    and nun-      .  news  6 o)      1    : ^~  i Geneve* to oe to the interest of lu (~   .^i ..pw^HjiiK Jiuk Uung*   tbe interest at Its readers. .   3     f" I. CC / [JONb w  uia       '~d       .  l*iw  ~-TprnuJy   tor  of nn^ pic^. . ctc^ ^N  nn; scot. iiib ubin lu  *v *Vt-~. *    *      be          All oar     *        ov V*;~. niMir, ~*r -^  ur Artificial restriction* of nay . t*Uc n r-r  rc ret iw        or political . tbe better tt will w t-r       whole." -FRANKLIN D. ROOSEVELT</t>
  </si>
  <si>
    <t>                                           The Annual Lectures, sponsored by Turner Theological Seminary of Morris Brown College. April 15-17, were well received by members of the faculty and students of the Seminary and the College. The ment of Town and Country Church, guest lecturer, Dr. Charles...</t>
  </si>
  <si>
    <t>                                           Card Of Thanks                 We wish to thank our (YhmhIh for kind oppressions of  unit the run Is,  and          flowers during llw recent illness ami ilc:ith of Mrs. Mnry Itell Itookor Wo are espi  j;      'ul lu Itov. Itantfll oml Kev. Urnsoii anil (lu)st' whd run I li lulled l"ltl"S. Mrs. Marian'i'l- SirubUMrs. Cliulys Moss Mr.  Mrs. Mitriiin ItnokiT.</t>
  </si>
  <si>
    <t>                                           Madam Lva tto S^ECIAl, READING     r*v-' WorWi . 'iuM palmful.      c Te   fads and joo (el   RES0LT8. 10 U W. Martette SUN. V i XSrj S*  *?tte-la.</t>
  </si>
  <si>
    <t>                                           The Weather Considerable cloudiness.</t>
  </si>
  <si>
    <t>                                           In Memoriam                 In loving memory of our dear mother and sister. Mrs. Claudia Smith, who left us eight years- ago. July 26. '1939. I Mrs. Annie Ruth Smith, daughter Mrs. Hattie K. Hamm. sister Mr. Clarence Thomas, brother j</t>
  </si>
  <si>
    <t>                                           CHICAGO-- (ANP) -- Changing the normal procedure, the office which is attracting most attention in the forthcoming National Baptist convention incorporated, this year, is the first vice presidency. Rev. A. L. Boone of Cleveland, who held this post, died a few weeks ago...</t>
  </si>
  <si>
    <t>                                           MARRIAGE ANNOUNCED -- Rev. and Mrs. Collie L. Moore announce the marriage of their only daughter, Ola Mae. to Mr. Samuel L. Goggins, the son of Mr. and Mrs. Esco Goggins of Gadsden, Ala. The wedding was performed Sunday. June 22. at Thirkield Chapel.</t>
  </si>
  <si>
    <t>                                           Virginia Klan Charter Revoked                 RICHMOND, Va.- (NNPA)- The Ku Klux Klan had its charter revoked in Virginia last Friday because it had failed to pay its registration foes, totaling $10.                 The revocation of the Klan's charter was taken by the State Corporation Commission in a routine order affecting j 150 domestic and twenty-one out-of-state corporations. j                 The State of Georgia, under whose laws the night-riding organization was incorporated, revoked the Klan's charter recently, und an SCC official said last Friday that "when the trunk is dead, branches can t go on living." Actually, he said, the corpora- tion commission normally would not learn of the death of an outof-state corporation except when it failed to. pay its registration j fees. I FEES UNPAIDThe Klan, which was chartered as a nonprofit corporation, was delinquent in the payment of its fees here -for- 1945 -and 1946.    also had not paid     1947 fees,  bui ihaT  could not be  into consideration, since the law specifies that delinquency for two years is sufficient to bring about the revocation of authority. The organization, which reached its peak strength during the mid- j die and late 1920's, apparently had j been waging a losing battle 'for existence in Virgina for years. i Colonel C. W. Woodson, Jr.. superintendent of State 'Police, said that not since he was named to that office had there been a report of Klan activity in this Slate. AGENT DESIGNATED As late as the Summer of 1943. however, the Klan's imperial wizard. James A. Colescott. officially designated J. L. Baskin, of Arlington, as the hooded order s agent in Virginia. j The Klan was incorporated in Virginia in 1324 when it was near- ing its peak strength throughout j the country. At that time Dr. Hiram W. Evans, Atlanta dentist i was imperial wizard, and H. K. Ramsey, imperial  (secretary). Its charter proclaimed it as a nonprofit "benevolent" and " organization, but the State of Georgia, in revoking its                 authority to exist as a corporation, introduced evidence to show it had profited from the sale of the order s white robes and other trappings. Its activities were directed chiefly against colored people, Jews and Catholics.</t>
  </si>
  <si>
    <t>                                           RICHMOND, Va.--(NNPA)-The Ku Klux Klan had its charter revoked in Virginia last Friday because it had failed to pay its registration fees, totaling $10.</t>
  </si>
  <si>
    <t>                                           E. J.--My husband and I were married 16 years ago and last June he left. We have two children. He started going steady with the woman, that lived next door to us and still goes with her. But, he comes out here where I am and wants to make love to me and he doesn't...</t>
  </si>
  <si>
    <t>                                           v i ii a /^c^p^^^X iTT i CITY Atlanta JBWMflforld edition Published every Morning Except Monday It I N VOLUME 19. NUMBER 150 ATLANTA (3). , SATI7. . 2t. 1947 PRICE FIVE CENTS I</t>
  </si>
  <si>
    <t>                                           AMERICUS CHUnCH CONTEST WINNERS- Pictured above arc the winners in the recent Camp- bell Chapel AMB Sunday School I rally. Reariinc left to , Jessie roster. Jolinr.ic* Hubbard. Myrtls j                 Walker and Clifford Hollis. Rev. J. B. Shields is pastor of the Amcricus. Georgia church which observed its 70ih Anniversary June 20th.</t>
  </si>
  <si>
    <t>                                           Nurses, Dentists, Make Up Percy lones Hospital                 18 Nurses On General Duty Assignments                 BATTLE CREEK. Michigan.- Twenty NeKro com missioned personnel arc currently  to the staff of the Percy Jones General Hospital, Battle Creek. Michigan, it has. been announced.                 m- u'~'"*  NeEro officers at the Michigan General Hospital are one dentist, one neuro-psychiatric und eighteen general duty nurses. First Lieutenant Eugene M. Dascnt. Chicago, . is attached to the hospital staff as a dental officer. This U the first duty station to which Lieutenant Dascnt has been assigned.  ASSIGNMENT Lieutenant Evelyn Decker, Army i Nurw Corps, of WashingtonviHc. I New York, is assigned as a - - nurse,  served at HaMoran General Hospital before coming to the Percy Jones Hospital. Thirteen of the nurses 7iow at the Michigan hospital served at Mailman General Hospital. New . before their present assignment. Four were formerly stationed at Fort George Meadc, Maryland. Following, with home towns, is the roster of Negro officers assigned: First Lieutenant Eugene M. Dssont, 613 Woodland Park, Chicago, Illinois, dental officer; First Lieutenant Evelyn Decker, Box 5C, Washingtonvillc, New York,  First Lieutenants Bernice K. Amos,     Calhoun Ave., Bridgeport, -..Connecticut^ Jexnice Ew Brittan. Route 1, Clover? Virginia: Gla^' S. Brown. Ul Mt. Vemon St.. -Camden. New Jersey: Iradelle M. Con'vay. 522 Harrison St.. Panvillc. Virginia: Sara J. Parreli." 2008 Claggctt St.. N. E., Washington. D. C; May E. Greene, 987 Union Ave.. Bronx. New York; Millc S. Hooks. 3815 Pennsylvania Ave.. East Chicago. Indiana: Beatrice C. Holmes. 448 Dccatur St., Brooklyn, New York: Marrion E. Jackson, Crosswicks, New Jersey: Grace L. Johnson, 2410 Goode Ave., St. Louis. Missouri: Mabel Kirkpatrick. 4 8 South Broad St., Ridgeport. New Jersey: Louise T. I-, Tliornburg, Virginia; Lourene F. Martin. Princess Anne College, Princess Anne, Maryland: Marie Pearcc. 51 Somerset St., Newark. New Jersey: Beulah V. Perkins. jRt 5. Louisa. Virginia: Dorothy M. Richards, 84 Passaic St., Trenton. New Jersey; Matty L. Stone, 11 Elizabeth St.. Staten Island. New York, anil Jennie Thomas. 107-2 Pinegrove St..</t>
  </si>
  <si>
    <t>                                           BATTLE CREEK, Michigan.-- Twenty Negro commissioned personnel are currently assigned to the staff of the Percy Jones General Hospital. Battle Creek, Michigan, it has been announced.</t>
  </si>
  <si>
    <t>                                           MEN! MEN! MEN! Mmwtmrm Ymttr r mp Q ami      HMk HEBRON    t 91.80 Bottl*  1.   9S.00 BottU  m, 93.7* OtOWN GUT-RATE DRUG STOU It Fonuth 8t_ N. W. I NMt M Rlatt* ThMtr* i Malt       Filial PninW) i IHII-II j LOANS PRYOR FINANCE COMPANY, INC. 35 PRYOR STREET. S. W. Ground Floor Of The  HOUSE</t>
  </si>
  <si>
    <t>                                           COLUMBIAN MEMORIALIZED BY IOWA STATE UNIVERSITY-- Lieutenant Carlton Lewis Duckett,the late son of Prof. and Mrs. T. L. Duckett. Benedict College. Columbia. S. C.. was among those honored posthumously June 19. 1947 by the State University of Iowa at...</t>
  </si>
  <si>
    <t>                                           A FEW DAYS AGO one of our political ... this... could wipe out 75.000.000 Russians with a probable loss of less than 100 Americans. There is too much of this national... dowing by;... who all too treely in...</t>
  </si>
  <si>
    <t>                                           MADAME LYDIA Palmist Fortune Teller R Guaranteed to read your entire life, past, present and future. Gives true advice on business, love, and health and family affairs; tells you what business Is most lucky for you and what pan of the world will be more successful for you; advises how to gain and hold good positions: she tells If the one you love Is true or false. GIVE LUCKY BANDS 2073 PEACHTREE RD.</t>
  </si>
  <si>
    <t>                                           L. B. Brown With T. T. T. Bkrber Shop L. B. Brown, barber formerly with Rufus Barber Shop, -wishes all of his customers to know that he is now with T. T. T. Beauty and Barber Shop. 192 Auburn. Avenue, N. E.. telephone Cy. 9563. and that he is rendering the same services -(Adv.)</t>
  </si>
  <si>
    <t>                                           Madam Eva Ma SPECIAL READING ZSa     World's Kfealcut  Palmist. She rives JlMS S     To"   * 5p5~*J? RESULTS. 1015 ^y ^ W- MaricUa St-N*?CS#^~~jg W. Be sure to jy 'V Inan y*rd Street' ENTER NOW APEX Beauty College Earn More Money. Bo Your Own Boss. Beauty Culture- Is A Depression-Proof Business. NEW CLASSES FORMING Cost of course reasonable. Small down payment. Balance* in small weekly payments. AUBURN BUTLER STS. Cfpra* 9543  Why endure tho torturo or .  akin  rushes and  ther  ! akin Irrftatlons when TBtcful usora nil  tli-~ U.S.A. niv  of blessed relief rrom Jtoono's  oil. Get a small bottle from your       3t pday. Use as directed for Just JO days. Relieves ITCHY 1 BURRING SKIN I M-IV.SO \ j v*          ^      -~~iir Ij.r.e. I, II-, ,.,1,1. I,. -.1,,, wI.kI, ,,,.~,,,,,lv .l.r.l.- .i.l.mi; l.,  - ~,,cv,-,,, I.kjI mi^n.,1,. ..n.l plnm.ii^ . A x^l.i..l.lc am .ml will' T ... ,,,c,c       ..ill ki.IcK mm-~1 mi iltr   l ItllllOr ^     Htll-IIKHlt       JM.  mi ll.mi  Itliiii);   l   /i HM. .V-ib.o.. Alltlnr's f.~n    lm ~..blti ol  ..    NEYSO. Sold on iii"    h.ttl C'Mrjiucc* Onl) SZiz it ^      or by . M.            by NV.YSON CO.. AOanu. C.~.</t>
  </si>
  <si>
    <t>                                           AMERICAN CLERGYMEN TO' TOUR EUROPE Secretary of i War Robert X'. Patterson is shown i with a group of American clergymen who will tour Europe at the invitation of the War Department. They will observe conditions in                 Italy, Switzerland, A'jstria. Germany and France. Seated, ieft to right, are Dr. w  K. German, pastor of Caier.dar Memorial Church, Wilfcinsburg, Pa.; Secretary of war Robert P. Patterson and Dr. George Pitt Beers, chair-                 man on World Evangelizatioij;     York City. The  standing include Bishop William J. Walls, of Chicago, Illinois, Jht ione Negro in the group, fifth from left, from standing.</t>
  </si>
  <si>
    <t>                                           SAVANNAH LEADER -- Pictured above is John W. McGiockion of Savannah a militant leader of his people there.</t>
  </si>
  <si>
    <t>                                           Three Atlanta Black Crackers have been signed by the Stamford Colonials of the Class 'B' Colonial League. They're Freddie Sheppard. Andres Pulliza and Carolos Santiago. The team is managed by Zedke Bonura, former first caseman of the Chicago White Sox and a ...</t>
  </si>
  <si>
    <t>                                           DAVISON S BASEMENT SALE! Men's Fine Sport Shirts I jjf 3      New I*ow Prices I 5 JeS^ 9 ^P C^ Re** 10  149 v  P Reg* 295 a*** _i ^ip^;~~~ i--JIasqiie--~~     - Quality Spogt-Shagis '9 ^^^f^K^^^ II Here$ 9reor saving and every shirt it first quality and brand A sensational value men s first quality      site** tariff  9 ^^^?""r^' ^Hl n*w* A w"'e TOr'ety choose from. Every shirt has a taped shirts at this -wonderful, new low price. They're shirts yoa  m     '^zl 'M neck  hold        and n    " cut for comfort- Sacs' Sma"' L95 and 3-95 fer  this seaS0R-       fram ft S^^fe";-'.^ M Medium and Large. Cotton and rayon stripes, solid color mesh colors of blue, tan, maize or white. Wonderful values' in IWK 9 /^ v^'^f S        P B of l^^-P'r mercerized cotton and diamond terials rayons, , , sheers. Sizes Small, Me? 9 S^ '^i  1         jacquard weave. Bright colors maize, brown, blue, dium and Large. Grand for all-around casual wear. Don't ami 29    ?"'      white, wine or green. Phone and mail orders . this excellent opportunity to save on fine quality sport shirts. I  7f I V^V Famous Make I AH- Wool I V^S Playsmts I I M. M*O"OMCftl. 9 v^jr ^i 9 i i^^r^ I 9 n^HEnrBM  rfi ~-~s to 10.S5 9 9 B K2^^^bS  9C3    " * waar"l9 cl***rf*   in the 9 I 73 . reil. 29.95 I I t^^gi      8ll?Cld! MOfmfac- I M 1 I H^^^F^l y*H         *~r- Choose fram cheeks, small 9 9 9 9    ^E*V /S^TnT  r large, and  all with white trim. Sizes 10-14. 9 9 Just 150 all-wool tropical suits taken from our regular* 9 iB^^^i' J-*  br-~^-er  1    ^ht         el Mo^ 9 S stock and reduced for this wonderful sale! Every suit 9 9 I flr*""' '' h ack. brown a*d white At this low price H 9 first quality, every suit is this season s merchandise, ft 9 I ?0"1i  - HortY m .^. I 9- Qmosc from solids or patterns in blue, tan, grey, brown. 9 9/ I I 9 1 Sizes 36 to 46. Regulars, Longs, and Shorts, but not in 1 I .'I SPORTSWEAR DEPARTMENT I 9. every style or size. Hurry in for this excellent bay. 3? H I y* "i )M mi, mm _.'~:  ^f j. _il_i ^   *^ ^^^^^^^^^^^^^^^^W9JBH91M99</t>
  </si>
  <si>
    <t>                                           Gotham Passes Buck On Issue Of Housing                 NEW YORK- (    - The hous- ing situation in New York has reach ed the passing the buck stage. Her- man T. Stichman. state housing commissioner, under fire as aiding and lending comfort to the realty groups, said he knew of a sponsor of a proposed limited-dividend housing project for 3.000 families who dropped his plans when a federal agency (no names         declined to take part In financing it because of the city s anti- law. To this. Stanley R. White, district director of the Federal Housing administration. Issued a denial, as far as his  was concerned and I further said the PHA had no policy I against Insuring mortgages on nous- 1 ing where racial discrimination w^ barred. Stichman verified a report that many large Investors told him they would not build moderate rent, taxexempt housing while the city antidiscrimination law was in effect. I Stichman defended the law. but suggested a way of amending its penalty provisions to mate it less discouraging io . 'j "Some builders have na objection to i-he non- clause.' i the commissioner said, "but they i say that the remedy, whereby the j entire tax exemption of the project i may be forfeited 0:1 a finding 01 discrimination  a single applicant, is drastic.</t>
  </si>
  <si>
    <t>                                           CINCINNATI, Ohio.--It will be like old times here Sunday afternoon, August 10, when a huge program will be presented at Crosley ... featuring a three-team baseball doubleheader and the annual Race bathing beauty contest. The first game will match the...</t>
  </si>
  <si>
    <t>                                           "*}~ 4*nant fa       youn,  u^A NATURAL HAIR ATTACHMENTS ON            AGAIN Hai- Do's-lo meet all occasions PAOt  "OT NATURAL J^^^^BBfev $3.00 DltAID flR^^^BWf YOU CAN HAVC YOUR HAIR H^^~^    PERFECT!. Y MA  ^^^H^^^P^^Pl'  Creations ^^^^^HBf^lB Basily Attached ^~^      Human Hair- ^^^^^Bbw     S/ ^^~h J5.5O UNO NO MONEY ^^~^^^V^ JUST 5tM0  Or TOUR      ^^^~P^ STATE THE  Pay t  Full Amavnl              JESSIE KARE BEAUTY PRODUCTS 507 FIFTH AVL (Room 905) NEW YORK 17, N. Y.r Depl. A I .</t>
  </si>
  <si>
    <t>                                           NEW YORK -- Some people feel that the worst injury they can inflict upon their children is to keep them in the hot city all summer long. So comes the first warm day and mother will dutifully bundle off her brood to some ramshackle house in the country too...</t>
  </si>
  <si>
    <t>                                           The Lydia Bible Class of Mount Olive Baptist Church will meet on Sunday, July 13 at the residence of Mrs. Lillie Mae Davis, 298 Hilliard Street, N. E., at 4:30 p. m., with Miss Hattie Kate Hamm serving as hostess. All members are urged by the president, Mrs. Lessie...</t>
  </si>
  <si>
    <t>                                           13 Negro Banks To Represent At D. C. Meet                 WASHINGTON, D. C- (NNPA) -Delegates to the National BankS^'k A?**       annual  to be held here July lg-n  represent thirteen colored                 '                     Earner Martin Lancaster, special adviser to the Secretary of Commerce, who Is currently compiling data on the thirteen banks, said !XL7TlS?'y that )"s uncompleted report Indicates that the assets 0J  banks exceed $30iiO0dOO Tlie last report, which Lancaster prep-red for the CummercT^! . was published In 1844 and Sn^    !;at ta 194J *leven stored hanks had assets of J15.175.883 With the Industrial Bank of Washington and the -Department of Economics and Business of Howard Dnlversity acting as hosts, the  opens Wednesday, c c Spauldlng. president of the *Me enamel und Farmers Bank of Durham. North Carolina. Is on the - R. Wright, founder of (he  Bankers' Association Maj.ir Wright, who died July was :;~:.t] to address the open"-' Ing M-tsion of the convention. T)).. i ^riV^r^r^rain' Edward A. Poley. Assistant Sec- I mary of the Treasurer. Is scheduled to address the bankers at a public Xn Memorial Chapel at Howard University Wednesday night Lorlmer D. Milton, president c.t the association and also president of 'in.^103?"*  nd Trust Company Atlanta. Ik scheduled to  tlie annual president s  to thi non^nt"~~ banquet Thursday ?Eh W heW at Harrlson'K Cafe Other speakers on the program will Include: Danlei w BeU. S dent of the American Security      Company of Washington; Aaron Day. Jr.. assistant  ofthe North Carolina Mutual -Ufc InsurCompany: Hllliary G. HoslcinNat'onaJ BankoT Washtogton"^ .^MorTis^_^D!siriS. ^^CartS^ ta The convention is to be welcomed to Washington by Jesse P. MiwSS? P'~?teM or the Industrial Bank and Professor Frank Snowden director of the Howard University summer school. "" NEW KANSAS BANK Youmrest of the banks represent- I ed at the convention wiU be the New Douglas Bank of Kansas City Kansas, which opened its doors         "th With H- W-        r/^   % bank to "Presented Si.^f/^rs^l n2P at me invention will be the Tri-State Bank of Memp?e1 Ch J' R WaIker h ""e eleven older banks, which are I members of the association, ' Southern Bank     Trust Co, Philadelphia; the CltlzNashville. Tennessee: the CitizensTrust Co, Atlanta: Consolidated Bankand Trust Co, Richmond. Va.the Crown Savings Bonk. Newport News. Va.: the Danville Savines and Trust Co.. Danville, vn.- the Farmers- state Bank. Bolcy. Oklahoma; the Fraternal Bank and Trust Co, Fort Worth, Texas- the Mechanics Farmers Bank. Durham. N. c, and the Victory Savincs Bank. Columbia. S. C.</t>
  </si>
  <si>
    <t>                                           WASHINGTON, D. C.-- (NNPA)--Delegates to the National Bankers' Association annual convention to be held here July 16-17, will represent thirteen colored establishments with assets totaling more than $30,000,000.</t>
  </si>
  <si>
    <t>                                           CREDIT   ^/ TERMS \T\ Holloway And Son Jewelers 172" Auburn Avenue. Northeast la. 2752</t>
  </si>
  <si>
    <t>                                           102 Flying Officers Serve On Active Duty                 WASHINGTON. D. C. The War Department has. announced that approximately 90, Negro .pilots and 12 other rated officers arc currently serving with the Army Air Forces. The flying officers are stationed at Lockbournc Army Air Base, Columbus, Ohio.                 with the 477th Composite Group. Assigned to duty with Air ROTC units at Howard University, Washington, D. C and Tuscaloosa. Ala., arc six pilots. Two are assigned to duty with the War Department. Washington, D. C A rated officer is one who has been specially trained as either a pilot, a navigator, (specialist in all types of navigation), a bombardier, a bombardier-navigator. (skilled in dead reckoning and pilotage navigation), or an aerial observer. Rated officers may wear the silver wings of. their specialty. Army Air Force Personnel offices list 909 pilot graduates of Tuskegee Army Air Field during the course of the war. On October 31. 1945. 125 celestial navigators, 187 bombardiers and 52 bombardier-navigators had been graduated from Air Force training schools. CREW MEMBERS                 In addition to these commissioned personnel 433 enlisted men had accomplished training which I fitted them to serve as aerial crew members on bomber aircraft. I Among their number were 23 aerial-Bunners; 134 -; 149 flight-maintenance gun- j ners and 127 radio-operator gun- ners. The bulk of the pilots served overseas with the 12th and 15th Air Forces as members of the 99th Pursuit Squadron and the 332nd Fighter Group, commanded by Colonel Benjamin Davis, Jr. The remaining pilot personnel and all navigators, bombardiers, bombardier-navigators and enlisted gunners were assigned to the 47?th Bombardment Group. Of the Negro flying officers now on active duty, 37 hold Regular Army commissions. Of that number 28 are stationed at Lodebourne Air Base: 26 pilots and two navigators. Six Regular Army fliers arc presently attending College under provisions of Regular Army integration measures. One officers at Howard University and two at Toskegee Institute, with Air ROTC units, 'are Regular Army officers,</t>
  </si>
  <si>
    <t>                                           WASHINGTON, D. C.--The War Department has_ announced that approximately 90, Negro pilots and 12 other rated officers are currently serving with the Army Air Forces. The flying officers are stationed at Lockbourne Army Air Base, Columbus, Ohio,</t>
  </si>
  <si>
    <t>                                           Big PROFITS Good MONEY AGENTS WANTED SELL BEAUTY KITS WRITE FOK         AGENTS  N. M. CO.. 211 N. I-lth St. Richmond. Va. Distributors NATIONAL DISTRIBUTING COMPANY. INC.</t>
  </si>
  <si>
    <t>                                           Home garden as who have ... planting because of adverse ... conditions were urged today L. Paul C. Stark, director of the National Garden Program, to proceed with their plans as soon as possible There is still time to plant most vegetables, and successive planting...</t>
  </si>
  <si>
    <t>                                           Southern Solons Press For Old Wage Standards                 WASHINGTON I AMP; The south seems content at betas Iable-.' as the country s economic problem number otie. judging from the action taken by the men whom it sends to Washington to represent it In congress.                 This conclusion was drawn alter listening to southern congressmen fight to block the minimum wage i bill on which hearings are no"-' Ik- inc held In .the. education -and labor subcommittee. Rep C. Fisher (D.. Tex.) was the chief opponent of the Landts bill which only asks that a - urn wage be set at 60c an hour. Fisher based his objections on the i assumption that New York employ- err. could afford to pay more than i the people In small Texa-. towns.   ? contended that employes In rura! j towns could work lor a considerable amount less than those In New York, and still maintain a  standard living. Congressman R. J. Madden ID. Ind.'1 pointed out that the :; the wage increase, the       assistance goes to the farmer in the rura! areas, as 40 percent of the nation s Income goes for food. Thr more the workers in industrial areas make, the mere they can spend for food and the more prosperity Is given the farmer. Testifying in behalf of his own bill. Rep. G. W. Landls  R_ Hid.) said his goal is full' employment at a wage which will give American workers a decent standard, of living. Full employment will give full production and lull production Is the best guarantee against Inflation. ESEaPTWNS REDDEST                 -       he proposed 60c minimum --age increase because he feared that a higher rate might promote big business at tne^expense of !ittle business. "If the rate is too high, many small enterprises will ask for exemptions, which will defeat the purpose of an Increase. Kep. Emanuel CeUer (R.. N. Y.) told the subcommittee that It . comes -with good grace from     congressmen who voted themselves a $12,500 annual salary plus S2  00 exemption for expenses, to tell workers that they must work for 40o an hour. The chief objection Mr. Celler bad against the Landls bill Is that It doesn't go far enough. Be said that the greatness of a nation which enabled it to win two great wars Is due a  Increase from 65c to (Continued On Page 4 Col 3)                 i Southern (Continued From Pace One) i. 170c and after two years, 75c. The argument that the subcom^r.ittee was trying to force the New I York standards on all sections of Uae country was defeated on the fa.u that this bill' would in no way ef       New York, as all laborers j mate far" more than 65c an hour i already.  NECESSARY Conjr. Mary Norton, (D.. N. J.) stated that it' is absolutely l necessary to raise the minimum wage as the cost ,of living has increased 30 per cent during 1945. Most of the workers lri these areas where : are low do not belong to labor unions and have no chance to, raise. their :pwn u-ages. declares Mrs. Norton. JShe said It would jive her a  cV*al of pleasure bee the  at 75 cents' an hour, 'as sH: now ^has to pay someone $1  ui hour to wash her dishes." j Rep. Cbet HeUfleld cR., Cal.)                 spoke in behall of :he bill declaring Urn he paid a man SI an hour to sweep the floor in one of his stores, and pays a school boy the same price to cut his lawn. His daughter does baby sitting, he said, for which she receives 75 cents an hour. Mr. Fisher finally agreed, that due to change in the living  would be willing to accept a 50c minimum wage rate but would I never agree to raise it to 60c. This, j he said, would be putting the I squeeze on the employer who I might be forced out of business, thus putting people out on the street or In bread lines. But he still contended that there should be no increase in the wage law, arguing that wages should be raised only through collective bargaining.</t>
  </si>
  <si>
    <t>                                           WASHINGTON--(ANP)-- The south seems content at being lables as the country's economic problem number one, judging from the action taken by the men whom it sends to Washington to represent it in congress.</t>
  </si>
  <si>
    <t>                                           HHh-- S-S-S-S-Jffl-JHrS- H-S- A-~-HH-HHhfr*^1111 iiii mi mm w/ INDEPENDENCE for our NATION v   IU/   = INDEPENDENCE for our FAMILIES Xb  WITHOUT perpetual 'independence of our nation, there con be no security for all our people. Without        independence for our loved ones, we canhave no peace of mind. LIFE INSURANCE COMPANY OF GEORGIA is prepared, by resources and , to help you give protection to your family. Your local life of Georgia agent will welcome an opportunity to discus* the  financial independence. ^IKllyJy" T H E L D RELIABLE SINCE 1891       ^.           . LOTS AND   COMR*~X Still  RalUAt^ the  / *</t>
  </si>
  <si>
    <t>                                           The hard-hitting Athens Red Sox, one of the toughest clubs in semi-pro circles will invade the Gate City this weekend, and will tieup with the Atlanta Braves in a doubleheader, at 2:30 Sunday afternoon, at Harper's Field.</t>
  </si>
  <si>
    <t>                                           ^THATiLITTLEtCAWP uu^,c^,  ;,t By b. uniTi</t>
  </si>
  <si>
    <t>                                           One Acquittal, 3 Convictions In Riot Trial                 Ft. Leavenworth Prisoners Get Life Sentences i PORT LEAVENWORTH. Kas. I AWB' Three Negroes were sen- j .enced w lilt imprisonment and a .o\ was acquitted oa aJ counts as  ** court-martial nere last Wednesday. The quartet .vas accused of beating to death * inmate of the prison during a -ac* not chat followed a dispute  segregated eating facilities aere last May 5. Receiving the life sentence were Herman L. Snow. Pittsburgh: Floyd P. Psoorn. 27. Crystal Swings Miss. usd Eddis Upshaw. 25. Birmingham. The acquitted member was Archie Jackson. 27 of New YorS City. Major Henry C. Tfclesler. Jr, pub lie relations officer said the sentence Includes also dishonorable Haotiaxg! and fort leture of all pay and allowances and that the case wUl go automatically to the 5th may board of review in CWrego. Five guards and six other prisoners .were Injured during the riot CUy. Tenn. ^aS-  League Meets Thursday The Atlanta Civic-Political Lea- gue is calling a meeting of the or- i  for Thursday. August 7 The meeting will be heid at the Masonic Temple. Auburn Avenue at HUUard Street, at 8:30 p. m. The officers are now prepared to submit to the members and friends the Tall program of the League. John Wesley Dobbs. President says now is the time for the Negroes In Atlanta to get together in a big political effort. He says: "We must put on an intensive drive to register more Negro men and women above the age of 18. They must then be advised about the needs ot our Race in the community and just how to put forth a coordinated effort to achieve these needs and rights." All members and friends are urged to attend this Important meeting. BOLT TAKES SHIRT Philadelphia. Pa. While work- Ing on a road project, Anthony j Perdlcaro. 69. had the unpleasant experience of having a bolt of light i nine rip the shirt off his back. Perdlcaro was knocked unconscious i by the bolt, but was only slightly I burned.</t>
  </si>
  <si>
    <t>                                           ADMINISTERED - CIS- Richard A. Luke. Columbus, i Ga.. a tuberculous patient at Battev I State Hospital has been adminis- tered streptomycin for approximate ly nine weeks. The patient states that he Is unaware of any clinical improvement in his condition, but does know, however, that he has gained weight and feels much better since exposed to the drug. Mr. Luke, an assistant editor of the Battian. a patient s publication at i trie institution, has been confined 1 ai the hospital for 11 months.</t>
  </si>
  <si>
    <t>                                           VETERANS AND NON-VETERANS Academic courses leading to high school diploma, classes to commence September 2. Trade and vocational courses to be added later. Register now and course will be designed to fit vour requirements. Register at B. Joseph Johnson Religions Center. 388 Glenn St between the hours 10 and 2. August 25  August 29 or phone Mrs. Moore at WA. 8855 or MA. 1489 ADULT EDUCATION INSTITUTE g FRIDAY-SATURDAY ONLY 9BK CLIP TffiS COUPON i J^raT^ j$V%^ an^ Receive One Sirr. *\N^?\ Z.IRCON RING JwS^ \Ns^ ENGAGEMENT or WEDDING BANDS %       .  ZIRCON Kmcs represent, the 13  3~' SmSV.  skin modem science. Manj P -j Bgosgi C^"^^. social leaders.  and our fir:- "= ^^w\ %^        wear ZIRCON R!=gs and tu. v?^^ ^^Ss^ keep tte!r h!Sfc Priced diamonds to ^^!R^~~ safety vaults. Subject them to most any S              and of test- ?ou ^-2 be amazed. COM- 0 IflBBWfllSf^8^ PARE THESE WITH YOUR.  '^. DIAMONDS- SEE IP YOU CAN TELL 3 3.  f!^Sr  A'yjSa* THS ! 2 ^5^/x^^^T 'Limit! -You May Buy 1 to 4 Rings..  *        : Display-Better Rings. Sterling a -SM^BBSw'?' Cr GoId F1Iled       :rs as shown- SL9S ~= 2 5         2  [ and UP Men's Rings 158 and up Price? S S^^^^^ GUARANTEED 1 "d       /    . Better Rines Offered Are in Gnarantetd 3 1 459      'BK5??5\ SterUnjr Silver or Gold-FIUed r I t^S^^i no mail orders I I ^Ky\f Jraris Jewelry Co. I I ^*M^ ^Jr 66 PRYOR ST, S. W. I Near Cor. ALABAMA And PRYOR I</t>
  </si>
  <si>
    <t>                                           HIGH S BASEMENT .^^^^     ^^B^Brv -^^^^rff^S *^*1*. A^BwBw^^^K^SSBatfV^B JU9 ts ^3J^SIi\^V i 1 V9S^^HbwMWMwMmSm AwK^BK.v9^4I^^B^^Hk ^' .- i5S!*i?~ k^^^^ ^^ 'S'"*'"  D^BH^P^trt.WBlKBKBBB^Bc (1 ^-^T^9~^Bp^^^S^^ ZB^^SaBVEi* W!?3^B I t ^^v^B^^B^^BV^E(*^v^^i^B^B^^HVB^Bir CREPES, SHANTUNGS ~^95 i Just take the shortest route to our basement for the surest -1' ways we know of to keep cool. You'll find side-draped shan- M\, tungs in brown, green, or black for sizes 12 to 20. You'll % r find styles flattering to sizes 38 to 44, ISA to 24J, of French j^ crepes, spun linen or rayon, in green or black: jacket dresses 4j in navy with white dots. Cool charmers to help you bridge' ':'mt the seasons attractively.</t>
  </si>
  <si>
    <t>                                           Of the 58.334 new claims for unemployment compensation. under both the state and federal programs. filed by Georgians In the first six months of this year 12.903 claims or 22 per cent. were rejected Commissioner of Labor Ben T. Hurt pointed out Saturday in...</t>
  </si>
  <si>
    <t>                                           ^JBjO^ASJEFFTa^N FlANNAGAN 1    ?l CALLIE McCREE This ain l no place for '    ?re dream streams  oft' to s?a. An" the  reef is cryin' Fur fair Caliie Mac JlcCvoe; Miiidur, now of fancy Out beyond the ' reach Where the angels ci'.'led for Nancy My last pebble on the beach. This ain't no place for sorrow For memory keeps green Whore im  borrow From yesteryear s far scene The lon;r lanes where I kissed her And full  came t" me UiUn the clay I missed her Sainted Ciillie Mae</t>
  </si>
  <si>
    <t>                                           Madam Eva Si-ECIAL READING ZSc g -World'!' greatest - palmist. She gives SpQ S fact* and yon get j  RESULTS. 1015 C\ S^jJS W. Marietta SUN. j T^V^^^y w-     V^Kj^j' take Slarietta-In. ^^/jp-^J man Yard Street</t>
  </si>
  <si>
    <t>                                           JEFFERSON. Ga.--Mrs. Annie M. Harrison has returned to her home in Chicago and Mr. J. A. Kidd has returned to his home in New Jersey. after spending a week with their parents. Mr. and Mrs. C. D. Kidd. Mrs. Nellie Wood and son of Gainesville Ga. were weekend guests of her...</t>
  </si>
  <si>
    <t>                                           DEATHS                 Will Gist. 52. 83G Woodrow Plitt-e. . of J:ick Coupcr. els. all University Ave S. K. Betty S. Bctts. 78, 5   Johnson Avi:. N. E. Liiiclsey White. 1-1. 1189 McLuiidi.n Avrnue. Ioniu Daniels. 24. R-:',57 Butler Street. Ida Jeffries. SC. 50 Bell St. Howard Height Jr. M hrs. "720 Terry St.</t>
  </si>
  <si>
    <t>                                           i j Man Discovered Under Woman's Bed                 It's bat enough (or a woman discover 2 slr2r.se pair 0! i I shoes under her bed. but to find I that they are occupied by a I strange man-well, that s too j I This was the experience of I a  woman who stopped Of I ;:c-r C. E. Strickland early Sat- 1 urday morning and told him that she peeked under her bed and j and behold, she found a strange loan parked there. I Returning to the house with the excited woman the officer found the man who apparently I was  by the woman s knowledge of his presence. Arrested and booked on suspicion of burglary and stabbing, the stranger, listed as Oliver i R.Henson.24of 120 Hart Fellow j Rd.. was also wanted for the al- leged August 11. stabbing of Miss Evola Reeves, of R 288 Decatur St.</t>
  </si>
  <si>
    <t>                                           Does the loan guaranty program last indefinitely? When should a veteran planning to enter school next fall make arrangements for ' entrance? How much longer can a veteran reinstate National Service Life Insurance without a physical...</t>
  </si>
  <si>
    <t>                                           Tuesday morning found the crowds milling in the streets of Philadelphia waiting for the big parade of Elks to begin. The streets were decorated with flags, bunting etc. The Cincinnati Band with its majorettes was playing a good jazzy tune while the majorettes sang. The crowds...</t>
  </si>
  <si>
    <t>                                           Writer Finds Racism Leading To Another War                 CHICAGO (SNS) "Racism Is a more destructive Instrument :ban the  bomb." declares author. Voaa Adamtc in Septeai- I Jtr Negro Digest, "and Js swiftly  the International stage lor World War .TIL"                 Adamic. America's most famous Immigrant and author of several best sellers, most recent of which is "Dinner At The "White House." openly admits the seriousness of his charge, but insists that the United States Ik leading the tread toward war. It is ironic."              in the Nsgro Digest feature, "that the world s mes; powerful nation, desiring peace and freedom, should, be hastening 'JJe advent of World War HI by violating its own pre=epts in regard to race and color." SHEWS OF PREJUDICE The progressive writer cites the practice of Americans abroad who sow - seeds of race hate  peoples normally devoid of color prejudices. White Baptist convention delegates ui Copenhagen arc most- recent Americans chared with practice of this racist . Adamic deplores the harms done by Amerietn soldiers in spread                 ing the same dogma during the recent world conflict. In the forthright article which .s entitled "Will Racism Lead TV World War HI"? Mr. Admnic continues. "Racism Is an  word, natural kin to the u?ly ideology of Nazism. But I believe that if the United States ?oes to war with the. Soviet Onion, a maia precipitating causa will be    .  winte American attitude toward all - peoples."</t>
  </si>
  <si>
    <t>                                           CHICAGO -- (SNS) -- "Racism is a more destructive instrument than the atom bomb." declares author. Louis Adamic in September Negro Digest. "and is swiftly setting the International stage for World War III."</t>
  </si>
  <si>
    <t>                                           AS STORM EXPERT SAW HURRICANE                 DURING tut DEEPEST pem- m ul a  tvi-r :i:;ii1l-. i'.i.l, s.::     , Washin;;;on . human expert    ". h;    daring -  ti'-p:f-:il !:i5: in a 11-17 i;cl^ J t-air.'ia-L'yc- it the Umvii 'l lie .v!- -ili  Dhnlngtuphs show- v/ the - ii.u;-.    liki-  it... v,- Al lop. Hie I''-'"" -vl.Mh tci..'i .iff fn.ru  v.a-   into Iht- -::ii(-'- i in-,  1 1 1~-  v/ar mall'' 'I'lir l.i.lt.jni -.v..^                 IMlidt- with" -Nile? Ul lilt- -Wilhl'i ~'~till</t>
  </si>
  <si>
    <t>                                           ALLEGED ASSAULT VICTIM- Mrs. Willie Mae Stevenson lies confined to bed suffering from, abrasions and lacerations about the face  nd the mouth which she claims were inflicted when a medic at Grady hospital heat and kicked her while she was a patient there. At her bedside Is shown Mrs. Maude Sims, her mother, who holds a rip ped and torn robe reportedly worn by the victim during the alleged assault. The robe displayed at least three gap holes. The mother                 charges that tlic         /lW heat her across the head wlth/; of scissors when aae sought, to  of her daughter s  "   ,~    ,cused medic, Dr.       Pattejion Jr.. in an Interview,          ?~jl.v-:-1 mitted he slapped the patient" Md'S casually rapped tha mother       *~~ the head when she *      3 tent, but denies any further ' The medic contend! ' tii^SSEsffi ped the" patient                   5ff)BH on the arm. ~';  ;:</t>
  </si>
  <si>
    <t>                                           I "Big tight" or U. S. movie to{ btn tarns tar BrlUta.</t>
  </si>
  <si>
    <t>                                           An Invitation To Our 1st Anniversary Party Tonight Beginning 9 P. M, 1 N T H E GRAHAM JACKSON ROOM F e a t u r i n z RUDY BROWNS TRIO AND OTHER LOCAL TALENT We Extend A Hearty Welcome To Our Old and New Customers To Come Dine With Us and Enjoy the Soft Dinner Music. Reservations Can Be Made By Phoning AM. 1278 FINE FOODS T-Bone Steak* Fried Chicken Sea Foods Home Made Rolls Pies FRAZIER S CAFE SOCIETY 880 HUNTER STREET SW- AM- 1278</t>
  </si>
  <si>
    <t>                                           In Memoriam                 In loving memory of our dear        Mrs. Grace Schrtwi who deputed this life  years sso. today August 33. IMi. Tne gates of gold were opened. A       voice     heard. With farewell, mother, farewell No one knows the bluer pain. We have suffered since we lost you. Life has never been the same. In our hearts your memory lingers. Sweetly, . fond and true. There is not a day. dearest mother. That we     no: think or you. Gone but not forgotten by your children. Dear to our memory You \ always ce. There Is A vacancy that can never be  la our hearts and home. Mr. and Mrs. Charlie Smith. Mr. and Mrs. William Smith. Mr. and Mrs. John . Mr. and Mrs. L. H. Johnson, children, Mr. and Mrs. J. R. 1-ee. Master James R. Lee. Jr. Master Rudolph Lee Mr. and Mrs. Gc- Steaven Grand children.                 In Memoriam In memory uf our darling mother. Mrs. Ora Marlow Whiter*, who passed three years ago. August 27. i Three years ago you left us darling I No one knows the sorrows we nave 1 had lo  When others are  and happy We find the constant loneliness Almost too much to bear. Mrs. Osa Arnold. Mrs. Ira Beavers, daughters Little Oraetta Beavers. Mrs Mli riam Waters, granddaughters In Memoriam                 In loving memory of our  Vother. Mr. S. R. BWins. who departed this life one year ago, Aug. 25. 1946. You will forever live in our hearts Oh bow we have missed you well* you *ue none aao- we wii* meet you some day. I We loved you but God loved you 1 best. Mrs. Emma Blvins. -wife Mrs. Luvenia Barjwr. sister Mr. Tom Harper, brother In law                 Card Of Thanks Mrs. 1-ola .Ftournoy and Mr. Cleveland Brown wish to thank their many friends for the kindness i shown them in the illness and death I of their father. Mr. WiUie Brown. Many thanks to the members of the Thankful Baptist church fof the use of the church and to the Cox Bros. Funeral Home for their efficient service.</t>
  </si>
  <si>
    <t>                                           .SIXTH. SMITH PRESIDENT An eventful and historical weekend at he university culminated on Monday, October 20, when Dr Hardy Liston was inaugurated as the sixth president of the 80 yeal old Presbyterian institution. The Inauguration of the New President was held in the crowded University Church. Among the hur dreds of alumni and friends who attended there were many representatives of colleges, universities learned societies, religious organizations from all over the country. Dr. Robert P. Daniel, president ol the Association of Colleges and Secondary Schools and president of Shaw University, Raleigh. North Carolina brought greetings representing the schools of higher learning. Dr. Daniel said, "institutions of higher learning today are challenged by the Imperative demand, that peace must be a peace that fol lows the best of education and knowledge, not for destruction but for life."</t>
  </si>
  <si>
    <t>                                           H AMERICA S!:  MOST j /^^^ I I SCHENLEY R E S E V E I 86 proof. 65% cf oin         spirit a. 9 1947, SchonUy Dlstilitn Corp.. N. Y. C</t>
  </si>
  <si>
    <t>                                           nl BACKACHE? f -A    Do you know  proved way to relieve tbc stabbing. nuL f;     of  backache? .Doctors have mode tests with hundreds of people. Found thai nearly 9  mt of 10 g. relief with Johnson's Back Plasterthe one product myd^  for relieving ordinary l);  *- Ilow U helps you: Tins *               a    .il-  that  up circulation. It        ;f*   and warming Mowd lit ilic      spot. Tense. muscles relax. l*    ra^rft. Tbo ; pud guards a^ai naL chilling, support- twitching muscles, cuts*  pain. Mailc I iv Johnson  St Johnson known for fine surgical  for 00      .       *s Back Plastuk at all ; :^.</t>
  </si>
  <si>
    <t>                                           GCTS MISSOURI POST -Mr. Horton Cooper. 19-17 graduate of the Atlanta University School 01 Sociai Work has just  employment a;; Proeram Director of I the Carver Neighborhood Center. I K?.n.'ias_Citv!_MlKourI. Mr. Cooper is a              "Dui^l lam. N. C. I</t>
  </si>
  <si>
    <t>                                           AFTER WASHINGTON WEDDING- Mr. and Mrs. Samuel L. Washington are pictured after their  August 20. at the well appointed and decorated home of the bride s parents. Mr. and Mrs. A. Walter Parks, prominent Atlanta couple. For her wedding, one of the prettiest ever held In Atlanta. Mrs. Washington, teacher at the E. R.                 Carter School, chose a gown of T/ ~'ace trimmed with seed pearls and worn over a hoop . She carried twin white orchids on a satin bound prayer book. Following a wedding trip to New York City the  will reside at 225 Ashby Street. The handsome proom. a- former Air Corps Captain during World War II. Is continuing his studies at Morehouse Collece.</t>
  </si>
  <si>
    <t>                                           AT l/iVI-XACl-: KU1TI1DAY PA -- l*     **.''f  are pome  if the chiI(      who  AuKunst 17 an the  Ui\~,U; of  H. Lovchn-c mm the  of his thir I . "RicUry,"    )i'! is   Urwu'ii ;i  Uh frit inl.'i, wa v.-ry  ;is \m  host, hi  ,' frii . Tlio party f.onk phico on Hie f  hark lawn of fho Love-;  * on . Avoiuic Dcliciniis im  T"nm and cake was served. Balloons. whi. birds. colorful      and  * vi:iy j much In evidence and a good time i was had by all. Many -s ramc alon^ ns  aru] sip- 1                 tile      *(.'fl about. 1 'I'lip    Dtsi Virginia Owpns. B'.-verly .Jean, Tumliiismi. .Iiinniln mul P"ih .Inf.: fiM-snn, Kvolyii Davis.      !"    Ann,. \l..p U'lnfl..,l 1 1; M. K in I.Vi.l. .l.i.in Ii.mm-. .lull i I I iM Mih-; Ihnol.l. I :,l ,i nii l li.-.-ira . .Iitiidh- Il:i11: I. ..His:, A,!m;,,i .Ijn-k -.nil. 'I'lhl', Iliy I'.. Mi'lvin Uu^si ll. I'msiiis A. Iliirris. III. Ali.-i- an, I IM win I'rin^U1: Wnltcr ami Kl'- Hibli: I'ri.-. CJirislini! ami  Fluinistcr; C'yiUhia . ! Louise WillinRh:inl. and Ricky's little sister, Sylvia.</t>
  </si>
  <si>
    <t>                                           MILiADY ROBINSON GETS  UP- Rachacl Robinon. charming   of Jackie , star first baseman of the Brooklyn Dodgers, gets prettied up for the World Series in Harlem's Hose Meta House of Beauty, larest beauty shop in the world de.li":l  lo women of col01 Mrs. Robinson Is tall, graceful                 and. dresses in excellent taste. 6he Is naturally proud that her young husband was selected as "Bookie of the Year," an  that must be backed by superlative performance, sportsmanship and the capacity for teamwork. Special service is given Rachel Robinson by Miss       Morgan. hair stylist and co- with Olivia Clarice or the Rose Meta House of Beauty.</t>
  </si>
  <si>
    <t>                                           CHARLESTON, S. C. -- A request that a part of the beach front at Fort Moultrie, recently acquired from the Army as surplus property by the State of South Carolina, be developed "as an ocean front beach resort for the Negroes was ... with...</t>
  </si>
  <si>
    <t>                                           81 THEATRE- The Screen's Great. est Lauch Riot .July Jones ind Spencer Williams in the Hilarious! . "Juke Jow playing Sun-                 day. Monday. Tuesday, and nt *h* Boyal Theatre Wednesday ar.t! Thursday.</t>
  </si>
  <si>
    <t>                                           DIPPY. By John Cro*</t>
  </si>
  <si>
    <t>                                           RICHMOND, Va. --(ANP) --Racial segregation stalled the activities of convention of the Virginia American Legion here last week when Negro delegates demanded that thy be permitted to sit in the sessions at John Marshall High School without forced separation.</t>
  </si>
  <si>
    <t>                                           JEAN WORTH Born With Power Strange power          ^^9   ables tilts       B  medium to call nl l I'nn yuu ' yuu by     \-?_y'~i name, t^ll you N9 .Stjr  what you want to '~^KJ^IH It H w without !aL )U jB  questions,     .yi* ami u  you in ull EB3        . love, business, etc AVliy    unhappy? I can help yon. Sec uie today tomorrow     be too late! Hours A. M. to 7 P. M. Dally. 1269 Bankbeart  AJmand Park or Klver     To Anthony Street ~**TM^"^^"--~</t>
  </si>
  <si>
    <t>                                           COCHRAN, Ga. -- Mrs. Pearl Rogers has returned from Savannah snd reports that her daughter, Carolyn is much improved from her recent operation. Miss Loretha Prince, of Eastman, was guest of Mr. and Mrs. Governor Henderson on Sunday. Mr. Adam Solomon who...</t>
  </si>
  <si>
    <t>                                           In Memoriam                 In =-.e=:ory of ny -e father, who passed, away tws years ago today. August 28. 1945. 'Gone but nor Inrgctten." Louise Miner Estus. daughter 4128 Corapton Avenue. Los Angsles. California. In Memoriam In memory of my dear mother Mrs. Mary Banks, who departed this lire August 28. 1945. Sadly missed by: Rev. A. Edward Banks, son.</t>
  </si>
  <si>
    <t>                                           MIAMI.--(ANP)--Had a Negro qualified for the mayoralty race last Wednesday at Orlando, he doubtlessly would have been swept into office over his white opponents and by a safe margin.</t>
  </si>
  <si>
    <t>                                           Returning to the United States after spending two months in Europe, the pastor of Wheat Street Baptist Church, the Rey. W. H. Borders, will preach Sunday morning. He will use as a theme: "Manifestations of God." Music will be furnished by the W. H. B. and the...</t>
  </si>
  <si>
    <t>                                           FUNERAL NOTICES                 HEARD. Mr.-.. Carrie- or 351 Pit.'.- i:;m PI. t;. F.         "f Mr. and: Mrs. Brady Eur.. Mr. and Mrs. ,7oe M.is'.f-y. Mr. ;cici Mrs. Willie Melvm Pate, children: Rev. and Mrs. Muse Davis. Mr. Goodman Davis, of Atlanta. C.a Mr. and Mrs. Gu.s Davis, of Eatonton. Ga. j and u hosi of relatives and  j are invited to attend the funeral 01' Mrs. Carrie Heard 'Today.' June 14. 1947 at 2:30 o clock, trom Zion Tabornacle Holmes Church en Ho- j sue St.. N". E. Elder W. A. Barbour i and Rev. Latimoro will . In- J  South V:o\v Crmetcry. Ha- u^abrooks Funeral Home. j . Mrs. Rebeccas- The many friends and relatives of Mr Mark Hubbard aim family, nf 154';; For:. St.. N. E. Miss Marie Hnbbard. Miss Lura Belle Monrno and Miss Irene Co.hns. of N'e-.v York City: Markinc Smith, nf Detroit. Mich.. I Miss L;ic:";la Bcaslcy. of Virginia; i                 Miss Rosic Lcc Monroe, of New York C:iy: Miss Annie Ruth Hubbard, of Atlanta. Ga fat-hcr. Mr. and Mrs. John Hubb-.ird. of Carlton. Ga: Mr. and Mrs.. John Walker Echo!.-*, of Commcr. Ga.. Mr. anci Mrs. Sam Smith, of Crawford. Ga.. Mr. and Mrs. Willie Echols. of Lex:. Ga.. Mrs. Katie Mae Plcmminas and family, of Atlanta. Ga.. Mr. and Mr. Abb Flemings, of Atlar.:a. Ga.. are  to attend the funeral of Mrs. Rebecca Hubbard June 14. at 2 o clock from Flipper Temple A. M. E. Church on Alpine Place. S. W. Rev. Brown will ofi icate. Interment. Lincoln Cemetery. Haugvibrook Funeral Home.</t>
  </si>
  <si>
    <t>                                           Tomorrow Night With 'True Blues' Band                 ROY MIIiTON of "True IJIues" and "Thrill iMe" fame  tomorrow ., Monday, October 27, 8:.'5~) P. M.-12:   )~ A. M., at ;i I're-Hallowe'en Danco at the Auditorium 'eri^' route to engagements in California. Advance, $1,00; r A^ Box, $1.50. Tickets available now at popular, local IfiriH,* Southeastern Artists Coordinator. i</t>
  </si>
  <si>
    <t>                                           .Weather Partly cloudy to dear; mild.</t>
  </si>
  <si>
    <t>                                           AN AFTERNOON DIP- Shown here the Butler Street YMCA Campers taking an afternoon dig                 at Cam? John Hope .rc.i by :hc Butlrr Siiw: YMCA T!v      has one the  all- i                 .";i;::tl v. ::i:ni:ii^ ;i::rj -^-alt-r s:   *'y ji:--^r.i:r.s ::t :hi- South.                 RUNNING RELAYS- Relays alj types, comprise oa.'y part or Ihe active outdoor program at Camp John Rope.</t>
  </si>
  <si>
    <t>                                           Henry L. WhaHcy Succumbs To Illness; FinaJ Riles Today                 Ftinrr.nl  l"r IT. UPCp!". V.' u:M In- (! !i..i;iv in t!i.- I-i..-.,. i;,.,i. t, v.-i-h Dr. c.,.i:vc I). .1 1 mint;. Tin.-   \il:-.ii:' : .1 J525 l:V Gri:li:ir:G;i Ht* .-!   I/*. ::iry "Sl'ivio: :n Fi.;-: V:llU-y.[';5.i Hi^rMiiu-.':':-^:^ Hunker ^T'lV.'/ish"-' S^'iori a::mi:::;.;. n.;?'S:7.!5V-!                 .: was at Hampton T^fUfa t*. wh'.Tc he studied architectural . He m associated . Whatley Bros. Construction Co. lit u, .survived by a mother, lln. M..me Joe V/hatley;two sisters, Mn. Or^rc V/ Hinds and Miss Lu- ry : three brothers. Pieman. C'Iki.-:. It.. ;uid V/ S. Wbatley. ]:ii"rii!ciit will bp In Criffln, Oa. fv. i'.r'.Uiir'; I'tiiii-nil home Is  :trr:.'ni'*iil*; for the family. Tin: li"dy will lay in state at Provl'i~-ii.-c Bafiti.'.i Church, beginning at II a. in.</t>
  </si>
  <si>
    <t>                                           Dickerson, Jones Endorsed In Chicago                 CHICAGO , The Chicago Bar association last week endorsed two Negro attorneys or the clt, as qualified to serve as judges on the superior court bench. They arc Earl B. Dickcrson and Sidney A. Jones. Jr. Oul of 42 in the race lor erection on Nov. 4. Hie association approved 17. Only one of the three Negro candidates was not endorsed. The drive lo elect Ncitrocs lo the .superior court bench Is being spearheaded by the Cook County Bar Association, an o-KaniiMiion of Negro lawyers. The names of three Negroes                 will appear on Ihe slate of Uic Procressivc puny, an organization  in protest against, the policy ol the lily-white. - d Republican-Democratic coalition alter the latter ignored the request  l the association lo inc ude tho name or a Negro on its slate. The Progressive parly is calling upon all Negroes-Republicans, Democrats, and Independents- to rally j to the support of its candidates. I Progressive party spokesmen believe the coalition slate ignored the request for a Negro candidate for tlie reason that they fell tlic Negro vote "is in the bag."</t>
  </si>
  <si>
    <t>                                           Three Die Gf Violent Deaths Over Weekend                 Four were dead- three Negroe* and one white- as Atlanta climaxed one of -the bloodiest weekends in many months. Violent deaths were chalked up by shootings and . which claimed four lives among the 27 cases of cuttings anH shootings, which cropped up in                 widely-scattered areas over the city the past weekend. Carey Little was pronounced dead on arrival at the Grady Hospital after receiving a stab wound Cl in the side  the left. V I arm which penetrated the heart. The  occurred at 29 Gunby Street. Rushed to Grady  by Hanley's Funeral service. Attaches found him dead on arrival. Police 'were                 ing Nathaniel Thornton on a charge of suspicion of murder in the death of UttLe Victim Number Two. was  William James Booker of 61T East Avenue N. Kr Police investigating an altercation at Forest and Bedford, found Charlotte Watldns.  astride Booker, on the sidewalk, after ^ plunged a knife into his heart. The one blow through the chest brought Immediate death to the maw Victim Number Three! was James Mehta Bradley, white. 741 Woodward Avenue, whose jugular vein was severed at Edgewobd and Bell. Police arrested Mary Baker in connection with his death.' Meanwhile several JMzarre angles crept Into the slaying"of Bradley. Mary Baker.  overalls.and to a3 appearance    man.  her deadly way after her reported stabbing of Bradley. Police found her in a cafe near the seen? c( Che killing, threatening several spectators with a knife. An unknown woman Is linked with circumstances leading to the killing. Police told reporters that Bradley had been carried to Grady in Hartley ambulance. A te. call from that firm to police stated that Bradley was back at that establishment, still bleeding  On Paer R Col. 4                 Three Die (Continued From Page One) ly. Rushed back to Grady. bleeding and dying. Bradley is reported to have succumbed  or oni arrival. I Lewis Bates, victim number 4. died early Sunday at Grady Hospial. after attaches bad admitted him. along with his wife. Rena Sates of 405 Connally Street, lor pistol wounds. Lewis told police that he and his wife were walking down an alley when someone Jumped out and shot him. Police Investigating found his wife near home. Rena Bates told police the shooting occurred at 13S Clarke Street. Police questioning the man at Gratiy for a cue to the person or persons shooting him drew blank silence. Ee died with sealed UPSAlthough conscious, he refused to make a statement in connection with the shooting. A total of 27 cuttings and shoot. Ings .marred the post-week-end of peace and serenity. Victims listed in the cuttings and shootings include the following persons who reported varied acts of mayhem to the public last Saturday and Sunday. Stepson Barnes. S5O Lester St. j was stabbed at Susset and Foundry Stj. wh2e talking with two girls. Two  youths  to take the girls away from Slspsos, j subbed the sss is the chest, left side and middle cf the back. 1 Police arrested Fred Sweney. who I beat his wife with a smoothing Iron oa a charge of asault and battery, j His wife. Lucv Sweney. 454           St. said came home drunk i and began beating her. I Fred Rose. 829 Beckwltb,                 ins to statement by his wife. Carol 1 Rose, of the . assaulted I her with fists and chair. Battle Mae Armour. 10 Richardson St. SE. was stabbed by an unknown person. Aaron Martin. 306 Forrest Avenue was stabbed by an unknown person. Benny Giles. 139 Chestnut St. was treated and dismissed at Grady Hospital after being subbed by an unknown person. Richard Gammon. 1ST Houston St. was stabbed in the  testicle. In a reported altercation with his wife i Be was treated at Crady Hospital j and dismissed. j Marie Owens. 131 Glenwood. SE and Ed Wyatt 407 Wyatt St. were I stab victims, crowning out ot a fami I 1? altercation. Dewey Jackson. 19. 7TOH Magnolia St. reported stab wounds. Police were seeking: Grady BZrown for question top. Josie Frazier. 231 Maple St.. SW. I was stabbed when she attempted to Intercede in a fight between her sons Collier and William. She suffered                 cut on the inn. Police car. I rted her to Gradv. where attaches I reported her condition serious foU I towing grave Joss of blood. Charlie Pope. 35. 524 ConnaHy St. SE_  nd Fannle Welch. 580 Pulliam St. SW. suffered buck shot wounds when Jesse Crouch 584 PuDlam St. reportedly fired at them while walk. ing down an alley. They were Created at Grady Hospital and . Police held Crouch on a charge of { shooting another. Ora Lee Matbis. 210 Chestnut St. suffered stab wounds In the head af ter a flare up at Butler and Houston ArdeUa Unley. 268 Green St.. xas soot at Picdmount. The bullet pas- { I sed  the stomach and her  was disclosed as critical Police arc holding Charles Dozicr. 63 Piedmont on suspicion of - John Calvin Newman. IDA Park ISt. was strobed from behind by an unknown person. John Horace Gricfis. 209 Harris St. NE. was stabbed at Magnolia and 1 Foundry.</t>
  </si>
  <si>
    <t>                                           Four were dead--three Negroes and one white--as Atlanta climaxed one of the bloodiest weekends in many months. Violent deaths were chalked up by shootings and stabbings which claimed four lives among the 27 cases of cuttings and shootings which cropped up in...</t>
  </si>
  <si>
    <t>                                           TIM TYLER By Lyman Young                 FELIX THE CAT By Sullivan</t>
  </si>
  <si>
    <t>                                           BOOKKEEPER WANTED A Permanent Position Wiih Good Pay Is Open To A. Qualified Person \V rite to Box- D ATLANTA DAILY WORLD</t>
  </si>
  <si>
    <t>                                           'No More Chances', Bush Tells Writer                 JACKSON. N. C.       - Godwin (Buddy) Bush, 24, who was exonerated by the Northampton       jury here August 5 of charges of assault, confided to a NNPA reporter that he was "stettin* out of town before night."                 He obviously was taking no more risk of being executed without benefit of a trial as he nearly was on May 2. ast. when be was abducted from the jail here by a masked mob but escaped into the swamps from the automobile in which he was to be carried to his execution. Bush denied that he had offered not to testify against his wouldbe lynchers if he were given his freedom. He stoutly affirmed that if the case arose again, he would testify against those who sought to exact his life at the end of a hangman s noose. "I am not afraid." he declared. Hi* home town lawver. Venw D. Strickland, of Rich Square, told .NNPA reporter immediately after the grand jury reported that he felt the grand jury believed, whatever the evidence, that since Push had n6t actually                  harmed, and was -not . it might jost as well free the accused  "in the interest of good racial relations." He added that "the beat  of the county are  that several mistakes were made: (V) that Mrs. (Margaret) Bryant was frightened and charged Bosh with a felony when he merely scared her when she came upon him unexpectedly: (2) that the local police chief acted precipitately in making the arrest without thorough investigation, and (3) that a bunch of hard-drinking hot-heads sought to  the youth." He told Bush that "thf-s^ were your friends before ^re still your friends." Governor R. Greggy Cnerr has * a meeting with Judge J. Paul Frizelle and Solicitor Ernest R. Tyler for Wednesday to discuss the case. Within a few hours after the grand ji^y had reported no bills against the seven white men accused of abducting Bush from the jail 'here the governor ordered Judge Frizell to investigate the case and bring the men to trial in as adjoining county.</t>
  </si>
  <si>
    <t>                                           JACKSON, N. C.--(NNPA)--Godwin (Buddy) Bush, 24, who was exonerated by the Northampton grand jury here August 5 of charges of assault, confided to a NNPA reporter that be was "getting out of town before night."</t>
  </si>
  <si>
    <t>                                           IN THE NATION S! CAPITAL                 Bt LOUIS LAtJTTEK For the  News Serrt"                 One piece of legislation which the Congress enacted and the President approved is expected to have far-reaching effects in a troubled world. It is the National Security Act of 1947. which created a new "National Military Establishment** with three                 equal departments^- the Army, the Navy and the Air Force. The head of this new establishment is the Secretary of Defense. Immediately after he signed the bill. President Troman nominated James Forrestal to fill the newly created post. The Senate confirmed him forthwith. Appointment of Mr. Forrestal is a guarantee that, at the highest race discrimination will not be practiced. As Secretary of the Navy. Mr. Forrestal was responsible for the virtual elimination of race segregation and discrimination in that service. While in actual practice the Army may be ahead of the Navy in its treatment of colored personnel, certainly Navy policy in this respect is the more enlightened. Mr. Forrestal is vested with the authoriy and the power, under the i direction of the President, to es-i tablish general policies and pro- crams for the National Military Establishment and the Departments of the Army. Navy and Air Force and to exercise general direction, authority and control over such departments. From the viewpoint of colored people these functions are important. Mr. Forrestal has an intimate knowledge of the problems which confronted colored personnel in the Navy during the war. Continued on Pace 4 CoL 3                 In The Nation's (Continued From Pace Our) If similar problems arise in the unified services, and it is likely that they will because they "till exist in each of the services to some extent, it will not be necessary to convince him of the desirability of their elimination. He I already is on record in that re- COUNCIL ESTABLISHED The National Security Act also established a National Security Council, a Central Intelligence Agency and a National Security Resources Board. The National Security Council is an  bodv to the                 dent with respect to the integration of domestic, foreign, and military policies. It is composed of the President, the Secretary of Stale, the Secretary of Defense, the Secretaries of the Army, the Navy and the Air Force, the chairman of the National Security Re- i sources Board, and such other members as the President may designate from time to time. i The National Security Re- sources Board will be concerned with military, industrial, and ci-  mobilization and, in time of war, it would be made the effect-  agency for putting these j plans into -operation generally, and for determining the needs of the civil ad military elements of the nation and allocating material and facilities among them. While Congress was debating the unification bill, there was moch talk amone the remnants of the I                 self-styled -Black Cabinet" of expansion of the office of the civilian aide to the Secretary of War. Under the proposals advanced, there would be a civilian aide to the Secretary of Defense, and an assistant civilian aide to each of the Secretaries of the Army. N'avy and Air Force. The National Security Act authorizes the Secretary of Defense to appoint three civilian special assistants to advise and assist him in the performance of his duties. Their pay would be $10,000 a year each. The Secretary of Defense also is authorized to appoint and fix the compensation of such other civilian personnel as he may find necessary for the discharge of his duties. Whether he will appoint a civilian aide to  him in the formulation of policies affecting the utilization of colored personnel in the armed services remains yet to be seen. But inasmuch as the National Security Resources Board will be concerned with industrial and civilian mobile to assure the most effective  and maximum utilization of the Nation's manpower in the event of war, it appears to be the logical spot for a civilian aide to advise on effective industrial and military utilization of colored personnel.</t>
  </si>
  <si>
    <t>                                           One piece of legislation which the Congress enacted and the President approved is expected to have far-reaching effects in a troubled world. It is the National Security Act of 1947. which created a new "National Military Establishment" with three...</t>
  </si>
  <si>
    <t>                                           COLSTON MAKES AWARD TO i R. W. '- James A. O.ls- ton. president of Georgia Stxtc Collene Kivcx citation :is GmrKia State recognize* 45 yean, of successful service of Roberta W. Gadsden         Chiithiini County                 School*.  JurinE tho 5 th . *.-: **:ment and the     -~ of tin-  (~  "    !nt AiiKiist 14. Mr. i;:i.Js.l.n was  a  il.'      by th* f. and</t>
  </si>
  <si>
    <t>                                           NEW YORK N. Y.--(SNS)--This is it. The biggest show in baseball. Everybody is here. New York is madhouse of baseball fans who want "in" on the most spectacular feature in the annals of sports. For the World Series is no ordinary classic. Everybody, from everywhere; has jam-Packed this city for the Series. At this moment the going is hard for the Dodgers On opening day they dropped a 5-3 verdict Wednesday the Yankees routed fours Dodder pitchers...</t>
  </si>
  <si>
    <t>                                           In Memoriam                 In loving memory of our dear mother- Mrs. Mary Lizer Creanv er who departed this life two years ago, October 20, 1945. Just two year* ago, you left us Sad and Blue with your body gone back lo dust. The sweetest memory still lingers true. - . ^-^afi7 Mrs. Mary Byrd, .Mr. Will. Thornton. In Memoriam In loving memory of our father, grandfather and brother, Mr. .Tim Mack who was buried 6 years ago today, October 2G, 1942. The Mack Family. In Memoriam In loving memory of our darling son and brother, Mr. Edward Jackson, who left us four years ago today, October ?5, 1043. We have  your memory son To remember our whole life through, Rut. th" sweetness will linger forever ***"^St As we treasure the image of yon. Mr. and Mrs. Edgar .Taeltson,  Miss Rarbara -lean Jackson Mrs. Evelyn Martin, sisters. In Memoriani In sad but loving memory of my dreir husband, father and brother, Mr. Will Callioun who lofi us two years ago, October 20, 1945. D^etli leaves a heartache,  con heal. I can  hear you:* sweet voice dny and night. how 1 miss you in my life. Miss Pnnnie Mae Calhoun,  and children. Mrs. MM in Pujih, sister and children.</t>
  </si>
  <si>
    <t>                                           DAILY CROSSWORD                 ACROSS 1 Fine meal of ground wheat 6 Accumulate 11 Stir up 12 Monetary unit (Brit. India 13 Insert 14 A kind of  15 Greek letter 16 Unit or weight 17 inclined to be  2 1 Frying paii z\ exclamation 27 Walked back and forth ia Black bird SO Affirmative vote 31. Obvious 33 Livelihood   4. Old None literature 37 Float 41 Working implements 43 A spirit Moham myth i 44 Brutal 45 Fiber from tropical American plant 46. Robust 47 Sacred song DOWN 1. To curl, as hair (var 2 Solitary S Put out                 4. Such aa can be used (var) 3. Soak flax 6. Constellation 7 Hot and humid 8 Armadillo Brlatlelik* process 'Anat.) 10 Appear 18 Mort ancient 16 Selenium 'aym 20 Fln**                 21. Resort 22 Gtrl's * 23 Frozen water 24 Hail! 25 female fowl 26 Insect 29 To direct %.~ .letter 32 None god 33 Made Into* large package 34 Cngrave u with  ui add 35 Ctrl'*  3d Sour tn manner                 SS Species of pilaster 59 To make full 40 Abound 42 Cunning *3 DtsemboweL                  if ill ill ir"__ III. pii. 1.1^   " I I I 1 m 1 1 I 1_                 - A cryptogram  S1Z  RC    81  B D f CD1          . Cryptoqaote: THE GREATEST OF EVENTS OFTEN ARE PRODUCED BY ACCIDENTS- 8.</t>
  </si>
  <si>
    <t>                                           Dr. Shepard's Kin Get $26,700 Estate I DURHAM, N. C.- (ANF)- The two daughters and two grandchild dren of the late Dr. -I antes E. Sheppard, president of North Car- olina Collepe at Durham, are heirs of the $20,700 estate, in personal i property, left by the noted educator, according to his will, made Piililir here Thursday: Dr. Shepard ordered that his home lie sold to the state for  25,OOu. wilh the money to go to his i  am! two grandchildren, i In addition, the will provided th:it j 51,501) he (riven to the White Rock I Hapti.st  for the erection of I :i memorial to n  and his mother and father. All of   were ItequeatlUMl to the colU'^ro .</t>
  </si>
  <si>
    <t>                                           The Hopewell Baptist Association headed by Dr S S Kelly, ended ene of its greatest sessions recently at Israel Baptist church, Rev. C. S. Jackson pastor, with spiritual enthusiasm and finance reaching an all-time high...</t>
  </si>
  <si>
    <t>                                           NEWNAN, Ga.-- Mr. Tom Hunter who has been visiting his daughter and friends in Chicago have returned home. Miss Mable Gilley, who has been ill at a hospital in Atlanta has returned home. Miss Motta Sims, daughter of Mrs. B. Sims is visiting her house guest.</t>
  </si>
  <si>
    <t>                                           Repairs and Renovations $$~   rO At Low Cost WSHfP NEW. TEN-YEAR GUARANTEED ROOFS. . , PATCHING. AND ALTERATIONS. Financing up to 36 months at 4 1.2 per  interest J. H. CALHOUN, Real Estate SALES REPAIRS INSURANCE 'FURNITURE TO SUrT YOUR PERSONALITY' CALHOUN FURNITURE CO. Offices: SI HERNDON BU1 S3S AUBURN AVE, N. E. TELEPHONE: MAla  M3</t>
  </si>
  <si>
    <t>                                           We attended the meeting of the National Negro Business League in Tampa. Florida, July 27- 29. Eighty of us decided to go to Havana. We motored 300 miles to Miami for the beginning of the tour.</t>
  </si>
  <si>
    <t>                                           i THERE S  ONE I i MADAME ROSE j I PALMIST Guarantees To Read j Tosr . life. past, present.    ^~ tare. Asks no ^W^nfl  bnt ten"     ^~VV^~1 All 7OU KUt to HUB know, giving   M^^lH and ^V^SBB  f .  o*   W^^^Xj h Mith.       ^^M 7~"  aad m^^^^^r ^i  Ctt* mt-.       . 1* *.     *. KtomhUnc Mocks, and bad luck of all . Readlap 2Sr dully and Ssnday. 9 ajn. to 10    m. Ton will find her smarter than  U othen. There Is no heart sad r home so dreary that I cannot briac r-* to K. The power which yon have always desired is now. In' your each. Located at JmKtfon or Brady  and       Min Road. 10G*  Mill Road. Be Kara to take the one car- Howell Mm Road car. Stop at door. Uowell MSI Trailer, front or White Provision Compan* \, Ga. It pays to m fkw bast n the dty.</t>
  </si>
  <si>
    <t>                                           NEW YORK--(ANP)--Vigorous opposition to a senate measure, S. 1548, to revise existing sugar import quotas from Cuba, was expressed here last week by the Cuban Federation of Workers.</t>
  </si>
  <si>
    <t>                                           $2.98 The No. 3 ATOMIC BOMBSHELL New Style: New Low Price! For Mail Order Only. In Genuine black Suede only. Sl2es 4 to 9, M Width a Use This Coupon Today I ATOMIC SHOE CO., I P. Box 179, Canal St. Sta.     York 13, N. y. Dept. s Pairs Slzt   :r.e Street I C:ty Stile I U.O. I Chick COD.</t>
  </si>
  <si>
    <t>                                           In Memoriam                 In Memoriam In loving memory of our darling mother and grandmother, Mrs. Kstcllu Carmiehell, w h passed away one month ngo, October '.'A, mi While she sleeps in  in peace Hit memory we shall always keep We love you Mother. Cliihlrcn and grandchildren In Memoriam In loving memory of our dear son and brother who passed  nine years ago October 23 1938.  He Is gone "but not forgotten We loved him but God love him best" Mr. and Mrs, Q. Hlgh'-. parents Mrs. clydia M. Freeman Mrs. Sarah Earl Mrs. DD'.-othy Tiller, sisters Mrs. Sarah Plueher, grandmother                 ".- IDA RILEY 'K' r'"' In loving memory- of our wife, mother, daughter, Mrs. Xc'.i Hiley, who departed this life one year ago, October 22, 1946. THE FAMILY</t>
  </si>
  <si>
    <t>                                           - John Cross</t>
  </si>
  <si>
    <t>                                           ^^       ^JSH^^^B^fl Ch/ome plated    ^ ^^m^S^^^^^His BERE S A REAL BARGAIN Mcn'B Hondsorac Five Jewel Witch has radiant dol that  in         .  crystal, Bweep-hand The ladies da mt ye:      Jewel W.:.. with your choice of Bilk cord Ba--.d or Matching Expansion Band. SEND NO MONEY- Wear on FREE TRIAL At Our   W Trt W.=..nlt. PmittoyourownutUfietKn Ih.   .! lour W.tda     0 AT 2ON.il. DIAMOND CO., 5435 S. Indian!  re.. Dep*. 4!~i4. Chicato !G. .Ml. Tfte Natural BRAID-  end 23 inches  n length. 35.00 ^JfflPwBiHlB '.JUST SEND SAMPLE OF YOUR HAIR V^Uff'^f       '~y Potiman Fwll Amount on DiNvcry Ulith NATURAL HAIR ATTACHMENTS      ^    '~I(C V011' '~Jmn^HHH^u natural finit V\'r ~.in6  '^H^J^^^Ej^HH exactly "'fiat vuu i-r in ikr Thick Bn'J SltouUer LrngtH ^kBH^^^nT r'^JitSTTfiTB 507 Fifth Avenue, Room 905 (De^~. A New York 17, N. Y. v SEND NO  SAflSMCr/ON        .~fOI</t>
  </si>
  <si>
    <t>                                           BRUM-ELECT ELEANOR BELL is just pleading with the weather man and "Ole Jupiter Pluris" for a little cooperation in bolding back the rain on Saturday afternoon. She has planned her wedding to Grove Coote as an out-of-doors occasion transpiring on the expansive lawn of ber menu home on Westmoor Drive!</t>
  </si>
  <si>
    <t>                                           The Nofuro/ BRAID- ( ond 23 inch s .in (=-. 15.00, ^TO-  4         39 Human Hair- All SliaJ?5 v^^^-s '^^^*^^^S3  SEND SAMPLE of rous H*IR UJJth NATURAL HAIR  507 Fifth Avenue, Room 90S (Depl. A New York 17, N. Y. SEND NO MONlYl SATISFACTION GVA*        j</t>
  </si>
  <si>
    <t>                                           LOANS PRYOR FINANCE ^RrniTcrPRYOR HTR,    . p. W. KtMBAU. HOTI9K</t>
  </si>
  <si>
    <t>                                           CHILD PRODIGY GIVES CONCERT                 GIVING A RECITAL In Chicago Margaret Rozarian Harris, 3, child , "plays selections by Bach, Mozart and others. The tiny tot, who started playing the piano a:                 I the age of 2, insists that her dolly I "Rozarian," shown at right, always                 sit beside her. (International Soundpaoto)</t>
  </si>
  <si>
    <t>                                           J. E. O. - I live with my wife and aunt. I own half of the house. I am fixing it up nice but my wife and aunt can't get along. What shall I do?</t>
  </si>
  <si>
    <t>                                           ASBESTOS BRICK SIDING And Rooting, General Repair Work -Finest Materials Expert Workmanship-No* Money Down-3 to 10 Yrs. To Pay Free Estimates ACME CONSTRUCTION COMPANY 173* Cu4    Building JA- 1830</t>
  </si>
  <si>
    <t>                                           I Clearer Lovelier Skin [QUICKLY EASILY!' It is jo  IP have lighter, brighter, clearer skin,- quickly ond  Simply ' , Modarn C.  t- SI in Siighlcaar and -Watch your skin become - lew coane less blotchy and pimply. The safe, scientifically' prepared ingredient! in Skin Biighiew y/\V givet. npw    new color and help your jkM become tew  -Eotlly     plied and      regularly directed -you toa, will       new skirt ^ps  haye *. Sold ol all drug and toilet  counters Buyapockog* today.  SKIN  Ft) NBW SKfN BBAOfJ 35*,UJ(OX $~  (P product of the Q^^^B^^*""V' " a/ Wonderful Beauty Preparation!" INDIANAPOLIS 2, INDIANA</t>
  </si>
  <si>
    <t>                                           Tuning up for this week's homecoming contest, against Virginia State University, a power laden Hampton eleven steam rolled over Tuskegee's Golden Tigers 19 to 0 last Saturday at, Armstrong Field before 3500 fans.</t>
  </si>
  <si>
    <t>                                           WASHINGTON D. C. -- (NNPA) -- Howard University, in a thrilling major upset, defeated the Morgan Bears, 14-6, at Griffin Stadium here last Friday night before 12,000 fans.</t>
  </si>
  <si>
    <t>                                           Despondent Young Bride: Critical After Shooting                 At Gndy hospital m critical condition -with a bullet traced In her side Is Mrs. Mcylbitjc Sdje. 16-year -oW  of Otis Edge, at 507 Bant Street. N. E. The   bride toW dty       she shot herself.                 for what they believed  . Officers R. E. Little Jr.. and W. P. Cower talked with the victim s husband who told *^tw that his wile asked him to get her a Class of water to which be readily compiled. Returning to the bedroom, the husband said he found that his wife had placed a pistol to her head as if she were about to commit . Pleading with her cot to carry out the act. the husband said hU wife lowered the pis-                 tol aad aid. "Yon do sot love =~." At this point the pistol fired, said the .  his wile t= the side. SEVERE  Rushed to Qrady Isospital for Ueatinrrit. the - s side show. ed evidence ot both severe powder              boras. Tlie bollet had entered the lea side and had emerged Horn the       side ot the abdomen. Dr. Dewlt Sanford. of the Grady staff, examined the patient and admitted her. The' officers returned to the scene of the incident and found the .44 caliber revolver used In the shootIng on a blood-stained bed. The victim was carried to the hospital by n neighbor.</t>
  </si>
  <si>
    <t>                                           At Grady hospital in a critical condition with a bullet wound in her side is Mrs. Mary Martin Edge, 16-year-old wife of Otis Edge, of 507 Hunt Street, N. E. The despondent young bride told city officers that she shot herself.</t>
  </si>
  <si>
    <t>                                           REID BUSINESS COLLEGE Registration For Day Classes Closes Wednesday, September 24th Night Class Registration Commenees Monday (tomorrow). September 22. Night Classes Start Monday. September 22 held three nights a week-Monday, Wednesday, Friday--5:30 P. M. to 8:30 P. M. COURSES OFFERED TYPING T' BUSINESS ENGLISH -4S BOOKKEEPING Fees-$ 12.50 for Two Subjects REID BUSINESS COLLEGE IS A MEMBER OF THE NATIONAL COUNCIL OK BUSINESS  AND IS ALSO APPROVED BY THE VETERANS ADMINISTRATION. Tor Further Informatin Call the Office of the REGISTRAR- Wa.  u:js</t>
  </si>
  <si>
    <t>                                           WASHINGTON-- (ANP) --"I am sorry now that I shot them," said John M. Gatling, a white Washington resdient, after having fired a shotgun blast at four Negro children, three of whom were wounded slightly.</t>
  </si>
  <si>
    <t>                                           TWENTY-FIVE YEARS ago I addressed a Sunday afternoon audience of about 300 in .one of Richmond's leading Negro churches. Incidentally I made observations on why cities usually grow towards the west. The earth rotates upon its axis fom west to east, and the wind...</t>
  </si>
  <si>
    <t>                                           YOU DONT NEED CASH At ROGERS i CREDIT  .KKK VH          Am..</t>
  </si>
  <si>
    <t>                                           What Baptist can do to help people to live Christianity and "not talk" so much of it in Atomic Age and a stepped up program to push forward the body's mission and educational program will claim the attention of dignitaries and high-ranking churchmen when the...</t>
  </si>
  <si>
    <t>                                           WE LIVE BUT ONCE, some sage has said, and how true this statement is. No matter how much we would like to recapture the splendor of the fleeting moments we live but once. Therefore, it behooves man to live as abundantly and as sanely as possible for he can never be able to retrace his steps.</t>
  </si>
  <si>
    <t>                                           I YOU DONT NEED CASH ROGERS  i  JEWELERS m Edceweod Ava. Between I Ten(~  nd Jackaon Sta. LOANS PRYOR FINANCE COMPANY, INC. B PKf OR STREET. 8. W. Ground Floor Of The       .i. HOCHE HflHu^JiflalaVHHB^   *^^^^a^H i SPECIAL SALE Radium Dial And       Shock Proof               Wateh     wp  h*    Made to 11 for more, Now Your* For only $5-50. { Friday and Saturday Only Paris Jewelry Co. 66 Pryor St. S. W. Near cor. Alabamn  nd Pryor MADAM MINGY A GESVOtZ PAJ.M18T ASH Titxrr. An vises He         *. K''dtn(C-     Wlr.  k                d^lrr^^^J^K! sad bow "*cm-              Mm Ullinc ~~-BThI! *loe on health. Tfcvr. 'n*^Bj^^J Qocncn, money ""^KV^E^C and          ^^/   Bo matter what yoor problem ma; be. Stop  a loner, chance youi Inek. Ol" the thine* Too -~*ni moot hi Hfe.     her     thia  pedal low price oay not be ex- j tended. 4* years experience ten yean    AUanU U MADAM  S * .v ynn that  reading or footer  car be obtained at any pric*.  Beadintortaily and Sunday at a. m. 'til 10 p. m. Cl:             Boad.  from Frtfrrxl . Take Pryor Frdrral  ear    END oT lln*_ !~ok For Nron 8Icb</t>
  </si>
  <si>
    <t>                                           HOUSTON -- (ANP) --The last will and testament of Mrs. Georgia H. Muldrew, late teacher at Wheatley High School, is being contested by her brother and sister. C. A. Brown and Mrs. Ettie L. Lamb. Hearing on the will comes up in court in September.</t>
  </si>
  <si>
    <t>                                           \ clw* f    IbmI If Busy ^^^B P^~"J Ten Minute ^~_JH ^__gJ Day and m* J</t>
  </si>
  <si>
    <t>                                           NEW YORK, Sept. (NNPA) Jackie Robinson, Brooklyn Dodger first baseman, was not in the lineup last Sunday as the New York Giants edged the Dodgers, 7-6 at the Polo Grounds, while the St., Cardinals were splitting a doubleheader with the Cincinati Reds in...</t>
  </si>
  <si>
    <t>                                           Weatherspool Writes Of Opening Of Alliance'                 BY W. V.                  A big attraction In this part of the world at this time Is the great meeting Baptists gathered in a congress from, around the  This city 13 aflame with spiritual Christian emotions.                 TSsng as Its Shems. The' World Responsibility of Baptists- the Bap dst In this meeting have set a sen pace in Europe today. They have ux d many stories of persecution, imprisonment     ^ 22A7d ^i  nd jet. thex are on the upward move Rushing crowds press their way Into she convection hall whets the meeting Is' being held. Cameras are slicking aod p**^  finding Photographers are  all about while newspaper * are bus? nif^*H!~~. . The gravel sounds on the minute with Dr. W. Lewis, general secretary. London. TingitTrt. present Ing the Interim president. Dr. C J. Tinsley at Australia. Poitowing a  er "Prsise Sod from Wsosn AC '~''^rc* Plo" !by the Danish choir. Dr. Theo lore F. Adams ' prayer. In extending remarks of welcome Cund Erlstensen. Prime Minister oX Denmark, said: It is great joy to me on behalf it the Danish people to welcome Srou from all lands. It Is agreat  to us here In Denmark to ;et in touch with you. After long  . we hops happy  of your stay in Copenhagen Kill linger with you. It Is Important for organizations and individuals to have binding ties of Mendahtp. "We need one another. People  try to live    . ax                  neighbors, and on. good term* for good' fellowship. Christianity "Is the foundation   ^i*t nations mast build to live In the midst -of this present day frf^ Christ Is Srcctiimed by  denominations and different- . Sfclth Is absolutely seeded lor fellowship." Mayor of Copenhagen. H. P. Sarens^n. told the  that V* city had prepared for 1700  but .discovered that there were actually 5000 2  attf ra1mii*ft Bishop H. ^' of Copenhagen, declared that Oie pre- question ot the -world today Is,, that of how are we to win . "ChrUUanlty must be wide  to Include those who gather about Christ We must unite on the  to tight tor Justice and mutual understanding." asserted the Bishop. Remarks - a^   made by Prln clpa! Johannes MorgaanL  ot th*' Danish Bapttat order. Dr. J. C. Ttasley.  of the AHlssce accepted the  A message of  Iron* the kin* ot Denmark. King  the Ninth. President Itnmaa alao  a message to the Alliance. Russian Baptists  not be pre sent bat sent a SMaeage-ef . Flneland alao extended greetings. Follqwing- the extended ran call flaKs ot the many nations were . Dr.Oi. Prlnor. of Oalrwton. Tttas. and Dr. W. H. Jernagtn, or Wash . D. c. were named             Coremltteemena A large  ot Negro Assert cans were In attendance at the AJ. .</t>
  </si>
  <si>
    <t>                                           A big attraction in this part of the world at this time is the great meeting of Baptists gathered in a congress from around the world This city is aflame with spiritual Christian emotions.</t>
  </si>
  <si>
    <t>                                           IF TOES ITCH SkinCracks,GetsRed,Bunts HERE IS A SOOTHING AND EFFECTIVE TREATMENT FOR ^ATHLETE S FOOP Hiiwbulm octs               **~~K..   Ilddns. 2- It kHU oil nVl  f ftw Ftmfil wMdi   wm Arh. Utv'a r*~t on contact. 3 It      Mr,           on  A*- U*~   F*~f        and . 4"       IwalUig  f    , ,      )O   eay dUn       and  n     l*~t. Tb* rc^MA N?u-ci*balai tu ~$ ta  Athlete k loot i* t)u( it at ibo at of tbc         by  *lt HVfc uf tbr  Iuhk* ! Tbrx: hi(;lily            pl^oi DHilJa ^uU   cmI thrive ui    . /    ^r* 2 u     . too. Neurabalm             in ^      down  . ~'    . its *, uul^dic  w(xk fAST to * paio and         1 ft Gvord Asalnst Ro-          Treat your     to a nib with Ncur^haliD to kill off   and to help prevent m Miofal aod serious o*c (ram 4         . NcurabAlm  toe! It Icavr* id*        and     )7 , Aoo- doo ooc taio the Jem blister nor doctor tissue. Get a        today aod mc bow  h  BtKKhiar.  . Read  io  for other valuable information. At dn*~    in 25c. 75*. aod  1^5 . Aba  tor son.  .. .Urrt. burning  jrt **rt-m bms ItthMO  K-EURABAlM 4  v4t rivi or vmi common * t ooi  on</t>
  </si>
  <si>
    <t>                                           CLOSE to the dock Janet stopped, and treading water, called "Lillis." Almost at once she caught sight of Cliff, and uttered a gasp of consternation, followed by a little embarrassed laugh. "This is no place for me." she said, and with a swirl and a flutter of feet, made...</t>
  </si>
  <si>
    <t>                                           Bv Iolln Cross IF WOMEN Ai*JlT-6    1 A^ OF , i  DO YOU ACCOUNT FOR SOME OF THE FUNNY-LOOKING MEhl THEY GET HITCHED To i                 it*~ x-*t r*^~~~ ~~"rt- "j*1*</t>
  </si>
  <si>
    <t>                                           MR. AND MRS.  HALL Mr. and Mrs. J. J. Coolcy "I Ros- well. Go., wish to announce the! marriage of their daughter, Miss; Ruth Coolcy to Mr. Helton Ball, of                 AUantaa. The  was : June 20 uf this year. Tbo couple ts currently  at 2SO Pine St.. N. E.</t>
  </si>
  <si>
    <t>                                           Colored Men Wanted Jobs For Men At Plant r 325 DECATUR STREET G OP PAY APPLY BETWEEN HOURS 9 AM AND 4 PM M. A. Ferst, LTD. ~:-iW-- S25 DECATUR STREET</t>
  </si>
  <si>
    <t>                                           Unless South Carolina Negroes soon deal the Tolbert Republican group the treatment it is bargaining for, we are going in find that the many things achieved, even the recent decision against the Democratic primary system by Judge J Waties Warine will be hopelessly...</t>
  </si>
  <si>
    <t>                                           Madam Eva Z5e SPECIAL  tie j^y   dga .      SMS S aad yoa  e* S^~e RE8ClT8- 1M5  v ~^^~g w- 8*-""~K^^^^S W.       to i  FJ take Hw(etta-lB. LOANS PRYOR FINANCE COMPANY, INC. SS PRYOR STREET. S. W. Gronnd Floor Of Tbe</t>
  </si>
  <si>
    <t>                                           Local baseball fans will welcome the announcement made by Amos Evans of the Atlanta, Braves management staff, that the crack LaGrange City Cats will return to Harper's Field, Sunday to replace the Atlanta Stars on the big three-way doubleheader card. The first...</t>
  </si>
  <si>
    <t>                                           Funeral Notices                 HOLMES. Mrs. Josie- of 372 Felton Dr.. N. E, the sister of Mr. Ben Harvey. Mrs. Amy Parham and Miss Millie Harvey passed away at her residence. Aug. 25. 1C47. Funeral announced later. Haugabrooks Funeral Home. SIMS. Mr. James (Jim). (Highball). Hce Man) of 145 Love St, S.  U husband of Mrs. Mary Suns, passed away at his residence. August 27 Funeral announced later. Pollard. In Memoriam In loving memory of our aunt and sister. Miss             Grimes who departed this life August 28.1 1042. "Our grief and sorrow still remain,! In heaven we pray we will meet again." { Miss Alberta Grimes, sister Messrs. Young. Ural and John: Grimes, brothers Mrs. Wlleana Grimes McBride Miss Orieana D. C. Grimes. nieces. In Memoriam In sad but precious memory of. our darling husband and foster1 father. Deacon Daniel R. German. who departed this life five years ago today. August 28. 1942. We often sit and wonder of yon! When we are all alone I For memory is the only thing That grief can call its own. Mrs. Daniel R. German, wife Loenard' German Adams. foster son. I In Memoriam j In loving memory of my hus-; band, Mr. Arthur h. Miller who! departed this life two years ago today. August 28. 1945. Today is a day of remembrance I Ana many sad regret-;. A day I shall remember when I The rest of the world forgets. j Mrs. Bernlce Bush, Miner.</t>
  </si>
  <si>
    <t>                                           ADMITTED TO GAL; i;i.;~.;.s A      1, VICTORY v., -x;r. I:.      ' three Negro newsmen ; admitted to the  lP.'.  'L_gal]      First    admi'- fee was Louis R Lautler. AtUptu j Dally World correspondent md Ka j  Negro Publishers Association bureau chief. He was backed by                 OMlimq Banrnft. Chicago Sur. eor rc n"' and  of 'lie sen me   s standing  of      ?. *-ho opposed   ; Lauticr. Mry. Alice OunniK'.n. Aasocui ica !g?gr6 Hrtfks  Ul.' . x?s  '3    iltr S*n. C: WayUnd Brooks (Rep. ni:~ .r of     penate                 mtr.tc on     : *nd administration.1 o\~     white newsmen'* objections. Perctvai L. Prattis  Dondent for 'Our World" .!n? has bwn *d to the         --~U Pl!-~~ ~, 'rt Hn mnii.. ANT     -          Dunnlt:an  s the first Negro  to ever be  eat ed !n the capital press galleries.</t>
  </si>
  <si>
    <t>                                           As a prelude to its annual Men's Day observance next Sunday, Big Bethel A.M.E. Church is sponsoring a Womanless Wedding, Thursday evening at 8:30 o'clock. In addition a "King of Big Bethel" will be crowned, Men's Day will be observed Sunday, August 31.</t>
  </si>
  <si>
    <t>                                           NEWNAN, Ga. -- Rev. W. R. Lovelace, pastor of Newnan Chapel Methodist Church, officials and members are rejoicing over the fact, that under the supervision of Mr. Tom Hunter and his team workers, are expecting the annex to the church of long standing. Three...</t>
  </si>
  <si>
    <t>                                           MAIN FLOOR and Regular Downstairs Stock ^^^feSi. Values i,, 12.95 fr^JTj B3^\  *  Plenty of large and small sizes, nar- y^r .^^S^^ ^*lr ^i^^l^N row and wide widths. 2^ _^X*n^^ ^*^W^ BROKEN' SIZES Wn-       \ 565 Pairs ^BggM PLAY SHOES A^jfl^r UA Brovim with white, blue with white.- "QBHBHkS^L^NHfr yellow with white, red with white. V m^*-^^^^ "A]1        aU red. aU blue.</t>
  </si>
  <si>
    <t>                                           Bethlehem Center Projects Plans For Expanded Services                 By V. W. HODGES                 Following a recessed adjournment for the Summer months, the Bethle lehem Community Center Board of Directors held a profitable and well attended session here Thursday afternoon In the Parlor of the center. Thursday's meeting was also the first since the election of the                 new slate of officers for the year. Dr. Prince A. Taylor, new President of the Board of Directors, pre sided over the meeting and  ed new Board members and called for committee reports. A high point in the meeting Thursday was the  of Miss Mary Lou Bamwell Executive Secretary, Department of Drban Work. Woman's Division of Christian Service of the Methodist . who journeyed here from New York In order to be present i 2nd advise with the leaders. Miss 3. who was presented to the body by Dr. Taylor, gave a  ing interpretation of the philosophy underlying the movement, of the 3 Community Center. Two other reports which were Sighly received and roundly commended included those of the Treas , Mrs. L. M. Awtrey. and Mrs. I C. McCrary. the Conter's Exe-                 Director. Mrs. McCrary.' rare an account of the  ement, proposed an expanded-        gram for emerging needs and ro*   a plea for greatly increased-foiS* with which to prosecute an. effective program. ~.~,:.       . Brawley. reported-  summaries of the proceeding . Executive Committee of,, the -Bottd held Thursday morning preparatory to the Board meeting; during- the afternoon. The report was  received and unanimously., adapt ed by the body.  v The presence of Mrs. LeatttRmnn b'.e as a new member of the-Bottd was acknowledged by the PrealdenS. Others in attendance upon the. meet to6 Thursday. Dr. J.-..W' .Haywood. Piesidea? of Gammon              Seminary scd retiring- PreaUaritlot the Bethlehein Center -BOBTdii-Ifis. L. M. Awtrey. Dc James P. Brawler . Eto B. Far!a.-Giice*Sr. place of Mrs. A. ll.                out of -the ci:-r :EmporarUy.; Miss Wamble served as proxy- Jn the Mrs A. L. Taylor, who Is root of the city temporarily. '~:'.\-     Far-reaching  were -* ed and perfected for. Improrinr the faculties and services of_;jj{.</t>
  </si>
  <si>
    <t>                                           Following a recessed adjournment for the Summer months, the Bethlelehem Community Center Board of Directors held a profitable and well attended session here Thursday afternoon in the Parlor of the center. Thursday's meeting was also the first since the election of the...</t>
  </si>
  <si>
    <t>                                           The Marriage of Miss Seretha Humphries, daughter of Mr. and Mrs. Charles Humphries, to Mr. Horace Slroud Is announced by the groom s parents. Mr. and Mrs. Horace. Sr.. of 119 Ozone.                 The Wfddim: ceremony uu*  June iii tin- Union  Church. Ki.-s:ik-. .  -a Jitmv. The couple is now rv.Mdiiu1. ai  w. Keniii-y S:.. Ni".-. Ji-r.-i y</t>
  </si>
  <si>
    <t>                                           At the age of 71, Milous W. Walker is one of Atlanta's most remarkable characters. He still has pep and energy to spare, his mind is keen and sharp, the fact is, the only thing worrying him at present is to find a job so as not to idle away his time when there are so many things he...</t>
  </si>
  <si>
    <t>                                           THI ALLEN H0TEL-6 Daily Rates:   ZL *L Cite OMB ~:M , st        2516 W. Madison St Lonistnile 11. Ky. GROW HAIR!!  THE GROWTH OF HAIR Yet, today Jon can be  trom baldness, losing -now war formula  e  L Satisfied ' ti^ supplied on   ^ A  JAB TO MO La-San Laboratories 12U IT.           Bhd. Todon. Pa. Orpt NX</t>
  </si>
  <si>
    <t>                                           The South Atlanta Athletics and Atlanta Braves will usher in the 1947 City semi-pro championship series Sunday afternoon, when they cross bats in a doubleheader .at 2ao p. m. at Harper's Meld.</t>
  </si>
  <si>
    <t>                                           ROME. Ga.-Mrs. Gussie Farmer spent the week-end with her mother. Mrs. 'Mary Ballard of Newman Ga. Mrs. Corom Barnes of At- I lanta is visiting relatives and friends of the city for a few days. Mr William Ware is spending his...</t>
  </si>
  <si>
    <t>                                           Grade A Med. E S S S 59' Bat Cnds FAT BACK 19' Meat STREAK^-     it. 34' Hodden PICNICS 47E Prize of Albany SAUSAGE u.36' WIENERS 39C PURE LARD 4 u,.^ 76c ^^CAPITOLA^H W FLOUR 1 10 ib. sac 97c I 5 I*- MS 49^ No. 2 Can TOMATOES 2fa25e FlotUI Fruit COCKTAIL ^.2 1-2 an 37' Green Giant PEAS NO.2OB 18C Mayfield Cream Style CORN 2 fa 25C !i Oil HAT SARDINES a. 14' Banner SALMON i6o,a.43'</t>
  </si>
  <si>
    <t>                                           Manslaughter Charged To Patrolman Here                 Patrolman Thomas C. Lee. of 744 Kennedy St., N. W. whs released under $900 bond Monday after he had been arrested on charges of involuntary manslaughter. Patrolman Lee. who was reportedly off duty at the time, was driving an automobile that struck 50year-old Prank Rlngfleld. of 57 Meldon Ave., killing him. Lieut, V. Hornsby and Patrolman J. L. Collins, reported. RJngfield was said to have been repairing a tire near the Pulton- 1 Clayton county line at the time of the mishap.                 Carver Sf,amp To Go On Sale Next Year WASHINGTON ) A George Washington Carver  stamp, honoring tho groat   and scientist of Tuskegee Institute, will go on salo January S at Tuskegee Institute, the Post Office department announced XWMlftA</t>
  </si>
  <si>
    <t>                                           The Senior Choir and Jubilee Chorus will render music at Wheat Street Church Sunday at both the morning and evening worship periods. Rev. Borders' subject will he 'Making the World Better". 'The weekly radio broadcast of the Church will be heard at...</t>
  </si>
  <si>
    <t>                                           Forresta! Decrees ISo Civilian Aide Appoinfmienf; Settles Query                 Uy LOUIS LAUT1EK                 WASHINGTON. D. 0. (NNPA)- Secretary of Defense James C- FoiTcstiil dees not contemplate the  of a civilian aide in the National Militw Establishment, which ho heads, with duties comparable to those of the civilian aide to the Secretary of War.                 He eli.' settled, at. his first press conference as Secretary of Defense, this question which has aroused nationwide speculation as to who would be appointed to the office If It were created. Under the National Military Establlshment, as he proposed to opI crate It, the Army, the Navy and the Air Form*, will be Iree to                  kite their own policies, lie . If a controversy should arise over the policies of tlie three departments composing the Nutionul Military Establishment, his overruling of them, he said, would depend upon the question Involved. Answering the question respecting -the appointment of u civilian uidc,                 to the Secretary of Defense, Mr, ForresUil pointed out thul ait Secretary of the Navy ho hud no  . "I have used people on specific questions," he said, adding that Lester B. Orangor, executive  of the National Urban League did u substantial  of work for Win, "I may say,  work; but I doubt very much that X' shall have any aide for particular questions." WANTS SPECIFIC  Mr. Forrostal said ho would prefer to deal with specific * w (Continued On Pago Col. Jjj,;/ -v                 Forrestall (Continued From Pasc Ono) they arise. His conception of lite duties, Mr. Forrestal said, is that they are limit cd to trying to secure common prac  and as nearly as possible com mon policies. He said he will not attempt to go. into details but will do nn executive Job. As to whether he would overrule any policies of the three services, to which there is public objection, he said he would want to consult his lawyers on that. He stated that he hoped he will not  to do any overriding. "My conception Is this is a team working for co:nmon ends, and If you have to use authority you had better get out of the Job," he declared. He explained that his decision to overrule any policy would depend upon the specific question, but he would rather cross that bridge when the question arose. "I do not expect any difficulty with any of my ." he said. While discrimination    the Army, Navy and Air Force was not mentioned, the question related specifically to such practices. , POI. Under the unified  establishment act. the Secretary of Defense has the authority to "establish general policies and programs for the National Military Establish ment and for all of the departments and agencies therein." The Army, Navy and Air Force Departments, however, are to be administered "as Individual executive departments by their respective Secretaries and all powers and duties relating to such departments not specifically conferred upon the Secretary of Defense by this Act ^UoJl_hc._bjL.cacU_of_.thelr_ respective Secretaries." The one bright spot so far in the appointment or top personnel In the National Military Establish ment was the election of John H.                 Dhly as one of the three Kpcclal    ',  to Mr. Porrestal, provided for in the unification act. Mr. Ohly wns formerly associated in the War Department with Secretary for War Robert P. Pattcroon and was largely responsible for the drafting of the procedures follow- ed by the wartime President's Com mittee on Pair Employment Prac-";  in handling comp  of ctUs- crimination, based on race, religion or national, in the War Depart- ment contractors. These procedures arc regarded-: as having worked out very satisfactorily and were responsible for the elimination of a great deal     such discrimination in the War Department itself. In Government- owned and privately-operated in- . and in privately-owned and privately-operated plants hav- Ing War Department contracts. Mr Ohly will assist Mr. Porrestal in maintaining liaison with the National Security Council, the Na-^, tional Security Resources Bonnl. and various agencies within the National Military Establishment. The other two assistants to Mr. Forrcstal, provided for in the -i' cation act. ore W. J. McNeil and Marx Leva. Mr. McNeil will assist Mr Forrestal with fiscal,  administrative matters, und. Mr Leva will assist him with re-, gard to legal matters, including' legislation. Mr. Leva is a Southerner, having been born in Selma Ala. Ho      educated at the University uf Ala  and the Harvard Lrw School</t>
  </si>
  <si>
    <t>                                           WASHINGTON, D. C. --(NNPA)--Secretary of Defense james C. Forrestal does not contemplate the appointment of a civilian aide in the National Military Establishment, which he heads, with duties comparable to ruse of the civilian aide to the Secretary of War.</t>
  </si>
  <si>
    <t>                                           gh Boy! Red's Coming Back to Towo)</t>
  </si>
  <si>
    <t>                                           Citizen Tells Of Brutality By Officer                 I Char!*s Brlseoe. of 631 Hcustoa I S'.ree'.. N. E.. submitted the  ing missive tot :                 "TO WHOM XT MAY CONCERN-I am a law abiding. tax-paying. lard working citizen who bis lived in Atlanta in one location tor almost thirty-four years. "White my organization. Prince  Shrtners or Nona and South America, and it* jurisdiction are In Che midst ct aa all-out effort to raa^e fifty thousand dollars to  to the National Tuberculosis aad Cancer Research Fund for the  of the whole population In comparison, here Is what goes on to our city. "Last Monday, at about 10 p. ni. while on my way home: a lady and I were tatting, standing: almost at the comer of Fortune Street: and HigMfnd Avenue. A car came ty and stood momentarily at. the tare mentioned corner We both thought It was someone' who knew one  Suddenly a light was flashed. We still  recognize- "who it was. so he (a policeman) asked: 'Where are you going BOY?" I said. Tm  hem*.' His. next remark was, Listen, little d  you don't know who     n^ to. Whose shoes are those?' I said. "Mint: Then he alighted from his car. f]i^~HTiy his flashlight In my eyes and apparently Tw*^*^uf MTTg to get behind me. I held up my right hand in  there wen two pairs of shoes, and in my  xen^    ^^j^S^ said. 'WaTk'in front of me,: you d black bas As I started walking, afraid to look H"v. he said. 1- -le- SH-jos SOR-o(lead.* When I reached Highland (Continued On Page C CoL 5)                 Citizen Tells (Continued from      ) Avenue, he said. *What's your same?' I answered- He next asked Where do 500 work?* I answered that. He then said.* You'd better stand on a corner under the light because there s to much of that stuff going on;* It was very obvious that he was off duty because his passenger was a lady. He was short, wearing glass es. I'm forced to wonder why ws have to pay taxes and IT that Is the kind of Democracy we are supposed to ."</t>
  </si>
  <si>
    <t>                                           Charles Briscoe, of 631 Houston Street, N. E., submitted the following missive for publication:</t>
  </si>
  <si>
    <t>                                           Baptist Youths Hold Mission CHnic In Macon                 MACON. -(    - Mora than one hundred  women ftom different port* of the state spent this week In       In their second annul Misstep . The  CoottoiKd On race 4 CoIO                 Baptist Youths (Cuntinurtl From Page One) meeting was held at Georgia Baptist College and the Theme of the meeting was: "Our AH :    Christ" Mrs. Annie Hudson. Atlanta and Mrs. E. L. Inrln. Albany, presided over the meeting with the assistant of Mrs. C. M. Pearson. Atlanta. Mrs. Lucille Powell. Balnhridee. Mrs. E. J. Calhoun. Mocon. and Mrs. L. S. Weatherspool. Atlanta. Tuesday night the delegation enJoyed what was known as the Mothers and Daughters Banquet following their Vesper service and Wednesday and Thursday nights the main address of ihe Institute were delivered by Dr. Leaader Asbery Ptolcston. Atlanta, and Mrs. Phoebe Bumey. Atlanta, president of the Young People Department, of the General Missionary Baptist Convention of Georgia, expressed appreciation for the support received from the Woman's Convention of the Georgia Baptist Convention "white)</t>
  </si>
  <si>
    <t>                                           St. Petersburg Rent Board Seeks Increase For Negroes                 WASHINGTON. 13. C.-~NNPAp Tlin ! rent board of St. Pclcr.. Fliv.. last Friday recommended to Prank R. Creeden. rent director thai rent on colored housing units be Increased but that the present veilings be  on housing occupied by while people.                 It was the first thai Crecdon has been asked to approve a. rent  drawn along  lines. His office said the proposal is under study. But rent officials here said      except Creedon to turn It down leaving the landlord to file Individual hardship claims. Supporting Its request, the Petersburg rent board said it was Informed and " a set of "peculiar circumstances" experience                 by owner ul colored holism!;: units in that area, which had prevented I Ihcm from their tenants. i BETTER HOUSING j The board  that during tlic depression wages among colored people were as low as S150 a week '~and they were unable lo pay a more       a subnormal" rental for housing. When colored housing projects were built and opened up for occupancy in 1941. and there was lull j employment for colored workers in Tampa, the board said, colored tenants moved into better housing. In order not to have their properties completely vacated, the board (Cvntluucd on Page C, Cut 3)                 St. Petersburg (Continued from Page One) said, the "Association of Negro Unit Owners" agreed" to hold their rates at the 1938-1940 level." These levels, the board said, ranged from $2 to $2.75 a week for three many cases, the landlords paid the water bill. "As a result ot these peculiar circumstances," the board said, the landlords have been unable to main  their properties "in a proper  or in a way as to even protect their investment and therefore arc in dire need of relief." The board recommended to Crceclon that rents on all colored  units in St. Petersburg be increased 35 cents a room per week in units where the landlord pays the water MU and 25 cents ;i room per week where water is not furnished.</t>
  </si>
  <si>
    <t>                                           WASHINGTON, D. C. -- (NNPA) -- The local rent board of St. Petersburg, Fla., last Friday recommended to Frank R. Greeden, rent director that rent on colored housing units be increased but, that the present ceilings be maintained on housing occupied by white people.</t>
  </si>
  <si>
    <t>                                           t^mrSa^M              look A*         kJ..      H   5*~    .    -~a4 FWwKiMr.W MS ^^B:; Pegfa A.   - 'DETROIT. MICH.,</t>
  </si>
  <si>
    <t>                                           Central figure at a four-day labor conference held here under auspices of the local unit of the Brotherhod of Sleeping Car Porters, A. Philip Randolph, international president of the organization gave two public addresses before Memphis audiences during which...</t>
  </si>
  <si>
    <t>                                           GREENVILLE S. C. --(ANP)--In an editorial entitled "Will They have To Learn By Experience" the editor of the Observer.</t>
  </si>
  <si>
    <t>                                           ^^^^^j^ll^1 latest ambulances equip pcd for year-round  1947 cadillac exclusively for Atlanta and vicinity 24 Hours of Prompt Ambulance Service 'WHY NOT USE THE BEST' .^-^^ SS9 HUNTER STREET, W. W. 923 McDANIEL STREET, S- W. ^^^^^^^^M^^^^HpBI^^^^^ RA. 2144 WA. 2591 ^^S^^^^^^^ 1947-PONTIAC. ATLANTA, GEORGIA</t>
  </si>
  <si>
    <t>                                           It's easy to get a colored man much concerned when you go to starting intimate conversations about food. That fact was never so forcibly borne in on me as it was last week-end when a couple of colored fellows down here on the Avenue got to discussing high prices...</t>
  </si>
  <si>
    <t>                                           AM VgS JUST A PlAYTHIWrNATURE? Nature may endow '         ^^T^fH^HK^BsB^LHsS  beauty, a lovely KSsSJl  3~~^       8 curvaceous figure. She may be- Es3E^__^B^53tE9^^s9 stow gifts on you that make you ^  ^   1al^B^^K^lH a,  actress, a leader In ^BBMr ^ yoor class at college, sought ^9^B9 alter at *. or a charming va^^^  wUe and mother. JjMK^^ ^^~Sr Yes. Nature may do all this. ^f              ^BWI And yet you may find, your lace   L?^sXS ^TVRali^Hflff  slapped if you suffer f.  V3*"*W^B* these distressing symptoms. KLBbHsI  x n^MM which so many unf  K^HK ^Ma# J^^^H Something You Should A              Torget- PlnUMm-S Compound rto' Jo** pots  than relieve such Soil female functional monthly monthly pain. This great  are causing yon to doe auo relieves accompanying suffer from pain, nervous dis- nervous tension. Irritability, tress and feel weak, restless, so those tired-out, mean pldc- and irritable that you everyone* feelings- when doe to almost turn Into 1he-' this cause. Taken regularly on such, days- this   the month- Ptnrham* too   most. Start Compound helps build up  away- try Lydia. E. Pmk- tance  such distress-*, ham s Vegetable Compound to very sensible thing to do. Just relieve such symptoms. It's fa- see if you. too. doat remarkably mout for this purpose AnddonX % ! All drugstores. m BEGIN TO-DAY USING DRIS-KURA PRODUCTS for HAIR AND SCALP Aids Hair Growth: Removes Dandruff; Stops ItchingScalps. Write for full details Dermis Cura College Of Beauty Culture 479 TatnalT Street's. W. ATLANTA GEORGIA</t>
  </si>
  <si>
    <t>                                           NEW YORK-- (ANP)-- One of the most elaborate recepitons and the second to be given by a United delegation. (the first being the United States delegation) was the reception held by Mrs. Vijaya Lakshmi Pandit and members of the India delegation to the United Nations at...</t>
  </si>
  <si>
    <t>                                           The rugged life a camp was the recent experience enjoyed by five husky youngsters and Alphonso Harris, scoutmaster a Troop 242. Mt. pleasant Baptist Church. Rather than to spend a fortnight in one spot, this group chose a traveling camp experience usual the train...</t>
  </si>
  <si>
    <t>                                           MRS. NETTIE DAVIS VISITS HUSBAND- Mrs. Nettle Davis left the city Monday. Augur* 11. to visit her husband. Mrs. Ben. nle Davis, who is a dining car waiter and is stationed in Washinpton D. C. tint. Davis will  her  and brother in New     )c and New Jersey before returning.</t>
  </si>
  <si>
    <t>                                           ENTER NOW  Rpsntv College Ram Mot# Monev Hi-      Own      Boautv Pnltnrc    Deoremifon-PTonf          Coat of course * Small down payment. Balaner In  weekly payment*. AUBURN A BUTLER 3T9          43</t>
  </si>
  <si>
    <t>                                           rr NEVER FAILS</t>
  </si>
  <si>
    <t>                                           In Memoriam                 In loving memory of our dear son, brother and uncle, Mr. Frank Parker, who departed this life  years ago today, Oct. 21, 1940. "Gone but not forgotten." Mrs. Rosetta Leonard, mother Mrs. Alice Dixon Mrs. Minnie Smith, sisters Miss Mattie Kate Dixon. niece Messrs. J. T. and Grady Dixon, nephews In Memoriam In loving memory of our darling- daughter and niece, Mrs. Inez Fuller Wyatt, who left us four years ago today, Oct. 21, 1943. Gone but not forgotten, Her tender voice is Jiving still. A vacant space can never be filled.' j Mrs. Nettie Fuller, mother Mrvand Mrs. Preston McCfure, uncle and aunt In Memoriam In sweet memory of our dear mother. Mrs. Ella Weddinpton, who departed this life two vears ago. Oct. iO. 1945 "More and more each day we miss you Sweet memories of you will always linger With the ones you left at home." Mr. "Joe Weddington and family.</t>
  </si>
  <si>
    <t>                                           Funeral Notice                 HICKSON. Mrs. Susie of 785 Play Lane. Apt. 123. The friends and relatives are invited to attend tihe funeral of Mrs. Susie Hickson, today. Oct. 9. 2:30 o clock at Bethlehem Church of God. Atlanta. Bishop Burroughs officiating. lac- FUNERAL NOTICES BEAUFORD. Mrs. Emma Passed away at her residence, rear of 12 Sixteenth St.. N. E.. Oct. 7. 1947. Funeral announced later. Haugabrooks Funeral Home. MAINS. Mt. Howard. Jr.- the son of Mr. and Mrs. Howard Mains. Sr., ol rear 290 Hilliard St.. passed away on Gubo Island, near Japan. Funeral announced on arrival of remains Atlnnta. Ga. Haugabrooks Funeral Home. JOSEY. Mr. Willie or 556  i Auburn Ave. Friends and relatives of Mrs. Lavada Sio'.t Josey. wife: Mrs. Mattle Davenport. Atlanta; Mr. Jordan Josey. N.:v;. N. J.; Mrs. Ella Mae Smith, of Rentz. Ga.: Mr. Robert L. Smith. Atlanta: Mrs. Minnie Carbin and family. Atlanta, are Invited to attend the funeral of Mr. Willie Josey today at 2:30 o clock at Auburn Chapel. Rev. J. L. White of. '"- '-~?rrr.~T' TJncoln Cemetery. HauRabroolw Funeral Home.</t>
  </si>
  <si>
    <t>                                           ATLANTA U. CELEBRATES 80TH CHARTER DAY TODAY                 At the Fourth Annual Charter Day Convocation, to be held In SU- tcrs Chapel, Spelman College, today at 11 a, m., student!, alumni faculty I and friends of Atbnta University will observe the 80th anniversary of the granting  Charter. Presl- dent Rufus B. Atwood of Kentucky                 State College, the Convocation speak er, will discuss the subject "Peace In Our Tines." Everyone Is Invited. In the eight decades since the Charter was created on October 16, 1867, Atlanta University has become one of the leading Institutions lor Negroes in the country, first  far normal and elementary Instruction, the University after three years began college -work and continued as an undergraduate college until 1908 when It Joined with Storehouse. college for men and Speunan College for women la                 an agreement of affiliation. Since becoming an Institution offering solely graduate and professional work in that year, Atlanta University has awarded 1.061 advanced degrees. The enrollment this, year of 414 Is one of the largest in the history of the institution. 'President Rufus E. clement, who became the sixth president of the University in 1937. Is also the head or the Atlanta University System and director of the program of the Atlanta Unversity Center. Tonight at 8 o clock at the Charter Day Dinner for faculty and staff members of the University, special tribute will be paid to the 25 years of service recently completed by Mrs. Luclle Mack Strong, the University Bursar. Serving as master of ceremonies will be Dr. Ira-DcA. Reid.</t>
  </si>
  <si>
    <t>                                           At the Fourth Annual Charter Day Convocation to be held In Sisters Chapel, Spelman College, today at 11 a, m., students, alumni faculty and friends of Atlanta University will observe the 80th anniversary of the granting of the Charter. President Rufus B. Atwood of Kentucky...</t>
  </si>
  <si>
    <t>                                           Tow Kyei Dextnu         For Complete Optical Service Come to HIGH S OPTICAl HPT.  FLOOR</t>
  </si>
  <si>
    <t>                                           FOOTBALL WASHINGTON HIGH vs. RADCLIFF HIGH r TONIGHT SEPT. 26 8 P.M. HARPER FIELD General Admission $1.00</t>
  </si>
  <si>
    <t>                                           DIPPY,                 By John Cross                 4f. mi. f^ii . x.    ^       I</t>
  </si>
  <si>
    <t>                                           LABOR DAY 1947 found Negro employment all over the country at an all time high. So strong has the demand been for labor that national employment for the first time in the history of any country rose above the 60.000,000 mark and is still rising.</t>
  </si>
  <si>
    <t>                                           League To Intensify                 MACON, Go.- A three-point program of immediate action for the securing of full citizenship rights for colored citizens in Georgia was voted overwhelmingly here Tuesday by delegates to the Third Annual Pall meeting of the Georgia CivicPolitical league in the Stewart                 Chapel AME Church. As outlined the program will include: I l. Establishment of a Youth Council with scholarships for high I school and college students. During future meetings of the  organization panel discussions vill ie he!d by the youth group. At he same occasions leading students rill present essays, on  the.."Unite.d .States Constitution." -.-^wi-..                 2. Accelerated organization drives lor civic-political' leagues in Negro communities throughout the state, with, these local Jeagues becoming the focal points for civic and political action;' REGISTRATION PROGRAM 3. Establishment of a registration program on the community or 'grass root" level to increase the state-wide vo ting strength^ ;6f the  population; ' ;' support to the increasing strength (Continued On Page i Col. 6)                 I League To j i (Continued From Page 'One) 1 of Georgia's liberal clement" fighting for 'Equal Justice under Law.'." In this program. a. 'legal 'action policy "was 'approved '.' the   toh  ,"to employ, le-, sal talent to fight' "'in those area?; whore "Negroes have' .been' ..'purged from polling lists or where"               arc ^denied..'" V The annual session was" 'opened at noon by. John .Wesley Dobbs, Atlanta, President,' and'- after a -period, of devotional' services moved, hastily to enrollment of delegates and convention agenda.. Delegates were. -warned'           Dobbs to .P'!watch..'Our. j eaders" and to continue fighting 'lor. .'the rights "to full citizenship^ Hetermed the ballot 'as- power .and - aged .the'.me mbers".   .'    .. Negroes registered. "arid,'.' voted ill then- several.' communities. Lashing' out .at'- those' who condemned  '"for ".yoUng in -a solid bloc" Mr.' D6bbs"'Said that. '.Negroes*, knew their friends and would stick; together "against those who advocated hate, racial bias, and intolerance." He ,cited:the re-., cent Albany City election as 'a case. in! point in which colored voters opposed en -masse, an alleged Talniadge supporter; PRIMUS KING SPEAKS . Primus" King," Coiumbus, speaking from the subject "The Future Hope;. of the Negro", challenged the delegates, "to. go to ^-ark as a committee of one in your home community and  your own chance" when lie told of the need lor additional ballots among Negroes. He emphasized that much good would come of the Jiill use 'of the ballot fearlessly and with a full  of meri and measures by ofered 'voters-' "Become real citizens by voting now that the Federal Courts have upheld our claim to the ballot in' Georgia elections," he said. It "was pointed' out by several delegates that 'in their community many names of colored registrants had been purged; while in others threats aiid intimidations had been ,u scd to keep colored prospective voters from polling places. It "was after a detailed study of these outlandish acts that- legal-machinery was voted to be established. It was -revealed that in" Telfair County -arid Mitchell "County colored potential voters received undue treatment at the polling places:;In Talf-air county" Negroes were or.-' dered away from the "p plls during the last election1 by armed guards'; while in' Mitchell County. 'only 105 names remained oh the' 'polling" list due to unscrupulous1 purging. -Prior to the purge more 1200 Negroes had registered. Conditions of like nature were reported1 from' several other' counties.'- DOBBS RE-ELECTED In the election of officers John Wesley Dobbs was re-elected lor another year s term as president. Others elected to serve with him were: Rev.' J: P. Mann, Glynn County, vice-president;' Prof. H. B. Bryant, principal, Hunt High School, Fort Valley, Secretary; Rev. Primus King, Columbus, Assistant Secretary; W. S. Hollonion. Atlanta, Treasurer, and Rev. W. Ii. Grif- fin, Ocilla, Chapl'aih. ..Also featured on the' program I was Mrs. Irene Jackson. Clark College professor, Atlanta, and.. Rev. Maynaird H. Jackson, Atlanta." .'Musical numbers were provided by", an all-girl trio from the.' Hunt High School,- Fort Valley, composed of Misses B. Beasley, P. Cana'dy. and E. Lavalt. Miss J. V. Atkinson, musical instructor",1 was their "accompanist. Those representatives attending the meeting were: E. G. MotVey, Ben Hill county: T. A. McLendon, I M,' H. Brittlau, Judson McKlhhey, Bfev. A. Smith and Rev. G. B. Lancister, of Wllkes County; J. W. Pride, W. D. Bontley,1 M. C: Stroud, G. ^, of Crawford County; H. A\ Hunt, C.-H. Henderson, John Fambro, H. E. Bryant, L. W. Coleman, Willie Rucker, Reuben Jones, Earnest White, Eddie Lee. Williams, Peach County; i. H. Holltnshead, Mitchell County; Rev. H. H.' Davis, Rev. Primus E. King,. Muscogeo County; Freddie 'Lewis, Twiggs County. 'A. L. Studstill, E. C. Clark, Rev. J. J. Lester. Telfair County; Ozcll Pace. Coffee County; Mr. and Mrs. L. M. McLain, Oconee County; Wayman Taylor, Jasper "County; Edl ward Wade, Camden County; J;..E. i Saoniders,. Troup County; Rev.. W. L. Griffin, irwin County; George j Bush. Barnesville, LaMarr County; Rev. C. "R. Roberts, Baldwin Cpunty: Rev. J. L. Leonard, Tom Wilr I , of Dooley County: Rev. W i P. Sherman and Mrs. W. P. Sherman of Chatman'-County. Robert L. McDougald, T. J. Rowe J.'iE. Reynolds of Taylor County. and John Wesley Dobbs, .W.'J. I Shaw.W. S. Holloman, J. C. I-bng, j Paul E. X. Brown, Joseph craw^ for d, Rev. M. H. Jackson, Mrs. Irene Jackson of Fulton County. The delegates voted to  a meeting the fourth' Thursday in April at Fort Valley and ln-OetoI Ijei;, 1948, the Fall meeting will be J held in Washington, Georgia.</t>
  </si>
  <si>
    <t>                                           MACON, Ga.--A three-point program of immediate action for the securing of full citizenship rights for colored citizens in Georgia was voted overwhelmingly here Tuesday by delegates to the Third Annual Fall meeting of the Georgia Civic-Political league in the Stewart...</t>
  </si>
  <si>
    <t>                                           AT THE ^-A DRAMATIC MOMENT for those concerned with Winner's thrilling drama, "Humoresque." playing at the Royal Sunday. Monday, and Tuesday, co- Joan Crawford and John                 field. Ruih Nelson Is pictured, shaking hands with Joan Crawford, as Oscar Levant, one of the featured players and co-star Garlield look on. "</t>
  </si>
  <si>
    <t>                                           I MISSION BELL Best Buy On Your Dealer's Shelf Exclusive Distributors I NATIONAL DISTRIBUTING   =^T- COMPAMY, Inc. 363 Blarielta Strret. N. W. Wa. 3233</t>
  </si>
  <si>
    <t>                                           Mystic Night's Give Musical                 "The Mystic Night Saving and Social Club is having a musical Sunday, November 30th at the    . Day: Funeral. Home, 171 Auburn Avenue from 5 til 7, o clock. "-Some ToffJthe City's best talent will appeal- on program. The public is cordially invited. Mr. Woody Berry, president.</t>
  </si>
  <si>
    <t>                                           Wards one, two and three of the Travelers Rest. Baptist church. Dr. L. A. Pinkston, pastor, will terminate their financial contest Sunday. Each ward is striving to raise $1,000 for the payment on the $4,000 set of new church pews that will be ready for installation by the...</t>
  </si>
  <si>
    <t>                                           MILS. DORIS WAItl) .I, i ItECENT : Mr. and Mrs, Cheslergield EttgehiVl of New York and Atlantic City were recent house guests of Mr. and Mrs. J. S. Ward, 990 Lena St.. N. W Mrs. Edgchill is the former Miss Doris Mary Ward, eldest daughter of the Wards, and was married to Mr. Edgohill on September 6, 1947. Mrs. Edgehill, a graduate of B. T. Washington High School, attended Morris Brown College. She was employed In defense work at New Haven, Conn., during the war and until recently was a government ci erk in New York City. I Mr. Edgehill is the son of Mrs. L Edfc'ehill or New- York and Mrs. Charles Edgehijl or Atlantic City. i The couple motored through At- j they will reside. They are temporarily located with Mrs. Edgeliill's brother and -in-. Mr. nnd Mrs. Usher Crawford, 11G2 E. 43rd Place.</t>
  </si>
  <si>
    <t>                                           FORT VALLEY ... Valley State college began enrollment of ... Tuesday, Sept. ... The last laculty meeting of the year was held in the Academic Building Monday at 10 a. m. Dr. C. V. Troup, president of the College, ... the following new...</t>
  </si>
  <si>
    <t>                                           SIDING AND ROOFING 18 OUR BUSINESS- NOT A SIDELINE. CONVENIENT TERMS FREE ESTIMATES FINEST MATERIALS EXPERT WORKMANSHIP Material* Furnished Wtth Our Labor Only CYpress 2972-3 INTERSTATE Roofing Siding Co. 207 Spring St., N. W. Colored Representative Airs. Bertie Anderson ALpinv W58-J</t>
  </si>
  <si>
    <t>                                           THE ALLEN HOTEL- GRILL Daily Rales:  L c:~re Open r.:00 A. M li. is  2516 W. Mudi.on St. LOUISVILLE 11, KY. A DOCTOR S PRESCRIPTION FOR THE SCALP The hair roots are in the scalp. The condition of your hair docs i often depend heavily on the natural health of your scalp. Years I ago. Dr. Carnot invented a  tar formula called Carbonoel which is mixed with Sulphur, Rosorcin and Balsam of Peru. Carbonoel is 6uch a strong, powerful antiseptic and docs such fine work in helping an itchy, bumpy and externally irritated scalp, that many doctors regard it highly and prescribe it for many scalp troubles. If your scalp needs a double strength tar formula, write for this Doctor's genuine scalp formula now. It -will be sent to you all mixed and ready to use. Use it for 7 days, and if you are not satisfied, your money back. Pay only $1.59 on delivery. This includes everything. Don't pay a penny more. You get it with full directions. Use the finest medicated tar scalp formula your money can buy. Your hair and scalp deserve- fine care.  now. Send no money. Just youi name and address to- Co'-1 Medal Hair Co., Dspt. 6-:    King* Highway Brooklyn 23, New York Note: THIS FORMULA carried ths 190% written Medalo money back ,</t>
  </si>
  <si>
    <t>                                           Hampton Trustees Ponder Action On Pres. Bridgman                 .NEW YORK. (SN5) At a special meeting to be held here Frl- i day. the Board of Trustees of Hampton Institute will consider the recent action of the faculty and students in voting that they were  the retention of Ralph B. Brldgman us president. President Brldgnwui took over his present position at Hampton on February 1. 1944, at which tune.he succeeded R. OUara Lanier. At x\ meeting October 3. the faculty voted against President Bridesman 83 to 5 and on October I 9. the students took similar action by a vote of 522 to 3. The cause of the trouble at t-he Virginia institution has not been disc.'osed. I  CiUILTV I Walter Riiwliuys. indicted for at- ti- murder, was  before I Fulton Superior court Wednesday ;md fined $100 or 12 months follow- Ing his plea of guilty of shooting at I another. Rawlings was Hccused ol j  Charlie Lee. of 330 Fcllon i Dr.. N. E.</t>
  </si>
  <si>
    <t>                                           Softball Summary City Parks Softball League SOFTBALL STANDINGS TED LEWIS __W7 A. and M. CAFE 6 1 gcr BROADNAX ""5    A'irLANTA GEN*L DEPOT 714 LAMPKIN BROS- 4 7 500 YELLOW JACKETS 4 j "500 ROYAL KNIGHTS 2 6 ~";0  CLEANERS 17 T*^ 'PARKS SHOE SHOP .0 8 .000 Parks fc.ioo Shop withdrew before the season was completed: therefore e?,ch team is credited with one automatic game won.</t>
  </si>
  <si>
    <t>                                           dry, liard-to- hair "e^ w-^Pf^^^^^ sparkle like diamonds! Use (?Nfc s 2^Piif?*if Pluko Hair Dressing and S'-'C %**k ^^^S^^J^J^I comes so easy to arrange. j^^^w^^^f^^^^^^^l</t>
  </si>
  <si>
    <t>                                           A.^Wor]d  Cray Morning Except Monday, at XM Alhm Am Member*:  N8- NNPA- ANP W. A. BMtt n, Foander-PaUlaber. Aar. S, 192S, t* Fck. 7, UM Telephone: WAInnt US* 1480   In Post Office at Atlanta (3), Ga^ as second  mall under the Act of Congress. March IS, 187~. 0. A_ SCOTT Editor and GeaenU Manager SUBSCRIPTION RATES BY KAII/i Dallr: 1 Year- J12.M; e Month*- $6.50; 3 .      -~J.~* Saturday Only: 1 Tear- ttM; 6 Montlis- fZ.50 Canada: 1 Year- 45.50; 6 Months-  3J5; Foreign 1 Tear- HM Bnbserlptioii Bates By Carrier- 25c Weekly. THB ATLANTA DiAILY WORLD is an Independent newspaper I Qon- and non-partisan, printing news absolutely  and supporting those things It believes to be to the Interest ol Its read- j  rs and opposing those things against the Interest of its readers. THE WORLD expressly repudiates responsibility for return of un-   pictures, manuscripts, etc, unless stamps are sent. Address ALL COMMUNICATIONS to and make CHECKS payable to ATLANTA DAILY WORLD, rather than to Individuals. THE RIGHT TO VOTE i     right te rote most be open to all our citizens Irrespective of I ram, color, or creed- without tax or artificial restrictions of any kind, j The sooner we get to that basis of political equality, the better It will k* tot the  as a whole."</t>
  </si>
  <si>
    <t>                                           ENROLL NOW I FOR BEAUTY CULTURE j  P5!5"3a A job is waiting for you or you can cum en ^    jT) independent living in a. business or your own. tog^JfA m Very Low Rates ^ InGMos.     ^Sfm #I'uyAs You Leuiii practice Anjwhere  BEAUTY COLLEGE j i 8G!) 1-^ HUNTER- ST., N- W. ATLANTA,  Have You Tried Our Laundry? We are equipped to give you fast, economical service on all your laundry and cleaning needs. 2 Day Service On Domestic and Thrift Bundles 3 Hour Service On Wet Wash Call WA. 2658 for Guaranteed Service Or Go To Our Nearest Pick-up Stations TED LEWIS LAUNDERERS CLEANERS 704 McDANIELST. WA. 2658 PICK-UP STATIONS- 550 Fraser Street WA. 2658 867 HUNTER ST. NW. RA. 9132</t>
  </si>
  <si>
    <t>                                           Unleashing a bevy of hard running backs combined with an Impregnable defense the Allen University Yellow Jackets came from behind to defeat a stubborn Benedict College Eleven in a free scoring traditional contest, 20-13 before a crowd of well over 12,000.</t>
  </si>
  <si>
    <t>                                           Parachutists Participate In Benning Jumps                 FORT , Ga.- Three companies of the 555th Parachute Infantry Battalion are now at this post where they will remain for six weeks to participate in demonstration Jumps for "Exercise Combine," a follow-up program to the Air Indoctrination course held here list                 Spring. The 555th is the only Negro unit or its kind In the Army and is attached to the 82nd "All American" Airborne Division stationed at Fort j Bragg, North Carolina. Among iu enlisted personnel are some of the hardiest, keenest and best trained t oops in the Army. During the 31- day maneuver to be held at Lawson Field, latest Air Force techniques and developments in tactical operation with ground units will be displayed for thousands of service school students representing all branches of the Army and Air F'orce. COOPERATION SHOWN Designed to show the role of tactical cooperation of he air-ground team In action on a large scale, the maneuver will display the full capabilities of  cooperation and will provide valuable tactical air training for participating Air Force units. It will be under the supervision of the Tactical Air Command, which is commanded by Lieutenant General Elwood R. Quesada. Stressing training under .simulated combat conditions, the graphic air cooperation maneuver will be directed from- a giant control1 center composed-* of series- of* mobile trailers set up at Lawson Field Advancc "Combat" headquarters. This control center will be operated eri-" tirely under simulated combat conditions. The presentation to each class will include the following: 1. Reconnaissance, intelligence lectures, model and equipment displays, planning conferences for joint operations center, and a tour of advance headquarters. 2. A tactical air demonstration, employing fighter planes, bombers, jet-propelled reconnaissance aircraft troop carrying aircraft and gliders. DEMONSTRATION Climax to each presentation will be  demonstration which will carry out generally the following mission: FP-80 jet-propelled reconnaissance flights, low and high level bombing laying of smoke screens, dive bombing, a glider and para troop . involving the 555th incendiary bombing and resupply and evacuation of wounded. The 555th is commanded by Captain Joseph Gates who has as his executive officer Captain Richard W. Williams, Jr. The staff of the Battnllon Includes First Lieutenant Williams Simms. Personnel Officer; Captain Edward D. Baker. Public Information Officer: Captain Bradley Biggs. Plans and Training Officer and Captain Julius F. Lane, Supply Officer.</t>
  </si>
  <si>
    <t>                                           FORT BENNING, Ga.--Three companies of the 555th Parachute Infantry Battalion are now at this post where they will remain for six weeks to participate in demonstration Jumps for "Exercise Combine," a follow-up program to the Air Indoctrination course held here last...</t>
  </si>
  <si>
    <t>                                           Sunny Says: Today- Enjoy America's Favorite SCHENLEY for Sunny Morning Flavor in Pit-Wir Oiulily Bltodrf . 85 sml a%~^~  wilt. Cm. IM7. SiWn Dallbts ta_ 1 1. C. Weak,Watery Blood Blamed for Making Men and Women Look and Feel Older THAN THEIR YEARS Rot do you feel at too end of a      Is that old  pep and drive lacking? Hive you -up on 7our blood strength lately? Thousands now regaining glowing good looks anil vitality through the release ot vibrant energy to every muscle, fibre, cell. Bvery day- every hour- millions of tiny rcd-blood- mutt pour forth from tho marrow of your bones to replace those that are worn-out. A low blood count may affect you In several ways: no appetite, underweight, no energy, a general run- condition, lack of resistance- to Infection and disease. To got real relief you must keep up your blood strength. Medical authorities, by analysis ot tho blood, have by  proof shown that SSS Tonic Is amazingly  In building up low blood strength In non-organic nutritional anemia. This Is due to the SSS Tonic  which contains special and potent activating Ingredients. Also. SSS Tonic helps you enjoy tho food you eat by Increasing the gastric digestive Juice when tt Is non- too  or scanty- thus the  will have little  to get balky with gas, bloat and  off that sour food taste. Don't  Energize jour body with rich, red-blood. Start ou S8S Tonic now. As vigorous blood  throughout your whole body, greater freshness and strength should make you eat bettor, sleep better, reel better, -work better, play better, have, a healthy color Blow In your skin-  flesh nil out hollow places. Millions of bottles sold. Oet a bottle from your drug store. SSS Tonlo helps Build sturdy Health,</t>
  </si>
  <si>
    <t>                                           ROME, GA.--Miss Lila Lay and Mrs. Cora Nelson have returned home after visiting relatives and friends in Detroit, Chicago, Toledo and points in Tennessee. Mrs. Zula Greene is convalescing at her home on E. 12th St. Mrs. Pearl Watson of Chicago, is visiting her mother...</t>
  </si>
  <si>
    <t>                                           The First Baptist Church or Chattanooga, Tenn. which, will celebrate Its ^; years or existence this .coining Sunday  eris, * "service s. Inset shows the picture of the Rev. Percy .Unma. formerly nf Los Angeles, Calif., who accepted the cull to the pastorate of this historic  during this past March. He was formerly associated with the Metropolitan Baptist Church of Pasadena, Calif., as Assistant pastor under the supervision of the Rev. S. M. Malone. Later, he  was assistant to Dr. J. Raymond Henderson, pastor of the Second                 Baptist Church of Los Angeles. More recently he served as Director or the Field Program of the Department of Christian. Education -ortho Sunday School Publishing Board of the National Baptist Con-- aSAr-Iae: First Baptist of Chattanooga, in celebrating its eighty first year have a "Homecoming" program for all of its numerous, but scattered membership. The aged and shut-in members will be brought to the services by a motor calvalcade. Following the services, the entire membership will fellowship at a free                 dinner which will be served In the spacious social hull located in the basement. k- During the 81 years  ti its-  tence, this church has had eight i pastors. One of them was the First -freg-ro-  -ef-the- first - of education of Chattanooga. Two of the pastors were presidents of the National Baptist Convenlon. One pastor has teen a prominent attorney in the courts of Tennessee. Mr. G. A. Key, principal of the 1 Orchard Knob School of Chattanooga is chairman of the committee of the arrangements for the anniversary.</t>
  </si>
  <si>
    <t>                                           BURGLAR                  SURE              ^}^B PROTECTION       ^gH ^ WIRIJfc IKON       ^ I Nish Williams, Representative, RA. 9383</t>
  </si>
  <si>
    <t>                                           TALLAHASSEE. Fla.                 Director or Student Employmon' I and Astfifiate Director of Student i Activity i.. taken enre of by Mr. M I G. Miles at Florida A. and M. College Mr. Miles received his A. B. degree from Florida A. and M. Coli'enc with a major ill English and Mathemitics and his A. M. decree Ji'es'i- OSia-Srtie- yi-.i vc-v-c-U;,- Aiit-iv- - in Personnel and Guidance.</t>
  </si>
  <si>
    <t>                                           Three Die In Chair On Assault Charges                 . 71a. (SNS)- The Florida State Prison farm electric chair took the lives of three Negroes Monday who were convicted of criminally ^y white women. Those electrocuted were James A. Maxwell, 30. and Joe Fmgoson. 41. both convicted of assaulting a woman in Broward county and Tom Melton. 31. convicted. of  a Duval county woman. The men were reported to have made no comment In' the "death' cell.</t>
  </si>
  <si>
    <t>                                           In Memoriam                 j In loving memory of Mr. Tom H. i Ynnccy. who left us September 24, 1 1P44, l  lorn:  have passed.. And gone. we. wish some d^y you Could come home, tho you are  ill was Jesus will but In our heart You  still, and you are  1 missed by, MR. AND MRS. HENRY YANCEY and Family In Memoriam In memory of my dear mother, Mrs. Daisy Larklns, who left me two  ngo. September 24. 1D45 Loving and kind In all your ways Sincere and true In heart and mind What a beautiful memory you left behind. Your son, JAMES SELLERS, 448 Bedford Place, N. E. In Memoriam In .sad and loving memory of our  mid father, Rev. J. Green, who departed this life one year apn. September 25. 194C. Memories are treasures no one can steal. Deatli leaves a heartache nothing can heal: Today recalls the memory of a loved one gone to rest.. God alone knows what is best-. MRS. LIZZIE GREEN, wife MR. ARTHUR GREEN MR. DAN GREEN MRS. SALLIE JONES, children MISS PEARL JONES, grand child In Memoriam In sad but loving memory of our darling mother. Mrs. Catherine Barksclale. who left us 9  ago today. Thou art cone the one we cherished SLrickencd  on one bright morn. And the grave so cold and dreary, Shrouds thy fair, but lifeless form Thou were far to fair to. linger On this earth so drear and lone. So the loving wise Father Called thee to thy Heavenly homo. MRS. MATTIE LOCKHART MRS. GEORGIA BROWN MR. W. M. BARKSDALE, children.</t>
  </si>
  <si>
    <t>                                           Man Found Dead Here                 A dead man identified as Lonnle Downer. 41, of R 760 McMillian St.. was found at his residence Thursday morning, police reports reveal. Officers W. J. Clovers and W. J. Nilmer reported that the deceased. showing signs of bleeding of the nose, was discovered by Jessie Sylvester. Immediate determination as to the cause of dea.th could not be made at that time, the officers said. The coroner lias been notified to make investigation, ihe report concluded.</t>
  </si>
  <si>
    <t>                                           British To Call Africans Next Summer To London                 LONDON- (ANP)- Africa representatives elected to official bodies, chiefs who govern large . and representatives who may be chosen by more direct means arc to be Invited to come to London next summer to discuss the more acute problems current In Africa. It was announced recently. In a telegram, the secretary .of slate for the colonies proposed a conference of representatives, "of West, End and Central Africa. In the telegram he asked each territory to send one or moro repre  In order to better under stand the problems or colonial     ministration and to hear each other s point of view.</t>
  </si>
  <si>
    <t>                                           For many years I have occupied a bench on the 50 yard line. Many times this seat was everything but comfortable, but now I have left that seal and will view matters from the grand stand.</t>
  </si>
  <si>
    <t>                                           MATHER S ANNEX INVENTORY jSj FREE GIFT WITH EVERY  TOMORROW AND SATURDAY #% COATS-        ,  and SPORT gg p BARGAIN S GALORE! *0: V  imi U   Uc    ut a .price lv j /v*w?~     18r ^^*'**'~n. save , :       ( (his  of over [t^sPy^    :  -~:  Ih%.V "ill    :   !tl :K   fe^dfr^' f f prices'- l.so.      .~'~rJj/.' V-~~Hv- -(i Colors ;   - blue. Iil.-M'k, #     . . 'V'li*-'* 'MW'-\\ --j/ :-t Sivvy . n!      . ')'"T^:''\' if m i  Si: )f;rom'" /tiP^^ if r* IW"% wool  par! .  ^T^: l V~"r f^ /^%fW-fitt 'mt.r tiv j^p;,^;t5  v1, Group . :$2.5  i^^^f  jm^iMf^H *~"v -17   /-iw#^ /;: *P f I SALE STARTS FRIDAY. 9:0U A. M. *  ^^ {^010; SEK1NG IS        ! ^^^vl^-^^1%^ THESE REMARKABLE VALUES'. W'^llf Terms f^]7 ~~*ry open till "i1- M- ^fEf j Coat Suit -Out!    It's n Jmrgiiin, and you ll  a.      f       .s lo buy U-~~n imc of jf  . I Assorted  i/.cs -16. i (^ft '~\~~or.~crt color*, including ninny blues, *. . Srey. etc. (j           in many -different styles. Uf i -Free gilt with every  Tomorrow imd Saturday.    ~~^^~~'m^</t>
  </si>
  <si>
    <t>                                           GHENT, Belgium--Dear Boss: From over here my thoughts tell me that the most important problem facing Negroes in South Carolina at present is that of getting qualified to vote, both the primaries and the general election.</t>
  </si>
  <si>
    <t>                                           NATIONAL BEAUTIES- Tile Imihini: l)c:nil.lcs above arc  of Hi" many "Queens" who were .sent /Ulanllr city. N. to  Hi 'I'Miijilcs df tlie Sliiinei-.s.                 ni-nl Ecypluin. Ar;i!;ii.- Older N-ib'.iv ill ihn Mystic: Slum,. n.ii-ii, n:d Soiiili Aini:rif.:i ;ind its -. fn,:. Tin- Cmmi:,;;~m wa.  AiikukI HOlli. willi Mi.ss IViliic                 T..ir (,l Ntll.irk. N. J ; i  Her runner-ups were Miss CMIlir-Milc Arliiicklc. I.om. Ky I j-'-: :mcl     :rs Williiims. Dii-                 in.il.. Midi. : Mi.ss Eiizabelh : Uiirri from      . was the Quv ii-  Nabbar Tern pie Nd 12H. AUiiiUii, GeorRiii</t>
  </si>
  <si>
    <t>                                           At a coroner's hearing Monday night in the death of Samuel Lowe, 31, of 615 Fortune Pl., who was found dead in Fulton Tower last Friday the jury returned a verdict of accidental death caused by a fall suffered by the deceased while incarcerated in the City of Atlanta...</t>
  </si>
  <si>
    <t>                                           Recent reports from Copenhagen. Denmark reveal that all is not so well with Negro Baptist delegates attending the World Alliance. That ugly monster., American prejudice, traveled around the globe to force its pattern upon the Danish.</t>
  </si>
  <si>
    <t>                                           Injuries to key players during the Morehouse - Alabama State game brought gloom to the Maroon Tigers' camp as coaches and players pondered the results of the Hornet-Tiger game last Friday night at Harper Field which the House flock won by a 19-12 score.</t>
  </si>
  <si>
    <t>                                           Fountain Administration Hailed At Conference End                 Few Changes In Atlanta Area Pastoral Posts                 By WILLIAM A. FOWLKES                 The 47lli Annual Atlanta, Georgia Conference of tlic A. M. S.  ended ;m outstanding meeting at Jani- Allen Temple Church Sunday, after Bishop W. A. Fountain, Sr.. announced :io  changes In pastors of Atlanta metropolitan stations.                 The conference expressed un- 1 qualified endorsement of tlie Fountain  d;: In Gcol.lu, the promotion and  of  Brou:i College and liai.cd all advances in this 'he 20lh year of .state leadership of the senior prelaw of African Methodism in Die world. Prior to the rending of the appointments, the chairman of the Committee on Resolutions, the Rev. H. C. Carswell, presiding elder of the West Atlanta District, presented Dr. T. J. Da"'is. presiding elder of the Griffin Ulstrict. who read the following resolution: "The Fountain administration in Georgia stands near the culmination of the 20th mile-post of unbroken service, throwing up a record unparalleled and surpassed In the annals of history, as relates to Episcopal leadership. It's a lone way  the status of  back there in 1928 to what we find today, creating a thrilling '0 rt*-'-our present leadership to be found nowhere In the AME connection, and certainly not to be matched anywhere in the nation under similar environments and opportunities. "The evil that men do lives after Uicm but the good is oftimes interred with their bones. "Good leadership can ue exhibited only where there exists good and loyal fellowship, hence the great Sixth Episcopal District is to be congratulated, not alone upon a great father in the person of our bishop, the Rt. Rev. W. A. Fountain Sr., a great son. iu the person of President Fountain. Jr., and a great and superior example of motherhood given us by the queenly and conservative personality at found In Mrs. J. A. Fountain, but be it ever remembered that Georgia fellowship of 1,000 churches, 39 presiding elders, 743 pastors, class lead ers, stewards, trustees and an overall membership of 110,000 come in for their rightful share of full credit for the goal of accomplishments which our leadership has piled up in these twenty years. "In spite of the reverses, the confusion and  exhibited over our general church, the Georgia Regulars are unmoved, stable and determined under God, to I preserve our heritage, transmitted to us from the . And. we shall give our life s blood, if necessary, to maintain and defend what we have gained under the Fountain ad- ministration, especially as refers to our ministerial growth, our church- es and the matchless state of af(Continucd On Page G Col; 3)                 Fountain Adm. (Continued From Page One) fairs which now exists at Morris Brown College. "We know the team we now have, what they have done, We all know What- can "be done by them is plainly visible and evident, therefore, a gamble for new prospects in the field of leadership is to us unspeakable and . Be It resolved, therefore,' that pledge anew our loyalty and fidelity to carry forward the program of the present Fountain administration, and there fore give our prosperity the full advantages and benefits of Georgia's leadership during the past 20 years. "Under Fountain's leadership it can be done, it Is being done and it shall be done. Respectfully submitted, Committee on Resolutions: H. C. Carswell, chairman; T. J. Davis. R. H. Porter, G. S. Hardenian. Dr. Giles and E. P. Yorpp." Bishop Fountain read the following transfers The Rev. J. F. Booker, from the Atlanta. Georgia Conference to the Augusta, Ga., Conference and stationed at St. Paul,                 Sandcrville; the Rev. W. E. Smith. Cram the Augusta conference to the Restationed at St. Phillips. Griffin; the Rev. H. C. Bodie. from the At- i lanta conference to the North Geor Ria conference and stationed at La- Grange: the Rev. J. H. HIM. from the North Georgia Conference to the Atlanta Conference and '-stationed at Logtown: the Rev. C. W. Brough ton. from the Atlanta conference to the North Georgia conference: and' stationed at White Plains: the Rev. E. Muckle, from the Atlanta conference to the American conference and stationed at Eastman: the Rev. T. L. Mlncey. from the Atlanta conference to the Southwest Georgia Conference and stationed at Buena Vista: the Rev. Scott Dinkins from the Atlanta to the. Georgia Conference, and the Rev. James D. "Williams from tbe North Georgia Conference to the North Alabama Conference. 'Appointments to the Atlanta Georgia Conference -were made as follows: .WEST ATLANTA' DISTRlicrr Dr. H. C. Carswell, presiding elder: Cosmopolitan. A.' Av Hightovver.; St. Mark. A..J. Harris; College Park, G. S.' "Hardeman; Nenan, W. H. Shaw:' Fairbunv. J. H. Sandford: Cobb Bethel and Newberry, L. Kelly: Palmetto, E. S.- Roberts: -Fay ,.W. W. Whltters; Dent and Wesley. W. i. Slaughter; Sharpsburg, -H. H. : Senior "and" New Hope, to be suplied: Pleasant Hill and Adamsvllfc, J. R. Couch: Martin Chapel, J. L. Bumey: Hape . W. A. Jacobs:. Spring Hill.. W. I h: Middlebrooks; North Ashby. to ba. supplied, and Red Oak, James-E. OT)ay: superannuated. P. R. Morris. MONTICELLO DISTRICT Dr. J. s: Downs. 'presiding elder: St. James, Montlcello, J, Roy Moore St. Paul, Covlngton. J. C. MUler: St Paul, Lithonla. St.. Paul, Madbon. M. B. Keene: Rock Temple. Conyers, K. J. Johnson; Mt. Zlon. Shadydalc, H. G. Conyers; Social Circle. E. P. Yorpp: .Poplar Hill, Mansfield. W. M: Myrlck; Grlggs and Crossroad. Montlcello, A. J. Marble: Adgatcvillc, G. W. Alexander; Pounds. R. Primer; Kelly, I Elon Harper; Milstead, J. Byrd: I Hlllsboro. W. M. Robbie; Sandyford I A. E. Glass: -Bethel -and Scottdalc, R. W. McLcndou. SOUTH ATLANTA DISTRICT Dr. S. H.' Rome. 'presiding elder;' Allen Temple.' W. R.' Wllkesi^St. 'Paul, R.-H. Porter: I'flpper "Temple," W. L. Brown; Trinity. Ben Day; Mt. Camel, W. T. Gllllnrd; Pleasant Valley, c. D. Jdlic^.^; Fountain                 and St. Paul S. D. Williams; St. John, R. B. Williams; Bethel Circuit. J. Thornton; John Alexander Memorial. W. J. Rowe; Flovilla. W. B. MacKey; Flipper Chapel, P. Moore; Hanson Memorial, W. L. Harper; Smith Chapel. James Jones; Hunter Hills, S. W. Wicker; Osborne Mission, John Ban-on; Stockbridge, Dannis Odum; Kelley Memorial. W. Day; District Evan . J. W. Ranger. GRIFFIN DISTRICT Dr. T. J. Davis, presiding elder; 6t. Phillip, W. E. Smith; St. Mary's A. M. Threatt; Grant's Chapel, G. N Jones; Thomaston, T. R. Morgan; Falrfield, to be supplied; Neal C. L. Murden; Logtown, J. H. Hill; Lovejoy, L. Young: Jonesboro. T. B. Blandinburg: Mt. Zion, C. D. Mifldlebrooks: Liberty Cliapel. Floyd Banks; Gatlin and- Lincoln Park, .W. H. Watts; Macedonia, G. W. Worthy; Cleveland Chapel, Henry Lincoln Johnson: Greenville; Julius Williams; Sunnyslde, J. S. San  ford,, Manchester, W. L. Robinson: Woodbury, H. M. Plckard; Forrest Park, H. Langford; Zebulon. W. G. Owens; Andrews Chapel. R. R. King; conference evangelist, G. W. .T. Thornton. ATLANTA DISTRICT Dn R. E. Romans, presiding elder Big Bethel. D. T. Babcock; Turner Monumental. H. Jackson; Anlioch, Decntur, E. C. Carswell; St. Phillips F. Maddox; St. Peter. M. E. McClendon; Turner, C. C. Ealey; Amanda Flipper. J". T. "McMillan; Greater Bethel, S. Benjamin Gay: St. Luke, W. E. Prceman; Smith Cliapel. w. E. Shivers: Fountain Temple. J. s. Hortori: St. John. S. T. Thompson; Morris Brown College Chapel. S. A. Scwell; St. James, L. D. Klnnard; Allen Chapel, Troy Phillips; Ashby Grove, G. L. Johnson, supply; Holmes Institute, B. R. Holmes: Rev. Hayvood Hill,  list: Fanulc Jackson, evangelist. The Rev. W. R, Wllkes. Allen Ttmple pastor, received praise for entertainment or the meeting. MACON CONFERENCE OPENS The Macon, Georgia AME Conference .will; open tonight with a welcome program at Stewart Chapel Church, the. Rev. A. R. Cooper, host pastor,' and- Dr. J. N. Miller, host presiding elder. On Monday, Presiding Elders D. H. Dunii, B.' L. Smith. C. D. Thornton. J. H. Lemon and J. N. Miller held prc-cbn[        sessions with their men, rounding out last minute reports. Bishop Fountain and his team will arrive in Macou. .at.noon ln                 time to attend the funeral or Dr. DeWllt Ealcy, pastor of Grave's Chapel church. The deceased is twin brother or Dr.C. C. Easlcy, pastor of Turner Chapel Church, Atlanta. Leaders from over the connection will attend the funeral and conference. Allen Temple's new $65,000 educational building which Joins the mian structure of the church proved quite an Inspiration to the conference. Large and modern In every respect, the new building, slightly short of completion, promises a recreational program for the church and community as well as more sealing space for main church services.</t>
  </si>
  <si>
    <t>                                           The 47th Annual Atlanta Georgia Conference of the A. M. E. church ended an outstanding meeting at Jam-packed Allen Temple Church Sunday, after Bishop W. A. Fountain, Sr., announced no major changes in pastors of Atlanta metropolitan stations.</t>
  </si>
  <si>
    <t>                                           HO MOM  RAY, MM OR MOID HAM USE Jessie    *'s IMPROVES HUE ITE a^*~     1" ^Bn ^^*-J^IV- IT WONT WASHjOT or rot oot. vnt sum* to nil I *, mr    1                    NO MOMir. FAT fOW MAM fti^ft AAfltMMA WlifB^p, MM 09Wtf *9     JESSIE KARE  AUTY PRODUCTS CO. MMk Am. Mm Yaift  N</t>
  </si>
  <si>
    <t>                                           CARROLLTON, Ga.--Mr. and Mrs. Snap Moore and family have returned home after spending several months in Kent, Ohio. Mrs. Lawrence Hall spent Thursday with Mrs. Carnell Moore. Mrs. Kate Dye his returned hom cafter spending ... weeks in Miami, Fla. Mr.</t>
  </si>
  <si>
    <t>                                           NOW 1 APEX Beauty College Earn More Honey. Be Tour Own Bom. Beauty Culture Is A Depression-Proof Business. JSiSW CLASSES FORMING Cos* of. course reasonable. Small down payment. Balance in- small weekly payments. AUBURN BUTLER STS.        5 3    ^~h Romance ^P^ SKin  let too-dark, weather- en skis spoil your   and love try FRED Palmer's Skin tear for sew, lighter skin Jorelrwsn. Money back          . Caution: Vie only u  6'. CO., lu 2M,  a, S3. At all drug     . 50c Or*(~ _'s  r'^'_</t>
  </si>
  <si>
    <t>                                           Have You Tried Our Laundry? We are equipped to give you fast, economical service on all your laundry and cleaning needs. 2 Day Service On Domestic and Thrift Bundles 3 flour Service On Wet Wash Call WA. 2658 for Guaranteed Service Or Go To Our Nearest Pick-up Stations TED LEWIS  CLEANERS 704 McDANIFL ST WA. 2658 PICK-UP STATIONS-: 550 Fraser Street WA. 2658 867 HUNTER ST. NW. RA. 9132</t>
  </si>
  <si>
    <t>                                           Executi           Democratic Club Meets Tonight At 8                 Executive committee members or The Citizens Democratic Club ot FnRon County      conduct an important me: ting ihis evening at the Butler Street YMCA. C. A. Scott the president, addressed official notices to each member of the Committee Saturday, urging them tc make it a point to attend this imj  session, the first since the Summer recess. A number of vita! I matters will come up for the con.sid I era lion of the conferences . J j AmoiiK these will include: i Consideration of ways and mean to set np machinery to prosecute an .-^ve vou rs' registration campaign in the state, consideration of ly: discussion of the proposed lilywhite registration precincts m the forthcoming Ru'oci-,*   state. consideration ol the urgent necessity of NrTro :c in Atlanta  with the ^-iss toward proposed parks and  for Atlanl;~ Nni:."   riu- i zens. I The meeting ? wsM  at ft m. and will be  at. thr Butler Street YMCA.</t>
  </si>
  <si>
    <t>                                           In Memoriam                 There was ;i lovely  woman who had a . heart and spirit like her Maker. So there she stands like a lighthouse and I thank the Giver of all great sifts for His greatest gift to me my mother. Her love has followed my every effort in the things I have tried tu do. I love you dear, but God loved you best and my love is in memory of her. Samuel Greet. 5.:;.                 MKS. )  Died Nov. 22, 1946</t>
  </si>
  <si>
    <t>                                           Uio HY-BEAUTE  ond TAR HAIR POMADE. It If on Alei for thoet, thin, Brcoklhs-off Hair and       . GUARANTEED or Mjnoy Bach. Hy.Bcauto Hatr Dressing lit Hy-Bomifo Profliino OH     Hy*Boauro Skin Bleach ^3c Hy.Buauto Holr SDK SOc For Men and Womt-t; Any Throo Abovo Sand SI.20 Agents Wanted HY-BEAUTE CHEMICAL COMPANY -- L Ott-tJl    !~..!</t>
  </si>
  <si>
    <t>                                           THE WEATHER Cloudy, warmer; occasional ruins.</t>
  </si>
  <si>
    <t>                                           MOTORCYCLE RACE Sunday, Sept. 14 '{, 3 P. M. Buford, Ga. 7 Thrilling Events 7 THRILLS! SPILLS! j CHILLS! COME OUT AND SEE THE ALL-STAR  AT THEIR BEST Sponsored by t nc ATLANTA MOTORCYCLE RAMBLERS' CLUB JEAN WORTH i Born With Power i Blrange_    !~igw  HfvYl^~ able* this great  B-~    to call  B-l I'avl 7"" what too by BBJ-I     name, tell yon PH _Nt-r."al what yon want to    Vrt^H know without VI asking questions, H^^-l^B  Ton In all ^HR^^x^bV affairs, lore, bus- , etc. Wby be unhappy? I can help yon. See me today tomorrow     be too late! Hoars 9 A. M. to 7 P. M. DaHy. 1269 Bsmlchoad Highway /Umand Park or River     To Anthony Street</t>
  </si>
  <si>
    <t>                                           Riding back to Columbia from Greenville Sunday night my thoughts lingered over something the folk had said early in the evening. It wasn't anything new</t>
  </si>
  <si>
    <t>                                           Florida A. and M. Rattlers and the Jugar Cats of Southern University provided more thrills and spills per play than any game played on the red clay hills this season An impressive crowd braced threatening cloud bursts to see the men of orange and green defeat the...</t>
  </si>
  <si>
    <t>                                           Va. Court Asked To Review Action Of Censorship Board                 Anti-Ku KIux Klan Motion Pictured Banned                 Sensationalism And Propaganda Charged To Picture                 RICHMOND,    .- (NNPA)- The Richmond Circuit Court of Appeals will review the action of the Virginia Motion Picture Board alt Censorship banning the showing In the state of "The Burning Cross,," an anti-Ku Klux Klan motion, picture.                 Records In the case were received by the Circuit Court last Thursday. The appeal was Initiated ,y  T. barton, Jr., counsel tar Screen Guild Productions, Inc, producers of the film. Colonel Barton filed with the censorship board notice of desire to appeal, and the board forwarded its records In the case to thp court which has jurisdiction in the matter. Colonel Barton said last Thursday night that he would ask that a hearing on the appeal be set for the earliest possible date. i The beard based its decision on the ground that the movie would. tend to revive '~animosities,  and enmities," to stir up racial. pre^  and "consequently corrupt morals or incite crime." J Among those who viewed '."    Burning Cross" at Its second  Ing were. Walter Cralgie, Protestant co-chairman of the National Cart-- I       -r-oti ..Christians and.       Said Mr. Cfalffie, when asked hl5 reactions to the film:  i- see-..!         .e...jy3L_ the underlying theme. Although the picture is violent in port, It deala with what are reported to be facts. I see in it nothing detrimental to Virginians. They are prefectly capab.'e of thinking for themselves and farming their own opinions." Commenting upon the possible reaction of Virginia audiences to the picture, J. Westwood Smithere, Third District Commander of the American Legion, also present at the screening, states: "The Burning Cross" Is a somewhat crude, second or third-rato propaganda film. It is certainly calculated to excite the emotions, particularly of the naive. But. so far as I could see, its effect, lite that of an old-time revival sermon. is not to Incite one to crime, but to incite one fervently to oppose crime, specifically the crimes committed by those  organizations such as the modern Ku Ktoc Klan, which capitalizes on racial i and religious prejudice under the guise of 100 per cent Americanism." The censorship board received from Mrs. Virginia Foster Durr. chairman of the Committee for Virginia of the Southern Conference for Human Welfare, the following telegram: ACTION TERMED DANGEROUS "The action of the Virginia Molion Picture Board of Censorhlp in refusing to allow the people to view a film protesting against the i antidemocratic forces such as the Ku Klux Kin Is a blight on our efforts for democracy in our country. "The Burning Cross" is a strong protest against the f"f and the totalitarian use of prejudice to (Continued On Page 6 Col 4)                 Anti-Ku Klux (Continued From Tagc One) destroy democracy. "How can Governor Tuck and Senator Byrd's machine talk so big in Charlottesvillc  democracy with a capital D. one day. and cut her throat In Richmond by the absurd censorship ol this pic- ture? i The Coinmirttae     Virginia strongly protests this un-American action violating all the traditions or freedom In this State. I am calling this to the attention of the House Committee on Un-American Activities." In Washington, Dr. Clark Foreman, president of the Southern Conference for Human Welfare, wrote the House Un-American Activities Committee as follows: "If you are realty interested In investigating un-American .activities, your committee should look Into the fact that the Virginia State Censors have refused to allow the showing of an anti-totalitarian film called "The Burning Cross." This Him exposes the un-Amerlcanlsm of the Ku Klux Klan and the danger to freedom in this country . "it -a jard to imagine a more                 un-American activity than that of, "censors  uj      v people     see a Him designed entirely to reinforce the democratic Americanism of this country."</t>
  </si>
  <si>
    <t>                                           RICHMOND, Va.--(NNPA)--The Richmond Circuit Court of Appeals will review the action of the Virginia Motion Picture Board of Censorship banning the showing in the state of "The Burning Cross," an anti-Ku Klux Klan motion picture.</t>
  </si>
  <si>
    <t>                                           BEST DRIVER AWARD Major Giuiurul Chsirlcs W. Ryder, Acting Cumi:ii:iiu:!ii:: General of llic BltfllUi Army 'In J.i;. m. Is .shown after presenting a ! of               to Prlvme First Class D. Eldiidfe of San AiiBC.'o, Texas. Private Eldridge was selected as tlie best                 driver of the week ;it Second MuJor Transportation Port Motor Pool; ' on is Brigadier General Frank C. MeCoimell. Commanding Gonor.nl ol" thi! R4*c: PorL                 , "Japan. (U. S. Army photo from Public Information Division).</t>
  </si>
  <si>
    <t>                                           I Yfhttn    toy M*lbo .~j^Rk^l It      , fy^/    Moon  uit that. ^V^\ I No  cigar at 9c J^^J V  luch high tS^WV quality .    , I ih*   It plenty of      j HAVANA tobacco grown on t tho Ittond of Cubo In  1 I M*lba cigar. Try on* today. j     wni  It iron      to     fott puff. V  dialer      J not hart Mtlbai,  rJI.</t>
  </si>
  <si>
    <t>                                           YOU DONT NEED CASH ROGERS CREDIT* CLOTHIERS JEWELERS MO Edcewood An. Between Tonce and Jackson SO. ill II Nish William* ReprescnUttre RArmond 939J</t>
  </si>
  <si>
    <t>                                           The Morehouse Maroon Tigers will be out to get back in the victory column, Friday night, when they come to grips with the tough Alabama State Hornets, at Harper Field. The kick-off is slated for 8 p. m.</t>
  </si>
  <si>
    <t>                                           "Win"-"'" Each  un. Morning" "unc In 9:05 tu ~:1B O'clock STATION  Hy Beautt; WA1R DRESSING PROGRAM Ti-ua Prizes j</t>
  </si>
  <si>
    <t>                                           Winter Is Coming!! BUY COAL NOW  COAI. PRICKS ItlCHT Price-Henry Seal Company PHONIC RA. 5*01 1</t>
  </si>
  <si>
    <t>                                           Fulton County Children Get First Mobile Dental Unit                 Bv O/.ril. K. Wnulvock                 Negro children of Pulton County received their first opportunity for free dental service when, on Friday morning, keys to a mobile .it unit were presented to Dr. A. L. Kclsey, in  of the colored citizens of the county by Coinmlsxlnnpr .1 H. Alflrldcfr. I                 The unit, one of three in operation in Pulton County, is the first for Negro children, and Is staffed by"NcKio personnel. It is the "brainchild" of Dr. Robert W. Strandrldge. Director of Dentistry of Fulton Cotmty, and Is an exact replica of two in operation for white children. It-aias-to- rar y "-i""" i-r that Dr. Robert w. Standririuc conceived the Idea of a mobile dent.al unit for children of Fulton county. This  his brain child. Dr. StandridRe. not only promoted the unit but personally designed and engineered R. This Idea of Dr. Slmutricluc is the answer to one of Fulton county s: foremost rural health problems                 .istry for elementary school children. Consequently, in October of 19-15 two mobile dental units rolled out for service for while children of Fulton county. For this achievement the Georgia Dental Association presented Dr. StandririKC with :i silver IovIiir cup "for ; Hie most  work or the year for humanity and dentistry." He received this cup in May, 1946^ The units proved  successful, so today the -third unit, is complete in every- detail to service the children of the thirty-six colored .schools throughout Fulton county. t 1 ~-~~~U*.  *p r\f tlie two  were put into service in MS. The scope is wide for its operation. It will ro to the limits of the county, which is Palmetto in the southern extremity and Alpharetta in the northern portion of the county. -: NOT  There- hits never bc-en denial Ciintiiiilril On I'iirc 5 fi)                 FULTON COUNTY CHILDREN received their first opportunity for free dental service when keys to a mobile dental unit were presented to Dr. A. L. Kelsey by Commissioner J. H. Aldridce last Friday ; outside the Fulton County courthouse. Pictured  arc those who participated in the dedication. Above left. Dr. Robert W. Standrldirc. Director of Fulton County, who conceived the Idea for the mobile unit.                 designed and engineered it s promotion; Dr. A. L. KLsey, who worked with Dr. Sttmdrid^ i" making Hit* possibility for Negro children n reI . In the panel at upper  Dr. Kelsey is  keys to the mobile unit, from Commissioner AltlriRo. At the commissioner s right i is Dr. R. W. McGhcc, Fulton Counl.y Commissioner of Hoa 1th. and j   Dr. Kelsry is Supi . Paul West, Fulton                 t.y Board of Education. In the lower panel Dr. Kelsey is -.' the mechanism to Ihe two young dental .surgeons who will operate the unit. 'Dr. A. Van Burcn Cohen, left and Dr. Charles HutchinKs.) In the  is Mrs. Josephine Brown, denial assistant. Read the complete story nl" this newly-con  dental health program 'by Mrs. O/ri! F. Wo()ck i In column lx*!ow of                 .s pn AC 'Jones photo j                 Fulton County \l iCo.-.n^cj f.-gsj raft Oar) e to.-i At this time Fultcr. hi- in operation thit? oi the Souths f;ru mo- bile   Tlit purpose oi tne whole program is to educate :n* ;;.-'pie to the need good denial health mid lake care of those who otherwise might not receive :ht* much ,'iet- service. When Dr. Standndge first assum- eci duties . Fulton Coumy Den- i lal Department, there v.a.-~ only one/ dental chair located ji; Lhe t-ourt house. With a large number of child- ren in the county that needed ser- I vice, u was inadequate. i STAFF I The Mobile Dentistry for indigent children is sponsored and financed b; Fulton County. It is being  by two colored dentist. Dr. A. Van Buren Cohen and Dr. Charles Hutchinas. The dental assistant is Mrs. Josephine Brown. The dentists are part-time employees who work each ,-choo! day during school hours. The 1 assistant is a lull-time worker, which enables her to do home visiting. All elementary school children will receive denial examinations. The parents will then be notified if ati  is needed. However, only children whose parents cannot afford ;i private dentist, will be given :mem. KQl'Il'MENT The ur.:i is 27 feet long, 8 feet wide with head room of 6 feet, 4 inches lor the interior. There are two cuir.; dental office outfits and a I third portable equipment setup so that  three people can ope- j rate on ihe unit at the same time J Then- is running water that is .supplied by a -JO tial. lank which is con niM  benc-aih the chassis. Ther^j is a -ni lighting system and a 1.0iJ0-w:iu  which  i; possible fur tlu- unit to operate when there is iid electricity available The unit i.s aij--d lor warm weather and heated lor cold. The Hour  uii . linoleum and all tlu- windows air .- withi 1  - Tlii-  i:: oi a .son ij; turaj lunr. 'i lie .-.  junior s:/.e. The cost ul' the complete sel-up was $15,000 whu li was financed by Fu.'ton county. When the first two units went into operation the late Superintendent Jere Wells of Fulton county, staled thai. "This is the h;uh water mark :n the field of health-especially for i rural areas. Fulton county has blaz- led the trail  rendering ^er-                 luc to our people. Al Umt time lie  that more units would be  arid [hat their use would  ver. oe prevalent  he South The   to be visited b? .he unit -'Hi be Hur.ter HlUs  second vuu  ill be made to Simpson Road School. An outstanding feature, needless mention, is that the unit is bur -proof The unit s modern  in very respect surpasses even the -the-avera(je equipped dental office.</t>
  </si>
  <si>
    <t>                                           Negro children of Fulton County received their first opportunity for free dental service when, on Friday morning, keys to a mobile dental unit were presented to Dr. A. L. Kelsey, in behalf of the colored citizens of the county by Commissioner J. H. Aldridge.</t>
  </si>
  <si>
    <t>                                           THE RIGHT TO VOTE j "The  to Tote must be open to all our citizens Irrespeetire of j , color, or       without tax or artificial restrictions of any kind. The gooner we ret to that basis or political equality, the better it will j fee for -the country as a whole." -FRANKLIN D.</t>
  </si>
  <si>
    <t>                                           ALWAYS SEEMS STRANGE how crop-dusting intrigues the photo editors of some of the magazines. Those pictures of a plane dashing over a field at 15-foot altitude certainly give a distorted idea of how a Flying Farmer uses his plane. In a recent checkup as to...</t>
  </si>
  <si>
    <t>                                           ZbTA PHI BETA SORORITY IN LOS 5S -A BCtieV.l! view :  of the -100                 Kates to the 26th Annual Boule of 1 Zcta Pin Be'" Sorority. Inc.. held in Los Angeles. C.. The boult j                 \v:is rti M- d :is tlw .-!. MUTl'SsI'iil ever lu-lil In I lie sorority. Insevt .shows Grand I3:i:.i:eus                 LiiUi'lui \V. Harrison, of Zct:i Phi IVIa Sorority       lit 1-; ;tn honorary ^hlp in this                 national Grcck- oi Rsinizatio:! upon Mildred *Blount, Int- r. liai designer of Lo:.                 AllRi-lrs. lANP)</t>
  </si>
  <si>
    <t>                                           COHEN MUSIC RECORD SHOP THE RECORDS YOU HAVE BEEN ASKING FOR YOU LL CKT THEM BLUES Buddy Jolm.on I WONDER WHERE OUR LOVE HAS GONE Buddy Joimson SINCE 1 TELL FOR YOU Dinah Wellington TRUE BLUES Roy Milton SOAP AND WATER Wa.-d Sam I DON'T KNOW IT Arthur Big Boy Crudu-l CHANGEABLE WOMAN BLUES Johnny Moore SAVE THE BONES FOR  JONi;S Johnny        and King Cole Trio THE LATEST IN SPIRITUALS COHEN MUSIC RECORD SHOP i '..\!v:ir ~}''i\ SO.'i :.'.  ::.d Avc. I'i-.i-l :'t.</t>
  </si>
  <si>
    <t>                                           7-'             - CA1IF GRAPES H {~ ^"""''~J ^-jC "* op -^^.n- jjj fc? ^e^SSil Halves 23 V $ *~*F^  APPLES 2"-l*TCl   ; .            -Jinv  J -^~T FIRM AND TSMOfcR- FRESH MOUNTAIN E p PIc Crast It ll^li----- CABBAGE 2 17c E g? UMMttT . LONG FANCY KENTUCKY WONDER P i Field s*cas I2 l$cl             .e beaks 2-27   JSl -i S LbBlk SHRED FOR SUMMER SALADS- GREEN TOP rf Grape i 27C ^c au^cwm 2 I I * Saore 17CI  CEIiEBY 8C i m         2 On MELLOW SWEET READY TO EAT ft I 15l.o, -acci 3OcfBARTLETT PEARS "~-12c I Spaghetti oB 1  I ;^r= i wim I ^c"cT' VLb ~_c S Batter Beans 2"* 25c ^         /W I I Preserves 25*1   S*fmf%  *!^r\ 3 mott-s S CrowderPeas2Lbsi4c u^AKV9 x(^-PI Spple J-^ 2; 19C I c^:^,^ 16c ^p,j 3 TTo:~ S          Ripe J Qg '';;?^^551 I Hpp5e JcHy r 17   Watermetons Each S7c- _  ^   1 CATSUP h- ,22c ^^^rfg ^1 MBB ^^^Jt_         *~ fc 1 I I Pc"c'1 :""1 Cheese Salad " I BEEF BEET f\ott7Biscnlts I Bin- While Zpvb.Wc = Hf    /I i POStS 13-Or.PkB. I6c 1 B COLONIAL PRIDE COLONIAL PRIDE Ift E I a 55c ib. 75c Vienna Sausage 15 I MJ S M ' Quality H Winner Quality Kf ,OK ,,  MCAtS- E I I lb. 53c I ib. 69c A Potted Meat 2 15 FOR PATTIES OR MEAT ^^ ~!*JPJIBewJ2^?flr B ^SSIOUrJD BEEF 45c Orange Juice 27 c I W SO TENDER AND LEAN jR  Kxfncr^Dy  p I   roast u,59c I Psrune Juice 29*1 ARMOUR S STAR PURE ? A TKA TIMt: -  S E I       SaOSAGE   45  f Vcnilla Waters  t 29" I 1 OCEAN FRESH SEfl  y ^  ^y* JmjKb A Bags OIL I 3 A nn. with  salads-  R 1 SMALL CATFISH 47c Peanut Butter 35 C I g SEA BASS STEAKS 49c  J c-.f^f^       3    IQ* I I SPECKLED TROUT 49c f ^^"-SLT T H LARGE MULLET 2?c A French; Dressing 20* 1 r**^ c^AC^gRs ^sc               'ST 35 c I</t>
  </si>
  <si>
    <t>                                           The final touches have been added to the program here Friday night for the all-choir Harvest Musical which will be presented at the Central Methodist church tomorrow evening, beginning at 7:30 p. m. The three choirs of the church, including the Children's Choir, under the...</t>
  </si>
  <si>
    <t>                                           NO MORE GRAY. DULL OR FADED HAIR USE Jessie Kare s IMPROVED HAIR DYE LOOK YOUNG t Kifl AND BEAUTIFUL  IT WON T WASH OUT OR RUB OUT. VERY SIMPLE TO USE CAUTION: USl ONLY AS DIRECTED ON  SEND NO MONEY. PAY POST MAN SI .00 plus postage on delivery. Send r 'rr today. Satitfactlan or refunded JESSIE KARE BEAUTY PRODUCTS CO. 507 Fiftk Avc. New York City (051</t>
  </si>
  <si>
    <t>                                           The nation's spurts fans ought to know that a knock-down, dragout, showdown fight is underway in the major professional leagues. The brawling involves the National Professional Football League and the cocky All-American Foot ball Conference. The conservative and reactionary National Football League whim barred Negroes until Woodrow Strode and Kenny Washington crashed into the inner circle of the pigskin giants via the Los Angeles Rams, has turned down...</t>
  </si>
  <si>
    <t>                                           C.  REVEALED Arc you c'-'H'iMlly ), \Vorrli*il m-cr Monry.HiiKiness, LoveV nr family matter? CScl my "Free'* Sm'ccss Bnoklcl. \~r:~rn  to QBAt   to use. tl. ILtve Jielped .       . Why keep       Minn? Wliy mil     Mlircrssful. Or why  your  nno some-* one clsr? If you arc 4'.D ba -vnl. My SL'f: MOOKLEi:     , riii.i;,       t  f-ir it unless           . In           . We are KEl.l Alll.K. Till'; OMH1A NOVI^TV.l'.OBo* 17:1(5, Dcpt. 3. Chlogo 80. III.</t>
  </si>
  <si>
    <t>                                           Dutch Seek To Restore Colonialism In Asia                 Bv I. C. BUKK                 MADRAS. India- (ANPl- The un declared \v:ir being waged in In*  by the Dutch is an attempt to reestablish colonial government among a community of nations most of whom have  obtained their freedom or have I been promised independence or                 dominion status within a given period. II cannot be accepted that the Dutch ire unaware of the fact that the nations of the i ar east are making a desperate bid for freedom even at the cost of bloodshed and are likely to succeed because "51 the Tatters inhere"           to     free. The .statement of Dr. Van Klcffens, Dutch representative to the UN Security council,* that the fighting in Indonesia is considered a domestic matter cannot be considered valid. If this position was true, does it give the right to one .section of a national or empire population to wage war on the other? PROBLEM ALSO ASIATIC For more than a century European nations have built huge and profitable empires in the east by .subduing and exploiting the local populations, most of whom have known  about western civili/. but whom have developed a culture much richer and more highly Integrated. While these people have constantly sought to throw off the yoke of the white op pressor. it has taken decades to evolve the proper techniques with which to combat this form of virtual slavery. Now that most of the countries of this section of the world have                 accepted independence as a regional goal, no nation will be able to maintain holdings against the will ol the brown population. India has recently emerged a free and sovereign nation. Burma is in the process of establishing a dominion government, Ceylon is holding the first free elections In the history of the Island, Sinm is renovating its war -.shattered nation, the Malay states and the Netherland Indies are smouldering with the embers of '"freedom* likely to burst forth any day. Among people who are determined to share in the prin   *T  C^v**     % ~%#~!-~ M/  ^ il nra overrun by the Japs or who  in keeping the world from acceding to evils of totalitarian Rovernment. some form of self-government is In  and the Dutch must be as wise as the British in recognizing (Continued on Page 6, Col. 3) I                 Dutch Seek (Continued from Page One) this fact. Because of ethnic, geographical and religious ties the whole of Asia Is related and the problems com mon to life in one section of the continent gradually effect life in the other. If most of the nations are to be free, discontent and strife will prevail among others failing to share in this freedom. Agriculture is another factor bind ing the peoples of the far east together. Rice, wheat, potatoes, and a few other foodstuffs are eaten throughout the Orient because these products are grown easily and because the religions of the east forbid the consumption of cer tain other foods. As the "mother religion," Hinduism teaches that no meat but motten be eaten. And In view of Me tact that                 . Buddhism, Janlsm, the religion of the Sikhs, and other faiths spring from Hinduism, many of their rituals and habits of life descend from this ancient faith. MONROE' DOCTRINE FOR ASIA There Is growing demand for an extension of the principles of   solidarity in Asia: Pandit J Nehru, prime minister of the Dominion of India, made this fact clear as India was throwing off the yoke of imperialism when he said when referring to the new flag of India, "A new star arises, the star of freedom in the east. A new hope fills the world." The same point was made by India's, representative to the security council, Dr. P. P. Plllal, who said during his speech on the Indonesian Issue, "Tension in Asia Is  hard to control. No European country as any business with an army in Asia." How effective this policy will become In Asia depends on the the leadership provided by India, Burma and other nations determined to .set Asiatics free. FAVORS INDONESIANS In spite of the fact that the United States, China and other members of council are supporting the position of the" Dutch, people all over the world interested in the struggle for human freedom are throwing the weight of their moral support behind the Indonesians. Severe criticism the Ducth and the American governments is being expressed by leading newspapers. The New York Times and the Heald Tribune released scorching attacks against this policy in their foreign editions. Commented the Tribune. "The entire performance has been one that may increase suspiciousness of those Asiatics who contended that Americans profess to be idealists and usually wind up supporting white men against the brown and conservatives against liberals."</t>
  </si>
  <si>
    <t>                                           MADRAS, India--(ANP)--The undeclared war being waged in Indonesia by the Dutch is an attempt to reestablish colonial government among a community of nations most of whom have either obtained their freedom or have been promised independence or...</t>
  </si>
  <si>
    <t>                                           SANDERSVILLEE, Ga.-- Mr. and Mrs. Samuel Fort of Atlanta visited relatives, Rev. and Mrs. W. F. Slaughter of Palmetto, were weekend guests of friends here. Mrs. Pearle Mae Turner left to join her husband in Jersey City after visiting friends and her parents for a...</t>
  </si>
  <si>
    <t>                                           Washington Half Dollar On Sale At World Office                 The Atlanta Daily World will sell hull dollars at the office. 210 Auburn Avenue, N. E., beginning today. The announcement was made by S. J. Phillips, president of the Book cr T. Washington Birthplace Memorial. Rocky Mount, Vn., who said Unit the world was joining a large number of other papers over the country that are cooperating withthe Memorial In the program to erect a service memorial. In the form of n trade and industrial train ing school, at the birthplace' of Booker T. Washington. The World is pleased to render this service to the public. The cost of the coins is $1 each, the profits above 50 cents lo be used In the erection and maintenance of the school. Officers Arrest Lottery Suspect While cruising on Vine Street, 01 fleers R. C. Pendlcy and B. G. Holland said they stopped an automobile as It turned into Thurmond St., and arrested its driver when they found on his person a lottery check-up sheet. The driver was listed as Robert Lewis, 31, or 7U0 Slnipsou St., N. W.                 Stassan Wants Strong GOP ORliANDO, Fl3. (NNPA) -At I a party rally here last Thursday I night, Harold E. Slassen. candidate I for the Republican presidential nomination in 1948.. told Southern Republicans that they have the right :n Florida and each of this Southern Stares "to develop a strong Republican party with Its own views on the conduct of State and national affairs. Implying that Southern delegations to Republican national con ventions should not go to the highest bidder. Stassen told his audience that ".he South  begin to. plan now to send outstanding men and women to the Philadelphia convention. "They should be men who  represent the States from .which they come." he continued. "They should not be distant adjuncts to any Republican Party of ally Stale j-of. the- .-v I "They should be men and women who cannot be bought or sold, who cannot be intimidated or deluded They should be a group of men and women selected without discrimination, without any unconstitutional exclusion on the grounds race, religion, or ."</t>
  </si>
  <si>
    <t>                                           presiding Elder H.C. Carswell of the West Atlanta District of the ... Church, was praised Friday ... for his work in the area by a ... assemblage at Cosmopolitan Church, the Rev. A. A. ... pastor.</t>
  </si>
  <si>
    <t>                                           City Rivajs Match Wits In Tod Tilt                 Both Squad. Rated Evenly Matched For Tonight's Test                 By MARION' E. JACKSON                 Atlanta's two high schools are inaugurating a classic today that lias all of the blood and thunder of one of the major collegiate tilts. Ths contest matches B. T. Washington High against their crosstown prep rivals, the David T. Howard ~.^amblers, .and brother if vou believe me                 fur and feathers are 3 to i ly. Tlie prep  boys are start ing the fireworks tonight at        ^Fleia. -afc8,iand good' weather 'or bad, every corner arid crevice of that enclosure out on the Westside will be Jam-packed _with- -^ss- who_      _xn_Oie_ their city mates, '       ', and '. Thr City High School Championship Is at stake. Since David T. Howard Is the newcomer to the Date Citj(, prep warfare nothing would suit the Sojourncr better than to take the diadem back to the Fourth Ward. Such a feat would be the payoff for their Conch T. Herman Graves, who in his first  as a four- high school coach would proudly point to his victory nr. the win of win. It would balloon the spirits of the Ramblers' principal, C. L. Gideons, who has seen many  momenta In the grand stands this season, while watching his boys charge like Bengal Lancers through some of the toughest S'buth cm high school foes. Washington High, for years has automatically  the City- Cham pionship. Since the sprawling colossus out on "E" Street was the only high school in the Oato City, the Bulldogs were never challanged regarding their right to the crown. The big shakeup in the Bulldogs  y came whon Howard was upped to a 4-year institution and the classic and warfare was on. L. C. Baker, coaches the Washington High Bulldogs. Llko the Old Lady That Lived in a Shoe, he. has so many backs, he doesn't know what to do. Yet, he has carefully pruned his '47 squad until his finest performers will no doubt trot out on the field tonight to do or die for the glory of "Dear Ole Washington High." Head Coach T. Herman Graves will be counting heavily. on his pow  line sparked by Captain E. drier, Bobby Kelly, and Sammle "Bulldog" Simmons, who have shown remarkable hustle in final drills for the tussle. Other key players arc Major Mettcrs, Claude Bowder, Alvin Nceson, Emanuel Clark, Gerald Callaham, Frank Grantley, Arthur Brown, John Showers, Willie Ponder, Horace Humphreyi Nathaniel Crute, John Sherrer and "Pee Wee" Stevenson. Coach L. C. Baker will place his (Continued On Pace 2, Col. 2)                 City Rivals (Continued From Pajc? One) veteran starters in the inty r.nd he believes these - onil luggers will curry .the Bin? :ir.;i white through to victory. -'Here's the Rambler's '.-.' P.2cord: DAVID T. HOWARD (1 Howard (Teiui.) 0 25 Washington (Via.) 0 30 Rome High 0 13 Hudson High 0 13 Stephen Lee 0 30 Rlsley High 0 19 Carver High 0 6 East Chattanooga 7 The Wa'shir^ton HiRli Bulldogs records reads: BOOKER T. WASHINGTON 19 Herring Street C 12 Dccalur 0 19 .Radcliffe 6 38 Monroe High 6 20 Bf boles "0 0 -.Spencer 25 2 Tuskcgee 13 G Sterling 16 Probable Starting Lineup: Washington Howard Andrews LE. Metts BeU LT. Grier Calhoun LG. Kelly Calhoun C. Crutc Corbins RG. Simmons BeU RT. N'eeson Petty QB. Gaston Nolan Ln. -Pace Turner RH. 'Smith Douse FB. Johnson Officials: B. T. Harvey, referee, Colgate; John Moore, umpire, Morris Brown; Julian Robinson, Headlinesman, Morris Brown; Marshall Arnold, Field Judge, Morehouse.</t>
  </si>
  <si>
    <t>                                           Atlanta's two high schools are inaugurating a classic today that has all of the blood and thunder of one of the major collegiate tilts. The contest matches B. T. Washington High against their crosstown prep rivals, the David T. Howard Ramblers and brother if you believe me...</t>
  </si>
  <si>
    <t>                                           RECEIVES GIFTS- Rose Morgan, co-own of Rose Mcta House of Beau ty, receives a gift Irom the  Beauty Salon Owners' Association of Queens, N. Y., on the occasion of being voted honorary membership in the association. Left to right, Attorney Maxwell T. Cohen                 Mrs. Maude Gasd.cn, president State Beautician Association; Hon. Daniel L. Burrows. Anthony Plaitnno, Miss Morgan. Dr. Alma May Haskins, Harry Cohan, association president; Lionel Barrow, representing the NAACP. and Julius J. Manson, N. Y. State Board of Labor Meditation.</t>
  </si>
  <si>
    <t>                                           TRANSFER OF 5 SCHOOLS TO RACE APPROVED 7-2                 WASHINGTON- i.ANP) The Nov. 5 recommendation of School Sup. Hobnrt M. Coming that five white elementary schools, be transferee! to trie use of Negro students was passed by the board of education here last week by a vote of 7-2 The  for transferring t.                    schools was given despite protests raised by Negro groups who hold the schools to be antiquated and unsuited for the proposed uses Affected in these changes are some 1,700 white students and 3,301 Negro students, as well as eight principals and nearly 50 teachers. The white students will be transferred to other schools:, the Negro students given full time Instruction, and the teacher-staff getting  The school marked for transfer are Blow, Webb, Hayes and Bowen * schools and Lenox Occupational school. Five buildings are scheduled for abandonment, one of which is the Lincoln school, now oc  by Negro students. Effective date of the changes is not later than December 1. FULL PROGRAM Schools at which part-time students will be placed on a full-time program include Browne; and Randall Junior high, and Crummcll. Payne. Cook. Van Ness and Bell elementary schools. Prior to voting on the transfer of the schools, the boards s grounds and buildings committee inspected the heating systems at the Blow and Webb schools. Mrs. Philip Sidney Smith, chairman reported that                 I the examination, including- carbon I monoxide tests by experts, showed j I the systems to bs "satisfactory from j fbe health and safety standpoint." Mrs. James W. Williams who, with Adalbert W. Lee. cast a dissenting .ute,  that the transfers I had many advantages, but said that disruption of school schedules and the "psychological effects" on children involved were greater disadvantages The local NAACP branch termed the action as "hasty" and question ed that the board had "exhausted the other possibilities presented."! The board also announced the pro motion of Dr. Harold A. Haynes. principal of Dunbar High School and an  in district public schools for 23 years, to the post of administrative assistant to the first assistant superintendent in charge of colored schools.</t>
  </si>
  <si>
    <t>                                           WASHINGTON -- (ANP) -- The Nov. 5 recommendation of School Sup. Hobart M. Corning that five white elementary schools be transferred to the use of Negro students was passed by the board of education here last week by a vote of 7-2. The approval for transferring the...</t>
  </si>
  <si>
    <t>                                           BIRMINGHAM. Ala.- (SNS) VUtCAJT BOWL FOE^-Thc Gramb!ing College Tigers \v(tc totally unsung at the ;1 of the Senson, but the team h:is  some of the nation s top pigskin                 machines to win a birt to the nation- j 1 ally-famous Vulcan Kowl Football Classic in Birmingham. A\:i.. Thiivs day. January I. 19-18. The .South'u touted juggernauts have reeled under the Impact of the Louisiana                 Uriilclcrti' (lyu;isi-y which lias grown lo I'licuiiiinisi Hie li    ut Dixie. 'Iliu tu;nil .sl a pro- I                 l . running tmd passing attack thill has bowled over eight of  nation s lop elevens, including tlio awesome Soutlicni University Cuts.</t>
  </si>
  <si>
    <t>                                           Now then a look back over the road we travel is good soul and enables one to determine how last and far he tramps.</t>
  </si>
  <si>
    <t>                                           Only eight more days until big time football will be displayed in Memphis again. Not since the war has so much interest been shown. In football as in this charity classic game that brings together two of the nations' top Negro teams.</t>
  </si>
  <si>
    <t>                                           Hartsfield Accepts Washington Coin                 By C. LAMAR WEAVER                 Headed by Prof. C. L. Harper, local branch NAACP president, a group of - citizens appeared before Mayor William Harts field. Wednesday and Mrs. Lula W. Thomas, Field Representative of the Booker T. Washington Memorial , presented him with a                 half-dollar. j Addressing the Mayor in his state ly office, Mrs. Thomas cited the I significance of the recently minted coins which were authorized by the "9th Congress of the United States, asserting that 5,000,000 such coins were minted to launch a Booker T. Washington Memorial fund. Referring to the coin as a "Christmas token" Mrs. Thomas requested the prayers of the Mayor that the Memorial fund drive might be a success. Labeling the Immortal Negro educator "a citizen of the world," the Memorial represented declared that the purpose ol the fund will be to keep alive the spirit of Booker r. , who rose from a low ly log cabin to the Hall of Fame. CONSIDERED "AN HONOR" Mayor Hartsfleld in accepting the token expressed that he "considered it on honor." His thoughts and expressions were reflected to the massive statue of the educator standing before the city Negro High school named in his honor.                 I He admitted profound fondness for this  adding that he liked to taKe visitors to view the sta tue of Washington who Is  as lifting the veil of ignorance. After remarks from Reverends M L. King;, pastor of Ebenezer Baptist church, and R. B. Shorts, pastor of West Mitchell Street CME , the Mayor diverted the group s attention to the proposed visit of the "Freedom Train" slated to visit the city. Jan. 2 and 3. HEADS EDITORIAL He read, an editorial release from the St. Louis Post Dispatch newspaper, wherein h.- \va; commended fo:- his forthright stand in proclaiming that there would be no segregation of observers In Atlanta. The same editorial spoke disparagingly of the Mayors of Memphis. Tenn., ?.p.d Hattiesuurg. Miss., whose avowed stand on segregating tht races resulted in the "Freedom Train" passing up those cities. The committee commended the Mayor for his stand on the issue. Also in attendance were Miss Bazolir.e Lrsher, supervisor of Negro pul lie schools of Atlanta; Mrs. C. 1 Harper and Otis D. Wright, ter.o soloist touring the country in : of the memorial fund drive. A sro"o picture was made of th( i Mayor and the committee  the ;v.Tsc..;ation.</t>
  </si>
  <si>
    <t>                                           Headed by Prof. C. L. Harper, local branch NAACP president, a group of civic-minded citizens appeared before Mayor William Harts field. Wednesday and Mrs. Lula W. Thomas, Field Representative of the Booker T. Washington Memorial Foundation, presented him with a...</t>
  </si>
  <si>
    <t>                                           U N Ignores Bar Maintained By S'Africa Union Against Natives                 Question Of Bias Toward East Indians Brought Up                 LAKE SUCCESS. N- Y.-WNPA)-The question of j discrimination against Ea.n Indians living in the Union of I South Africa was brought up at the United Nations last Wednesday but nothing was said of the color bar maintain- oil by the Union against native Africans                 Noi on;y hfit tile Uulun'.s treatment of Indians called forth out- 1 side intervention, but the extreme- ly low living standards of the bulk of the native African population their occupational status and in. equalities In civil liberties have also  protest In the United Naions. Specifically, the Indian Govern.  last Wednesday accused the './ of Ignoring a resolution pass 1 by the General Assembly of the '.' Nations last year concern- ng treatment of Indian nations. That resolution requested South Africa to bring its treatment of In i  nationals Into conformity  lth previous agreements between ~'ie two Bovernments and with the! " Nations Charter provisions!  r "fundamental freedoms without .'. as to race, language or ." I</t>
  </si>
  <si>
    <t>                                           LAKE SUCCESS, N. Y.--(NNPA)--The question of discrimination against East Indians living in the Union of South Africa was brought up at the United Nations last Wednesday but nothing was said of the color bar maintained by the Union against native Africans.</t>
  </si>
  <si>
    <t>                                           RIDE TOGETHER TO CONFAB Dr. and Mrs. D. V. Jemison, m their Pullman drawing room en  from Birmingham via I" risen linns for the National Baplisi Convent inn held in Kansas City,                 Mo. Hi-, . is president of  tho NBC, Inc., and the Alabama Stale Baptist- Convention, lie lives at. S.Mma, Ala. The picture was made at. the- BinninKhiim Terminal Station, Sept. K</t>
  </si>
  <si>
    <t>                                           CHECKING AND SAVINGS ACCOUNT SERVICE First National Bank ATLANTA FOUNDED 18    CAPITAL, SURPLUS anil PROFIT? $10,000,000 Member Federal Deposit Insurance Corp. BUY DEFENSE SAVING BONDS</t>
  </si>
  <si>
    <t>                                           "True Blues' Band Plays Mon., Oct. 27                 ROY MILTON, whose recording "True Blues" is still the popular favorite on the Juke-box, brinK his combo to Atlanta's City Auditorium Monday, Oct. 27. 8:30 P. M. to 12:30 A. M. Advance, $1.00; at Box Sl.SO. Tickets available nt popular locutions. Southeastern Artists, Co-ordinator.</t>
  </si>
  <si>
    <t>                                           TWENTY-SEVEN' HASHMARKS Twenty-seven hasli?narks are divided         ^ these  Lewis. Washington, soldiers. Tliuy are: (left to    ;Iit) Technical Scrnuant Ccorno T. DeHaven, Harucliiisburif, Ky. Mastci" Sergeant Roljert L. Wade. Murfreesboro. Tenn., and Staff                 Sergeant Hen nit Williams, Bessemer, Ala. Su wants DcHavcn and Wade art: ,-rs of the  MS Army .Survicf Forces Band und Serjeant Williams is an Administrative  Snecrialist.                 (If. S. Army photo from Public Information Division)</t>
  </si>
  <si>
    <t>                                           AF Has II COMPLETE COMFORT A comfortable $. (Shoes for Men- Women Children 124-126 Peachtrsa Areads</t>
  </si>
  <si>
    <t>                                           A crowd of more than 3,000 students is expected to enroll in classes in Dougherty County this coming school term. All school facilities are expected to be crowded to a capacity, due to the unusual interest tested in education and school attendance this year. Families have...</t>
  </si>
  <si>
    <t>                                           In Memoriam                 Iiv loving memory of. our .dear , Rev. C. H. Holland, who passed one year ago, Nov. 25. 1910. One year has passed, since that sad day. When one we loved was called away; God took him home It, was his will within one s heart we love him still. Mrs. C. H. Holland, wife Mrs. M. L. Walker, sister Mrs. Annie M. Davis, Mrs. Estella Banks, Miss Dorothy Holland, nieces. In Memoriam In sad but loving memory of- our beloved sister and aunt, Mrs: Lolla Mac Mui)phy Rogers who passed one year ago today; November 25,  jaw. Your memories will always remain In our. hearts. We can never forget you. Mrs. Carrie M. Edwards and family, f; 'Mrs. Sarah Poster and family. In Memoriam In loving memory of our dear pastor, Hev. C. H. Holland, who massed away November .25, 1946. No one knows the silent heart-* ache, A precious one from us is gone, The voice we loved is still, A place Is vacant In our club) Which can never- be filled. Only those. who*have lost^can" s Tell for the one We loved so well. faster Aid Club of Mt. i Morlah Baptist Church. In Memoriam j "Di loving memory of my h usi band, Oarfleld Foster, who passed "Ive years ago November 25. I "Deep, in our hearts a memory is kept of one we. loved-  nd will never forget."</t>
  </si>
  <si>
    <t>                                           Atlanta ^HnS^Wbrld  Kmry Monlat bee* Monday, at I1C Idni An. Members: 8NB-- ANT W. A. 6eott H. Founder-Publisher, Am. 5, 1928,    . 7. UN Telephone: WAlnnt M5  H*t Batcred In Poet Office at Atlanta (3). Oa, as second clan mall under the Act of Congress, March IS, I87B. a A- SCOTT Editor and General Hamate SUBSCRIPTION RATES BY HAIL: DaUy: 1 Temr- *12.M; Month*- $6.50; S Months- ISM Saturday Only: 1 Year- MJH); 6 Months- *2.5  Canada: 1     - I5J0; 6 Month*- *3J25; Foreign 1 Tear- mM Subscription Eatci By Carrier 25o Weekly. THI ATLANTA  WORLD Is an Independent  von- and non-partisan, printing news absolutely ; and supporting those things It believes to be to the Interest ol Its  and opposing those things against the Interest of its readers. THE WORLD expressly repudiates responsibility lor return of           pictures, manuscripts, etc, unless stamps are sent. Address ALL COMMUNICATIONS to and make CHECKS payable to ATLANTA DAILY WORLD, rather than to Individuals. THE RIGHT TO VOTE The right to vote must be open to all our , IrrespeettTa of nee, color, or creed- without tax or artificial restriction* of aay . The sooner we get    that basis of political equality, the better U will e for the country at whole."</t>
  </si>
  <si>
    <t>                                           WORTH Born With Power  H.I-I^^H  U MO J-IJP] 'M yoa 1 7  IT l-y-J , ten      H"^~^A      ytm mat to K^ wl :rea te Bk.JSnt^ turn. tta. WHy BBH^SbB  without ( *. be       7T I ea kd* Ttm.     me today- tomorrow mar to U* Ute! Hoara ILILtti F. 1L      . 124* BsakfceM OKIivay AImaa4  ar Bin* Oh    Anttmy MmM</t>
  </si>
  <si>
    <t>                                           The Morris Brown College Purple Wolverines have exactly one week left to get in shape for their opener against the Alabama State Teachers College Hornets, scheduled for Friday night, September 26, at Montgomery Alabama.</t>
  </si>
  <si>
    <t>                                           The Melotone Gospel  F*\: Singers ~~'i49N^ Present An 'V St^M All Star Attraction IjSIHI One of the Greatest Major Robot Holmes. Combinations Ever To Manager .i.$fj Hit Atlanta Kings o-f Harmony, New York City Pilgrim Travelers, Los Angeles and j Famous Eairfield Four Sl'Vt Nashville, Tenn. You will be highly entertained from start to finish of this great program. .So make this a date at the WHEAT STREET BAPTIST CHURCH On Auburn Avenue Monday, September 29, 1947, 8:30 P.M. Tune in Sunday, Sept. 2S, 7 AM over Station WAGA</t>
  </si>
  <si>
    <t>                                           Atlanta ^ Pibiiahed Btu7 Wiyp'~"g Except Monday, at XI* ABbam At* Member*: - NNPA- ANP W. A. Beott it Foonder-PubUiher, Aux. S. I**, to Feb. T. 1W Telephone: WAlnnt     14*0 filtered 'In Post Of flea at Atlanta (3), Oa.. as second dau mall under tbs Act of Coogreca, March IS, I87B. A_  Editor             Hanacer SUBSCRIPTION RATES BT HAIL: Dally 1 Tear J12.M; S Monthi 16.50: 3 Montba $3.W Satorday Only: 1 Tear- W.50; 6 Montlu- tZ-SO Canada: 1 Tear- 45.50; 6 Month*- $3.25; Foreign 1 Tear- VtM BnbMription Bates By Carrier- 25e Weekly. THE ATLANTA DAILY WORLD la an Independent newspaper aon- and non-partisan, printing nevs absolutely  and supporting those things It believes to be to the  of     readers and" opposing those things against the Interest of Its readers. THE '~'WORLD expressly repudiates responsibility for return of  pictures, manuscripts, etc., unless stamps are sent. Address. ALL COMMUNICATIONS to and make CHECKS payable to ATLANTA DAILY WORLD, rather than to Individuals.</t>
  </si>
  <si>
    <t>                                           Missouri U. President Hit For Conference Exclusion                 COLUMBIA. Mo.- ' President Frederick A. Mkldlebush i I of the University of Missouri was roundly  at sessions of Ihc Inler- United Nntions con- i ference last Friday and Suturdny Tor burring colored persons from participating in the                  slews. Tin- group. :  Missouri colleges and universities went nn record as ; par-,      );i(i::s by colored .:.. -I'lfl' . loaders of the group p!,.:;-. 1 red to ; the next '.iR In St. Louis University campus .'.hero! ~:  would be .'txl t j . President Middle-bush ruled Hint the Missouri Constitution forbids joint activities of white and. color- ed students on the campus of H-x University ot* Missouri. PKO-UESOLimON The .resolution to include           persons oln future conferences was i introduced by Wallace Slieets oC I Hnrris Tcnchers' CoIlcRe. St. Louis i The resolution, adopted . declared that exclusion of  j)fisons ignores a basic principle of the United Nntions- that1 of representation without prejudice or discrimination. It called for the hold Ing of future conferences only at places where colored persons may participate. Thomas A. Brady, vice president                 the university, had told conference leaders that they could not invite representatives ot Lincoln' TJnlverstty l.o Jefferson City, Missouri. St.i:    Teachers' College In St. Louis or Lincoln Junior College In Kansas City to attend the conference/ President Mlddlcbush took tho position that, the provision in the Missouri constitution, calling for sep   requires segregation In student Huiivllles. He admitted thai              On Puse 6 Col. 4)</t>
  </si>
  <si>
    <t>                                           COLUMBIA, Mo.-- )NNPA) -- President Frederick A. Middlebush of the University of Missouri was roundly critized at sessions of the Inter-collegiate United Nations conference last Friday and Saturday for barring colored persons from participating in the conference...</t>
  </si>
  <si>
    <t>                                           81 "J?    MANS " i!nn(        Scott  "MAN S BES.T  " THr SAILOR" with Do"!s!~~5 Fsir-  'SON OF THE OI;        " SHBt "ROAP TO JTOPfA" Dorothy Liiinonr. Bin? '" and "SON OF ZORRO" "LOST WEEKEND" P.2V 3!  2rd icd   RIDERS OF BLACK MOUNTAIN" Tim McCoy HARLEM  TAI.L TIMBER" wMli GcorRe O'Brien also "FOLLOW THAT WOMAN" STRAND I CLOSED TOR REMODELING</t>
  </si>
  <si>
    <t>                                           Plans have been completed for the Georgia Annual Conference, of the AME Zion Church, the Rt. Rev. Bishop B. G. Shaw, Senior Bishop of AME Zion Church Connection and Presiding Bishop of the First Episcopal District, begining at Shaw Temple AME Church...</t>
  </si>
  <si>
    <t>                                           DAILY CROSS-WORD                 JLCtioes  wound ^8.i*rte.       beast 9. MWcxJy 10. One of the Aleutians 11. Unit of . Uve force lZ.M*JeeaU 13. Moved along 1A Organ ol smell IT. Type measures 18. Moisture 30 Irldlum (sym.) 21. Mix 23. The drink of the gods (myth.) 2S The      28. At the  time 29. A sea off Greece 32. Pen points 35. Nine (Roman num.) 36. Firearm 38. Born 39. Slight depression 42. Clinking sound 4*. Stop 46. Part of window frame 47. Wavy (Her.) 48. Toward the lee 49. River CFr.)                 80. QeadUad DOWN LVeumea man i Intersection 3. Troubles 4. Estimated 5. Nocturnal  6. Boy's school .l 7. A standard of pressure 8. Country of EuropeAsla 13. Foot-Uke organ K.Calr                 16: Blunder 19. Skin tumor 22. Spawn of  24. Study with care 2   Winks rapidly 2T.     29: Help SO. Funeral procession 31.  fruit S3. Reigning beauties 34. Observe 37. Jewuh month                 40. Women under religious vows 41. Rise and rail of waters  3. River (Afr.) 45 Thrlc* (    *                 yesterday s                 m x r r pr I"    Wl .1  1 _:_   I W _WWiI-I" II _I!I .1 I: I- i                 CRYPTOQUOTE A  quotation USD  GT   F V MSD  GT FMV  .DV. Yej..Vn    -pUK)Uote: THE MULTITUDE GRASP AT GAIN MORE THAN AT HONOUR- ARISTOTLE.</t>
  </si>
  <si>
    <t>                                           Interviewing a beauty specialist, four reporter was surprised to ... that the prevailing facial defect is ... "down in the outh" look. All due to the war, she explained. Those anxious years removed the smile and the women just can't get it back again. Anxiety got such a...</t>
  </si>
  <si>
    <t>                                           A Little Skylight To die in wi;: Is not     aim. (~P men who now Orservr t!.c n;~nu\</t>
  </si>
  <si>
    <t>                                           Funeral Notice                 HOWARD, Deacon Jack Friends and relatives of Mrs. Babn Ann Howard, of '1483 Hardee St.: Mr. Ferry Howard and family. Mr. and Mrs. Ollie Howard, Mrs. Evelyn, Rev. nnd Mrs. Ben Howard and family, Mrs. Flora Wirren. Mrs. Bell White and family, Mrs. Hattle Petterson and family, Mr. Garner Booker and family are invited to attend the funeral of Deacon Jack Howard today at 1 o clock at      Antloch East Baptist Church, Mayson Ave., Rev. N. Mathls officiating. Interment, Lincoln Cemetery. Hnugabrooks Funeral Home.</t>
  </si>
  <si>
    <t>                                           7ii us  your home with aspi. It and rubber Ule, linoleum, cork,  or beautiful plastic wall tile F -NASH Co. IS'2 Dr- AVE.. N. E. OR. 4661 NADAIfl mitf  1 AND TP.lt ADVISER ' Reading 50c Hi.-ui ashing a single question slie uill tell your  \i des re and how to gain t Ihem. Gives never fall'"B advice health 0 i -ove. Influence, \ L ^~"^'tr u "'alters. business. In B, H '      'cst  I H bilious no matter  t"*1-1 your problem may be. :~{ ..cm; a loser, change your' luck. Gain the things you want most in life. See her today as this special low price maj not be extended. .10 years  ten !'   A"anta -a M*uAM \'   Eiiarantee to you that no Jctler  or faster results can be obtained at any price, anywhere. Reading daily and Sunday at 10 ~.m. til 10 p.m. 652 McDonough Roail, across from Federal Prison. Tr,~ J;rv,ur Federal Trlson car to t.ND of line- Look for Neon Sign.</t>
  </si>
  <si>
    <t>                                           i HIGH S BASEMENT Buy for Yourself For Gifts! j)S?\  M     *' and Wowcn'ii 29.95 S^      CASUAL COATS \jL 1110% Wool Suede Cloth and M ?~C ffS? /B J*fii?~~ Knit-Back Cnvm-W Sir.* 9 /m 5 MT/jM 1*X* *.2 W Jl! to 20 and 38 lo 41! ^fai^T Sty*? b*- M"Mm Swing bucks flares yokes  ALL Wji'^k sJ$i^$*$m the fashion features dial mark Hie NEW for YOU! WMfiJi   \^^^ Full length and three-quarter lengths Kelly green, ^^      ^^^S wine, grey and dashing Kf ?Tw8w8    ^'~~~\ plaids. Smartly lined ffi^fgf  !   * w*~"derful gifts for 1%  B ^     X. i  practical lady! I' ffe 3* ^     If Pi ^     //\-.i "~cA"   S r^L^r \l^lBa ^or Sires ^L^L /A Sk  m R Black, brawn, grey       Be, \\tt ^'ith the smart new long-  B^^^^gS \U coat  Softly cut and /^^^^g^    ;.  1 A finished to give you the S. il % jv New        ^^EB '"TAjC dresses ' For Chnttmus Gifts, m ^XMtJktlffl  m Our Convenient ^Sssfir^  J If I A YAW AY Gabardine, alpacas, crepe ^~IN  sport* or      ?  a PI AN dressy styles for every hour *^M autumnal shades in brown, 'J*St* dresses IM 'i ill'  V1' 35oy*' Bright Color H     !           PLAID SHIRTS B3nl  K'*-1^^^   *''-^Ul^ 179     Boysr CORDUROY LONGS n  S to 14. Kegularly T W, A  for -r I 3.9S Today S^/~J -*~v You, M on!' "^44 JS9 SWEATERS  b Pa    wool mixed with _J/^*t^^^^M^ ^V^C% fine colton... warm  d t SWEATERS .j^^8       \ for tinder-coat v/ ~"!/% Z'1 r ~^P^r- Blue, brown and grey ^W ^^^A^^y Msi-' uBP sixes 34 to 46. Give him* V^ ^385HBr sweater for a practical u ^ ii?^ i^^'    * aha . I \WWKi9mk i;ifl lie s suro like! * ( I ^'MaT'lw   ver7        ! I    *'l^      Oood           1 Hi f  BAjliAfW .1* *CS      S 3~. S.JH 1</t>
  </si>
  <si>
    <t>                                           Cheerio! CHEERIO GRAMS' tome-back has been uu overwhelming success. Gel yours today at Yates anil Milton. Auburn and ; Amos Drug Store. AshUy and Hunter. Feature story, MTlie Grandest Dad- Dobbs and Family", and many glamorous sepia brown pictures you will w.inl to save in your scrap book. Selected poems: "Home" by Edgar Guest and "Summertime". AsKlstlnjr me -witli my "Graining" is Raphel Mrlvrr.   anil Natlmnicl Lainar. Jr., :int Howard Seluiol student. Fenuel P. Junes, Editor :     I'ul)Usher.</t>
  </si>
  <si>
    <t>                                           REV. P. U JONES ANNIVERSARY SET- Rev. P. L. Jones, pastor, Philadelphia Baptist church, is Track from' Kansas City, Mo., where he attended the annual session of the National Baptist CmnVuuuii, Ilu u       on the 78th anniversary of Philadelphia N. Baptist church, which got underway Monday night with Rev. J. c. Gleen preaching. Tuesday night, Rev. D. T. George was the speaker. Other speakers to appear on program nro: Revs. D. Murrny, H. Hood. R. N. Martin, Arthur Allen, T. H. Pord, S. S. Kelley. B. Joseph Johnson. The anniversary will be climaxed Sunday afternoon. The public is cordially invited.</t>
  </si>
  <si>
    <t>                                           MISS PEARL CARMICHEAL, Mrs. Minnie Stroud and Miss Ruby Long, R. N. of Memphis are back after visiting New York City for two weeks. They stopped at the Hotel Theresa. All reported a lovely time.</t>
  </si>
  <si>
    <t>                                           For .quick relief from itching  by , athlete s foot, scabies, pimples and other itching conditions^ use pure, cooling, medicated, liquid O.O.D. PRESCRIPTION. A doctor s formula. Grepseless and stainless. Soothes, comforts and  calms Intense itching, 35c trial bottle proves It, or money back. Don't suffer. Ask your  today for D. D. D. Prescription. i Madam Eva Ue BPEOIAIi  9V. World's  ^ palmist. After yo*   all other* HUrWwl -Kane with  ou   to Mad- H  n uut    KB JjupH on* . knom  Ik' BHE   l4  FA X 8 AND VI rOD GET Bk^ fl If                )   muk  or wile,    sore anil come  t    . Office  aim. to 1* p.m.    .~  ail. Sunday. 101S W. Marietta St. N. W, AtUnto. Be rare to take thr Uuatm Sard street ear.  uk (lie ear conductor 10 let you off two  taps in the       1 Klmi. tr lam On, Atton"*,    . I tfo BFtCIAl,  f ow Lack}. IJaji aaa Manuu</t>
  </si>
  <si>
    <t>                                           WOMEN 38 52 YEARS OLD-DO YOU SUFFER THESE FUNNY  due tO this functional S.Pinkham's Vegetable Compound '-BffA* ? Wove-, such symptoms. Tills i, ,,v.      great  is famous iar am If you re to sow "4   "ipd- this Taken: regularly -FlnHiaiPi  'SBansa^*</t>
  </si>
  <si>
    <t>                                           BLESSED RE1IEF FRCt/l DREADFUL AGONY OF LUMBA^QanoRHEUKSATIC PAIN ./~=* i- 'jX Souitlicrn Tavorite known as C-i\223:r L'^_."^\ )~?'/7!~-5V This is the bcsl- vn - (Jf   : ,   *S/j5~*^j\ UoninlhcSouthfor^.ltic YJ"-*- ~%ly ^ pain when dampness  bud  djj-r^ It NsTw^^l -i make muscles XooLso painful und8om-"~l':^awy r \t ifc ^Ono  of C-2223 in water?     / ;"rf ^JSM^T  sta rts to bring-  comfor t,.Vidn 'hi blessed Alicf.fro.n of(M X^^^j  V\ C{y" Cnuluon, uso only lht i;^:. t X as directed. GctC-2223. Spoonful.. :i -'j'</t>
  </si>
  <si>
    <t>                                           The powerhouse Fort Benning Bullets will invade the Gate City this week-end to play the streamlined South Atlanta Panthers, Sunday afternoon, at Harper Field, with the game getting underway at 3 p. m.</t>
  </si>
  <si>
    <t>                                           % Noiv taste PREWAR Quality THREE FEATHERS A-:-,:; Pre- quality whiskey t ll blended with finest GRAM neutral $$ f First .Imong Fine Whiskies... since 1882 I Blended Whiskey 86 proof. 63%  neutral .    V Three          Distributor*, Inc., N. Y. J^%</t>
  </si>
  <si>
    <t>                                           If You Are Interested In High Quality Cleaning, Alterations And Hat Blocking Call Us We have purchased new equipment and rolling stock to better service our customers. WE PICK UP AND DELIVER One Day Service Our Specialty We Are As Near As Your Telephone ANGiER AVENUE CLEANERS 2\il ANGiliK AVK. YE. 9131</t>
  </si>
  <si>
    <t>                                           Good News For Folks Who Suffer From STOMACH 6AS /'SOOR FOOD TASTE V^ ACID INDIGESTION Do you fed bloated and miserable        vory meal. tasto sour, bitter food? If bo, here la how you may get blessed re-r. Ilef from thin  distress; Ererytlmo food  the stomach vital gastric Julco must flow normally to break-up certain food particles; elso thp food may ferment. Sour food, acid indU Kcsllon nnd gas frequently causo a , (ouchy. fretful, peevish, nervous condition,  of appetite, ,  sleep, . To get real relief you' must ' t-lw Dow ot this vital CTstrlc- JuJco.      -   au.!!). In Jridependent. labore ory tests on human , baTo.br nost'.-lve -proof shown that BBS Tonic to   In  t-    flow when It Is too little or Eeanty  to non- HtomACh . This       -to thg 5S8 Tonic .   special and. potent activating Ingredients. Also. 6S8 Tonic  -up . weak, watery blood In nutritional anemia- so with- a. good flow of this   Juice, plus rich red; blood you should cat better, sleep better, feel better, work, bettor,, piny better. Avoid   ..       3 of e=  . s=d.  iti^ci cc    '..t aat a. S^gcC: ceo. "~crU *""    9ccir dit^~~     , 525 Tceta^pi SUM Start? SBsltS.</t>
  </si>
  <si>
    <t>                                           MEMBERS OF LOCAL 315, C. I- OEmployees Of M. A. Ferst, Ltd. ARE ON STRIKE SOUTHERN AUTO ASSOCIATION JOIN NOW And Receive These Nation-Wide BENEFITS $5,000.00 Bail Bond. $200.00 Cash Bond. $225 Legal Fee*. $50.00 Reward for Stolen Car. Free Road Service $43.00 Per Week Hospital. $1,700.00 Accident Insurance. THE MOST PROGRESSIVE MOTOR* CLUB IN THE SOUTH 905 HUNTER ST., NW., ATLANTA, GA. I W. S. HOLLOMON, Representative RA. 8615 'f- 1</t>
  </si>
  <si>
    <t>                                           If NATURE Needs Heji. 3. Are you      uncertainty,  of -. aud .BtnT. 1,1% upturn  l '"\-'t .1 Do ?ou desire aud ,             4. Or.'arf you Jmt  and        oot? Then try . ro-:  wine. c Itr.MtMXJKn MFC 8 ', Tre*tment.i SalUfactlon .~      -?  or  hack. V.O.V. Orden.* -TtnTF^nD.15iW  i.. P.O. Box  39 'Hlt*^     *rt</t>
  </si>
  <si>
    <t>                                           YOUR PLATE    C Uf I I RESET LIKE II L If ^^^^sQ^^^^^^/ new individual i lucent acrylic DI ATCC P'"'8 direct I JTJ-.A 1 HO from denta I laboratory. i :ive  or not practice dentistry. HARLEM LABORATORY 222 Foundry St., N. W. PHONES: WA. 7568 WA. 175S Hours: 8 A.m.- 6 P.M. I Sat. g A.M.-1</t>
  </si>
  <si>
    <t>                                           Like other high schools over the state and county, David T. Howard School has initiated and established into its curriculum the Distributive Education program. This program has to do with salesmanship customer service and customer contact. The students are taught the...</t>
  </si>
  <si>
    <t>                                           Ohio Daily Debunks Richberg                 Overstatement Against FEPC Is Claimed                 , -(ANP). Donald Rlchbcrg's contention before a senate committee that a permanent FEPC would be "detestable, unconstitutional and favorable to communism in the United States" was debunked Oct. 18 by an editorial in the Toledo Blade, liberal dally                 paper Mr. Rlchberg. one time Identified prominently with the New Deal, made charges  lfi\ a" brief prepared for the senate "committee on labor and public welfare, which is considering FEPC legislation. -Tjrrwimt-  made, the Blade's editorial replied the key is to be found in the following statement of the brief. "Freedom to choose one s -~ ter- because of personal liking and confidence on individual judgment, I whether rational or Irrational (in the opinion of others,) is one of the most essential freedoms guarante- f(i by the Constitution of the United States." Asserting no .-.uch constitutional provision which Mr. Richberg cites exists, i.he editorial added although he h:id overstated ills case, he makes a shrewd appeal to a doctrine which has great popular support. It Is possible to agree with this  i n, the editorial commented, while defending a permanent FEPC "as  and necessary." No one would deny the employer the right to choose Ills business associates, and even though that right Ir. not in the constitution, it is gene rally accepted, the editorial said; and added. "A permanent FEPC would be the best guarantee of its continuation. For the most serious threat to any right is its abuse. And the purpose of this proposed legislation Is to prevent such abuse, even by a minority of employers, which would undermine the right itself. Not only would a permanent FEPC recognize the right of the employer, but it would grant an equal right to the prospective employe, the editorial explained, and commented: "It would not guarantee him any Job he wants. But It would insist :that he shall not be refused a job because of his race, religion, color national origin or ancestry." Mr. Richberg admits the weakness of his case when he argues against a permanent FEPC on the basis that bad thinking can t be legislated out of the human mind, the editorial said. It added legislation can help protect th rights' of all men when it Insists that bad thinking shall not because a license lor injustice." The editorial concluded: "What is detestable and what is favorable to the success of communism in the United States is the license of prejudice It Is that license which a permanent FEPC ]s Intended to correct."</t>
  </si>
  <si>
    <t>                                           TOLEDO, O.--(ANP)--Donald Richberg's contention before a senate committee that a permanent FEPC would be "detestable, unconstitutional and favorable to communism in the United States" was debunked Oct. 18 by an editorial in the Toledo Blade, liberal daily...</t>
  </si>
  <si>
    <t>                                           Southern U. Prexv Outlines Higher Education Problems                 BATON ROUGE,                 -(AHPl                 'Tiio primary problem ol Negro higher education is the financing of it," Dr. F. G. Clark stated this week before a meeting of the leg- islative committee on education. Enrollment Is far above facilities and hundreds of applications are                     The college president pointed out that Southern has an enrollment of 2,200 students, DO per cent of whom come from within the state. Southern Is one of 17 land grant colleges Xor Negroes, is the largest college of this type serving Negroes, and is the sixth largest Negro college in the nation. Dr. Clark told the legislators that he believed the high enrollment figure would continue because, "the Negro believes In education. A Negro parent will bo without shoes if necessary, to send her chii d to college, largely because the Negro believes .that education onn make a large contribution to the solution of his problem." The university president pointed out that Increased facilities for the education of Negroes is Imperative in                 view of the need Xor Nefro nurses. I physicians and dentists and tha-. such education must be provided if the Negro is to share fully In the development of the economic resources of the south. Turning to the  in the Negro colleges, President Clark painted out that the faculties in these colleges are almost as well prepared as those in any of the white coli eges and that many former instructors at Southern are now on the faculties of white col- j ;ej;c-s. j This situation, Dr. Clark pointed j out, means that not only do Ne- gro colleges compete for the ser- vices of Negro teachers but white conges Bie also competing for their services. One former Southern instructor Is now with the department of state serving on  i commission In Liberia. The Galnes decision has meant that southern states are establishing schools for Negroes and are providing additional educational opportunities, the president further</t>
  </si>
  <si>
    <t>                                           "The primary problem of Negro higher education is the financing of it," Dr. F. G. Clark stated this week before a meeting of the legislative committee on education. Enrollment is far above facilities and hundreds of applications are turned down each year.</t>
  </si>
  <si>
    <t>                                           Golden Value ^L \^1V r Golden Flavor  "f-.Pre.-war Quality ^-V3    ^, tumu . a proof n%  neutral   s. finch no . pa. ~*d NATURAL HAIR ATTACHMENTS QH '- Hair Do's-to meet all occasions i^BKI  IH ^)MHEWHCWBBBBMff wv '- ^^B* ^^Wlll^Mrffl  CAN HAVE YOU* HA'*       ^^t PERFECTLY MATCHED  Feilman Full Amount on Ovlivwy JESSIE KARE BEAUTY PRODUCtT S07 FIFTH AVE. (Room 905) NEW YORK 17, N. Y.. Dept. A</t>
  </si>
  <si>
    <t>                                           In Memoriam                 In sad but  memory of my dear brother. Mr. Harry E. Jenkins, who departed this life September 13. 1933. "Gone but not forgotten." Mrs. Emma L. Shaw, sister.</t>
  </si>
  <si>
    <t>                                           RICHMOND -- (ANP) -- Dr. Charles S. Johnson, noted sociologist and president of Fisk university, was among the outstanding educators who addressed the 60th annual session of the Virginia Association for Education here last week. He was heard by principals...</t>
  </si>
  <si>
    <t>                                           TIM TYLER                 By Lyman Young.                 FELIX THE CAT                 By Sullivan</t>
  </si>
  <si>
    <t>                                           Methodists Plan Rural Life Follow-Up Study                 A continuation committee of the National Methodist. Rural Life Con  held last summer at Lincoln. Nebraska was organized here Friday morning when the District Superintendent of the Atlanta Conference together with other  members,  plans to set                 in motion a similar conference for the benefit of the entire Methodist constituency within the bounds of Uie Atlanta conference. The planning group held their meeting in the faculty room at Gammon Theological Seminary with the Rev. Mr. M. J. Jones, pastor, Ariel Bowcn Methodist Church, presiding. Following brief devotions conducted by the chairman, the leaders discussed possible dates and places for such a conference. Under the plans reached through the 1 , it was agreed  ao                 date prior to the convening of- the? Atlanta conference November 12 ;tft. 16 would be suitable, since .pe^.  leading up to the conference,^ the most heavily taxed *the year Tor the group ths confer*'1 i encc hopes to Teach and   Tve,      . the conferees voted 'im!?'  to extend the meeting . Tuesday and Wednesday. December- 9 to 10. In that way, member* pi/ the committee found that a ' period of cultivation would be-- al*.; lowed: a larger number             -i] church officers would,' bfl.abte  attend as resource         !     a fuller  of aE.-^uO churches, city    wall af  would be possible. Another / for the meeting In DaeembWrJaJKB to give Bishop Breaks (! ICwtlsMd .OB' Hff^~~m                 Methodists Plan (Continued from Pace One)  to attend and  i  direction. A steering committee was also formed. Including one representative each from the cabinet, the Woman's Society of Christian Service. The Wesleyan Service Guilds, the Board of Lay Activities, The Bon id of Missions, the Board of Education and other conference boards. Rev. A. C. Epps will be the  of the general steering committee, while the Rev. Mr. Jones will be the general chairman. Present at Friday's organizational meeting were the following: Rev. M. J. Jones, Dr. J. H. Touchstone. Mrs. Eva B. Parks, Mrs. Louvenla Newton. Miss Anna E. Hall. Rev. W. R. Lovelace, Rev. C. S. Stlnson, Dr. J. K. Bridges. Dr. H. L. Burney. Dr. J. A. Baxter, Rev. Ferdinand Hunter. Rev. H. S. Thomas, Miss Williams of Cartersville and V. W. Hodges.</t>
  </si>
  <si>
    <t>                                           A continuation committee of the National Methodist. Rural Life Conferenece held last summer at, Lincoln, Nebraska was organized here Friday morning when the District Superintendent of the Atlanta Conference together with other delegated members, mappd plans to set...</t>
  </si>
  <si>
    <t>                                           MOUNT CLEMENS, Mich.--(ANP)--Through the development of several useful products by experiments with the world famous Mount Clemens mineral waters. It looks as though another great chemist has appeared on the boron.</t>
  </si>
  <si>
    <t>                                           JOSHUA JONES                 By I. P. REYNOLDS                 Brother Boll says, take a try     lore you ciy.</t>
  </si>
  <si>
    <t>                                           VETERANS AND NON-VETERANS Academic Courses Trade School Register Now and Select Your Course Register at B. Joseph Johnson Religious Center. 3S8 Glenn St between the hours 10 and 2. August 25 through August 29 or phone Mrs. Moore at WA. SS5.", or MA. 148S. ADULT EDUCATION</t>
  </si>
  <si>
    <t>                                           New Richmond Teachers Case In U.S. Court                 Contend Salary Discrimi nations Are Continuing                 . Va.                 (NNPA)                 FRierol District Court Judge Sterling Hutcheson. Friday took under advisement a case In which teachers In  County are asking an injunction to prohibit alledged race discrimination In the matter of salaries.                 The  contended through counsel, Mnrtln A. Martin and Oliver W. Hill, that the School Board hns over a long period uf time pursued the practice, custom and usuage of paying colored teachers less, solely because of their race or color. Attorney for the School Board. Guy Hazelgrove and Ralph T. CatteraVl, admitted there was  from 1868 to 1940 but denied thai Jiere has been any since a practice of having separate pay scales 'was-dsne., away, .with shortly ;that . CON6t)LTA#f bAtt^D _Mr_  ;_EaUscUS-a5_expert_wit^ ness Mrs. Evelyn W. Shead, slat. consultant for the Virginia Association of Education, who testified  in the elementary grades 10 per cent of the white teachers receive above 'the maximum of any single colored teacher. Members, of the School Board and Supsrintendenl of Schools E. S. H. Green testified there Is no discrimination because of race or color. Mr. Cattorall argued that since 1910 each  h.is  rated on on ; merit  and that ir a percentage or white teachers receive more pay it is due entirely to those merit ratings. He told the judge that previously the courts have held that the School Board and no*, the court is the body to exercise discretion required In deciding Individual merit. SINGLE PAY SCALE Mr. Martin argued that since the single pay scale wns adopted, salaries of colored and white teachers have progressed at about the same ratio so that the pattern set Is almost identical With that of 1939 when discrimination Was admitted. Mr. Hill introduced In evidence a number of charts prepared by Mrs. Shead. contrasting the professional qualifications, experience, pupil i oad and salaries of white and colored teachers. Saying that he ho* handled, this type of case for ten years and has never heard a School Board member say there is discrimination, he asked, "Are we bound by what they oar or "can we look into what they do?" Although colored teachers'. qualifications have been steadily going up, at no point does the highest amount paid a colored teacher meet the- average paid the white teachers, Mr. Hill concluded. In asking the Judge to enter an Injunction against -.he Chesterfield School Board. Trial' of the case began last Friday. The suit originally was filed by three teachers but Is now a class suit.</t>
  </si>
  <si>
    <t>                                           Federal District Court Judge Sterling Hutcheson last Friday took under advisement a case in which teachers in chesterfield County are asking an injunction to prohibit alledged race discrimination in the matter of salaries.</t>
  </si>
  <si>
    <t>                                           Prince Sounds Need For Greater Race Persoective In Talk                 LITTLE ROCK, Ark. Sept.        Need a creator perspective by colored people, so they mny realize  responsibility more lully. was emphasized by the Rev G. L. Prince of Gnlveston. Texas. I thf president of the National Bap  Convention  ;n                 his .il address before the con I  at the Auditorium lust Frl- I day. i I'This convention. being one of I the largest Baptist organizations In I tl world, must undertake to carry iir- .'.art of Baptist world responsibility." he said. He said that Baptists must declare "soul freedom, the freedom which frees the Individual from the. bondage of sin. of fear, and of the ti'. that_maii Impose upon j their fellowmen." "One of the  mysteries_ of_ Christianity is '"     vine power, which changes the inherited mental and racial attitudes of mankind and makes it possible for people or different  groups to foun one body In Christ Jesus" he said. Urging cooperation among minis ters in  problems, he asked that they forget malice and Jcaluosy and "untie In a soul-winning crusade in a community wherever they are located." "The church has its greatest opportunity to help the helpless in all its history." he said. "We must not fall to help now." The Rev. Mr. Prince 76- old pastor of Avenue L. Bapt church, Galvcston, was elected vice president of the Baptist World Alliance at Copenhagen in .luly. On motion by the Rev. J. P. Reed cr. Columbia. S. C secretary of (Continued On Page 4 Col; II)                 Prince Sounds {Continued From Page One) foreign missions, and seconded by Dr. W. S. Wilkeson of San Antonio Texas. :ill officers were relected. A total of $46,905 for mission work was reported by the Rev. I. 3H Mendon, Chicago. Other business included a report by the Board of Benevolent meet ings of the Women's Auxiliary, a Youth Conference, a symposium by the National Junior Women's Con . discussion by the National Brotherhood Union and  Reports of four boards and the historian and a discussion by the committee social and economic con  were had last Saturday.</t>
  </si>
  <si>
    <t>                                           LITTLE ROCK, Ark. Sept. -- (NNPA)-- Need a greater perspective by colored people, so they may realize thou responsibility more fully, was emphasized by the Rev G. L. Prince of Galveston, Texas, the president of the National Baptist Convention (unincorporated) in...</t>
  </si>
  <si>
    <t>                                           as  f T Mm n W  i 11 I 19 IS* A i JH a k I I II 75c Boudoir Size **5c Size I NOXZEMA CREAM 49C DOAN S PILLS 29C Sl.-in Size 70%Isop. PINKHAM COMP. 69  RUBBING ALCOHOL 9e 100 60c Size BAYERS ASPIRIN 59  ALKASELTZER 49C SI. 25 Size 51.25 Size  ..1.08 Wanple W^on 1 .04 1 Pint Pure Imported PURE COD LIVER OIL 98' OLIVE OIL 75C $1.25 Size 1-Gr. Saccharin ABSORBINE JR. 59C 1 100, 15C 1000,1.19 COFFEE FLEETWOOD a 45C CORN. E. 5-US- PKG- BORDEN S wunn, t. CREAMERY  SUGAR BUTTER 2 25' 46  49' FRESH EGGS' 49" FLAT CUDAirrS 4-LB. CTN. SARDINES PiCNICS PURE LARD IN OH. 2"*25C 43C" $125 TOMATO CATSUP $%* 1SC</t>
  </si>
  <si>
    <t>                                           NASHVILLE, Tenn. -- (SNS) -- Wilberforce State College went down fighting. It was another victory for Tennessee State. Coach Arthur Kean's Tigers won 14 to 7 with Coach Gaston (Country) Lewis' Green Wave rolling madly as the referee's whistle ended the game.</t>
  </si>
  <si>
    <t>                                           Predicts Hegroes Will Elect President In Close Election                 If tile 1!M8 presidential 'election Droves 10 be *.s3n: close, the parly which wins Uie N'sgro vois in. vhc  and west will put i:i .    the White House. \V;il- i tec White. '-.pi Qmincut Ne- j grc leader, . in a signed  in today'::  ol Collier's.                 Writing us the Secretary or the National Associntic-ir. for tile Acivuncemcr.i of Colored People. White points out thai  Negroes now hold t!ic "potential ba!:~:co '    " in 17 states of the north ,.nd west ar.d  lhi?ir greatest. \, outside the south, is in ni::c of the biggest . "These nine stat is have a  electoral vote of 223. nml the party which carries them will put its candidate in the White House In :91~,"~ White . "Only 2G6 votes arc needed to elect n President." The; other eight states with a substantial i concentration of Negro voters, have an additional 72 electoral votes. "If the Negroes had voted as a i bloc against Franklin D. Roosevelt in 1344. Dewty would i!W be Pre- ." White reports. He points out that the total colored vote, in eleven of the 17 states, is greater than the plurality given Roosevelt and that offers some concrete evidence that it intends at least to help him cet a  deal." He says that the Negro is thoroughly disillusioned bv                 past campaign promises ol demoe:;i;s and Republicans and "watches with a hard boiled eye tho antics of the would-be Presidents and lawmakers." Tim Negro leader reports  President Triiman gained a   of support from the colored people in Ills .Lincoln MemorinI speech   3t .summer, when he .said "Uie federal government must show the way toward extending civil rights to every citizens." "At the moment. President Truiimn seems to be strong  the NegVoes," he continue:!. ."The question is whether he enn hold what he hns Rained, or -whether the  will which ho  for his party and his own  will be overthrown by_ the actions' of         members of CoiiRrcss. "But them appears to be, no  at all for uny ot. the' current Rcpubllcao . Anil of course, as far us tin; Negroes  co concerned, there Is nu  between President Truman  Franklin D. Roosovelt,  thu President's present ." PARTIES WORRIED. White   the current political power of the Negro in tho north and west, due largely to tho migration of Negroes from tho  In the two World Warn, hull thu (Continued Op 1'age i, CoL 1)</t>
  </si>
  <si>
    <t>                                           If the 1948 presidential election proves to be reasonably close, the party which wins the Negro vote in the north and west will put its candidate in the White House, Walter White, nationally-prominent Negro leader, declares in a signed article in today's issue of Collier's.</t>
  </si>
  <si>
    <t>                                           Our sentiments of presented Harry Truman's Committee on Civil Rights almost completely concur with those of the editor of Opportunity, Journal of Negro Life, official publication of the National Urban League, when he wrote recently:</t>
  </si>
  <si>
    <t>                                           TIM TYLER By Lymn Young                 FELIX THE CAT By Sullivan</t>
  </si>
  <si>
    <t>                                           LAKE SUCCESS, N. Y.,--(NNPA) The United Nations has chosen the both of self-government for colonial peoples through education and by putting "political responsibility into the hands of the people to a degree where they can learn."</t>
  </si>
  <si>
    <t>                                           COLUMBIA, S. C. -- Presbyterians by-passed denominational bias last week when the twenty-sixth annual meeting of The Atlantic Synodical Summer Conference. Presbyterian Church. U. S. A. convened on the campus of an African Methodist Episcopal College--Allen...</t>
  </si>
  <si>
    <t>                                           NEW ORLEANS-- Sparked by Leopard Sheppard, fleet sophomore tall back from Houston. Texas who gained 60 yards in 12 tries, and the hometown passing combination, Leopard Seraille to Quille Goins, which accounted for two touchdown, the local Dillard University Blue Devils...</t>
  </si>
  <si>
    <t>                                           Ilunncl Blidzcl SLICED BACON a. 69' "SniafT E6 6S poz 49C ^Vio'e t?r Ha!/ SUGAR CURED HAM$  .~3  Best Grade FAT BACK ib 34C DrcsscO and Drawn FRYERS ib 54C SMALL HENS lb 39c , OLEfl V* HF^ ^BgE M^ ric.NIC ^BB  OK AI,5AA"V g I roUK S/ I K ri RE.l,    ..J Flotill- No V/S. Can APRICOTS 2 for'25c Southern JLadv SALAD DRESSING qt.29c PUlk SALMON i-u. can 49C Factory racked SUGAR 5 us 46C Dryed BUCK EYE PEAS 2 ibs 49C Kraft or Blue Plate MAYONNAISE 1 41 Van. Camp's 23-Oz. Can  EE{,VEG.~ GRAVY 53'</t>
  </si>
  <si>
    <t>                                           HOUSES Prices of  -houses      . leveled oft as :m Increasing number of now home* lias. been constructs, according to the National Association of Real Estate Boards. With the scramble still oh for-all -available building materials/ however prices 'on new heimes .are "somewhat" higher than .they were a year ago in 01 per cent of the 372 cities in 40 states from which the Association made its estimates. Many Ut*   Say They GROW HAIR i II STIMULATES GROWTH OF HMt..~ Vas today jou  find  from , .Maw   . Mm (-. Srtlflad *' ntM  on  Mono tick If not . Mnlanywhira Caih or CO.D. If A la-San laboratories . s 1219 N. Loncacrc ., Yeiidon, Pa. ENDS GRAY HAIR  IN 5 SECONDS             Onkk.MiYTinuToutfc^l. W4BK\ SZI\c "~dl '"J" I^KSk H-.      ^Vlek.l'.MUl It^^^V^aH PLUS TAX *~~        ..Woo'tnt)ioff. ;~l* Gh MMONIiV.   "~iii  ilk 1 Vr/          :piu.       .oja.     *~* on '  F      *1        3cL;         '.   \*0n!tm.M*tl! ..n,!=;     :oi..i,Auh!j,q,       ..M..     : 20- N.         Avr. Chloain I. III. TINT/. CO., .-A-IO NO MORE GRAY. DULL OR FADED HAIR USE Jessie Kare's IMPROVED HAIR DYE LOOK YOUNG\~t4   (l AND BEAUTIFUL I UW IT WONT WASH OUT OR RUB OUT. VERY I SIMPLE TO USE CAUTION: USt ONLY AS DIRECTED ON LAitL MND NO MONEY. FAY POST MAN tl.00 plm * m 4. Send order today. Saflifacf/on or monty  JESSIE KARE BEAUTY PRODUCTS CO. 107 Fifth Av... N.w York Clly i (90S)</t>
  </si>
  <si>
    <t>                                           FBI A/censed Of Following Job Discrimination Policy                 Garvin Makes Accusation In Magazine                 Hoover Says Unit Follows Policy Of Merit To Jobs                 WASHINGTON, D. C. (NNPA) J. Edgar Hoover, director of the Federal Bureau of Investigation, insists that the FBI  a policy based on merit and qualification without distinction as to race,, color or religion.                 Informed sources are  insistent that the FBI has consistantly refused since Mr. Hoover has been its director, to employ colored persons in any categories other than in jobs In the crafts, protective and custodial service, until the Government's loyalty program was put into effect recently when a few coi ored persons were employed as ling; .* Bxpe- of Job  at the FBI headquarters in the Justice Department support this statement. Numerous colored persons seeking jobs as special agents, clerks and typists have rented Co various typists have reported to various rejected for no apparent reason than that they were colored. In normal times the FBI follows a policy of employing only young law  or accountants as specia; agents. The wisdom of this policy is borne out by the high percentage of convictions obtained on evidence gathered by FBI agents in tracking down criminals. The reason -behind it is that lawyers und accountants can properly assemble evidence for presentation to the courts. LAWYERS  DOWN Colored lawyers who have applied for jobs as special agents, however, also have been turned down. If any have been employed insofar as can be learned, they were employed during the war emergency. As an example of how colored applicants for clerical and typing Jobs have fared, there was the case of a young colored student at Ohio State University. He had been employed in a dean s office at Ohio State, performing typing duties and had a high rate of speed in typing. He applied for a clerk-typist Job at the FBI offices here, was given a typing test and told that he failed it. The student thought that was incredible. The employment policy of the FBI came into focus recently when a nationally circulated magazine purported to give the true facts concerning employment of colored FBI agents and published photographs of William S. Noisette, a receptionist in Mr. Hoover's office, and James Amos, a special agent who has teach retirement. Taking exceptions to the article, Continued On Page 4 Col 5                 F. B. I. Accused j (Continued From Pajc One) Roy Garvln. general manager of Hit Washington Afro, wrote the editor of the magazine that more good woul d have been accomplished if it had "taken the hide off of J. Edgar 1 Hoover and his policy of discrimination set up in the FBI under his regime." LETTER RECEIVED A copy of this letter was sent to Mr. Hoover. Acknowledging receipt of it, Mr. Hoover charged that the letter to the editor of the magazine did not "represent the factual situation so far as the Federal Bureau of Investigation is concerned." Mr. Garvln had written the editor:  A little Investigation would have shown that Noisette is a messenger and that Amos has reached retirement age and is not assigned to active investigation work. "Moreover, there is  to be- J                 lieve that Amos was appointed  as a reward for having been connected with the late President Theodore Roosevelt rather than on the basis of having met the regular requirement of FBI agents. "In actuality, there are no Negro FBI agents. There may bo some 'stools.' Negroes who aro especially deputized to get undercover information and turn It over to the Federal Bureau. .However, there Is a vast difference between a 'special agent' and  n agent of the FBI." Mr. Hoover said to Mr. Oarvln: "Snin Noisette has been In charge of my reception room for many years. As such he takes care of many mutters for me In connection with the official conduct of the Bureau's business. These include conveying my- and instructions to other Bureau officials and handling matters  come up in my office. If I did not have Sam Noisette In my oft ice I frankly would be sorely handicapped. VALUABLE SERVICES "As ;j Special Agciu James Amos, it is 'true he has reached the retire- ment age. It is also true that I considered his services so valuable that I personally went to President Roosevelt and requested the issuance of Executive Orders on two .specific occasions to extend Mr. Amos' tenure of service. It was not necessary to secure additional Ex- ecutive Orders In view of an Act of Cong.-ess which made this possible. "You are inaccurate when you say. "There are no Nefiro FBI Atjeius." There are. Negroes are employed in various capacities in the Federal Bureau of Investigation and our basic recruitment policy provides that appointments shou.'d be made on the basis of merit, qualifications and unimpeachable character and reputation. Race, color or creed does not enter Inlo the situation. As a matter of fact, our records are so maintained that it Is not possible j to tell the political faith, the race j or the creed of our employees." Replying to Mr. Hoover's letter, Mr. Garvln asked why had not Mr. Noisette been promoted to a grade commensurate with the duties he is performing and asked for the number of colored FBI agents and the divisions to which they are assigned. Mr. Hoover declined to comply with this request.</t>
  </si>
  <si>
    <t>                                           WASHINGTON, D. C. -- (NNPA) -- J. Edgar Hoover, director of the Federal Bureau of Investigation, insists that the FBI follows a policy based on merit and qualification without distinction as to race, color or religion.</t>
  </si>
  <si>
    <t>                                           Dave Johnson, chairman of Negro Business section of the 1947-48 Community Chest, Arkansas Children's Home and Hospital Campaign, thanks the contributors and workers for their splendid cooperation in the achievement of 124 percent of the assigned goal. The goal...</t>
  </si>
  <si>
    <t>                                           STUDENT OF MONTH Dr. A McPhceicra. . dean Clark Collcff, Atlanta; Georgia .ilex Johnny Richards .shaking hai.ds, Mdickui, Miss .) and Edward Kennedy.                 New Orleans. La. Senior upon their selection by Ihc CLARK PANTHER i school newspaper i staff, na the  Mudent" of the month for November. They were elected because ot :heir  p;['-uion in                 extra-curricular activities: Ricnarels for his s)~  plays during the Clark-Morehouso name nr.d Kennedy for designing n,: mni:     n. Panther The School's                 Ma'sco:. "Pliolo by WiK!..    .</t>
  </si>
  <si>
    <t>                                           NATURAL HAIR ATTACHMENTS OH -  ?A6AIH Hair Do's-to mttl oil occasions BtiW*      3~^Br \*   all JB^^^HBMl $3.00  $4.50 i sK^^H^B rove** tiA.         fl^^H^   PSKFSCTirMATCHW9 ^^^^^^^^H^  Creof  ^^^^Hw Easily AtfochoJ H^^H^ Human Hair- ^^^^     chignon AH ShacfM ^^^^^^KeBB 55 JO StND NO MONfT ^^^^~T^ JUST. SIND  OPTrOWt HAW STATS tue COtSI '^T^^^^'  p^Hmyfttlr-Aiumwt^^y IKSg RARE BEAUTY  507-HfTH. AVL. (Room 90S) NEW YORK 17..N. Y.. Ckpt Ai</t>
  </si>
  <si>
    <t>                                           Atlanta's colleges have gotten down wholeheartedly to the business of football, judging from the action apparent on the campuses of our local Big, Three. Footballs were flying everywhere and coaches and players seemed to have a gravity of purpose and intent which noticeably quickened the pulse of up-in-the air graduates and jubilant undergraduates, who want winners from the football material pouting on to the campuses via rail, bus and plane.</t>
  </si>
  <si>
    <t>                                           TALLAHASSEE, Fla. -- (SNS)--The Florida A. and M. Rattlers fighting back into the thick of the SIAA title race plowed under the Knoxville Bulldogs 26 to 0 to win their third conference victory of the year before 5,000 cheering football fans here in Centennial Field.</t>
  </si>
  <si>
    <t>                                           B U    c E T i TERMS j: PRIOR TIRE CO. I'caehtrcc und. Sts. Wu. 880G</t>
  </si>
  <si>
    <t>                                           SENATOR COMPLETES TR!P FOR PiAGi                 ENDING A CROSS-CONTINENT sneaking lour .dcd lo dramatize the issue of peace, Sena lor Glenn Taylor (O-), is shown arriving on lioi-: tn Uie          in Wushinglu'i. Tiic Idaho Senator, once a stayer   jv.lr.'y ::r.-!ir- i .10 nj"j"iriT. ihat he haU been en liu'-scl;ac!; lor p.:      (rip. H? said thai dl cue    .   he mdp                 (.'i ji; p.iii Ji ci inn* w.i     . Me said  dt otic ti'.^e he      for thirty- four  q( a s^]e^d^ (^ cOU )</t>
  </si>
  <si>
    <t>                                           Wilberforce Contenders Continue Tug- Of- War                 WILBERFORCE, Ohio Judge Dana P. Reynolds, ruling In a 'Taxpayer Suit' tiled by Andrew J. Cunningham, Cleveland, Ohio, refused temporarily to Issue an Injunction preventing the state from paying any funds to the College of Education (State Sobool) at                 , Ohio. Judge Reynolds In turning down the request' said he would not deprive 900 students of a chance to attend school while he deliberated. He said the case would be heard on Its merits  60 days. Lawyers for the plaintiffs in. the Taxpayer Suit were Norman McOhee and J. C. Shackelford of Cleve land, Ohio. The state was represented by Attorney Ray E. Hughes, Columbus, Ohio and E. Gill, Assistant Attorney Genera?. OTHER FAILURES In another Court action September 30 lit Cleveland, Ohio the Wilberforcc University Board of Trustees were denied a temporary injunction  was sought to halt the use of the word "Wilberforce*1 in advertising for the Pittsburgh Courier-* Charity Fund Classic in  ?~      , O^ob^r 4, Jn                 refusing to issue the restraining order common pleas Judge Frank Merrlck stated that "you have slept on your rights. You can"t come into court at the eleventh hour asking an injunction against something which has been going on for two months." The Trustee Board members attempted to enjoin the Pittsburgh Courier Charities Puna from selling tickets and using the name of Wllberiorce in its publicity. A .suit is pending tor a hundred thousand dollars against the Pittsburgh Courier Publishing Company. Lawyers for the plaintiff were Norman MsGhcc aud J. G. Shackejerrd, Cleveland, CCila. Attorney John Davis represented the Pittsburgh Courier Publishing Company. The University Board of Trustees filed contempt charges against officials of Wilberforce State College claiming Wilberforce State College officials with Illegally using CVNelll Hall, a dormitory which has been used by the state of Ohio since 1890. Judge Johnson of the Common Pleas Court, Xcnla, Ohio stated that he would postpone bearing on the O'Neill Hal; dispute pending tbe decision. In th$ Columbus Coui-V,</t>
  </si>
  <si>
    <t>                                           WILBERFORCE, Ohio -- Judge Dana F. Reynolds, ruling in a 'Tax-payer Suit' filed by Andrew J. Cunningham, Cleveland, Ohio, refused temporarily to issue an injunction preventing the state from paymg any funds to the College of Education (State School) at...</t>
  </si>
  <si>
    <t>                                           Ail 4 /i^^^il^^^X ITT *1 "I CITY Atlanta MBSm World edition Published Every Morning Except Monday mN?WS Whlle^ Is News ~^^^~~^~"" 20, Niin- :w Atlanta ga., thi;rso"a"y. se i tember is. hut " "          :l</t>
  </si>
  <si>
    <t>                                           CHICAGO, (ANP) -- Buddy Young ex-Illini speedster, co-starred with Teammate Spec Sanders, in the powerful single wing offense laid down by the New York Yankees in their All-American conference eastern division tilt with the Chicago Rockets Soldiers Field here, Friday night.</t>
  </si>
  <si>
    <t>                                           MANY RHEUMATIC PAIN SUFFERERS RELIEVED BY OLD SOUTHS OWN RELIEF Two contra  of Southern folks  I V-- v \ famous C.-T?i:\ when .ilic   ^ ^r-sJ P"'ns strike. No Ix-tier home-hi lp for r^ -J relief of :  hns   l^ 'I w^"'*^*P whi n dampness  bnd  m;     H^/icl '\M your muscles fool so  ;inri sore. \/~'^Z\ P Xi^^v/ One  C-2223 in water us- i/~i-~ I -Z-s* O^^ starts to bring grand ^JSaw^sSft I from -pain misery." Caution, M V- V I "f^p^y as directed Got a bottle of C-2223.          ..</t>
  </si>
  <si>
    <t>                                           GROW HAIR!! STIMULATES THE GROWTH OF  Yes. today you can be relieved irom baldness, losing hair-new war formula guarant e e d. Satisfied customers' names supplied on request. A WHITE iaB TO MO La-San Laboratories I2It N.          Blvd. Teadon, Fa. Dept. NB.</t>
  </si>
  <si>
    <t>                                           Atlanta society and pleasure-seekers who for Many years have envisioned a Modern and up-to-date amusement and recreation center in the Gate City will see their dreams come true Friday evening, at 2:30 o'clock, with the grand opening of "The Magnolia," corner...</t>
  </si>
  <si>
    <t>                                           d mly crossword                 ACROSS y Native of  5. Drosncd 9. Danger 10. Public  place ML Ancient city  v:- (SteUy) 18. Aloft 11. Not wet IB. Conjunction IT. Insane 18. Bestlngy with W. A holy place 33. Dlp.out 27. Covered v  38. American  snak^ }B. Factor 3p.Nlmrod 31. AboundK 33. Viper 38. Fortify 37. Resort 40. A wago" brake Ollof ro=~  *4. Drcsslne for meat of puddings 4*. Web-footed bird  S. Never (pn?l "47. ALyounc hawk DOWN l.Lookaskam' 3. Showily Imltativof art                 Fa. Covered \' thick boards"' S. Bracelet trinket fi. Slow.  ball (cricket) 7. Partick S. Divine  f Hindu I 9. Cushion ll" Guided 16. Lubricate IS. Broad piece of cloth                 19. Schcnii::; 20. Lars i2k. Evening-' Mp.jcU Hi. Mclal 2i" Pcrfoni'  Jo. River (Ens T(!.,Bluiid?r 30. Wminlii"  31. Anxious Donkey 34. Reach ac ros'*'- GO. Olrl's                           f. *rk. X r j[ _f ?1h^ S 3" n 3 SfM^B i" r i U H^pB To 17 IlBsilE 5s" B^Fp g j; s K J 5M[ B 8 w ---5    -Hli.v'~ .-,7. Poi-licy fGr.l 3S. Go by r.S.'.'f '".'to be" *l. Highest card A",. Plaything                 m i j.1'. r.r. r m e _l!L__ -II 11   _Il  j5  5   iTr !   ar- p^rrr- "ZZZZ j^ZZZ"" 1" I'7" -IB                 - A iT. quotation Q D. N V K N A V. N .1    A C I. .1 lr E 3 M 5 CCLJVDIi T. W UUJ M I.: C '3 I. J T .f K D A H V Z I. P A KB.' VcMcrita.v"~ Cr.           : IIIErUC IS NEED OF  THAT THE MEANING MAY RUN' ON HORACE.. .'J.'.',\ DislributcU by Kjas Features SyuUkalc. Inc.</t>
  </si>
  <si>
    <t>                                           Australian Order Maddens Malayans                 SINGAPORE (A N P) An AHStra ."j.in order demanding that 14 Malayan seamen, who settled in Australia with their Australian wives after the war, leave the country may lead to a "color war" between Australia and Malaya. "If Australia, does not want Asians, then Malaya certainly does not want Australians,' sold Malayan official. According to the Sunday Times, "these seamen are citizens of the British empire, and it Is a poor advertisement for common wealth  of unity if one nation in the comity is. to kick out men of another Just because they are of non-European origin."</t>
  </si>
  <si>
    <t>                                           A T T ^H^^^^Bfl</t>
  </si>
  <si>
    <t>                                           AMarita  Paklkhol Ervy        ; Bn*~,^at IM Aakan Am --: BN8-- ANP W. A. SeoM n.- Founder-Publisher, Apr. 5. WM.       . 7. MM Telephone: WAhmt W U*~ Saxered Id Part  at Atlanta- , as second oUa         the Act of Oongrta*.- Uarch lSj 1STJ9. CL A- SCOTT Kdltct     Qeawml- Hume? BOBSCRimON EATE8 PT : -1ObU7- 1- tt*i- I12.M;' 'Monlh*l--~6   ; 3 'Month*-*!.**, 8       0: 1. Yeiuv-WJW; "6 -Montlw^WJW. OaiUU: 1 Tear-  5  ; Months- 1325; .-         ..l,      ^~   8           .    !~.By Cmrrier- ZSo.     . THS ATLANTA  WORLD to an Independent-   and non-partisan, printing news absolutely .. rpa           - (nose things It believes to be to Vyt   l itf-      and :  things against the Interest uf     reader* ..TEEiWORLD expressly repudiates responsibility,, lor return of nn[ pictures, manuscripts, etc., unless  are sent. .Address ALL COMMtTNICATIONS to and make CHECKS payable to ATLANTA DAILY WORLD, rather- than to. Individual*.</t>
  </si>
  <si>
    <t>                                           JTjtL JL C*^~ A m* %^~ y^J^^-^^S^O^^/^^r "News Whlft Published Every Morning Except Monday (S Him" Tn^^J^i^n^  ^^QK^A-rui^Y^nn^L ^:E KlVE CENTS</t>
  </si>
  <si>
    <t>                                           Correction                 In an ui l'.i-li- I j.i:-". cei 2 whc- T:"i:.i.. M -1'  Aar: '.-.ti !l:;'-~- m.'-v fession to ;jo:!  \ ^a:d  li; '.vlv.ch :-i-.-i! 1C'"::'. Thett Serious;;. H:::- W.:~-:. W:lh Cu.' S::c'.:" 'a:!-- !y .-. Mart .1. . *. r.'' ^-v .</t>
  </si>
  <si>
    <t>                                           I  CALL r^^V^ j^^T"5 Ten Minute</t>
  </si>
  <si>
    <t>                                           IT NEVER fAES</t>
  </si>
  <si>
    <t>                                           NOW A MUSIC SCHOOL ON AUBURN AVENUE STARLING SCHOOL OF MUSIC 1st Floor Ebenezer Baptist Church 407 Auburn Avc, NE MAin 7263 PIANO, VOICE, VIOLIN. HARMONY Specialists To Teach You Lessons Arranged To Suit You REGISTER: Friday, 3 PM to 6 PM Saturday, 10 AM to 3 PM</t>
  </si>
  <si>
    <t>                                           BURGLARS IN REVERSE                 WASHINGTON The  who entered the home of Mrs Nellie Hagans seemed to bp operating In reverse Instead of taking anything away, they left behind, neatly stacked in a closet, a total of two suits, five sport coats. five pairs of trousers and four i shirts r___Y___</t>
  </si>
  <si>
    <t>                                           Lynching Keeps Negro In His Place. Writer Says                 By CONRAD CLARK                 Lynching is simply a bom ana spec i li-cular devise to keep the Negro in. Ills place." Thomas J. Untie, in a condensed article from "Perpetual help."/ which appeared in a recent  DIrcsI."                 Citing that "LyiicliniB is  the writer continues to give a summary ol  as far back as "Lynching is but one phase in the American pattern of race discrimination Just anther aspect of a. -policy- In- -subjugating* the Nepro of denying him his basic -Ss-a -of-God.- his Inalienable civic rights as an American citizen," he . "In Georgia   . Negro is lynched occasionally to deter all Georgia Ne-  from demanding their fundamental human rights. In many of! our northern communities the same effect is achieved by segregating the Negro, and refusing him equal employment and educational opportunities." Citing statistics, the writer stated Hint in the last 50 years there have been almost 4.000  In the Most of them have occurred in the south he says, and about 80 percent of the victims were Negroes, lynching being ordinarily and correctly associated with the Negrowhite race problem. H Is "an Immoral, illegal and barbaric device sometimes employed by white men to terrorize and  the Negro," he asserts.</t>
  </si>
  <si>
    <t>                                           "Lynching is simply a bold and spectacular devise to keep the Negro in his place," Thomas J. Harte, in a condensed article from "Perpetual help,"/ which appeared in a recent "Catholic Digest."</t>
  </si>
  <si>
    <t>                                           You know as well, as I do that the wolves are howling at the heels of Atlanta's Big 3 College Football Coaches. There are beefs, gripes, wails, and woes that the local coaching mentors haven't properly utilized the vast football material and...</t>
  </si>
  <si>
    <t>                                           Political Talks At Union Baptist                 I In a meeting at Union Baptist church Tuesday night Atty. R. P. Herndon, Atlanta's only Negro woman lawyer, stressed the importance of registrants following through with voting. She stated that voting must be carried through. When queried on bloc voting, Atly. Herndon stated that certain leaders Would be able to make investigations as to the merits of candidates and on the basis on these recommendations a voter co^Ud use his good Judgment to follow through with their suggestions. b: A. Scott, editor-general manager of the Atlanta Daily World, stressed the importance of Negroes in larger cities communicating with their relatives and friends in smaller communities and all rural sections to urge them to get registered in order to be able to vote in the presidential and gubernatorial election that will be held this; Fall.. Mr. Scott also predicted that efforts would be made to pass educational requirement laws for, voting next January. yhe meeting was presided over by J. C. Long. Detailed reports w^re made by persons who had canvassed the ward that had been well-organized by Mr. Long.</t>
  </si>
  <si>
    <t>                                           \             COMPLETE COMFORT I f special $10 /ik^N. Style L: 6 noma to remember. ^V^^Hi^^ A      you   7/ re- ^Sm^S^^4Im\ member, because, of /^^^SSWiUBjft j, comfortable shoes. ^"^~3^ r. Shoes for Men- Women- Children c 124-126 Peachtree- Arcade</t>
  </si>
  <si>
    <t>                                           VALDOSTA,Ga-- Mrs. Carrie Cleveland, S. Toombs Street, has been ill for five months. Mrs. Daisy Campbell and daughter, little Ella have returned from Jacksonville, Fla. Mrs. Lucy Ketchum has been ill for several days at her home. Mr. and Mrs. T. J. Evans and...</t>
  </si>
  <si>
    <t>                                           ROME, Ga. -- Mr. and Mrs. James Campaell were the weekend guests of Mr. and Mrs. Rufus Warner of Atlanta, Ga. Mrs. Ruth Harries of Denver, Colorado, enroute to Macon, Georgia, spent a few days with Mrs. Etta Berry of Ross Street. Mrs. Sarah Campbell spent a few days in...</t>
  </si>
  <si>
    <t>                                           I. HOW TO I/'SK VOUIl f HIDDEN POWER Drnw minus to you. Tnout'inds  won over obstacles- Urc Lhc  that may  to Power Money Love I Success. You cct full  only 50t: In coin or Mtunps. no CO.D. Minrl Master. ICl 'V IT St.. Dcpt.      .   CITY ID If NATURE Heeds Help I. Arc ,     a       !* Uncertainty,  of  and pep'.' H nature  J'nu?     you Attire and enjoy a normal * 4 Or. nrr you      tired   out? Then try FIKEItY  KlIMWIBER1* 1.1FB BKO1XS TODAY Treatments Si. Satlhrarllon * or mi.ney bach. C.O.O. Orders dIu^ ""xH^FlvSc-IIKAnV CO. r.o. not  isy rmi.A. :i. pa. ii !f  f a METER Bfisnf MA 4400</t>
  </si>
  <si>
    <t>                                           g [bleaches beautifies] g CHECKING AND SAVINGS ACCOUNT SERVICE First National Bank ATLANTA FOUNDED 1865 CAPITAL, SURPLUS and PROFITS $10,000,000 Member Federal Deposit Insurance Corp BUY DEFENSE SAVING BONDS</t>
  </si>
  <si>
    <t>                                           DAILY CROSSWORD                 1. Not living 0. Drenoh lO. Bower 13. Missile weapon 13. Prostrate 14. A merchant guild (Hist) 15. Characteristic 17. Exclamatlon 30. Foreign particle in the blood 3*. City (India) 3S.Rave 27. To embed 29. Adherent Hinduism 30. Delete 80. Cowled 81. A simple  ye or visual organ 88. Bitter vetch 84,; as war 26. Glossy* surfaced fabric 89. Ore deposit! 48. Manacles .44. Tally ,45. Long-legged and slim 46. Coin (Pewift) DOWN 1. To dip quickly into water 2. Blunder                 8. Finniaii seaport 4. Do not (eon* tracted) 8. Master (Indian term) 0. Dramatic text set to music 7. Vade with afoot 8. Distress signal 0. Female sheep 11. To r^ad again                 16. Girl's name 17. Await 18. Home-like 10. Walk slowly 21. Waste land, SW France 22. Beneath 23. Ornamental nails 25. A film forming on port 28. Inns 30. A swine 32. Flower 35. A short                 C          ^          5            [                'f Aoiwer 36. Title of respect 37. Constellation 38.$,000 lbs. 40. June-bug 41. Epoch 42. Coin 'Tap.)                 1 r r r wm r r     ir"_ _W IIIs ^IZlii JlllflZpIIII ir "111 1  r i i                 - A cryptogram quotation   TD  ORt ZL. UK  8 T Y r V B.     * s Oryptoquotes AND FARMERS FATTEN MOST      famine reigns-garth.           4 by Bin? .rej Synaicst*, lnc^</t>
  </si>
  <si>
    <t>                                           JEAN WORTH Born With Power Strange power        ables this great ~^FI I    medium to call ^~~~-~-Vj yon what you by      name, tell you HI^I what too want to kT ^B know without vTf asking questions. ^^L Jf\ Mi advise you in all m^^gd affairs, lore, business, etc. Why be unhappy? I can help yon. See rnc today tomorrow may be too late! Hours 9 A. M. to 7 P. M. Dally. 1269 Bulkhead Highway Almand Park or River Car To Anthony Street</t>
  </si>
  <si>
    <t>                                           EDITION Atlanta      World  i^^HiHOT Published Every Morning Except Monday volume 84 Atlanta" , Sunday, nov.^i, 1917 price six cents</t>
  </si>
  <si>
    <t>                                           The smooth-clicking South Caroina College Bulldogs will invade the city, Friday and will square off with the Morris Brown Purple ... at 7:30 p.m., on the New Magnolia Court.</t>
  </si>
  <si>
    <t>                                           What are %u waiting for?     ColTec gives y"" rich, deep-flown flavor ami saves you money, loo. wonder  everywhere ait: changing lo America's favorite coffee! Compare the quality, compare the price It ~'"^~1) '^P ^ott im with whatever coll ee you ve \^/JC// ')een us nS- 'I'liousands who have changed \?l %r i you morc *'  r :       1"."  no"cy! IHf ii ot SiiSSI It^^ ^fill ^ EIGHT O CLOCK REO CIRCLE BOKAR Jnjl j^^ L^ 40c LT 43c LS- 45c ^^BS^^^^WHBWWWWBWMftBiW^MH^. on 2 and 3 lb. purchases</t>
  </si>
  <si>
    <t>                                           It would be good to write that things are back to normal After the excitement of last Week's game between MOrris Brown and Morehouse, but they aren't. The House folks are still name calling among themSelves on what happened to us last week and the Clark College gang are kicking up a bit of fuss over the prospect of winning their first game Saturday when they meet an ill-fated Ft. Benning C.T.U. football team.</t>
  </si>
  <si>
    <t>                                           Virginian Elected To County Board                 SUFFOLK. Va. (NNPA) By the narrow marginal two votes, In a recount last Thursday of voter east in the November 4 election foi members of the Nansemond County Board of Supervisors, William A Lawrence was declare elected..                 The announcement of Mr. Lawrences election was made by Henry E. Parker, research director of the Nansemond Independent Voters League. In the original count. Mr. Lawrence polled 291 votes, the same number received by P. E. Farrell white Democratic opponent. In the Cypress District the colored, candidate netted only 10 vote: in the Cypress, a predominantly eo!  district. Precinct, while Farrell received 19 votes. But in Paul's Branch, Lawrence's home precinct the count was 281 for him and 102 for his opponent. In this city voting was listless and pathetic with only 385 ballots                 cast in a- list of 2,700 qualified voters. LEAGUE ENDORSEMENT In Lawrence, -a teacher in the local school system, was endorsed and supported by the Nansemond County Independent Voters League. His candidacy was announced in June following which  -political activity was aroused in the district. On Monday night, September. 15. a huge fiery cross was burned at the intersection of highways 642 nr.d 675, near the spot where the voters had to go to cast their bal- j Jots. Previous to that it had been suggested that he withdrew from the hr.ee. The 40-year-old candidate has been teaching in the Virginia public school system for 11 years. He Is n member of the trustee board and vice president of the local N. A. A. C. P.</t>
  </si>
  <si>
    <t>                                           SUFFOLK, Va. -- (NNPA) -- By the narrow margin of two votes, in a recount last Thursday of voter cast in the November 4 election for members of the Nansemond County Board of Supervisors William A Lawrence was declare elected.,...</t>
  </si>
  <si>
    <t>                                           NEW YORK--Fifty-one Negro leaders front sixteen different states this week urged Henry A. Wallace "to give New Year hope to our people and to all other freedom-loving Americans by declaring yourself a candidate for election as President in 1948."</t>
  </si>
  <si>
    <t>                                           Approximately 350 music lovers turned out here Sunday evening to witness the concert given by Macco T. Miller. director of the E. W. McMilian Chorus under whose auspices he appeared. The program was held at the Central Methodist Church, Rev. E. W. McMillan, pastor and...</t>
  </si>
  <si>
    <t>                                           LEGION FIELD, BIRMINGHAM, Ala. -- (SNS) -- The Alabama State Teachers College Hornets continued their mastery over the Alabama A. and M. Bulldogs by chalking up a rousing 12-6 victory over the favored Bulldogs, from Normal, Ala. Before a chilled crowd of 5,000...</t>
  </si>
  <si>
    <t>                                           The report of the President's fifteen-member Civil Rights Committee, named last December to inquire into and make recommendations for the improvement of the civil rights of minority groups in America, is a, challenging and inspiring enunciation of principles upon which America must seek to become a happier and safer home for minorities, a true symbol, of hope for all races and classes, and a rock of security in a troubled world. Broad in scope and...</t>
  </si>
  <si>
    <t>                                           IN MEMORIAM                 In Memoriam In Invinu *.' iii our darling . Mrs. M;:i\v .lark.-.hi. win. left us live Wai's :ij.-) , Pecemln-r It. VM'l. Sli.i-~~ mi and !:uv  We loved   (rul l'.iv.:il you best. Mis. l.illit- Trjiiinueli. Mrs. S.'' Jones. .Mr.--. Kliaabu'.ii Scotl,  V. .Mi*. Ki:~.:       r.ufe, ;;r:      !::ii;jl:t.:r. In Memoriam i:i !i.vin^ !iH ni..fy ~.f ovir  l*?;ir .'Hi. liri.tli.T. br..!!icr-in-l:i'.v. mill , .Mr. ~.~u! 't;tG l)a\U,  uas.-i il away one year a^n tml.iy, I't'ci- II, 11141!. Our hearts that loved you fondly aiv still  for yuu And tin: !   is vacant, For  s no  'else like you. And wr. will ever vi.'.ber those dear days when Von '. hero, And we pray when life, is , We will meet you   , dear. Airs ''"Uimblis I'. Davis, M'ifc. Mr. and Mrs. Xi:al IJavi.s. l!:r and SiiSler-in- T-aw. Xvpliew and .Viuei's. In Memoriam In .ry of our dear father and grandfather, Mr. Willie Dacon, Sr., who left us six years ago tomorrow, December 15," 1!M I. Some may  you now That you are (,'one, But we shall remember you No matter how long. Mr;. Marie Smith, Mk-3 Kssie Bacon, Atlanta, Mrs. Clara Bacon Reid, Mis5 Evelyn Bacon, N. V., Daughters. Mr. Charlie Bacuii. Mr. Oscar Bacon, Sparta, j Ga.. .Mr. Willie Uacon, Jr., i Chicago, Mr. l.enn Bacon, N. V. City, j Sons. Mrs. Oeio Hill, Mr. anil Ally. L':wii Kacun. Atlanta, Mi?.: Juanita Bacon, b partn, Ga.. Miss Ophelia M. Bacon. N. V. Ol.v, Grandchildren.                 Pit. .1. DltrMMONH Ali'imi'i:,! i--.  vill lie  lor Ur. J. K. DniiDMH'iid      :iy i:i -hi. auditorium of the church lie                 I'll i'.nil  il. Ilir ^i ii!;' y;; Clur. :i;nl T;';.g S/l-.. Ill Jai-kurti St.. 'V. K. I'm.'.'i'.iiii will l)i'.~i:i ir..v :il !'3ii I'.  M. ::ii(l l'.-le:     arc n  a hi: with u nt Jlini lii:uv. Miss I.iorio . prc^, Misy Cora Loi; Youii^i. ;. (Adv.)</t>
  </si>
  <si>
    <t>                                           Sonnet Of Lumpkin Georgia HERE is a land all striped with gilded gullies, And stunted pine trees murmur all day long, Where  chimneys ring their silken sullies Against the clouds that scud  in song: About the , ploughed with studded ridges Wild gleaming sapphires sparkle in the sun; And here where caverns swallowed roads and bridges The garlands gay on Beauty's brow are spun: Ancient oaks slide down the chalk-paved alleys In last farewell to all their native hills That watch the crumbling spires ride through the valleys To doff at last their crowns unto the rills: That lift their Stygian odes unto the sky Above,, where I. s  oUl hills are high!</t>
  </si>
  <si>
    <t>                                           Atlanta     World PaklfciMd Bnry Homing Eiotpt Monibt}, at tit Ankara in Mem ben: SNS- NNPA- ANF W. A. Beett IX. Founder-Publisher, Aug. S, 1K8, to Fefc. 7. MM Telephone: WAInut 1451) 1460 ) Ui Kwt  at Atlanta (3), Oa.. as second clan mall under ine Aol of Oongres*. Uwcti 13, IS79.  X A- Scol'J Editor   il General M^ '.N ilA ltS 11V MAIL: ll.41~; I XKHt-iU.W, 0 Muutli.-  li il); S Muullu *i.** Bamraa; 0017: 1 Veur Jl.iU; b Aioaiio             ; 1 Veur  i.iO; U Moiitlis S3 1'5; lun-lsu 1  *1.M Bukscrlptluu Kutrs 15) Carrier- 25c Weekly. TH1C ATLANTA DAILY WORLD Is un Independent  oon- and nun-. prW.liu; news   and supporting those  It believes to be to the interest 0/      ana opposing those things  tile Interest ot lus readers. THE WORLD expressly repudiates responsibility for return of  pictures, manuscripts, etc.. unless  ure sent. Address ALL COMMUNICATIONS to and make CHECKS payable 10 ATLANTA DALLY WORLD, rather than to individuals.</t>
  </si>
  <si>
    <t>                                           fyall means, YeslSave  j^MYfTOA JOHNSTON, Food Editor of Better Homes and Garden* f you re wondering if you should stilt save used fats, here s your answer. Clinton P. Andtrson, Secretary of Agriculture, says: "It is still necessary to conserve every pound of used fat, since the over-nil fat supply situation it little better now than it waa last year." You see. almost everything we     requires industrial fats or their products. There just aren't enough fats in the world to go around, so every pound of used cooking fats we American women turn in is a real help! Let's  up the good i work till the world-wide shortage is over/              YOUR  FAT? American Fctt Salvage' Commltte*, Int,</t>
  </si>
  <si>
    <t>                                           HEATING COOKING STOVES Radiant Heaters I T*" ^"^1 BJH       I "Eeomoster5  .e n.di..~.  1  St,"^     M IH Klectrie Heater. t S- _    W^^jg^-*^ p You'll need it tht-  . An efficient gas heater, beautiful- fH^ ~..^.r-^wr'-^y^^BlPSffii v"^ p0'~a?     lu*' plU* U fa ly finished gas circulator heaters.      -^^ 3           K ?^W? F tat 6-Torritlairew f^BKks P%^r^^% Sleatrola RadilTr coai ~^^^^B Ipz"? ^S c51        McatCF m f:8^B His $ ^x1r 11'^. beautiful, -ni, a Needs refueling not  X^^JB^Bf^Slt W$%f*i -s%'   lo than once every 24 hours. IB BHHi^tf^3 WS3CT"^*r7^T-Il ^s=f4 -tue All . Automatic flue draft control VH Clioggrr from Coal,Oil. ?as or Electric Ranges! Florence Oil Range ^~~^ai FlorenceJIectrie '^Sl^l50 "Mmlcr., Maid" ^/5 4t Coal II lid WOOtI Eaty Term* All Porcelain Range with the      JMKlllg*^ Florence features: S heat *     . Clr^KATIk Btifc Irom gentle simmer to - fc-Mi  ^?~ boi mg! Easy to clean surface     AvlMB *he Florence budget cooker * ni!s Mvartly   =ig""d rai^p na? whole  at fractional cost. Thp live standard burner:-; three under With ll^ SI09.50 Florence oven ii amply large for aU the cooking top and two  the -i efficiency and convenience nee?s heavily insulated. Autooven. Burners u re controlled by ?t m low Dr cc  hed ?n       oven contra warming  and lowering mechanism.  enamel from Sp to ! ^nto . Metal oil tank has s ass bull s-cyc. La sj?e oven High       back. ^^^Sl^. Big, roomy, fully insulated oven. Automatic heat indicator in oven ^8*/~fe^S-y-   =f '~W'-Sk I Huge Selection of Chronic and lfe^^^1^~; Porcelain Diwette Suites I BL^^^^j^B 1^ l ^'-';.';:^'-'P"'' L'"~ 'Welbilt' All Porcelain i^ jsH  'j K^P^S?3*^*vq^w fv One Ihc most complete selections of beautiful Dinette Suites ^BMaSm^v in chrome, procelain and plastic we ve had in years. All col- jag ^^^     j ors to choose from white and red, all red, white and black, J3$  aBB^BwMBMWBBjr.'^</t>
  </si>
  <si>
    <t>                                           Atlanta  j$      World ^MhTiatifKl Ktgtj Morning Except ?f-. at 210 Auburn Atl s. i. Member,: SNS- - ASP W. A. Scott U, Foander-PublUher. Anc. 5. 1928. to Feb. 1, 1SS* TelepnoiM:: YVAIaut 1153 14 v 9          Poat Otdcs  t Atkuiui -iSi. Cu..     second    Uio Act or         . Marcb 13. 1 7~. U- A. WU II .r and          1MION KATES BY MAIL:  Jail}; J Kear- $1S.(W; ti MonUu- ; 3      -  SJM 'Saturday Olily: 1 Vear- $~iu; .6 Montli*- $2io  1      .: 1 Year- J5.SU 6 Month*- S3^S; Fortljn 1 Year- *    SlibacripUoo Rules By Carrier 25c Weeklr. THE ATI.ANTA DAILY  is an Independent  oan- and non-partisan, printing news absolutely  ton supporting those things It believes to be to the Interest of Its  and opposing those things against the Interest of its readers. THE WORLD expressly repudiates responsibility for return of            pictures, manuscripts, etc.. unless stamps are sent. 'Address ALL COMMUNICATIONS to and make CHECKS payable ATLANTA DAILY WORLD, rather than to individuals. mi:      vote "Tile  to vote must be open to all our  Irrespective of  IfMm. color, or creed- without tax or artificial restrictions of any kind. Stbe sooner ,we tet to that basis of political equality, the better It will     for', tile country  m a whole." ,5. -FRANKLIN D. ROOSEVELT</t>
  </si>
  <si>
    <t>                                           Man Finds It Hard To Be A Negro Father                 PORTLAND, Ore. ( L D. Ttgner, father or 16-month-old quadruplets, is having a hard time finding work to care for the quartet and five other members of his household, not including himself. Since last. October, he has been searching for permanent employ-                 ment which would enable him to provide for the needs of his  after the quads were born, a neighborhood grocer took to kidding Tigner about the  shopping bags it took to lug family groceries home. Recently," lie noticed that the number of bags had dropped to one.- A- check-up revealed that the Tigner family is barely able to keep body and soul together.. Besides the quads, there are three other children- Manda Lee, 15; Mary Leake and, Robert Lee, nearly 3. There is Tigner and his wife, and a nurse who dives with them. Home payments come out of the quads' trust fund. There is also an allotment of about $90 a month for their care a sum which is overshadowed by the $25 a week paid the nurse. The rest of the family exists on whatever odd jobs Tigner can get But there is nothing left to buy necessities' for any of them. The quads need shoes, coveralls, but four sets of everything are not; cheap. There are fuel oil, light, and food bills to be met. Recently, Tigner has worked in restaurants and as a laborer and janitor, but what he wants is "something that I can count nn, week after week, month after month. Being a Negro has mad? the  a little harder."</t>
  </si>
  <si>
    <t>                                           PORTLAND, Ore.--(ANP) --L. D. Tigner, father of 16-month-old quadruplets, is having a hard time finding work to care for the quartet and five other members of his household, not including himself. Since last October, he has been searching for permanent...</t>
  </si>
  <si>
    <t>                                           'I.King is blended by the  m IRlr^Sll distillers of famous OLD d* ojL IMIanMI FORESTER. V ~*M J6 NH X-5. The straight whiskies in '~^Ij / King Red are 5 years or w^^ritt Sf'tB^^~l more old. ^^^^^r/^^S!? 3. King Red-back to you ^^ 1^7/ 7/7 ! *V38fTS%v\\ R /TV 4. lei fine Kentucky Blend- K       ^^9^^MlZZ^3^ ing mak^s mixed drinks V^1^^~^^   mstc belter. ^i^^^^^^^.X 3. Ducked by 77 years of fine m9^~^^^^^^^^^fi.^ -Forman whisky ml mM ^^^^H^^^^~ S making. Jy i^^^^^^^H^^^^~^H 6. Whiskies withdrawn ?z^J T^P^^^^Sm^^^^^V from              's Ij^9v^99^^^^^Si^T  and temperature-con- ^fiS^^S^KB/ trolled warehouses and tM^SmS'bS^TPtKm/ blended with finest grain AVToA^^S^pfM^vV/ neutral spirits. /a* ^^^^^^m/ IfMtMSK; KINO IS  BT MM! If jWA Ig VtMl tMt DISllUIM Of FAMOUS lM5\    H /A tl /Ml OLD FORESTER             100 PROOF.   IN BOND iHfc^A^E9^BM7 KENTUCKY   WHISKY IKI^XH^m^SfvSml BROWN- FORMAN B^BSSOBmml  CORPORATION  ^/ at * In Kentucky ^fS^SSSB^^  ^Bl A ^^^~^^SMjj^HI; Available^ *KING REO LABEL Blended Whisky. The ^^^Bt^^^BF; In both Hed ^ht whiskies in this product ara 5 years -^*^5^^^^^ rf ma-i. or more old. 30%  whiskies; 70* grain *Ta (UuuaJ spirits. 86 Piool. Label</t>
  </si>
  <si>
    <t>                                           Southern Mobilization                 tgS^~'w^'V</t>
  </si>
  <si>
    <t>                                           WILMINGTON, N. C.--(ANP)-- Dr. H. H. Butler, president of Morris college, Sumter, died here early Jan. 18, at the home of his physician-brother, after an illness of several months. Dr. Butler, who was not confined to bed during his illness, was brought here two weeks...</t>
  </si>
  <si>
    <t>                                           The wedding of vivacious Diane Tarrail to Bill Arden, serious young lawyer, not on important event in Grand-harbor society, though some of its more conservative members doubted the wisdom of the groom's choice of bride. Bill belonged to one of the town's oldest families, while Diano's</t>
  </si>
  <si>
    <t>                                           Metropolitan Baptist Church, Washington Boulevard at 8th, Kansas City, Kansas has extended a call to its pastorate to the Rev. A. M. Lampkin, popular and progressive pastor of the Mt. Pleasant Baptist Church, South Atlanta.</t>
  </si>
  <si>
    <t>                                           RHYTHM STEPPERS SOCIAL AND SAVING CLUB will meet Monday at 8 p. m. with Mrs. Juril Hunt 111 Bell St. Apt. 93.</t>
  </si>
  <si>
    <t>                                           DIPPY 3y iohn Cros?</t>
  </si>
  <si>
    <t>                                           Contributions Increase As Fund Enters Last Round Of Soliciting                 Tlie Atlanta Daily World Christina:) Cheer Fund h.is n little over :i week to vun. Wo are behind last year s contributions, !~ut running .'   of requests for aid ami cheer during the Christmas season. Somehow, we believe  Mr. and Mrs. Atlanta are  through, that they re holding their ir fts up until they can t et around to the office today and this week.                 We wont to help the unfortunate folk, pood' people. We depend upon you the clubs, the schools, the churches, the businesses and the individuals we have been in association with all year to help us help Ihcnj in n little, but tangible way. We are asking the pastors and the club presidents to spur the contributions today. You ought to read some of the appeals nnd go by the  hovels and by some of the better looking places nnd learn of the actual conditions of mere existence. If you buy food and clothing: and pay. rent, you know the way of money and its length nnd breadth today. It will be a short Christinas for many. We need your Iiulp, Mr. nnd Mrs. Atlanta, in spreading: cheer around. The contributions are coming. Latent donors are: Denver Social Saving and Charity Club, Mr. T. H. Dunkins, pres-; Ora Mao McDnniel, reporter .1.00 Friendly Christian Club, Mrs. P. L. Crump, pres ii.00 'Mrs. Emma L. Jackson 2.00 Mr. Billie Patterson 1.50 Homo Makers Social Club. Mrs. Cora Knight, pres Ii.00 Camp Fire Girls 1.50 Mrs. Geneva Chandler, 37 Maple Street, N. W 1.00 Pride Enst Atlanta Lodge, No. ;iO8, Ernest L. Baker, W. ,M 10.00 The Courtesy Social Club, Mrs. Fred Tinsley, pros 2.00 A Friend 25.00 Armageddon Bible Class, L. D. Keith, teacher 2.00 Forget-Me-Not Club No. 2, Mrs. Florence Mayf ield, president 5.00 Total reported above $C-1.00 Previously acknowledged $28-1 '0 GRAND TOTAL TO DATE Ij^IS^O Through the courtesy of Dr. K. A. Hillings and' Kalpji Mays' Troubadours, the New Magnolia Mallioom will he the scene of a benefit dance in interest of the Atlanta Daily World Christmas Cheer Fund Friday night, December 111. '.Ml are invited to come dance so that the cheer can be spread around. Admission 7fi cent3.</t>
  </si>
  <si>
    <t>                                           The Atlanta Daily World Christmas Cheer Fund has a little over a week to run. We are behind last year's contributions, but running above the number of requests for aid and cheer during the Christmas season. Somehow, we believe that Mr. and Mrs. Atlanta are coming through, that they're holding their gifts up until they can get around to the office today and this week.</t>
  </si>
  <si>
    <t>                                           Basketball Results, Boys' League YMCA W. H. Crogman Gray 18 East Side All Stars 4 Wesley Avenue Gray 12 Gray Street Gray 9 Oglethrope 14 Bush Mountain 4 E. R. Carter 2 E. A. Ware 7 Yonge Street 9 Walker Street 29 Five Aces 4 John Hope 18</t>
  </si>
  <si>
    <t>                                           DETROIT--(NNPA)--The Shriners' Tuberculosis and Cancer Research Foundation announced here last Monday that it would seek to raise $100,000 in a nationwide, campaign to provide scholarships in research in "finding a cure for these ills."</t>
  </si>
  <si>
    <t>                                           DOTHIS INSTEAD OF SCRATCHING (BLACKHEADS) Acne Pimples, Eczema, Tetter (Extarnatiy-Cauted) RELIEVE EMBARRASSING  ING MISERY If you are embarrassed by scratching all the time, a good way to ease this misery is to use' Black and White Ointment. This reliable bint-f^TWfci  Wl^  7 71 nient promptly and "effectively re/~K^aRk'' HBLVa^^] lieves itching and soothes the sore[~m^*^^ HBfr*%^     ness those ugly bumps (black^^^g^ay By-y^WJ heads), too. .Acts as an antiseptic, ^fKP"^ /fl*5^. healing aid for acne pimples, eczema I mm,  '/' and tetter. Get Black and White k.jHH [^5       Ointment today. Use only as -^^^^ VfiD^-L/ ^ways cleanse the skin witl* m^J /^^M ^3 S mild Black and White Soap.</t>
  </si>
  <si>
    <t>                                           The Wilberforce College of Education's Green Wave football team has accepted an invitation to appear in the Seventh Annual Vulcan Bowl Football Classic to be played at Rickwood Park, Thursday, January 1st, 1948, according to an announcement given the Atlanta Daily...</t>
  </si>
  <si>
    <t>                                           FORT VALLEY UPSETS MORRIS BROWN 19-13; TENNESSEE STATE SMOTHERS ALCORN, 66-7                 Tigers Knock Braves From Unbeaten Ranks                 JOEL W. SMITH                 NASHVILLE, Tcii'ri.- i.SNS)- The power-laden Tennessee Slate 'College Tigers knocked' the Alcorh A and M Braves from the nation s unbeaten rank s, Friday night by 'chalking up a clean-cut GG-7' victory, before approximately 5,000 fans, at Sulphur Dell Park.                 The Alcorn Braves did not fall apart as the score seems to Indicate. To he contrary, the Mississippi eleven tried to make it a battle all the way, but could not match Tennessee State's well-oiled machine that combined 'excellent timing, superb blocking, dazzling running and accurate passing to turn the game in to a rout. This was the Tigers' eighth victory in as many starts. TIGERS MAitCII G7 YARDS FOR  The smooth clicking Tigers marched 07 yards on only five plays for the first touchdown of the game. William Fowlkes took Easlcy Abraham's opening kick-off and was stopped on the Tennessee 3a. Alcorn was off-side on the first play, then Raymond Whitman made a first down on the  stripe, and later went over on a sweep from the Alcorn 33. Gramison Davis  the extra point. Tennessee State tallied two more limes In the first period. Earl Carter twisted his way over from the Alcorn 22, after Nathaniel Taylor tossed two perfect passes to William Washington and Whitman. Davis' placement was no good. Paul Crum set up the next touchdown and Fowlkes circled right end for the pay-off. Charles Hamilton converted from placement. BRAVES STRIKE BACK The Tigers ran the game count to 34-0 with Ralph Pulley going over from the six and Willie Savage breaking away from the 16. Hamilton split the up-rights for both extra points. The Braves broke into the score column late in the second period, when Walter Lovelady fired passes to William Robinson and L. C. Martin. A penalty against Tennessee State put the ball on the two yard marker and Johnny Gilmore plunged over tl\2 double stripes Abraham booted ihe extra-point from placement. Before the game got underway, the j illuminated Tennessee State Bnnri I directed by Prof. J. D. Chavis and Alcorn Band, with Prof. W. H. Hamlit conducting, entertained the fans with pre-game music and clever drill formations, and put on another dazzling show at half-time. TIGERS TURN' ON HEAT AGAIN* The Tigers turned on the heat again in the second half. Pulley smashed his way thru from the 13: Taylor hit Henry Holbert for a touch down; then Taylor intercepted one of Lovelady's tosses and dashed 40 yards for a score. Hamilton kicked two out of the next three attempted                 conversions. In the fourth period, Ralph Cummings went over from the 11 and George Brown tallied from the 10. Head Coach Homy A. Kean substituted freely, using offensive and defensive combinations, as the Tigers, racked uji 15 first downs against five for the Braves. The entire Tennessee State  played well with honors going to Robert Drummond, i Billy Dixoh Henry Holbert, John Bolden, Nathaniel .Taylor, Raymond Whitman, William Washington, Ralph Pulley, and Charlie Hamilton. Standouts tor Alcorn were Walter Lovelady, Sidney Booze, L. C. Mar- tin, Felix Dunn, William Robinson and Johnny Gilmnre. THE  T. STATE (lili) I'os. AIX OKN (7  Holhcrt I,E. Martin Drumniomt IiT. Buoze Johnson I. Price Mcl'hcrsnn C. P. Robinso ISolilcn RO. Bcal Dixon RT. Wright Anderson K K. Scabrn Taylor  JB. Abraham WhllBian II B. W. Robinson Fmvlki's II. B. Dunn Crum P.li: l^ SUBSTITUTES- Tennessee State George Quarlcs, John S:, Walter Howard, Clarence Nails, George Cllclirist, Earl Wynn, William Smith, Charles Williams, Charles Hamilton, Jesse Joseph, John KlimlPS, Carl Carter, Ralph Cummiriits, Kalph Pulley. William Washington, Adams, George Brown, Willie Savage; Alcorn Grady Strililinjr, Roosevelt Sisson, James Broomc, Charles Groves, Charles' Raines. Murray Greshon, Murray Greshon, Johnny Gilmorc, Edward Whitchcad and Curtis Minor. OFFICIALS: Victor K. Perry (Fisk) referee; W. II. Goodrum (Ky. State! umpire; John I. (AtlanUniv.) ; Harry Harrison (Fisk) field judge.</t>
  </si>
  <si>
    <t>                                           NASHVILLE, Tenn.--(SNS)--The power-laden Tennessee Slate College Tigers knocked the Alcorn A and M Braves from the nation's unbeaten ranks, Friday night by chalking up a clean-cut 66-7 victory, before approximately 5,000 fans, at Sulphur Dell Park.</t>
  </si>
  <si>
    <t>                                           r/ie Na/uro/ BRAtD- /h/cfc end 23  to , $5.00 j^3       ^ftk HAVE YOUR HAIR ,^~^Hh Human Hair-All Shades ^^^^  SEND SAMPlt Of YOUR HAI) With NATURAL HAIR ATTACHMENTS jSL*'j9BH^^^Hfl^^~ natural hair, ty/t tend      Tliiclt emJ SKoutJcr Lcnglh oSf^^Hv 'I $3.00 ^g^^~  JESSIE " $0/ tilth Avenue, Room 90S (Depf. A Ms^ I^.JM.</t>
  </si>
  <si>
    <t>                                           JANUARY 4 'PRAYER DAY' FDR CIVIL RIGHTS                 Ministers To Stage Prayer March On D.C.                 Unified Effort Urged To Achieve Goals Of Report                 WASHINGTON f A N P) The National Fraternal Council of Neto churches of the United State* 1* - a "national prayer day" m Sunday, January 4, in the          of achieving the goals ai  by President Truman1*',  pedal Commltee on Civil .'                 V; a follow up measure, - 13.000.000 Negroes who are r victims of a type of second class -lt!zen*hip in "a country that' takes  In the fact that lt.i* the   st center of democracy in the Torld." ^ S^     Wllli "def'~;"aod loal-/~~ ways on the side of those who pray ~:eht," the council makes the fol".B observation:. "If Israel could -.ray herself from under the bond10': or Kie Pharaohs. If Queen Es-' 'iicr eou d save herself and her race   fasting and prayer when It was decreed bv the. : that they be slain. If the prayers of John  f:'.u\ cou d turn Scotland upside down, if our fathers could pray .'.ves out of slavery, the Ne'-to Christians today can pray them selves out of tlie plight of social in ." The march on Washington, "will *io purely ministerial, purely            void of any  or ~=:)clal insignia, uninfluenced by any  or pressure groups. The ministers will not march as rebels, , nor militarists, but as soldiers of the cross and  of God." POSSIBLE OBJECTIONS Anticipating possible objections as to the timeliness of the march, 'he council continues' "we may hare fellow brethren of other races who will say that the tune is not ripe 'or the Negro clergymen to assume sue a role as that proposed by the National Fraternal council; but. .It s pos3i:!e for an apple to rot before it ripens, especially when the seasonal environment is more conducive to the  than the -.lr.g of the fruit. "If this democracy is not seasoned by the fervent prayers of the ministers, it will certainly rot before Justice Is given a chance to ripen When a democracy gets' to the plate that confessed  can be set free by a Jury who knows their ETUilt It is time to nr:iv!"</t>
  </si>
  <si>
    <t>                                           WASHINGTON -- (A N P) -- The National Praternal Council of Negro churches of the United States is sponsoring a "national prayer day" on Sunday, January 4, in the interest of achieving the goals as recommended by President Truman's special Commitee on Civil rights.</t>
  </si>
  <si>
    <t>                                           * REPAIR BEAUT IFY^ME  IVo Down Payment 3 Years to Pay ^$ :^^^HP Our expert applicators and their efficient time-saving methods make our price reduction possible. ^~^Hl^ I^IR: The same unconditional guarantee and the finest quality materials are used as before. ^^Ikl Mr c,... ^iH^r MRS BERTIE ANDERSON. 403 Paynes Ave., N. E.^^W Sidmg and roofing is our business- a side- Wag our Colored Representative Will Be Glad To Serve W kj line. We use only experienced men and guar- iSSB You- W     CALL ALpine 0458-J TODAY k. antee our work. Materials furnished   our mw ^1 labor. Call fbr an estimator to give an\- I^^BBSff^^SWWWIiWWWWiBUmB^^^ 1^1 mate on your work without obligation. ^^^^!^*^'^'^^ V \w% #s rVi ,k.t **l - jdr^T. \^M interstate roofing siding co. W. M t:ly':-~"v w. -iT^ iSi}       %;$~ 207 SPRING ST-~ N- w- CY- 2972 W ^B Vour choice of nationally known uj^^^^^^K^ NAME k jk brands of 2101b. 3- thick butt '9? ^tW^H'^~ IV' Ml or 1621b. lock . Will  lve IVa^^^^ ;tf ''Sfci \~~H ADDRESS A!^' ^^H you years of service. Work guar- I JTk '"\^i':~~!JI!      '' anteed. 210-lb., "3-ta-l"1 roofing, any IJ^^^jf^       .WW pity 1^1 m ROOFING SIDING CO.  HH'.^^yC    207  ST., N. W., ATLANTA ^HTiKi^H Ca]~ R Macon, Ga., Office, 5SS Broadway Phone 8665 ^^^^^^^^^^^m' at  kL^ tl^JJ^^_-_ -^^^^Bla'inK^B ALpine 0458- J ,</t>
  </si>
  <si>
    <t>                                           Let us not cherish the wish that we could begin our sports column with "I told you so" and "It was bound to happen" so that we could beam with unmasked satisfaction while relating to you a gripe of some of our women readers. These ladies are baskeetball fans who are indignant at the treatment they have received from the male fans at the local collegiate basketball games. In a letter to the writer the women denounce "Saturday night blocking and...</t>
  </si>
  <si>
    <t>                                           Joseph F. Fielder WATCHMAKER 801-A Simpson Street, N. Vf. Near Asliby SI, On Kivcr Car Line ii ii Mwww'^- n' 31 "CLOAK ANn " with Gary Cooper also ".JESSE JAMES" "KINGS ROW with Ann Sheridan  "VIGILANTES" First Chaptpr  "DEAD RECKONING" 'with1 Humphrey Bogart  "     HOUSE" /?Ith Edward G. Robinson also "Son Of The Guardsman"  REET,  AND GONE" wilh        Jordan arid All Colored Cast Plus "JESSE JAMES"</t>
  </si>
  <si>
    <t>                                           SANDERSVILLE                 BY GENEVA WILEY SANDERSVILLE, Gu. MrsAnn Roberson spent the weekend in Jacksonville, Fla. Mrs.       Major spent the wekend in Atlanta, Ga., visiting Mr. John Henry Major. Mrs. Beatrice Coote and Prof. E. W. Lash attended the regional meeting in Augusta. Miss Elizabeth Ford is able to    up and out again after five weeks of illness. Mrs. P. R. Booker left to resume her college work at Morris Brown College Monday. Miss Lili'ie Brown of Macon, Ga. attended the funeral of her aunt. Mrs. Idella Ford and little girl visited  in Athens, Ga. Mrs. Cora Hall is out of the hospital after several weeks of        , she is improving . Mr. Ruben Mills visited her relatives in Savannah, Ga., who are ill. FUNERALS Funeral of Mrs. Bobbie Ann* Jordon was held Wednesday at 3:30 p.m. Funeral services held at HoHis Spring Baptist Church, Rev. Cunnings officiating. Mrs. Wilie Evans was buried on Sunday at 3:00 p.m. Funeral services held at Henderson Grove with Rev. R. Lee officiating. Funeral service was held for Mr. Bubber George Lamar on Friday evening 2:30 at Springfield Baptist Churoh with Rev. FE. M. ParadiE officiating. Messers Gilbert, Dean Julian Davis, Mathew Turner of Georgia State College were weekend visitors hre. Dean Payne and Mr. Pacock, ol Georgia State visited the Wasl ington County Teachers meeting on a business trip.</t>
  </si>
  <si>
    <t>                                           jT1' INSTALL 5H+ jj-l VI Burglar HIT 3R, Bars Sill XitlmilM ul I \D I r --vt 'T NUh WlUUinB, BepreseatAiivc '    6nd tf3 3' V i-</t>
  </si>
  <si>
    <t>                                           Madam Eva ZSo SPECIAL READING 25o  World's greatest BfiytS IffsBI . After you J^ consuIt all others,          come  your  problems to MadSHL   m     and see ^wfM  a she gives Sa^ JJMfl fOU GET KEU you have trouble with husband far wife, be sure and come at once. Office hours 9 a. m. to 10 p. m. dally and Sunday. 1015 W. Marrletta 8t, N. W., Atlanta. Be sure to take the Inman Yard Street car. Please ask the' car conductor to let you off two stops on the other side of King Plow Co., Atlanta, Ga, 25o SPECIAL READING Kc Tour Lucky Days and Months Given Free.</t>
  </si>
  <si>
    <t>                                           THE ALLEN HOTEL-GRILL Daily iw- CAFE OPEN DAILY 2516 W. MadUon'St. LOUISVILLE 11, KT.</t>
  </si>
  <si>
    <t>                                           DO THIS INSTEAD OF SCRATCHING  * (BLACKHEADS). Acne Pimples, Eczema, Tetter ( -Canted) RELIEVE EMBARRASSING ITCHING MISERY If you are embarrassed by scratching all the time, a good way to ease this misery is to use Black and White Ointment. This reliable oint^y^^^  w^   / 71  promptly and effectively re/ffc*^^^ ^A'/^^^i ''eves inching and soothes the ^^^l ^~%^J ness *     U8ly bumps (black^^L''e^*y :B^iL_m heads), too. Acts as an antiseptic,  r^*tL healing aid for acne pimples, eczema r-v^   /jE^A and tetter- Get Black and White ~*C*^^B Ointment today. Use only as  \MD^ Always cleanse the skin with WntJ1 ^jgi^ mild Black and White Soap.</t>
  </si>
  <si>
    <t>                                           3WJ          KNOWN I RHEUMATIC PAIN RELIEF f;.-~in the South, famous C-222J). This ia ^m^. i what, folks in tlic South have been ua ms J*%Jtft\; 8 for -10 /.wh en - ami bad f M r.w-.y63cles,          - 1  ful   pain;: One '3~~'jy  ntuf of C-2223;in water usually I'"' -A v7  grind co. blessed 'R^N  relief Jroayhsilttiatic- \-JSWiS* I .-..alia "     .'-'i-CaatJoh,   T^ t - i* s-iro ii  to thi sto^iiid iit-:   a '    'V;/,</t>
  </si>
  <si>
    <t>                                           Madam Eva 85o SPECIAL READING Z5c jft^JWjgSS W r 1 d's greatest SUgrfflWwt palmist After you ~'~M consult all others.              come with your MwAn^H problems to Mad-           *m Eve, and see i^WB SHE G1VES       JP^M     GET REIf you have trouble with husband or wife, be sure and come at once. Office hours 9 a. m. to 10 p. m. daily and Sunday. 1015 W. Marrietta St., N. W., Atlanta. Be sure to take the Inmsn Yard Street car.  ask the car conductor to let yon off two  tops on tho other side of Klag Plow Co,. Atlanta,  a. J5o SPECIAL READING  Sc Tobt Lucky Days And Months Given Freo.</t>
  </si>
  <si>
    <t>                                           MILLEDGEVILLE, Ga.--(SNS)--The David T. Howard Ramblers turned back the Carver High School 19-0, Wednesday afternoon, on a water soaked field.</t>
  </si>
  <si>
    <t>                                           \m Ml^rjp Arc Your Feet Like This? V a name    remember. Soft Black Kid, Patent Trim, Low Leather Heels. I A name you mil re- -^..j I I Shoes for Men- Women- Children I  because ot j/ ^comfortable shoes. 124-126 Peachtree Arcade j</t>
  </si>
  <si>
    <t>                                           Enjoy Sure UtL ?Gj, (ft Protection [~j]J* W\ 3 Burglar JthfeFPl I Bars 11 I EjtlraitM zE I I Cheerfullj U, j MA. "slos^522^^^^ Nlah .Williams, Representative BAtmond 9383              ^^m tfi "KILLER AT LARGE" with Robert LOWERYalso "SPIRIT OF WEST POINT" ROYAL "TWO YEARS BEFORE TUB MAST" with Alan LADD Brian  also J JESSE JAMES RIDES AGAIN" ASHBY "BRIDE WORE BOOTS" with ISiirbara STANWYCK also 'JESSE JAMES RIDES- AGAIN" LINCOLN "WALLS CAMK TUMBLING DOWN" with Lee BOWMAN also "LOST CITY" HARLEM "BELOW THE DEADLINE" with Warren DOUGLAS plus "REX AND RINTY" STRAND "DAKOTA" With John WAYNE</t>
  </si>
  <si>
    <t>                                           -WHttiCVr- I</t>
  </si>
  <si>
    <t>                                           Rich's BASEMENT I Rev, and Mrs. H. C Carswell I ft OF :Sg M. WEST ATLANTA DISTRICT $~ =$ Extend Christmas Greetings to sjl pastors, members^ JJ and friends and invite them to worship with them  AT COSMOPOLITAN AME CHURCH .'B Sj Sunday Morning In A Special s tyi  a Christmas Quarterly Meeting M t The Operators of i SON k SALLIE S BEAUTY SHOP I ft' Wish to thank our patrons and friends for their com'-;S?  5eous services and wish them- Is $ A HAPPY AND PROSPEROUS NEW YEAR % 577 TATNALL STREET l     9632 m</t>
  </si>
  <si>
    <t>                                           Dr. Logan Views UN Obstructions                 WILBERFORCE, Ohio- Dr. Rayford W. Logan, United States' delegate to United Nations Educational Scientific and. Cultural, Organization and professor of History at Howard University, addressed the students of the College of Education i and Industrial Arts at Wilberforce,                 February 2, in Oalloway Auditorium. Stressing the importance of a critical examination of the Charter of the United Nations as a basis for a larger understanding of the problems of our new society, Dr. Logan discussed some of the difficulties faced by minorities in their struggle for equality. Poiriting out' the limitations imposed by Article 2, Paragraph 7 which prohibits the intervention of the Untied1 NatftnS in affairs which are considered exclusively,, within the domestic province of sovereign                 states, Dr. Logan Indicated that any nation could ^completely destroy the effectiveness of the Charter by insisting that problems of their minorities were within the area  program. It was indicated that the amendment procedure lor the Charter was so written to allow any. of the Big Five to exercise their "veto-power" and thus to block, any revision to the Charter which might be considered by other states to be desirable. Dr. Logan came to Wilberforee from a conference at Antloch Col'lege where he was one of the principals in the Meaning of Life' Conference. Dr. Logan also' was the author of one of the chapters of the document presented recently to the United Nations by the NAACP protesting the treatment of minorities in the Unl'ted States.</t>
  </si>
  <si>
    <t>                                           WILBERFORCE, Ohio-- Dr. Rayford W. Logan, United States delegate to United Nations Educational Scientific and Cultural Organization and professor of History at Howard University, addressed the students of the College of Education and Industrial Arts at Wilberforce...</t>
  </si>
  <si>
    <t>                                           1 H S Bft^BwS W B ':J^-' ~:'^     ^ Christmas Season!         * *  !!^3fe\ ^M  ladles on your Ifst! A ^O^^Sq^^I* For an added touch ol Glamour for a touch '1 \~T '^WlSf^P^ of smart sophistication! jf^^l^iw '/^^p^ x Evening in Part* Gift Sot '0^39r } j ^   ^ Star studded enchantment for "ITer"' j Ji \P^?   (3\ l^Z^^^^ Gorgeous blue and silver starred sPOn* L.^ ?w-fil I ^fS\3 J^dra box that holds Kvening in Paris Fac*     j'^^^S*1*-*.' \J^? 1  ^. 2- Doro*hy Perkins Bath Sot J^^^^^S^^^^R CraSaT 4 in sott-as-a-cloud Batli Powder and **%QA* ^*^~*;~^^-^::^^W^''C H /T *~-ri^~^^^flK, Cologne ill flower studded Gift Box. 2, ^^Set^S3^^ ^^'Rjf" TOT^'    keep Hcr  ' ^^55^ 1 i BB^^P^^^ 3' Elmo "Honeysuckle" Set ^^L?^ **\~$fw^ from dawn 'till dusk! Delicately 9fr"}75 f^-^Cf^S^^^r- 2 ^^^"'~'^iSi^^ scented, Bath Powder with fluffy ^-JVilKo^^; i M- ^^~i^r Honeysuckle Cologne.     'V^-~ ^^I^i t ''?~5^*s,  "" ^~t 3~*^-*SK^~~L *M ^~V% *~^ T WeuDie 9vi KliMo*  ^- '^Bp ^^^^^'"""*   3^ Smart simulated leather kit that    ''H'5 P'^^V. Sp few ^#SS@IPSraH holds all of her favorite Beauty Aids Sf Ffld'1' ir^V^*"**!*. /f             -f ,HS3 -plus Lipstick and Kouge for T Z%   /I/?r-/fL^~iJi  r- Wk ^sL^-^iHi week-end trips-tor travels. ^t' I ISwIL^ffe S KT 'jET} "iS^^^ S.~'M,i.Oul"    .t I^^^PlM^ 1   '^?* jS^vC wCS. "But Yes" a remembrance to' thrill *~s^~i^  ^!Si(_L I .1 Si 1\\~1^ ^i^^^ffl. her on Christmas morn! Cologne, Sff'JO* ^^^S^iig^P^:-  4Sr. K. V^^^JS?*  mSp^ Eau Parfumee, Face Powder and Talc ^p ^^""^^-ii^     1 "r^^^^^^j^^^ C. Tussy "Winter Beauty"</t>
  </si>
  <si>
    <t>                                           To kill time is to kill tho spirit of youth and to invite premature beauty ills. When a woman has no ambitions, no air is no interesting work to do. She's likely to carry an expression of discentent and world-weariness that as depicted not only in her ..., but...</t>
  </si>
  <si>
    <t>                                           EVER SINCE THE CIVIL WAR the South has sought to impose its views regarding colored people upon the rest of the Nation. At times, it nearly succeeded.</t>
  </si>
  <si>
    <t>                                           FULTON COUNTY, RECREATION-- Fulton County, operates four playgrounds which are located at Rockdale, Simpson Road, Hapeville end South Atlanta Schools.</t>
  </si>
  <si>
    <t>                                           FAST RELIEF      PAIN DUI TO RHEUMATISM NEURALGIA LUMBAGO SORE, STIFF MUSCLES! JUST ruS refreshing, gentle Neu-ra-balm on     tore spot. Instantly,- aching muscles scart 10 relax.,. the. pain eases. Neutabalms            helps relieve suffering where i(  Don't wail Ask your druggist (or a bottle ol Ncurabalm to get last, long-lasting relief from the  of muscular acnes aiu^ ^ 2 WAV RELIEF MOM ACHES AND PAIN</t>
  </si>
  <si>
    <t>                                           B l-Usually prompt  g\ S-Usua^lly  li-p K\ X'Always economical /?i..</t>
  </si>
  <si>
    <t>                                           /~r^ *        "First  i Among Fine Whiskies      I Sines 18S2." Titan-  1     whiskies bund- M$m ssd with the finest   . l/sBM     THREE FEATHERS  M V S. R BOURBON fi^l WHISKEY. A Mm'i-.-.r' 3LEN1~- bottled id JBJMk Kentucky, admired  all  America. IImSB Today's best BourBJJW98S bon "buy" at e H^^j^l  price.  BXff BLENDED WHISKEY M -For  enjoyment, AMf     e real old-fash- gfi sS ioned "enjoyed EusSI in fine         ^d^[ OLD CHARTER     Kentucky's finest S^^ Straight Bourbon, 6  years eld Every drop TmSkii Prewa^ whiskey.  3     . Appreciated, by the '"- discriminating. GOLDEN WEDDING mM AWNlVEESAilY- lj$gg celebrated for its   dividend of AlgmB  Quality. -^   .'iiic.. hew tott. ti        .KtTNEtf tE$f tVf  ,:~,pncf.~l% .jali .U:7ra! :   tf.  ..(     ;n!       ..j ItOii; *.M^ins),.SI%. t lfi shi  .Wuil'iy.  S,i      .;' ip * ..   (IEH0EO WHlV  Of. ^-..  m'"I ~^'~i.</t>
  </si>
  <si>
    <t>                                           Piii-.,--. .j* a; l- .n.v Mrs. I".-:-...:..-. wl:!: Hit of F-'- .'!'n:i i;w..~-  :i her 2:i:f:-:r-:.*.v. d:-.:r:'ji-'.'.-.                 :it In? Wmwyck School for I part of Mrs. T?Ds?vc!l f:-r:h Chri r.a.s p^ny .'or ilic boys \i:- ir.ic. -v.i.-:ni. n.i:i-.;ec;ar!:in                 ..T lu!' vour.gs:ers t on-Jtiitted j t-y     Kn'.v York Ol-y Clii. oi :\\s  of Jin. C the p-i- I                 vatt-ly finance-! choo!.  r:.-.-.i rc).</t>
  </si>
  <si>
    <t>                                           In an era of explosive social, economic and political issues it is surprising that our talented writers-along these lines too often are lured into the unfamiliar waters of sports writing. The column of Dean 'Gordon Hancock in the Sunday, February 1, Issue of the Atlanta Daily World, indicates how bewildered and baffled these highly-talented scribes can become In comprehending actual sports trends do our colloege campuses. Dean Handcock is up in arms...</t>
  </si>
  <si>
    <t>                                           TIIE RIGHT TO VOTE "The richt to vote must be open to all our citizens Irrespective of race, color, or creed without tax or artificial restrictions of any kind. Tbe sooner we get to that basis of political equality, the better it nil] be for the country as a whole.' Franklin D. Roosevelt</t>
  </si>
  <si>
    <t>                                           BJg I tf* Li f CZ STARTS 1 I la n 9 MONDAY^ M BASEMENT          f-. J f ^^Jiflr^ Sensational TM ~~%. JfLfo V^ Money Saving r I i ^m  BfWM Event Helps Keep il l$~Wr Vrl Price. D-O-W-N! Loo/f/ Reg. 6.95 and 7.95 Zgr/i WOMEN S DRESSES    Alapucatl Luitnii Cloth! mB 4V A *T_ ^Hhmii Spun Rnyoivs! for Ail %^k"^   ti^.m@m'.\ ft. Si- 13 to 20, 38 to 521 ^H  ^v       Dressy and sports styles       / \f HioH-i      ^y Luana cloth and al" Mml!$$/ /f  ^9B^ pacus for sizes 12 to '^F y^'tf y 20! Spun rayons in two- f5        \fij       piece            sizes 158 jO ^iil Ijf /^Y""   S; t(l Spun rayon tailor- *f^$       "'^^\f'^~\ Cd        for S'ZeS 4(i ^l*i^^"^ ORtSSSS P ~;.]8 PAYMENT PLANS! *T r%T !~l WOMEN S MISSES' COATS j 100% Wool Shetland* /\Q(\ I      9    (.7, 1J It, J U*13 I 20 ami '16 lo .72.' I V I A real money saver for you these! Black or feA A Kreun solids dashing plaids for young figures! Y^ Iggb Semi-fitted back styles for sizes 46 to 52! Women's 4.9H Women's 2.98 Women's Cotton CORSELEim RAYON SLIPS HOUSE DRESSES "E7T""^8 S'ifss ss -JM1^ ^ss-Sizes .~6 5~.r Sah PrU'Ptl 52.' Just Built-up shoulder style Four-gore style in  Cfctmkrays and  16 inches Ions'        rayon crepe trimmed checks, prints and stripes! bacU onJ front. with lovely lace: Button front styles. CORSETS UNDERWEAR HOUSE DRESSES HIGHS BASEMENT HIGH S BASEMENT HIGH S BASEMENT \~k White and Fancy ^L/mS^^ ^rf^'V^. MEN S y\/^i^7 mp*i? V' Sanforised g\ rift v Size* ^M^ s'~    Shrunk for "JW (CjJW 14 ^h0^k/%w ho"s Wear! I^V; fu ff M" JgijYmi Slight  of 2.95 and\ ^y ^o^Ov f M ^^^1 :l'50  u  Vv jr^^. J^\ r $A. ^    \ smart  collar V '''H ViB^. Vv \ls.J^Wta^aM^ cut (oe looks and coin-     .^V ..V ij/^^S?! iort- Bett*r buy     V *.v/^K.^'~^v S^ ^pa c MEN S WEAR ^^M^^^^^ 'Mk\ ^P HIGH S BASEMENT % jft^Sf^^^ 5 *T r^ __L_- Men's Ribbed Men's Coat I J^r^^S UNI0N SUITS SWEATERS %,\ ''M* Ht'       fl n/"""~'1 jog III Sizes A*kCi1J^ /f '6' Sn/e Prit-    I /***?*% ^mJ^^TCMinr Fille cum')r(1 cotton yarn Gray, maroon, brown            $Zi Ili ^~?Trr*T%P      ;  ' lo"S leK  wool content ij^^^^^Jr MEN S WEAR MEN S WEAR ^'ff*' HIGH S BASEMENT HIGH S BASEMENT 2 -PANTS SUITS     ' Junior Boys' Broadcloth style,, jOr _-Q SWEATERS SPORTS SHIRTS-.' ?  ,6 10" .p arx^:;rM:: Blue, brown mid  mix- B;i.v     '(' 12. to 201 I tures well-tailored tor Fancies In neat r. flight' Irregular! of 2.M looks  wear. Wool - usll-inade coat styles tor the quality In   y  tent labeled! yo jii;;er man. and  solids. BOYS' WEAR  WEAR ' WEAR HIGHS BASEMENT  S BASEMENT  S</t>
  </si>
  <si>
    <t>                                           COACH  GIVES FINAL INSTRUCTIONS Head Soach Leroy E.' Hambrick, (center) :~f Rosenwald High School, Panama Jity, Florida is giving final Instructions to Co-Captains Lee and Crorr., after the linal workout for  big Cliristmas Day Lilt with I                 :lie strong Radctlff High School, at Columbus, Georgia. The Iloscnwald Bulldogs breezed' thru with an undefeated season to capture the Xorlhv.'Cit Florida Interscholaslic Conference championship. Dur'-i? the 1947 season- the Bull.  over Stevens High. 1^-C;                 r vine High, 12-0: Lake City High, 13-0; Doth.in IIi?h. 13-3; Florid.i Industrial School, 18-0; Pensacola High, 7-0; Perry Eigh, 45-0; and I played Dothaa High to.3 scoreless tic. Coach Hnniblur:.1:-. lonner Clark College 3iar is well known in the Ga;c City.</t>
  </si>
  <si>
    <t>                                           Atlanta JlJiips W)rid edition Published Every Morning Except Monday "Newt WhiU VOLUME 20. NUMBER 123 ATLANTA (3). GEORGIA. THURSDAY, DEC- 25, 1917 PRICE SIX CENTS I</t>
  </si>
  <si>
    <t>                                           Benefit Cheer Fund DANCE I AT I The MAGNOLIA Tonight, December 19 'i music nv i? I THE TROUBADOURS 1 n  TO       SPREAD XMAS CHEER g IJ TIlIU)Ur:H THE WOlil.l) CHRISTMAS CHEER 2 ). 8 5 ADMISSION 75c 2</t>
  </si>
  <si>
    <t>                                           VALLEY FORGE GENERAL HOSPITAL, Pa. -- Returning to Civilian life after four years in the Army, and after serving two and one-half of which was overseas, Chaplain Christopher C. Hughes is welcomed home by his wife, Mrs. L. N. Hughes, who is...</t>
  </si>
  <si>
    <t>                                           In Memoriam                 In sad but :ov:ng memory of our beloved daughter and mother, Mrs. Marguerett (Pig) Murray, who passed away one year ago today, February 1, 1947. The stars are brightly shining upon a lonely grave, And in it lies a loved one, we loved but could not save It is so sad along life s way Life does not seem the same to us since God called her away. Mrs. Willie M. Stalnaker Harris, mother Little Amelia Ann Murray, daugther</t>
  </si>
  <si>
    <t>                                           REGISTER NOW! For Second Semester Work For Beginners Advanced Students Night School From 5:30 To 8:30 P. M. Mondays-Wednesdays-Fridays SHORTHAND -ENGLISH-TYPING LOW RATES Come Or Call CY.  REID BUSINESS COLLEGE ODD FELLOWS BUILDING SIXTH FLOOR 250 AUBURN AVE.</t>
  </si>
  <si>
    <t>                                           DALLAS, Texas--(SNS)--A. W. Mumford's Southern University ... timed up their big guns for the last time before their appearance here Christmas Day in the second Annual Yam Bowl Classic, as they turned back the Xavier Gold Rush on the letter's own field in...</t>
  </si>
  <si>
    <t>                                           Author Of New Textbook                 (ANU) "Mathmatic* f6r Students of General Education," a textbook by Dr. Joseph Everett Fuller, professor of mathematics here,, has just, been released by Edwards Brothers, Inc., - and. publishers, Ann Arbor, Mich.                 The book, according to the author, is designed to meet the needs of those " wish to acquire s  and- the ability to solve the problems of everyday life, mid to acquire some appreciation of the contribution of mathematics- to our civilization." The 27S- text including logarithms and square root tables and an answer section, begins with n general review of whole numbers nt"t continues  find inns, decimals, denominate numbers nnd measurement, percentage, interest and bank discount, ratio and                 proportion, review of  , trigonometry, go no ml problems if financial ., 1 etc. A Inrge number ot rending             is included in I ho bonk. This, ilio author explains, is   ,  nT nri^':-"' lllc (ire of the verbal type. He has  Included these to help lite st.ti Hent   op tlie nht Mty to  such problems ot verbal nature Pr. Fuller did his  work nt Bradley Polytechnic Institute, Pc-orio, HI.; received ;c  of nits decree from' Hip University of Michigan and tlip ~\nc- - ili jsi i1!; from Ilio Univvi'sity of I'i'iiiisylvanin in . Ho lias been a member of the far\ :it TuskeRee since and previously     ;ht ut Sclmu Univei- r.np vear.</t>
  </si>
  <si>
    <t>                                           TUSKEGEE--(ANP) -- "Mathmatics for Students of General Eduetition," a textbook by Dr. Joseph Everett Fuller, professor of mathematics here, has just been released by Edwards Brothers, Inc., lithoprinters and publishers, Ann Arbor, Mich.</t>
  </si>
  <si>
    <t>                                           Writers Keep Up Staccato Against Voodooism, Cultism                 Throughout the week, the  .or s desk at T he Atlanta Daily World has been flooded with letters  public-spirited Atlantan expressing themselves on "Voodooism A .1 d Cultism."                 Excerpts from letters not previously published :'o!low: "Whew! Such repercussions on our letter condemning cut and . I still say you can literally tread among the stars until doom s day, and read horoscopic guides until you fall nut but if you don't get up off the stool-of-do-nothing and go to work, ycu want receive a dime. '"The Bible does not uphold any lazy man and it condemns astrology and reading sign-. Ministers shou d teach that a man Is not suppose to put - hl3 wife, except for fornication aid many another. The                 Bible did not say, pul her away, if she is not  under the right sign or star. Voodooism and the Bible do not mix and  that teaches one thin* and lives another is larking in wisdom." Mils. LULA STEPHENS .r "Thanks for your editorial of January 27. It is indeed a major step ;n the direction of arousing the masses for an all-out push against the exploiters that have inveigled the poverty-stricken segments of Negro communities with their infamous voodoo,  hc;:!iTt: an:l witchcraft. "Thes'  s offer nothing in thr least insofar as  the general , political and economic conditions of the Negro people. Their same is one cf . dividing  degrading their victims for their own personal gains. "I think it is the responsibility (Continued on Page 6, Col. 1)                 Writers (Continued from Page One) of every - Atlantan to support any movement that will, rid our city of these quack opportunists. Already they have fastened additional burdens to the over-troubled condition of Negro people." FLETCHER W. SAMUELS</t>
  </si>
  <si>
    <t>                                           Throughout the week, the Editor's desk at The Atlanta Daily World has been flooded with letters from public-spirited Atlantan expressing themselves on "Voodooism And Cultism."</t>
  </si>
  <si>
    <t>                                           Beware Coughs from common colds That Bang On Creomuisldn relieves' promptly because It goes  to the seat of  trouble' to 'help  sad expel gem lr.     -  icd aid r. to' -ond heal rasy, tender, inflamed -bronchial - .es. T-311 your druggist-tb sell you E, bottle of  with the ,     smut like the' way.it quickly allays the  or you are to have :jour  .^  for Coughs. Chest CoWs, Bronchifu</t>
  </si>
  <si>
    <t>                                           WASHINGTON -- (NNPR) -- The Board of Directors of the Wendell L. Willkie Awards for Journalism decided at a meeting here last Friday not to make any awards this year for material written in 1947 but to turn the matter of selecting winners over to...</t>
  </si>
  <si>
    <t>                                           BROADWAY NITESPOT TO BE COLORED-OWNED                 NEW YORK- (ANP)- Invudlng lower New Yorker lor the  time In , two Negroes urc scheduled to become' the owners ot II ic first  ever owned uu Broadway  Uie.Olub Ebony throws open its doors sometimes to the public early this month.                 ing iio expense In money and  owners Mablu Levy and Al'Mur tin  this week that they arc pouring In at least $100,000 in  brainchild. Oknyed by Uic  liquor board two weeks ugo, they have been making Jervlsh preparations and already .signed lip Morcer Ellington mid his band, listed dancer Archie Savage mid beauteous singer Jean                 Parks. Efforts arc being made now In cornil  headline talent in keeping   proposal to bring the best .. entertainment lo  Irani all over the city. STANFORD ASSOCIATION Besides dancing- In the show Snvage will singe the dancers In association with Cuthleen "Rusty" Stanford, who first tasted success before the footlights of Broadway ns it  beauty In the Zanzibar  line. Her talent, beauty and ability were seen recog  by critics mid public alike who lull led her. She and Savage have completed work on a new innovation In the  that promises to revolution . modern . The producer of the show is Dickie Wells, lung remembered as the owner of a popular Harlem  several years buck that drew Die carriage trade. Before becoming :i club owner Wells Ilrst attained theatrical fame as u mem ber of the famous Wells- Mprdecai Mercer Ellington,, son oC the  Duke Ellington, is composing an original score for the show. The Interior decorations are being done by M Glister and Danny Brown who are creating an .1 motif to give' Club Ebony a tropical atmosphere.</t>
  </si>
  <si>
    <t>                                           NEW YORK--(ANP)--Invading lower New Yorker for the first time in history two Negroes are scheduled to become the owners of the first nitespot ever owned on Broadway when the Club Ebony throws open Its doors sometimes to the public early this month.</t>
  </si>
  <si>
    <t>                                           MADAM EVA 2Sc- SPECIAL READING -25c    "tl* iT^^^^^H comc with your H VII W I i^^^^B Problems to Mad^K \i( ^^^H you bare ^K J\ .^^^^^H        *      ^HKH band or wife, be sure and  at once. Office hour* if a. m. to ID p. m. dally and Sunday, 1U15 Mariflta St., N. W., Atlanta. Be sure to take the Inman Yi*rd Street ear. Please a^k  conductor to let you off two stops on tbe other side of Klnr Plow Co.* Atlanta, tta. 25c- SPECIAL READING- 25c Your Lucky Days and Months Given Free.</t>
  </si>
  <si>
    <t>                                           iCity Council Okays Change In Name Of W1 Street Here                 A city ordinance changing the ;~Kune of "C" Street to "White Housfi Drive" was passed by City Council and  by Mayor Harts field Wednesday. A move to have the name of the street changed resulted largely 'from efforts of Graham W. Jackson, noted musician, who solicited ;the necessary petition and submit!tcd it for consideration. Of worthy significance b the realization of Mr. Jackson's dream of having a little white cottage, a replica of the little "Whltehouse"  built as his residence on the former "C" street, which faces the local Bookert T. Washington high school.</t>
  </si>
  <si>
    <t>                                           State Democratic Clubs To Meet In Macon January 7                 Tlie Georgia Association of CU1- :ens Democratic Clubs will meet In Macon, Ga., Wednesday, January?, at the First Baptist Church, accordIng to an announcement by Atty. A. T. Walden state chairman ol the ?roup. In Issuing the call, Atty. Walden said "Many questions nnd problems of vital Importance to every congressional district, will be on the agenda for discussion." Tho Citizens Democratic Clubs program for '48 will be outlined. Many topics of great political  have arisen since the last meeting of the group and the 60 Democratic clubs,, over the state, should"'' bo given Information on  trends and developments. The state chairman is anxious that the state will be present. The Executive Committee will meet at the same time. Congressional and district leaders will be In attendance at the meeting which Is set for 10:30 A. M. Jan. -7, In Macon, Oa.</t>
  </si>
  <si>
    <t>                                           This conimunication, setting forth some facts and observations, is directed to you for your earnest consideration so that you might not be lured away from a fight for a Principle by false propaganda and insincere promises.</t>
  </si>
  <si>
    <t>                                           NACW Takes Open Issue With D. C. Federation                 Disagree Over Acceptance Of Civil Report                 Washington. D. C- (NNPaj The National Association of Colored Women last Friday took Issue with the District of Columbia's Federation of Women's Club over the Federation's criticism of the President's Civil Rights CommiUee's report.                 SpeaKJng ft* the National Asao- ciation of Colored Women, Mrs. Mary Church Terrell widow or the late Judge Robert. H. Terrell said *1 thu Federation's argument In opposing the report was the  as that advanced by slaveholders lor nearly three hundred years. V Slaveholders, sne said, "declared r. that freeing more than 4,000,000 1 human beings would be such a radical socia? change Ihal It would ruin the slaves and wreck the at South. Those of us whose ancestors B were slaves are very glad they did not have to wait for emancipation ~.1 until their musters .ind mistresses were 'educated' up to the point they were willing to free them. 1U "Peoplr who oppose, , ri and deprive human beings of the opportunities and  to which i they arc entitled always claim to do 11 for the good or the State and good (jf those over  they tyrannize: i "History is lull or cases in which q the oppressor  .to hold in subjection the oppressed because pursuing the policy of justice would be too radical a social change. KEFEltKEO TO STATEMENT Referring to a statement by a t spokesman for the Federation that q a ghetto  be set up for color- p ed people or Washington, Mrs. Terr- f. ell said: j "Reduced to Its lowest terms this can mean only one thing. Colored people must lead separate a and distinct lives from Uje white people of tills city. n "It is disturbing and alarming c that, a distinguished woman, ol the a dominant race should show such v contempt of the tenets of democ- j: racy and shouid so fragrantly flout r the principles upon which this c. Government was built. "It is tobe hoped that by res- c  and  those - b ciples we shall nol lay up for fu- s ture generations the sorrow and sufferings to which a violation of r. them may eventually lead."</t>
  </si>
  <si>
    <t>                                           Washington, D. C.--(NNPA)--The National Association of Colored Women last Friday took issue with the District of Columbia's Federation of Women's Club over the Federation's criticism of the President's Civil Rights Committee's report.</t>
  </si>
  <si>
    <t>                                           High Democrats Agree On No White Primary This Year                 Peters And Talmadge In Statement                 No Change Of Heart, However; Blame Thompson                 The Talr. fac'-'-jJi had no chanse of  on the Negro vote question although the group will not insist on the "white primary" this summer. In a joint statement James Peters, Chairman of the Georgia Democratic Party and Herman Talmaclge, gubernatorial                 nad declared Tuesday that they had not abandoned their  eventually to bar Negroes from voting. Blaming the failure of Gov. Melvin E. Thompson to sign a White Primary Bill for their inability to resurrect the vote issue, Talamadgc and Peters said "If Thompson had signed the White Primary Bill, we would have a white primary this summer. Since he vetoed the legislation and tht Legislature doesn't meet again this year, we must com ply with State law, so the Democra tic Convention will necessarily have to change its rules so as to per mit Negroes to vote." CITES DECISION Talmadge called attention to the fact that the United States Supreme Court had not yet decided whether the South Carolina plan of barring Negroes from voting in the primary is legal. The decision of U. S. Judge T. Waites Waring at Charleston outlawing the white primary was upheld by the United States Court of Appeal at Richmond. The State of South Carolina has appealed the decision to the High Court. Showing no change of opinion in his attitude on the Negro vote ques tion, Talmadge stated that the only._ reason Negroes would participate in the primary is "because we cannot prevent them from voting under the present law." Gov. Thompson had questioned the diverse viewpoints coming from' the Petirs Talmadge political camps.</t>
  </si>
  <si>
    <t>                                           The ... faction had no change of heart on the Negro vote question although the group will not insist on the "white primary" this summer. In a joint statement James Peters, Chairman of the Georgia Democratic Party and Herman Talmadge, gubernatorial...</t>
  </si>
  <si>
    <t>                                           SECRETARY OF DEFENSE James Forrestal and Lester Granger, executive secretary of the National Urban League, called at the White House the other day to see President Truman. Could it have been that they discussed eliminating race segregation and discrimination...</t>
  </si>
  <si>
    <t>                                           NEW YORK--(ANP) -- Congressman Adam Clayton Powell Jr., who has been successful in securing jobs for Negroes even during the dark days of the depression years, has now recovered from his illness of last May and will make his first community-wide appearance in...</t>
  </si>
  <si>
    <t>                                           How women and girls may get wanted relief from functional periodic pain Cardul is a liquid  which many women say has brought relief from the  agony and nervous strain of functional periodic  Here's how It may help: + m Taken like a . Ik "*v should stimulate appetite, aid dige.it ion, thus help build, resistance for tho "time" to come. 2 .Started 3 days  "your ", it should /ToDK*\ help  pain due f INTD to purely functional r  I'orioilc .  0k*S*Cry Cftrdui. If It helps, lgp\ you ll be El?d. you. did. ti ... ic- i'm l""- j</t>
  </si>
  <si>
    <t>                                           More than a hundred and fifty pupils of the senior class of the David T. Howard High School, C. L. Gidcons, Principal, had the opportunity of consulting representatives from the various local colleges. training institutions, and the State Employment service in a...</t>
  </si>
  <si>
    <t>                                           Suspect Nabbed In Shooting Of Two Saturday                 City Detective J. E Helms reported Tuesday that Tom Holloway, 32 of 182 Butler St., N. E., had "been arrested .is the suspect assailant in the Saturday shouting of two persons at Butler and Houston Sts. I The two victims were listed as Henry Gene Randall, 27, of 103 Bell St., N. E., who was shot in the throat and Giloert Andrew Hall, 27, of 282 Raspberry Alley, N. E., who i was shot in the stomach. Conditions of both victims were' reported as fair late Tuesday. i Detective Helm said Randall I claimed he was walking down the I street when struck by the bullet. He I could Kive no reason why he was j shot he added. j At the time Hall was shot no in- I formation could be extracted from him due to his unconscious condi- I lion, police said. Subsequently, police had arrested I four persons as suspects but releas- I ed them upon the arrest of Hollo- way.</t>
  </si>
  <si>
    <t>                                           Spunky F. T. Guy. Morehouse freshman. gave wound-weary Tiger Track Coach Marshall Arnold a new lease on life as he traveled the "century" in a phenomenal -- for this clime--9.9 during time trials this week. Three watches clocked the speedy Arkansasian, one...</t>
  </si>
  <si>
    <t>                                           Jackie Robinson's show failed to materialize in Birmingham on Thursday night, February 6 because of contract troubles and a lack of attendance.</t>
  </si>
  <si>
    <t>                                           Eric E. L. Hercules, novelist whose book, "Fruit on the Vine" is due off the press soon was in the city the past-week-end. He came to Birmingham to participate in the "Appreciation Day" ceremonies of Dr. Calvin Perkins.</t>
  </si>
  <si>
    <t>                                           SCALP TREATMENT]  gt SPECIAL        W HAIR %M) POMAOf tSc CREME 13   HtW  t OUNCE JAR'. OIL 43c .r  nil   hair. Cpnr) Nfl Monpv' ~"o/Foifinoii'*~.SO  nu . Mt ,,cy Fo,,OB.j     SATISFACTION GUARANTffB i*  Jessie Kare Beauty Products Co. 507 Sill    .(Rm.9O5)     Ycrk City  from loss* of'- ? Herft One Of The Best Home Wiyt To Build Up IM Moodt Tou.:' girls who suffer from simple    "\K or who lose 60   monthly periods that you are pale, feel tired, weak, "dragged out"- tills may tie due to low blood-Iron-. So start today- try Lydla'E. Plnkbam's TABLETS- ono or the greatest blood- tonics you can -buy to belp build up.' red blood to give more   and energy-fin such' cases. BlnlcTinm'a Tablets help build up Oia bed         (vay- tant) by ' ths  of-red-blood cells:..- JUSf 1*    )    -    M" ;   ^WB.-    ^vlU;           .-.t- WfiLPinkham'fTAB'ltfS</t>
  </si>
  <si>
    <t>                                           DONT OET UP NIGHTS Due to Kidney and Bladder Trouble Get Podacro (Blue Coated) Pills from your druggist, or order direct 100 pills for $1.00. prepaid. If COD fees will be added to regular price THE  CO. MORRISTOWN, Tcnn. NOW! LIGHTEN ROUGH, DARK SKIN IN 3 DAYS! It   hat  ,  or  and your   you and       you sad. If you ara            by your ,  onat, oat a Jar ol  BLEACH CREAM ana  aa how quickly you can regain ROMANCE. I LOVE, POPULARITY. Hera'i all you do: lull apply lightly ( at .). Caution. Uh only ai . Don't rub In . Jutt apply and  . i IN THREE DAYS you ll     your own . Qat a Jar or  8LEACH CREAM today I Entlou monay .  or euh. For C.O.O.. Juit pay ,  lui  chanu, whan ha          your . Band tor   R.  la            to  or your manay back. Wrlta for v i 2iz.lH-l1.tg-lii.2ii.Jin.t2.ai rrn- Hill        nits 52.00   . (ARIS IMPERIAL DUTRIbT i Dapl. AW 1169 Iroadwoy, Now York 1, N. Y.</t>
  </si>
  <si>
    <t>                                           The BiK Parade We took off from Gainesville; all hooded and. bed sheeted, And at Buford tan yard made a halt, And if a journey of terror wasn't then completed Brother, it ain't none of our fault! Some eighty odd cars down the highway shifted, In all the ghost shudder in the fare;With the fiery cross before the host uplifted, Telling: bold Americans- BK WARE!. The Hills of Habcrsham nnd the Valleys sweet of      Where the Chattahoochee's  ong3 abide; Till the moon rings from round Jupiter fall  Will hear the hoofs of horses WHEN WE RIDE.</t>
  </si>
  <si>
    <t>                                           Atlanta      World  Published Every Morning Except Monday " Wfl/ft ft Is /" 0LUME 20- number 101  Atlanta (3), Georgia, Wednesday, dec. 1947 f rice five cents</t>
  </si>
  <si>
    <t>                                           Sports fans in this Section are now looking forward to the seventh annual Yulean Bowl Classic, scheduled for Rickyood Field, Birmingham, Ala., on January 1. The Vulcan Bowl Committee has come up with a card that should have a tremendous gate appeal so, with a break in the weather, a record crowd may be on hand when the Wilberforce State Green Wave and Grumbling Tigers pair off in the big New York's Day grid attraction, Both elevens ended their ...</t>
  </si>
  <si>
    <t>                                           Dr. Bunche In Key Role In U.N. Position On Palestine                 U. S. Delegate Austin Confers With Secretary                 LAKE SUCCESS. N. Y.- f.NNPA' -If the Unite! States' proposal to abandon Ihc partitioning of Palestine and make it a United Nations' trusteeship is accepted by the United Nations" Security Council, Dr. Ralph .7. Bunchc. director of' the UN's Trusteeship Division, raav                 come a key figure in an international situation which may .set off .1 world ..risis. This fact became increasingly evident last week ns UN delegates, after  I mm the shock, of having the United States abandon the partitioning plan for the Holy Land, began to weigh carefully the i proposal to sot up a trusteeship there. Opponents of the plan  almost unanimously that the setting up of such a trusteeship in Palestine won VI call for armed ^- a factor which caused the United States to back down on the partitioning plan but no nnc was prepared to any where such armed enforcement would begin or end. Although : a trusteeship last Friday, the United Stales delegation was mil prepared to .say just what type of trust if favored whether the UN or a member ua1 lion would ind.mini. the - or whether a corporate body would do .so j IN KEY ROM; Only one thing appeared certain. Regardless of what kind of trusteeship Is set up. Dr. Bunchc. as head of the UN's Trusteeship Division, will play a key role. Dr. Bunchc is principal secretary to the UN's Palestine Commission. He is regarded bv UN delegates as the outstanding individual authority on trusteeships. This fact, in addition to his  colored, has caused one high official to state that Dr. Bunclie is perhaps the only man in the world who can weigh the Palestine situation without, bias. Before United States Chief Delegate Warren Austin la*t Friday proposed that the partition plan be dropped, lie consulted with Dr. Bunche. Last Saturday  at his home in Jamaica, on Long Island, he appeared not to be disturbed. He took his children for a walk in the park.</t>
  </si>
  <si>
    <t>                                           LAKE SUCCESS, N. Y.--(NNPA) --If the United States' proposal to abandon the partitioning of Palestine and make it a United Nations' trusteeship is accepted by the United Nations' Security Council, Dr. Ralph J. Bunche, director of the UN's Trusteeship Division, may...</t>
  </si>
  <si>
    <t>                                           TRAVEL ON mar v war NEW COACH STREAMLINER SCHEDULE AS FOLLOWS 3:15 PM 7:30 A.M Lv. Columbus Ar. 2:10 PM J0:10 PM 3:5  PM 8:0li AM Lv. Hamilton Lv. 1:25 I'M 8:25 PM. 4:11 PM 8:20 AM Lv. Clilpley Lv. 1:10 PM 9:10 PM I J:34 PM 8:43 AM !-v. GrccnviUe Lv. 12:47 PM 8:47 PM 3:15 PM 10:20 AM Ar. Atlanta Lv. 11:10 AM 7:10 PM TRAVEL IN SAFETY AND COMFORT j EXTREMELY LOW ROUND TRIP FARES Inquire of Ticket Agent or Representative CENTRAL OF GEORGIA RAILWAY</t>
  </si>
  <si>
    <t>                                           NEW YORK--Walter White, secretary of the NAACP, will testify on proposed anti-lynching legislation before the sub committee of the Senate Judiciary Committee, Monday, February 2. Hearings were being held on S. 42; S. 1352, the NAACP...</t>
  </si>
  <si>
    <t>                                           The annual Conference of the Alatama District will convenne at Piedmont, Ala., at the St. Luke PBH CHURCH Dec, 19th tru, 21st, Rev. H. Tensley, host pastor, Rev. L. J. Johnson, Presiding Elder, Rev. C. C. Childs, Jr. Bishop. The Rt Rev. W. R Fuller Senior...</t>
  </si>
  <si>
    <t>                                           1 You don't have to ^5 ^/-dH^" jp g CS\. but you ore "Carriage Trade" if you insist on j ik GALLAGHER 1 6 Burton's I  P^y r UJmtpJiiiwl J fc;^,^ lUX J V h'^nH       {)         Ccrrin^    ! ~^b^^^   Trade".  hol group of AmArirsnt which  i^ ^V^re/ft f  appreciates and 'demands     finest. M Gallagher Burton. Inc., Balto.. Md. BlendeJ Whiskey, 65% Grain Neutral Spiritsll</t>
  </si>
  <si>
    <t>                                           It's the little things that mean so much. No truer words were ever spoken.</t>
  </si>
  <si>
    <t>                                           George Jessell, famous radio comic, brought a New York gathering to its feet cheering when he reminded the packed house that the Star spangled Banner has to be played on both white and black keys. Over the nation, sports have awaken to this fact too. No longer can we bridge the gap of stupidity which sees white and black athletes as separate and distant forces. Our national sports, like our nation must be joined together in common unity. Looking back over the...</t>
  </si>
  <si>
    <t>                                           J^Mix Lemon Juice If AT HOME    TO RELIEVE RHEUMATIC PAINS Money back if this recipe fails Many of the thousands of folks who hay* been taking lemon Juice for  pain have found that by adding two  of Allenru to one  of Lemon Juice In a glass of water, they get faster relief lor the aches and pains caused by the  phases or rheumatism, neuritis  lumbago. Allen ru Is a 20 year old prescription  JU6t*to relieve  symp* turns. Co.su mile at druggist*.</t>
  </si>
  <si>
    <t>                                           Deck your hall with boughs ol" holly  enjoy the Merriest Xmas ever! Best wishes Tor t ne holiday and a Happy New Year. WILSON RADIO ELECTRIC APPLIANCE CO. .'!71 Auburn Avenue</t>
  </si>
  <si>
    <t>                                           WASHINGTON -- (ANP) -- Liberian Envoy Extraordinary Chas. D. B King, first minister plenipotontiary of Liberia to the United States, will be principal speaker at a testimonial-luncheon at the Savoy Plaza hotel In Now York City, Dec. 26 honoring Duke Ellington.</t>
  </si>
  <si>
    <t>                                           Governor Sees State "Place Of Opportunity"                 FORT VALLEY, Ga.       i 'Any group that sots u group j against, another is (Joint; Georgia a disservice" .said Acting Governor j Melvin E. Thompson at the 33rd Anuuul Ham and EBg Show here j at the Foil Valley State Collect j last . Declaring I hat Georgia Was a j "place ol opportunity for all," Gov. Thompson pleaded for equal pros- parity in urban and rural centers. Citing the' fact"lUal llie" South had gone  three tragic periods after the Civil War, World War 1, and World War II, Hit- Governor noted that the industrial revolution, postwar desolation, and reaction caused thousands to leave this urea. Because of these factors, the Governor declared, "Georgia did not make progress." During World War I the Governor declared, UO. Georgians went off to war. Alter the cessation ol hostilities these 90.000 returned to Georgia for a short time, and moved on to other suctions. This was  loss for Georgia. Gov. Thumpson read figures to .show that 4UU.U0U Georgians parti1  in World War II. It is u 1  if we lose most of these I citizens because we cannot guarantee them "equal prosperity." He praised the farmers of I'each i and Houston counties lor then elj forts in behalf of "Food I'm World Peace."                 GOVERNOR' FOOD f.HOW SPEAKER Ai-ting Governor Me! vin E. Thompson of Gi-orain \v:is  speaker at the 3Hr/J Annual Ham and Egg S.inw at p urt v  College, Fort Valley. Ga. I'kiured here the Governor is                      .-how when- 100'J pieces are  in n  ".smokehouse." The Govcrnor pr-.ii. farmers of Peach rind Hem.- ion Counties for their  to peace  ; up farm production. The theme of the .show was "Pood for World Peace."                 A huge relief map before the speaker s rostrum emphasizes this theme. The pork before the  is a cured . Seated ue-kle.s the Governor on the Dlutfunn is Herbert Hurkabee,  executive of Fort Valley,                 Cja. ((..'U. Pliotoi                 POOD SHOW PRIZE WINNER- Otis Samuel O'Nenl, Right the first Nogro farm agent in Peach and Houston Counties appointed buck In 1914, is p 'cured with the -48 winner of the event at the 3:irri An mini Ham and Et*g Show. The "Hint? Rilrtjjn Award" is the highest hon                 or possible to achieve in the Ft. Valley An, '-ml food .show which has attracted nationwide interest and comment. O'Neal is credited with  prosperity and plenty to the farmers of this area, who once as .s lived in .squalor                 poverty. .U                 Clark Religious Emphasis Week Underway Today Reverend .1. Gordon Chamberlain, Executive Secretary of Christian Education, New York Conference uf The Methodist Church, is The Religious Emphasis Week          at Clark College. The lecture, series will begin this morning at ten o clock, in Davage Auditorium.- I The theme of the week. "Jesus and Human Relations" will stress religious emphasis through the Christian messages, through per- sonal religious living, through wor- j ship and discussion and through recreation. Rev. Chamberlain will deliver daily chapel messages at ten o clock on Thursday and Friday, in addition to the one this morning. To- i night at 7:00 p. m. the speaker will conduct a discussion on student re- ligious problems. A Religious Em- phasis Recreational program will be conducted in the Thayer Hall Recreation Room Thursday night Irom seven until eight o clock. The public is cordially invited to attend these worship services. Wins Suit Over Theater Jim Crow PUEBLO, Col. (ANP) A suit against the Westlnnd theatres filed in 1944 by Atty. Thomas Campbell claiming a violation of the anti-discrimination code of the state and asking $500 damages on behalf of Mrs. Florence Johnson of Pueblo was decided in her favor. On Monday, March 8, Judge Harry Leddy of the Pueblo district court awarded the  $225 and costs.</t>
  </si>
  <si>
    <t>                                           No Comment On Report Nurse Died In Men's Ward                 WASHINGTON, D. C- (NNPA)- Neither Carl R. Gray, Administrator of Veterans Affairs, nor lJr. Paul, Chief Medical -Director of the Veterans Administration, would comment last Monday nil .4 that a colored former Army nurse died in the men s ward of the veterans hospital at Jefferson Harraeks, Missouri. The VA public relations officer, however, made public a telegram from the branch director of hospitals at St. Louis asserting that she had been treated no differently than other female patients. The telegram said: "Miss Velma Mae Brown was in a hospital room with another patient, the same facilities provided by Jefferson Barracks VA hospital for white female patients. "Miss Hrown was a bed patient and physically unable to use any toilet, facilities other than a lied pan. A .screen in the room between beds and the door obscured view of anyone passing by which is customary procedure in most hospitals, "No male patients, regardless of dress, permitted to enter room of these female patients."</t>
  </si>
  <si>
    <t>                                           Plans have been completed for the celebration of en event which will honor Rev. J. T. Tanner for his mnay years as the faithful chaplain of the Atlanta' Baptist Ministers' Union, a post he has held with dignity and grade. In recognition of this contribution to the...</t>
  </si>
  <si>
    <t>                                           Regardlen of what your trouble may be. you can look tba world fa     Face; Solve all problem*: Get what yoo Want and Fear Mao or Oft Mmttancca. Your Happineu and Success -demand that yoo prim  Kim  and lend If     REV. CHAS. P. COLBERT US OWEN AVENUE' Dept aw DETROIT. M1C*</t>
  </si>
  <si>
    <t>                                           WATCH FOR YOUR Dancing and Boxing Show At The MAGNOLIA EVERY WEEK STARTING FEB. 4 STATE AND COUNTY TAX BOOKS OPENED JANUARY 1ST AT COURTHOUSE File Returns and Exemption Applications at the Courthouse, NOW, to avoid the extreme RUSH. GUY A. MOORE Tnx Receiver, Fulton County Court House</t>
  </si>
  <si>
    <t>                                           BRONZE STAR MEDAL -Colonel Michael E. Hallortin, Commanding Officer, 24lh Infantry Regiment, Camp Glfn. Japan, is shown pinning the Bronze Star Medal on Captnin                 Charles R. Penrose, Ayer, Massachusetts. Officers having received the medal trom CulnniM Hulloran urt Captain Raymond A. Digfc'.s, WashingLon, D. C, uii.:l Pirsi Lioutonam                 Richard W. Hughes, Madison, New Jersey. All of the officers participated in ground combat against the                 in Italy. iU. S. Army  from Public Inl'onnalion Division).</t>
  </si>
  <si>
    <t>                                           CHECKING AND SAVINGS ACCOUNT SERVICE First National Bank ATLANTA FOUNDED I86S CAPITAL, SURPLUS and  *10,000,0    .Member Federal Deposit Insurance Corp. BOY DEFENSE. SAVING BONDS Enjoy More Leisure This Winter -Try Our Fast, Efficient Laundry Service 2 Day Service On Domestic and Thrift Bundles 3 Hour Service on Wet Wash Call WA. 2658 for Guaranteed Service Or Go To Our Nearest Pick-up Station* TED LEWIS LAUNDERERS CLEANERS 704 McDANIEL ST/ WA. 2658 PICK-UP STATIONS- 550 Fraser Street LA. 4816 867 HUNTER ST. NW. RA- 9132 CHECKING AND SAVINGS ACCOUNT SERVICE First National Bank ATLANTA FOUNDED I86S CAPITAL, SURPLUS and  *10,000,0    .Member Federal Deposit Insurance Corp. BOY DEFENSE. SAVING BONDS Enjoy More Leisure This Winter -Try Our Fast, Efficient Laundry Service 2 Day Service On Domestic and Thrift Bundles 3 Hour Service on Wet Wash Call WA. 2658 for Guaranteed Service Or Go To Our Nearest Pick-up Station* TED LEWIS LAUNDERERS CLEANERS 704 McDANIEL ST/ WA. 2658 PICK-UP STATIONS- 550 Fraser Street LA. 4816 867 HUNTER ST. NW. RA- 9132</t>
  </si>
  <si>
    <t>                                           1^ *         /~~l^6   @m W ^0 AT A BATING!-  ^^^^^BHI^^ I I /    *u^Jyaa/va/l^^'*"^'^ I SWEET PEAS 17"~* 12* I V c1  \OES- B(.    I SERVE WITH POACHED EGOS- SPINACH I ^.o^^.- I DEL MONTE ri6* H 11 VII Mj  V ^m I  SELECTED DRIED BEANS I i B  5  T v. 7*e BilBY 1S 17' I I         OJm QualltY I CONDENSED  OF TOMATO I M-   r^^S 5   HEINZ sow* 3 35* I smoked  i B M BEflNS 19~! II I 1I9 I FOK WAFFLES. TOO!- PANCAKE  II HOG ISgw- T4   I BALLARD S X 15 J I 1 JQp I PAD CHEESE TOAST - WISCON8IN I JOWtS stew 31' DAISY cheese 61' IT 1  I -O-THE-NEST  "A" 1 U 39C chops FRESH EGGS 69C 1 I Wr I - FLAVOR!- MABO ABET Ki ^S*"-* I FIELD PEAS V 17  1 *l 1 OP IDE  I cooKS LIGHT AND FLUFFY- WI1ITK BICE II Kri;sll^sf^sci79c Ls2Ul5u  Z 19* I ^-^rT^e^^to.*^ i^W Fancy Yams Rcd A)        JH       Siring Beans 2    *5Ci ^-Jai GINGERBREAD 23C r2-^.^ Canada Rutabagas 3   . 12c DICED BEET* 1  m6Si Calif. Cauliflower 2u.Alc f Lbs SUNSHINE GEORGIA TENDER  w- IJflfW"  K       REAMS No.~l8cC^ Cabbage fresh      Z tb. 13c 3^c CUT BEAN* Crcen T carrots 2 *7. 5 ,b, RED CHEEK- PT. BOTS. Ho A Jl t 5  JUICE 15C fS# g esh Mushrooms p* ~~.rt.i aSc ^c I SWEET BLEND OF FINE  vf^jH 0. S. NO. I F..NCY         I? T IT I DELTA SYRUP 15c yellow onions i^^nKS 1 LADT . CREAM* iT-5^. 3-  . Kfalt M 5 Lbf      J- I COLON \^1 MAYONNAISE 42c ^%L 29c 51c/ w if I Jr ,!fU  Guaranteed by Coloniai 1 K ^^^^^p^^^^***?lA^J Triangle Float9 7 j^k^^      ~**m*n' 10 ^s $1.03 Slokely's Corn  i I Plain Cbth *1 N,2.)   *Tes Bedueed! H     All 1 WHILE THEY UST- B 2 DEL MONTE RICH *-on ^M^^ CrtllTUCBkJ wa I   niIC!C 10T. 7*. SOUTHERN MANOR 3  AAVVli #C -h finest ^h APPLE SAUCE ...Uc ZSLXfgP** FRUIT HUTflBflGflS Z 29c W" 4Ot CAKES 5 -8 finest CRAB MEAT 8-  . do 29c f 1 SAUERKRAUT ^ 15c ~~~^T;B.Rn ,lhr fil fio 1 I POTTED MEAT Mo. i   . 13c  ham  m  r I 1 SALMON N..iwi49e DOLE JUICE n.2c 17c 4Lb Ctn ^Jl I EVArOKATED ENRICHED ENRICHED PLAIN iiT I I I C S MILK 3 T.N cans 37c C S FLOUR o-u,. c.    $1.17 CUT _48c j IffiBg Pm$~FKCTMJk f COLONIAL SUK* MARKETS AMD SELF SERVICE STORES I    ^^1JiIIiIJIM1^MM;B?^^i ~.   :~.^-jri ^:::^r;:.:..r. "A'::f--: ~~'*g^^^     ^^?s^</t>
  </si>
  <si>
    <t>                                           Good Luck IN YOl.'K NEW HOME ANDY S J. P. Johnson Dairy Route 1. Decatur, Georgia DEarborn 28 11 GRADE "A"  RIZED MILW Butter Milk Sweet Milk Chocolate Milk Cream, Coffee or Whipping HOME DELIVERED MILK EVERY DAY CALL US- .OUR ROUTE MAN WILL GLADLY STOP AT YOUR DOOR DEarborn 2841</t>
  </si>
  <si>
    <t>                                           w040,50,60r -Man, You're Crazy S '         "1~~~'IM Vj^fffl 0 t Hft                !l V FOR SALE AT YOUR DRllMIST     BOYD AAfs.;co.. Inc. I ft M t X GrfAW 'At'AB'A M A</t>
  </si>
  <si>
    <t>                                           Governor J. Strom Thurmond, replying to a request to state his position on Klan appearances in South Carolina. Monday, declared himself opposed to mob violence and said that the state constabulary "stands ready to assist the sheriffs in the event help is...</t>
  </si>
  <si>
    <t>                                           ALBANY (SNS)--In recognition of the significant contribution to higher learning which he has made as Chairman of the Georgia Committee on Teacher Education, President Aaron Brown of the Albany State College was chosen this week as one of the representatives of...</t>
  </si>
  <si>
    <t>                                           They Send Christmas Greetings DR. AND MRS. L. A. PINKSTON TRAVELERS REST BAPTIST CHURCH 319 Mavson Avenue, N- E- Atliinta, Georgia DR. L. A- PINKSTON, Pastor EXTENDS MERRY CHRISTMAS AND A HAPPY NEWYEAR TO ALL THE READERS OF THE ATLANTA DAILY WORLD Special Sermon: "The Message of the Manger," Thursday, December 25, from 12 Noon to 1 P. MBy Pastor Pinkston</t>
  </si>
  <si>
    <t>                                           TUlCN BACK!</t>
  </si>
  <si>
    <t>                                           Willie Howard Brown. 27. of rear 00 Whitehall St.. the alleged victim if a "Mechanicsville" gun duel was cna.sted a: remaining in critical Condition late Saturday. Brown is ... to have been shut seven times by Will Junior Hicks, 23, of Humphries St., Apt. 5, when...</t>
  </si>
  <si>
    <t>                                           Joint Congressional Committee On Civil Rights Urged By Solon                 Rep. Huber Introduces Resolution                 , D. C. (NftPAl ReferesahtatlCe Walter B. Huber, Democrat, of Ohio, last Thursday introduced in the House a joint resolution to create a Joint Senate and House Committee on Civil Rights to carry out one of the recommendations made by President Truman                 in his special civil-rights message to Congress. "I leel that it is appropriate that this legislation be introduced on the birthday of the great American Emancipator," Mr. Huber said, adding that he wanted it distinctly understood that it was not introduced "for the protection of any on; segment of our citizenry." The resolution would establish a Joint Committee on Civil Rights, composed of five Senators, appointed by the president of the Senate, and five Representatives, appointed by the Speaker of the House. The committ-1? would elect its own ... WITHOUT COMPENSATION Members of the committee would serve without compensation in addition to that received for their services as members of Congress, but they would be reimbursed for travel, subsistence, and other necessary expenses incurred by them in the performance of their duties, other than expenses in connection with meetings of the committee held in the District of Columbia while Congress is in session. The . would make a continuing study and Investigation  -in connection \ the protection of civil rights so that It may determine upon means of improving respect for the enforcement of such rights. It would report from time to time to the Senate, or to the Secretary of the Senate if the Senate is not in session, and to the House; or to the clerk of the House if the House is not in session, the results of its study and investigation, together with such recommendations as it deems advisable. HOLD HEARINGS The committee would be empowered to hold hearings and to sit and act- at such places and time, to require by  or otherwise the attendance of such witnesses and the production of such books, papers, documents and- tangible things, to -BUCh oaths and (Continued On page Six Col Six)                 Rep.Huber (Continued From Fagc One) to take such testimony, as it deems advisable. It 'also would be authorized to   and fix the compensation of such experts /and such clerical Assistance as 'it deems advisable. Its expenses would be paid .from the contingent fund of the Senate and one-half from the contingent fund ot the House.</t>
  </si>
  <si>
    <t>                                           WASHINGTON, D. C. -- (NNPA)--Representative Walter B. Huber, Democrat, of Ohio, last Thursday introduced in the House a joint resolution to create a Joint Senate and House Committee on Civil Rights to carry out one of the recommendations made by President Truman...</t>
  </si>
  <si>
    <t>                                           PROBE OF CONCUBINAGE IN CAMEROONS SOUGHT                 LAKE SUCCESS, N. Y.,- (NNPA) The St. Joan's Society and Political Alliance of London has petitioned the United Nations Trusteeship Council tc investigate tribal rites in ihe British Cameroon*, under which young girls become the concubines of native  in that African trust                 territory. The petition from London quoted the following story published in the Franciscan Missionary Hearld, of Manchester, organ of the Franciscan missionaries of St. Joseph: "A girl was grinding corn in the small space in front of her father s hut. She was about 13. Two or three men walked down the road looking from side to side they stopped- looked hard at the girl. "Than the leader, or "1 as ho Is called, stepped  the child to her -feet and with a piece of rod cam wood put a mark on her forehead- stripped off her clothes and left her standing naked. The girl howled like a wounded animal- she was doomed. Her father saw the. mark and knew what it meant. She was branded/    the '' p} Jijs ;.                 their day s work tor the king had been done. "Next day papa,  d In hlB tribal splendor, set off for the king s but a string of native beads round compound. The girl,, nothing on her neck comes sobbing behind. They come to the king s compound. The king, a man of about 80,  on a throne, a  under his feet. About 1C0' of his 600 wives stand  him In a --- as Is the privilege und custom of the 'king s own. The .father, steps forward, bends his knees, daps his hands three times, then drugs  daughter forward, throws her on the ground in front of the king, who steps forward, puts his right foot on top of the girl s body which means, I accept this piece of cargo 1 The girl Is then taken away by one ot the older wives and this 'poor child probably will be a mother at 14. "Do not think this is Just un      case. This Is the everyday custom of thY 'Bokom' tribe, of the Brltlth Cameroons. The king sends out his, '.' and this Is      happens with i girls, )</t>
  </si>
  <si>
    <t>                                           LAKE SUCCESS, N. Y.,--(NNPA) The St. Joan's Society and Political Alliance of London has petitioned the United Nations Trusteeship Council to investigate tribal rites in the British Cameroon, under which young girls become the concubines of native kings in that African trust...</t>
  </si>
  <si>
    <t>                                           KEV. F. J. DOTSON (Fearless Leader) THE REASON FOR A GENERAL JUDGMENT*- Rev. 20:12. By P. J. DoUon The other day at Monroe,     a Negro wus apprehended as the one who net  to the churches (colored) and It wns only $B00 reward  to bring the  party to trial. Tlie thing that s got mo bullied Is: hew Is It they found a poor old Negro so quickly (It It is true) with only $800 reward and couldn't find one out of 30 or 30 white men that slaughtered four Negroes for the staggering sum of $30,000 reward? That Is one of the reasons for a General Judgment.</t>
  </si>
  <si>
    <t>                                           The students of E. P. Johnson were honored to have the Rev. Josephus Roosevelt Coan, who recently returned from Africa, as a guest speaker in connection with Negro History Week celebration.</t>
  </si>
  <si>
    <t>                                           Dental Group Asks Aid In NCNW Fight                 Cites Exigencies Of Needed Support In Civil Rights                 SAN ANTONIO, Tewui (ANP* -An appear 10 "women of Amerlc "or financial support of the         of the National Counci; of Segro women against           In an open letter sent oui ast week by Mrs. L M. Ltater, . of the women s auxiliary of                 Ac Gulf State Dental  of Texas. Writing of the "enthusiastic " given by women attend ng the recent NCNW convention 'n Washington "on Treeing  from bands of segregation ami discrimination," Mrs. Uster said "Negroes us well as all other minority groups, fighting together vil!  wear the monster, prejudice Jowii. Mrs. Bethune Is asking us to support the efforts of President Truman In his plea for our freedom. The President has asked thai :t must be done now." ASKS SI CONTRinCTIONS She asked that 100,000 women - as much as one dollar each to the council, In order that it -night employ "legal assistance to .tight for the passage of the 10 points in our President's fight for ; rights." "His committee has gone on record making an effort to help all minority groups and we must not fall to do our port. One dollar is not much, but put together, our dollars will do a grand Job in helpIng to fight prejudice in America Let us help drive out of America all prejudice, discrimination and segregation by providing to the world that we are an intelligent and deserving group."</t>
  </si>
  <si>
    <t>                                           SAN ANTONIO, Texas -- (ANP)--An appear to "women of America for financial support of the program of the National Council of Negro women against bias was contained in an open letter sent out last week by Mrs. L. M. Lister, president, of the women's auxiliary of...</t>
  </si>
  <si>
    <t>                                           Morehouse bookworms, studying assidously in the University library, three blocks away, felt the reverberations of the hectic Junior-Sophomore battle Saturday afternoon which the Sophomores captured 13 to 6. Thus Coach Capers Fuce's operatives clinched the Intra-Mural...</t>
  </si>
  <si>
    <t>                                           RATED AS 'TOPS" New, York- Tondaleyo, sensational sepia dnn., one of the thrilling highlights of Club Ebony on Broadway. New York's latest and newest all colored night spot. Broadway critics rate her as one of the greatest .strip tra.se artists in technicolor on the main stem. Her tantalizing and exotic fast tempo is filled with lusty thrills in c- I                 motions. The new show includes besides Tondaleyo such noted starts as June Richmond, song stylist .sup- j picnic; Billy Daniels, golden voice tenor; The Three Chocolatecrs, Jesse .lames Archie Savage and his sizzling Ebony dancing gals. Three show.-, nightly 8:00. 12 and 2:30.</t>
  </si>
  <si>
    <t>                                           ILLINOIS GENERAL BAPTISTS WIN INJUNCTION FOE PIONEER PUBLICATION Officials of the Baptist General. Stole convention of Illinois, receiving the Judicial citation, preserving the name or the pioneer publication. "The Illinois Baptist Messenger," the Rev. J. L Horace, editor from the hands of                 AUys. William Booker mid Houston Hall U\ Chicago. Standing, left to right: Hot. J. W Felker, Rev. James L. Horace, Jr., Rev. R. E. Eddlnton, Rev. A. J. Johnson, Rev. B. E. Paxtou,  ponding secretary; Rev. W. M. BKlley, editor or the Messenger, Rev. B. II. Hester. Rev. S. A. Gray                 son, treasurer ol llic convention a ntt Rev. C .E. Harris. Seated, left to right, are: Atty. Houston H. Hall. Rev. D .Z. Jackson, vice president of the convention; President J. L. Horace, Rev. M. D. Dlckson, recording !. or the convention and Attorney j Wllliiim A. Booker. I</t>
  </si>
  <si>
    <t>                                           INSPIRATION FOK MEMPHIS ,  IN Sl'NNY CALIFORNIA William (Hill) Thompson, Memphis youth who is rounding out his second year of medical studios at University of California,      Angeles, know.-; just what it takes for relaxation from t ho ordeals of  concentration. A leisurely stroll on UCLA campus with a bevy of campus beauties is one of his ways of overcoming dull moments. The popular. Bluff Citian, only a few                 months  from military lifo, is shown with Rcverly Caniion, Willie Tollard, both of Los Angolcs, and Edith Wilson, of Kansas City, Mo. (from left to right) on "Jjui'i1 Stepts Mos Sacrod .Stops" of (he University of ~"         , with Roycc Hall Auditorium in tho . A native Mompliian, Thompson is the son of Mr. and Mrs. A. C. Thompson, of 1279 Vollcntine. He received his A.I.?. Degree from LeMo^ii/e^^CollcBe (in absentia) aft-.                 or he entered active service with the U. S. Army Air Forces. Thompson spent three years in the Aimed Force.", ;md upon returning to civilian life he re-entered college as a medical student on the West Coast. He was iden- tified with the Medical Detach- mont of the AAF. Tim Thompsons are parents of four other children, .ill presently living in California. They are Mrs. Sherman L. Coleman, daughter:, .^nd A. Vf., Edward and Harry J. ThmnpsofwU '.~   - 7-</t>
  </si>
  <si>
    <t>                                           PlLAXAllVErl H Black.Draught i* K? R 1. Usually prompt cl 2-Usually thorough /s ^k 3-Always economical /^.i</t>
  </si>
  <si>
    <t>                                           Southerners Seek Air Time For Rights Reply                 Georgia Senator Richard B. Rus- i .sell was chasen Saturday by 21 southern senators to seek radio time in t which to make reply to a Mutual Bioadcasting Company series which has dramatized President Truman's i Civil Rights' program. At an hour-long .strategy meeting held Friday, the southerners drafted not only a message to Mutual Presi- dent Edgar Kobak, but. also  Senator Russell as Chairman in the forthcoming congressional "   FEPC, Poll-tax, anti-lynch and  measures considered unfriendly to the South. All southern senators signed the telegram save Florida's Senator, Claude Pepper, who was reported al his home.</t>
  </si>
  <si>
    <t>                                           BROOKS Says Application of I^^^HI Keeps Your HI STRAIGHT 3 to  5 MONTHS ^^HH^                -*)fR^p tI^^^Db STRAIGHTEN your hair to. day at Lome with amazing new PERMA- and you won t have to 6 it  for from 3 to 6 . Vui ran  it, wave it, or  it in any way ami it will stay straight, soft, ami easy to manage.      , women, children use - no hot comb needed and it cannot hum your s4in. PERM A-STR ATE is better now  ever works faster, fd?irr to use. and leaves hait . Vou")l like it- costs only about a  a day. Get some NOW.  AT YOUR DRUG STORE  T%2 ^-GUARANTEED MUST SATISFY OR MONEY BACK tor Information Write PERMA-STRATE CO. 159 L          Chicago 11, 111.</t>
  </si>
  <si>
    <t>                                           WHITEVILLE, Tenn.---(SNS) -- Allen-White High School..regarded educationally as one of greatest institutional developments for preparatory training of the Negro youth in rural areas within recent years, attracted distinguished leaders from over the country...</t>
  </si>
  <si>
    <t>                                           IT NEVER FAILS                 TIM TYLER By Lyman Young                 FELIX THE CAT By Sulliv^</t>
  </si>
  <si>
    <t>                                           81 '~MARSHALL OF LARADO" Bill Elliott AlEO Last Chapter "VIGILANTE" ROYAL "MOM AND     " with All Star Cast ASHBY "CAPTAIN CAUTION" plus "WHAT A GUY" with I Manlan Moreland All Colored Cast LINCOLN "VIGILANTES OK BOOMTOWN" plus "ACCOMPLICE" and "JUNGLE GIRL" HARLEM 'FIGHTING " with Charles Starrett Also "VIGILANTE"  " MARSHALL" j with I Tim McCoy 1 Also i "HOP HARRIGAN" FORREST 'FIGHTING " with Charles Starrett also "BLACK WIDOW"</t>
  </si>
  <si>
    <t>                                           Reserved Seat Tickets On Sale NOW SPORTSMAN S SMOKE HOUSE 212 AUBURN AVE., N. E. For Feb. 11, 12, 13 City Auditorium PriMS; Reserved S1.50 Inc. Tax General Admission $1.00 Inc. Tax (AT BOX OFFICE ONLY)</t>
  </si>
  <si>
    <t>                                           DIPPY By John cT55</t>
  </si>
  <si>
    <t>                                           Atlanta      World  Every  Exoeyi Aloud*;.. M M Aatam At*  f Ti Members: BN8- NNPA- ANP W. A. Seottn, Fomaer-PnblLiher, Aif. 5, 1928, to Feb. 7. ltM Fouded    ..~, 1  ; Became Dally Marob U, IMS Telephone: WAlnnt 145S 146* entered In      Office at Atlanta (3), Oa.. as second claw mall muter '.v the Act of Congress, March 13, 18*?9. A. SCOTT ..V:;^;.:. Editor and General' M*m , v SUBSCRIPTION RATES BY MAIL:     DaUy: 1 Tesr- $12.00; 6 Months- $6.50; 3 Months-  3 Jt* i.v: Saturday Only: 1 Tear- $4^0; 6 Montlis- $2   Cmaadft: 1 Year- $5.50; 6 Months- $3.25; Foreign 1 Year-f7.lt Babgeriptlon Bates By Carrier- 25o Weetlj THp  DAILY WORLD la an independent newspaper non  and non-partisan, printing news absolutely  and  those things it believes to be to the Interest of IU reader* anc opposing those things against the interest of its reader* THE WORLD expressly repudiates responsibility for return of  cited' pictures, manuscripts, etc., unless stamps are sent. Address all COMMUNICATIONS to and make CHECKS payable to ATLANTA DAILY WORLD, rather than tc individual*. THE RIGHT TO VOTE "The right, to Tote most be open to all our citizens Irrespective ot , color, or creed'- without tax or artificial restrictions of any kind. The sooner we set to that basis of political. , the better it will br for the  aa a      ,' Franklin D EooseTeli</t>
  </si>
  <si>
    <t>                                           Woman Is Shot In Suitors' Crossfire                 Miss Lillian Burson. 40 of 616 Fraser St., S. E. suffered a shattered bone when shot in the  on Sunday night. The victim who claim to have been shot by Harvey Sheffield, said she was struck by the bullet when Sheffield came to her house ana apparently became  when he found another caller there. Both men are allowed to have opened fire on each other and the victim was caught in the crossfire. Woman Injured In Three-Way Wreck Miss Mildred Thompson, of 400 Conlcy Sttrect, received liberation about the head Monday as a result of n three-way collision involving automobiles at Woodward Ave., and Martin St. One of the drivers. Carlton Benton, of 350 Auburn Ave., Is alleged to have failed to give the proper signal upon entering the Intersection.</t>
  </si>
  <si>
    <t>                                           Enjoy      \ML Th Protection W W Install Itfii^ Burglar firl IXmS Bars j Citlmiles HIM- J 7j Cbcerrnllr      { MA. 5305^^^^^ MUti WLUlams, BepresentatiTs BATmond 9383</t>
  </si>
  <si>
    <t>                                           FORT DIX GUARD- Sergeant Russell Boles, former Clark University (Atlanta, Ga.) athlete is now playing guard on the Fort Dix, New Jersey basketball team. Sergean Boles was a three-letter man at Clark and lives in Philadelphia,                 Pennsylvania, ru. S. Army Photo from Public Information Division I</t>
  </si>
  <si>
    <t>                                           KINGSTON, Jamaica--(ANP)--Jamaica Wednesday started its first real drive against Communist operation in the Caribbean.</t>
  </si>
  <si>
    <t>                                           For quick relief from         by eczema, atli!ctc s foot, scabies, pimples ami other  conditions, use pure, cooling . liquid D. D. PRESCRIPTION. A doctor s . t'.-sii and          . Soctliw,  and quickly calms intense itching. 35c trial toot tin proves u. or  back. Doo't sutler. Aik your  today for D. .PTiQH,</t>
  </si>
  <si>
    <t>                                           The year just gone was one for the books. It was marked by chills, thrills, births and deaths... just like all other years, of course. But, there was something radically different about 1947. As I see it the difference lay in the atmosphere of general fear which...</t>
  </si>
  <si>
    <t>                                           I predict that within six weeks Silas Hunt, a young Negro of Texarkana who entered the University of Arkansas as a law student will be attending classesalong with other intelligent students When one has something outstanding to offer America he is highly...</t>
  </si>
  <si>
    <t>                                           rr\ i\  snow at  When sleet anil snow blanketed K;;'h, ;imm;~- other ])I;r-(~s, last wrok, students of Sli;iw University  it while it histed. 'I'lip snowfall  over   -  when thore n-;is leisure; for snowballs and                 snowmen. The picture, above, shows a group having a time on the c;.s. From left, to right ;ir(~, Surah Danlcn, Brooklyn, N. Y.; Jnhnsic Broadway, 1', N. ,1.; Mary Taylor, Koatmkn, Va.; Vornon Qiiinn, Chicago, l!l.; Iripa                 i P., Kocky Mount; Solomon JTolbci-t, Newark, N. Cecilia , UalniKh; Sarah Whitp, , -Mil.; Charlns Wilson, Nc., N. J.; Viola Logan, Urec; anil Ulisha Gcni'KC, Jacksonville, I"'la. ..i</t>
  </si>
  <si>
    <t>                                           FIRST PHOTO OF NEW JET ROHTER-BOMBER TEAM                 PICTURED FOR THE FIRST TIME as  streak through the Fky over Muroe, Ca!., is the U. S. Air Force's newest jet-propelled fighter-bomber combination. A P-HG s'..-;ick fighter (left) leads a 13-45 four-jet bomber :is they  in formation over the desert base. The  is rated in the "over 650 -nn-hour" class and the                 B-45 as "over 480 mile-un-hour." Official U. S. Air Force Photo. (International Sound ;~)</t>
  </si>
  <si>
    <t>                                           Opening the 81st ANNIVERSARY CELEBRATION MOREHOUSE COLLEGE Presents HAZEL HARRISON Distinguished American Pianist Friday, February 13 Eight P. M. Sale Hall Chapel GENERAL ADMISSION (Incl. Tax) $1.20 No Reserved Seats FOR TICKETS CALL MAin 4223  p.-</t>
  </si>
  <si>
    <t>                                           In Memoriam                 In sad', but loving memory of my wife, Mrs.Agnes M.Anderson.who de"parted this life one year ago today. "The song is ended, But the memory lingers on." Dr. B. P. Anderson.</t>
  </si>
  <si>
    <t>                                           The action of the Ku Klux Klan in trailing and tracking down election paths in Georgia for the purpose of intimidating and preventing Negroes from voting is just one more reason in the long list why the Truman civil rights program should be welcomed by southern white leaders. The Klan is making the rounds. They happened in Wrightsville on the eve of an election some weeks ago and not one of the 800 registered Negroes of Johnson county cast a ballot. Last...</t>
  </si>
  <si>
    <t>                                           CHANGES LOCATION- Madam Williams wishes to announce to her many customers and friends that she will be connected with the Madam C. .1. Walker Deauty Shoppe, :W(l Auburn Ave.,  Monday. Ma-.h 22. Madam Williams will      to her friends as proprietor of Modernistic Wave Sht.ppe on Mitchell St., and for a short time as man- ager of Young's University Itaauty Shoppe. She has fourteen years of shop experience, and specializes, in marcel and        pressing. For appointment call: CV. 97*7. i (Adv.).</t>
  </si>
  <si>
    <t>                                           Dr. Smiley Blanton, one of the world's outstanding psychiatrists, will be presented to the Atlanta University faculty, February 9, by the Atlanta University School of Social Work, at the Exhibit Room of Atlanta University Library, at 7 p. m. He will use as...</t>
  </si>
  <si>
    <t>                                           Edgewood's Parade Of Hot Platters WE SHIP RECORDS C.O.D. ANYWHERE All Orders Must Amount to Not Less Than $300. We pay postage on orders amounting .to $5.00 or over- order your Records right from this list. Just' check the ones and the number of Records Wanted. PLEASE PRINT YOUR NAME CLEARLY THE LATEST HITS "S. P. BLUES'- Albert Ammon. -79 "627 STOMP" Pete John.on 79 "MY MAMA DON'T ALLOW ME"- Auther Crudvp 63 "LET ME' BE YOUR SIDETRACK" John Seller* -83 "THEY RAIDED THE JOINT"- Helen Hume. 79 i "WHAT S THE USE"- Roy Milton i LOS "EFFIE S BLUES"- Effie Smith 79 "WIM S BLUES"- Wini        79 "PLEASE BELIEVE ME"- Bit; .Bill 79 "SAIL ON BOOGIE"- T. Bone Walker 1.05 SPIRITUALS: "HOW FAR FROM COD" Siatar Rosetu Tliarpe 79 "I WILL BE HOME AGAIN"- Gjolden Gate Quartet .75 "WADE IN THE WATER"- Colden Cute Quartet 75 "FORGIVE ME LORD AND TRY ME ONE MORE TIME"- Roietta Tliarpe 79 "DRY BONES" Selah Jubilee Qunrlet -79 ALL THE LATEST RECORDS IN SPIRITUALS AND BOOGIE WbOGIB EDGEWOOD MUSIC SHOP 201 EDGEWOOD ATE: ATLAhfTAi GA;</t>
  </si>
  <si>
    <t>                                           Many Vtmn Say      GROW HAIR II STIMULATES GROWTH Of Hftli ttt-  you     Una  from DUOniu, IM M hilt. Mini       n 5    (i-f. SitWIU  iw M   "   "t""'4 Unt * Cath C.O.O. S 4 A ~,(t.   .r       ,AVt To. XV LA.SAN LABORATORIES Dcpt. S 1219 N. I. Blvd., Yeadon, Vu</t>
  </si>
  <si>
    <t>                                           THE KlOHT TO VOTE "The right to vote must be open to all *ur citizens irrespective of race, color, or creed without tax or artificial restrictions of any kind. The sooner we gel to that basis of political equality, the better it will bo for the country as a whole" Franklin I)</t>
  </si>
  <si>
    <t>                                           WASHINGTON -- (SNS) -- Led by Representative Williams (Dem., Miss.), Southern Democrats on the House floor Tuesday denounced President Truman for his request for antilynching and anti-racial discrimination laws.</t>
  </si>
  <si>
    <t>                                           WILLIE B. McNAIR I If you are in need va.'uable In- fomi'.  health and other i                 I problems worrying you, be sure to see me al once at 120 Holly Road.                 Phone: AM. 6841. (Adv.)</t>
  </si>
  <si>
    <t>                                           TIM TYLER By Lyman Young                 FELIX THE CMP By Sullivan</t>
  </si>
  <si>
    <t>                                           Card Of Thanks                 Trie  01 we late Mr. Alien Brown wishes to use this method extend thanks and appreciation 0 their many friends for the beau.,iful florals, messages' of  and the use of their cars durng the Illness and death of their husband, father and son,  y do we thank Rev. A. A. Hightow;r, Rev. G. C. Middlebrooks, other . on the program ana ^ox Brothers morticians for their :.s ^nd -Micient service. The Family. In Memoriam In loving memory of a beloved beloved friend, Mr. Emmett Crayton, who departed this life two years ago February 9. "It is n lovely memory Those  words you spoke j When the' dark hours of life were about me It can be well said of you these words Bdufne of time and faith The flood may bear me far 1 hope to see -my pilot face to face When I have crossed the bar." A SINCERE . In Memoriam In sad memories of my devoted husband, Mr. Ben Benson, who  for years ago today, February 8, 194*. Four lonesome years has ended. Filled with grief and cares When others seem so happy My eyes are filled with tears. With Misty eyes and heart aches I strive to carry on The happy hours we once enjoyed How sweet the memories live. Mrs. Mattie Benson, wife In Memoriam In loving memory of our darling husband and father, Mr. Claude Pattillo, who  away one year ago, February '5. 1947. A solemn year lias ended filled with grief and cares:. When others seem so happy, My eyes are Riled with tears. You left when life was sweetest But now it s oh so sad: I pray each day to  you, For you were all' I had. No one knows how much I mis! you, No one knows the silent pain T have suffered since I lost you, Life has never been the same. In my loneliness I ponder ove days past and gone. With misty eyes and bitter tears I strive to carry on. God knows my heart and answer: prayers. His Promises all are true. So I pray to Him each night     dav to be again with you. Won't it be a happy meeting oi Heaven's golden shore To join my darling once  where parting comes no more. Sadly missed by Mrs. Florence Pattillo, wife Claude Pattillo, Jr., son</t>
  </si>
  <si>
    <t>                                           ' Holloway Jewelers ~.t/te/    /iea6ac/ ein.e?it T-: ^f-     /      //~-*.   *- 7 v:       *62.5O Holloway Jewelers Established 1^04 172 Auburn Avemie---- 'ALpine 2752</t>
  </si>
  <si>
    <t>                                           Jackie Robinson Receives Omega Outstanding Citizens's Award                 DETROIT -Al the 34 til Annual Grand Conclave held in Detroit, Mich.. December 27-31, 1947 the re port cf the Achievement Project Director, Dr. Robert C. Weaver, Dl? rector f Community Services American Council on Race Relalons, Chicago, 111., released lor pub                 l CRtion iCie Fraternity's 1947 Achievement Week awards. The theme tor 1947 was "Community Planning for Intergroup Un demanding." The Outstanding Citi zen s Award lor 1947 went to Jackie Robinson, first baseman for the Brooklyn Dodgers. The District Representative Award went to Dr. Harvy T. Penn, a  civic leader of Roanoke", Va., Third District Representative. The Outstanding Omega Man Award for 1947 went to Edward Val erian Smith, an undergraduate dental student at Howard University, Washington, D. C, who organ- !zed the Omega Choir consisting of 45 voices. Under his direction the Choir gave several programs In and out of the ctiy of Washington. D. C. ALPHA CHAPTER PRAISED The 1947 Aohievemelt Week- Program sponsored by Alpha Chapter  featured the Choir wus one of Dip most -ful ever  liv a Chapter of the Fi- ity Thi! Washinuton Post praised it highly. The Pittsburgh Couriai headlined the affair. The Choir appeared on two radio programs and participated in the Annual Christmas Pageant during the recent Yule tide season. The Choir will also be gin recording tor the United-States Recording Co. In addition, plans have already been made for a tour to feature the Choir $p leading                 cities of the country, and it has j r been invited to sing at the White i House -Saster. The Achievement Project Direc- tor s report revealed that 1947 was a- banner -year for bhe Fraternity as far as Achievement Weak Programs were concerned. These programs were characterized by radio programs, public lecture series, recitals, .symposiums, and .forums. The winners for national hls h school essay contest whose 1947 theme was: ."Racial .Democracy at 1 Home as a Means of Fostering In ternational Relations" were: Gloria J. Kincheon, .Jacksonville, .Fla., first prize winner; Ted J. Jenner. Indianapolis, Ind., second prize \       ; and Betty Taylor, Birmlnp ham, Ala., third prize winner. These essays were received from a!) sections of the country. REPORTS The Decombei" 29, session- of the Omega Psi Phi Conclave heard the reports of the twelve district repre : the Housing Authority, tht Scholarship Committee, and other special committees. The social calendar of the Grand Conclave was marked by dances, smokers, cocktail parties, and sight seeing tours: given to the Frateritv bv the .oca! Greek letter Ori ; Kappa Alpha Psi, Phi Beta 'Stem*, and Alpha Phi Alpha Fraternities, and the Delta Sterna Theta, Alpha Kapna Alpha, Phi Delta Kappa and Zeta Phi Beta Sorofities ?~;= hosts. The highlight of the social calen dar was the Founders' Banquet given at the Club Three Sixes In i (Co2~?Bed oa      6; Cot 4)</t>
  </si>
  <si>
    <t>                                           DETROIT --At the 39th Annual Grand Conclave held in Detroit, Mich., December 27-31, 1947 the report of the Achievement Project Director, Dr. Robert C. Weaver, Director o I Community Services American Council on Race Relations, Chicago, Ill., released, for pub...</t>
  </si>
  <si>
    <t>                                           0 Application of [ Keeps Yoif 3 to MONTHS ^ Straighten your hair lml;i_\ \~ilh ;: new PhRMASI'i: VI and yon u.m"i   i it  for from to 6 nii.Mtli-. 'l -;in ~: il.  it. or dress il in any uav an. I il "ill i-t.' slay ~~'d,  all rac ,iv,-.     .  1,iii.-ii. an. I .- u^c I'lrJtMA-STRiVTE .a-~ity at .- iif.'iU no hot c.?- cannot  your -kin. Cl I'l.RM \-S'll! VII. at ~...ir .Illusion cost* a* - a^ N: :i      I an-.- il lasts :i    months. Buy PERMA-STRATE at Drug Store -only $2(ffi. Must Satisfy You or Yout Money Back! If  /InrJiMil Ijm'l Supply  irri lf for information tot PERMA-STRATE CO. 159 E. Chicago Ave., Chicago 11, llf. WOMEN 38-52 YEARS OLD-DO YOU SUFFER THESE FUNNY FEELINGS? due tb this functional E.PInUiura'=V^4 '-AAie     Mi.~i t0 relieve such symptoms; T5ui i middle-age' Cause? .BreatuietUcinelsAnjWfarHitol If you re In your "40's" -thls-^ Takien regularly. -PJnKhanv*~ functional '-ajo; ,-pe- Compound helps  un resist* cullar to  is causing  -once bb   -ssV suffer from tot ,.43 . Tboujauas         ana  , high-  It's  n KrsnJ'Bto* -then do-try   tonic. Worth, tri/lnj.</t>
  </si>
  <si>
    <t>                                           EH Eg CURLING-^ .ds** ^-^WIM  i r n ^Sfc^*^~^f!WB^ fl^H^W i^^K^. HNM hair Out *  QH^^B^ft ^^tf tat Mar -dt jUPp Hr' -^HKk: JSivI^St* $3.50 $3.50 $a'5o $4.00  3         MNO NO MONIT- Pay   n           *; M. K. COMPANY,     3   g?K 21~?, Rkfano^^lrt^</t>
  </si>
  <si>
    <t>                                           Trapped in the act of denying certificates to Negroes who sought them at the Union county courthouse Monday, the Union Board of registration finally registered two persons on Tuesday while NAACP and Progressive Democratic Party leaders impatiently...</t>
  </si>
  <si>
    <t>                                           Mass Meeting In DeKalb County                 By CLARKN CE   . COLEMAN                 Principal William Hatton, of the Avomlale High in Decatur, Georgia. Mrs. Narvie J. Harris, Mrs. Carnell Maddox, all members of (lie executive committee of the All-Citizen:;Reglstration-Drive of which C. A. Bacote, professor of history at Atlanta University, is chairman, have                 completed arrangements for a mass meeting in Dectitur, Ga., to emphasize the need for civic participation I among Negroes in DeKalb County. This meeting will be held this af- i ternoon at Avondale High School in j Decatur at 3 p. m. in cooperation j with the AU-Citizcns-Registration-                 Committee and tho NAACP membership Drive. Principal Hatton ha-, announced that, the theme for this program will be: -Civic Preparation for Civic Participation." This theme Is destined to become a by-word of the people over the state of Georgia. Principal Hatton, aggressive, well-prepared is chairman of the program committee. The .speaker lor this program will be C. L. Harper, former principal of Booker T. Washington High school in Atlanta, executive secretary of the Georgia Teachers Association, whose membership has tripled under his leadership, president of the local chapter of the NAACP and a leader in educational circles for a score of years. This program, which will also in(Contiiiiii'il On Page K Col. 4)                 Mass Meeting j (Continued From Page One) dude music, singing, and the read- infi of .several            essays, is one of a series of educational programs I that wlil be presented from lime I to time in Deknlb county lo meet a very  community need. Mrs. Narvic J. Harris and Mrs. Carnell Maddox arc co-chairmen of the Dekalb County Division of the Registration  and are planning other programs oilier sections of i Dekulb county. mass .~h-:     ; in kast point Tne East Point Civic :ind Political league is also sponsoring n mass j meeting today at ;i p. m. W. A. Quillian :md Charles H. Green, cochairman of the All-Citi/.ens-Rcgisirittion and the NAACP ..      drive have plans lo double the number of Negro registered voters in East Point by the end of the drive I The leaders in this program have I indicated that many         in East I Point do not understand the need I ol resist ration or the need for voting- This meeting is scheduled to help interpret the need for "Civic Preparation lor Civic Participation." Att'y Edward S. DAntignac, young Atlanta lawyer, am! an as- sociate of Atfy A. T. Walden will be guest,         . The meeting will be held at the Grant Chapel AME church of which Rev. G. N. Jones i.\ pastor. George  and S. A. Sheets co-chairmen ot the Northeast sec- lion of the drive are  a mass meeting at Mt. Zion Second i Baptist Church, 281 Piedmont Ave., N. E. Rev. J. T. Dorsey, one of the outstanding leaders of the drive, is I pastor. The speaker for the occa- j sion will be Daniel E. Byrd, As- .sistant Field Secretary of the national ofiice of the NAACP, who is in Atianta in connection with the legislation drive nnd the NAACP Membership Drive. This meeting is scheduled to be held immediately after the morning services at 1:30 p. m. The chairmen of this division are asking all workers to this I meet Ing. i</t>
  </si>
  <si>
    <t>                                           Principal William Hatton, of the Avondale High in Decatur, Georgia, Mrs. Narvie J. Harris, Mrs. Carnell Maddox, all members of the executive committee of the All-Citizens-Registration-Drive of which C. A. Bacote, professor of history at Atlanta University, is chairman, have...</t>
  </si>
  <si>
    <t>                                           5  BOUGHT A COKE IN 1886 -STILL DOES   . OF THI COCA-COLA COMPANY IV    I THE A-TLANTA COCA-COLA BOTTLING COMPANY    - c \1ti. Thi Catd-Coio Cit+Ui J</t>
  </si>
  <si>
    <t>                                           More Violence In Rochester                 ROCHESTER, N. Y.- (ANP)- As NAACP officiate called for a ?rand jury investigation "to determine what, if anything, is wrong" with the Rochester Police department, a new instance of violence against Negroes was reported. One man, Elijah McCray, 37, was: shot and instantly killed last week ind a second, Sam 'Alexander, ?3r suffered three bullet wounds in . The shootings climaxed what police called a two-week series of burglaries during which David Vialot, owner of an electrial appliance store, had reportedly been robbed of $1,500 worth of . Three weeks ago, Roland T. Price, an ex-GI from Greensboro, V. C. was riddled with bullets fired by six cops: At the time, police officials called the slaying: necessary because the victim, later round to be. unarmed, "had threatened to shoot" In a report on that, the local '~ranch of the NAACP wrote: "It  to have been a  improper and incompetent po ice handling of a difficult :ion. We recommend an early Trand jury investigation of all the 'acts in the Price cuse. Not for rhe purpose of indicting, but in urder to determine what is wrong."</t>
  </si>
  <si>
    <t>                                           King Hardware Companys ^ MundruUs of Armioii^v. wHil^ IS M ^pr^jB^ Instructive and Fascinating ^lii^^^ 'H Toy Duuai'Unoni! Igj^M^w/M ^Cvvf^BP' MUSICAL TOYS Z'^^^^i ALL METAL XYLOPHONE ^S^ClT*' Z^~\  TELEPHONE ir- i yt:JF\ 'A- ^    Kt'w\ I hey real I v v/ork Have built-in       keys.       1y colored, t-.at-y I" ^   _*=^a- V_^ J z(.,.s ph(ilK. $2 9S Desk play. i)5c T^ V^SIHCn^'^ JL v 3  s-1.95 sci. all metal i) it u M-Ev,,y -^VL^y l OTHER THRILLING  loves u ! Give //^ TOYS! ^KEyV!1 A W-Ft-Sin W M%} COWBOY" Pin Bui. handsome Wiilmil- Has lovely tone! 6i^!^F% Cume- An   t'~nie C'jinplclu with , 1 0-!~r.. fCv^'P^M^ !SI"!~'~'  V OUkt Pinbuli Games to 1-95 ALL MliTAl. I5AN.IO- Looks like %^'  HANDBOOKS- Intelli:ui expensive banjo: Sounds like yt-nt instructive guide books for       thing! .?2.~)5.  SKATES l'"onl 8 to 13- Contain a Othi1!! toy MiiviK  i -i- weall.n ot  knowledge.  Hn I IA.NOS- .~1.J.. U1..   ,,.0       . ,,al, 11.ill!: SU:U..^ Jlyr, KU.X:Tmc STEAM ENGINE i...j J2.95 cu..~ino w.ncl.usiu- Ui.il A   engine.      .~rj,y.~":.v. .~si^. '~isv^,v i. rates its own steam. Has whistle' i "V ./,:\:;''-^J^^^ WHEEL TOYS and safety vil.lue- S10.WI ^^^^^^^^^m^^_ T0V ';~-         All .^diii- toy! Really ^^^^^^^^^^^^B^ I .-"jnn ly p:        in n.:~l :im.l  k, \VE. UNION  TELff?"~l  -'-'-"S2   *~iJ^"'"-'' signal, wireless tone and telegraph %'^'n^B^.^il^^/^a':\ Hl- SCOOTEIt -Snappy click. Actually sends messages! fc^'l?^"?^^:;;^'.," * i '' looking all metal construction- Has Idea! .urU t for scouts, SI. i!5F^~:!^:Sf^-Hi-' 4''^'i^ *~~~$wk\ rubber tires and hy.ndy parking GLASS TEA SET For tea par- '^% TrnMttlir stand. $3.95. ties in high stylo! Ten dainty lit^fft^lPW^Lr^ Other Scooters H-om S-.y5 GLASS '~AKE SETS-Acompletc VAj m-;^ii* o.-i-iM-. ^'t ~-'l" '. needs I'or mol.hur'8 .    - An ;it:rjn:- ; . 7!)~. live all metal scooter .l on ALUMINl'si TELESCOPE- Mn-r. fi-KOO.M COLONIAL  three ball bearing wheeLs USc  G times! Ideal gift for bov HOUSE and girl! Sl.-lil. Sturdily uud  -  CO DEVIL  IK A         m.i.i  i.,. ^     ui       . like a real ! Open  fur easy ::,, sled-type COiUiter wag- MP'irt! WL f   V^l kMi *  :. ^LikiK*^^~ *B-93  CQMRCltfYJ i                 81 LAW OK THE. LASH" with Al I.: i Also j "VIGILANTES" I ROTAl j "Till-: POSTMAN ALWAYS KINGS TWK-1"'  lolin Cilrfidil I. ana Turner ASH81 I SKCKliT .Mtl"  Cl:lii(li:t(i: Culbcrl Wallor IMilgcuu LiHCQLR  OI(Oi: ." willi  Sunset Carson phis  WHO CAMK  : "LAW OK Till: WILD"  .\    j;ii)i;its"  ~(      Crablnr Also "LAW OF TUK "</t>
  </si>
  <si>
    <t>                                           WASHINGTON, D. C.-- (NNPA)--The National Citizens Council for Migrant Labor last Friday charged that Federal agencies apparently seeking to nullify the intent of Congress as expressed in legislation enacted in the first session of the Eightieth...</t>
  </si>
  <si>
    <t>                                           "There were some poor white folk in Walton County who, perhaps knew who lynched two Negro men and their wives some time ago, but they would not reveal their identity for $30,000 and that was a lots of money. That lets you know where we stand in the white man's...</t>
  </si>
  <si>
    <t>                                           IT S SWEEPING THE COUNTRY! I ROSE BRONZE For Woman Who Pr.hr { SENSATION AL_ STYLE SHADE 1 Cork Bronz. Pcwd.r j 0F 7/^ BLACK WHITE po  I ~^H e*citing 8ROAr2g ^j</t>
  </si>
  <si>
    <t>                                           COACH JEFFERSON PRINCIPAL SPEAKER AT MORRIS BROWN ATHLETrC BANQUET- Head Coach Harry R. Jefferson, of Virginia State College was the principal speaker at the annual                 and Basketball Banquet, hold Saturday evening, in the College Dining Hall. The above partial view of the speakers table shows (L to R) L. D. Milton, president Citi- j                 ".ens Trust Company; President W. A. Fountain, Jr.: Hend Coach Artis P. Graves; Coach Jefferson; and W. H. "Chief" Aiken.  At.                 lanta contractor. (Photo by Perry).</t>
  </si>
  <si>
    <t>                                           SAVANNAH, Ga.--When Muriel Rahn returned to the scene of her school activities to give her first concert at Tuskegee Institute she was thrilled beyond words to be quartered at Dorothy Hail where the visiting artists always stay as guests. She remembered...</t>
  </si>
  <si>
    <t>                                           American racial practices have done a lot of things to American Negroes. Whether these practices will serve as a sort of "crucible" out of which will emerge something of a "superman" type, chastened, disciplined, purified, conditioned. or whether he will he...</t>
  </si>
  <si>
    <t>                                           Home For Aged Ends First Year Of Operation Here                 Happy Haven, a home for convalescent and aped persons has recently passed its first, year of operation. The organization began in March 1!M7, having ihc Atlanta Association for Convalescent and A(;ed Persons, Inc., as its operating . H;iving thus enjoyed one year of .successful and useful operation, the homo today lias a story to tell which Allantans may hear and see next Wednesday afternoon, April 28. at 2 o clock, at the Happy Haven Home. 1821 Anderson Avenue, S. W. This home now occupies the scat of the former building for Negro children at Battle Hill. At the close of the meet ing, patrons and visitors will be given the opportunity to conduct an inspection tour through the building. The home is always open but it is hoped that visitors and other interested persons will find it convenient to come at 3 o clock next Thursday. Death Claims Mrs. Prothro Mrs. Mary Lou Prothro. 89C Gpencor Street, N. W., paused al her residence at 8:45 Thursda.v night. April 22, after a prolonged . She received her education al Spe'man College, and was a mem- her of Frk- Baptist Church, I To'itinuprl On Vagv li; fol. 1)                 Death Claims (Continued from Pace I) where she served 15 years as secretary of the Sunday School Depar'nient. under the  Mr. Howard W. Russell. She was also financial secretary of the church, under tin late Dr. E. R. Carter, anci at ;he  she was taken ill, 1 1946 she \v;~s clerk of the . Mrs. Piothro was horn in Atl:ini:' on December 13, 1895, was married to Charles E. Prothro, Sr.. wellknown tailor on February 27. 1P1G In addition to her husband, the survivors include, one son. Charle E. Prothro. Jr., bursar of Morris Brown College: one -snn. Gerald Prothro; and one sister. Mrs. Bertha Wright Jones. She has always been active in community and civic affairs. Her many friends ire invited to her funeral which will be held Saturday April 24, 2 p. m. at Fiicnrt ship Baptist Church, Rev. Mayntird                 H. Jackson, minister and H M Ivcy. mortician.</t>
  </si>
  <si>
    <t>                                           Department of Commerce reports record retai-' sales in 1S47. Harrison captures Coast gulf prize with 273; Demaret second.</t>
  </si>
  <si>
    <t>                                           It's gratifying to the writer to see the colored people come to the rescue of the lady and her sons in their time of need. This lady seems to have been "railroaded" to the electric chair, but thanks to the colored people, she will now have a chalice to state her case before...</t>
  </si>
  <si>
    <t>                                           Atlanta Beauty Culturist League local No. 108 NBCL, Inc. ( National Better Beauty Culture Week WITH A HAIR STYLE REVUE DANCE PARADE OF COUNTRIES; "Spain" -America" "France" 1MHS.        MI!S JACKSON", L.-'*^!j:'      ..-        .. 'AMut ~'L'i' ^i "Kngland" MRS. ( IC.ONA  MI8g M^^; i TOP HAT CLUB TOMORROW NIGHT, MONDAY, APRIL 19, 9 P.M. To 1 A.M. ADMISSION SI.00 F f K It S u s T E H MRS ?LASS[r?Vl'SK "I TV" p'"0Si'!"nl  AL -M"  KS -^RS- CARRIE WADE MRS I O\4  """on v!  -pr0SM e" MKS. ZEDA  ^I{S-  PARKS nl"Si IAJ.NA      )i\ 2nd V ice-President \   ^  i  MRS. RLAXfllH COI. Recording Socretarv ^IRS- ^ARY THOMAS n '"' H MRS.   Financial Sccretai-v MRS. S. M. TINSLEY V rV  M ?W?wR?5tv- R%LinPnM-~^??!X (:"    """"    ^     MRS. LUCILE HARRIS MRS.TE SHeMmSn LYsv,~ p. 'i iJt,vVt\pti" v""-p 1         MRS. ELIZAr.ETH ROON E MRS. AF.MA .^' MRS.^~^ MRS.   "T-~)KCF.lMA MRS. MYRTLE MOORE Reporter MRS.  MORRIS  '-1 MRS. PINKIE  ../'.^l n., MRS. THELMA FEARS Mli! .~6f?VeaL</t>
  </si>
  <si>
    <t>                                           NEWNAN Ga.-- Mr. and Mrs. James Blanbenburg, announce the marriage of their daughter, Louise Blandenburg, to Virgil T. Wright of Griffin, on December 27, with Rev. F. R. Gregg, officiating. Mr. and Mrs. J. W. Sumlin of Dayton, Ohio, spent Christmas with his...</t>
  </si>
  <si>
    <t>                                           White Employer Is Freed Of Charges In Youth's Death                 James N. Dodys, 20-year-old white man, was freed on a manslaughter  in the death of his 17- employe, Charles Smith, of 104 McDonough Blvd.. N. E., In Recorders court Saturday. Dismissal of the charges followed a coroner s Jury verdict that the youth came to his death by accident when he playfully grabbed lor bodys1 gun In a Cnpllol Avenue restaurant Thursday morning. Civic League To Meet Tuesday Night The Atlanta Clvlc-PollUcal League will meet Tuesday, December 9, at 8 p. in. The meeting will be held at the Masonic Temple, 330 Auburn John Wesley Dobbs, president of the league, Is urging members and friends to attend. Officers of the Regional district organizations are expected to be present. Local matters will come up for discussion, he said.</t>
  </si>
  <si>
    <t>                                           When April Comes When April comes With budding trees, Noisy brooks And chanting bees My happiness Wit] break in prime For I love Sweet blossom time. When April comes The willows will Beckon me To yonder s hill Where mocking birds On silken wine                 Will call to me To hcl]~ 'cm sine! T. J. Flanagan.</t>
  </si>
  <si>
    <t>                                           Rev. R. E. Edwards will be guest minister at Wheat Street Church Sunday. He is a graduate of Morehouse College Oberlin, and is a good preacher. Music for the service will be furnished by Ihe Jubilee Chorus and W. H. B. Choir. The radio broadcast will be...</t>
  </si>
  <si>
    <t>                                           Members of the MEMPHIS Committee for the 1948 United Negro College Fund Campaign. The Cam paign was launched last night at LeMoyne College at a kick-off meet ing, addressed by many prominent white and Nep.ro leaders. The Memphis quota is $18,000 of the $1,300,000 national fund. 33 Negro                 colleges, situated largely in the South, with 20,000 students among them will be benefited. Left to right in above picture are: Messrs. Elmer Henderson, Tri-State Bank of Memphis; Dr. W. H. Youiir. Dr. E. M. Wilkins. chair man of BiR Gifts Committee; Prof ,1. A. Hayes, co-chairman of local                 campaign: Philp Boothe, business i leader, Theodore McLemore. a leader of LeMoyne's Alumni Asso-  in Memphis. Hon. C. Arthur Bruce, white business and civic leader is local chairman of the drive J. A. Beau- j champ is campaign director for i 1948. ~,tf J</t>
  </si>
  <si>
    <t>                                           Raising Levol Of Farm Living Main Goal Of Extension Service                 WASHINGTON -Raising -the level of rural living- more  in line with urban  is now the main goal of Extension work witn colored farm people, says John W. Mitchell, .Nogrb, Extension Service field agent;; of' the V. 8. Daoarfmant of ArtacJult.u2*:                 The  step  ii the ;      'toward better living: od the farm, says Mitchell,' has been the lipping of the farmer s real' income thru greater productio oof crops for market and iho maintenance                 of a live-at-home program. Kor over , country farm and home demonstration agents have been showing farm  how to grow linger crops and how to produce a larger part of their own food supply. "We       ~'6etm-*fpK*ity '     .:J ob- of putting' these messages across, says I-'ield Agent Mitchell, "but we have not always made it clear thut tile real objective of increased production is better living. REPAIR OLD PLANS "Too -n a farmer buys u  iew plow  he ought to repair hir. old one and use the extra .money to screen his doors and windows or buy a new kitchen stove," Mitchell assert a. Also, he points out that morn farmers ought to repair their homes and install modern conveniences. However, says Mitchell,  ingly Extension farm and home agents ai e shifting their emphasis from production for  income to production for better living. In line with this program of spelling out the fundamental objective of better farming, agents now conduct frequent tours of farms which not only demonstrate the benefits of following modern farming practices, but which also show the benefits of better living. In addition to the ,  short-courses and home- clinics also are  of the farms included in these tours is that of Mr. and Mrs. J. Richard Thompson of Hewlett. Va.. about SO miles northwest of Richmond. The Thompson home is an' attractive, modern two-story dwelling, equip ped with hot and cold running water and bathroom facilities. The Thompsons bought their 300-acre farm" about 40 years ago- They cut it out of the forest and sold part of the timber to meet the notes. Mrs. Thompson set out to help pay off the farm by growing a garden. raising chickens, and milking the cow. "Most of the 'money from our cash crops and from my husband s part-time job on the railroad was in the clear," says Mrs. Thompson. About 20 years ago, her live-*t (Cnnfincnd On Vng* 8 Col:                 Raising Level (Continued From Fafe One) -home program expanded into a source ol  cash income. They got the idea of Belling home grow ii products in town, soon developed a route in Washington, 8   miles away, and began selling vegetable.!, , eggs, and butter, a few years ago, they added .sausage and cured meats to their . Hy 1035, they had saved  lo modernise their homeRUN BY SON The laim is now run by their son, j- Thompson, a former student ol agriculture at Pennsylvania  college. Working Liohtiy wan nis county agent and Inn  conservation district, the   has succeeded in almost completely protecting me n. larm against erosion, fc- lui- corn and truck crops Viiiic. lie Brows on the more level acres, i  grows no row L.jjm.  grain, hay crops, and       .ur- occupy most of his farm .iiii.ii he keeps highly productive mi ou^u luo use of manure crops .llJ .L.v.i.iCI'. i uu,,;io a recent Extension Ser- vi-.c K.ia, hi Virginia, about 100  ii uu leading colored farmers of m-  spent a whole  'jo ii visiting the Thompson's .uin i. l hey inspected the terraces I 1. 1 mo fields, the tractor, - 1  other' farm equipment in ...u barn, saw their fertilizer supply,  poultry houses, and tlie ./^i appointed home in which the  live. i iu. ugh such tours, says Mitc lit; 1 1, uic Extension agents hope .j ,~i.et the appetites of other '  for better homes a higher level of living. ..... helps with the super of colored Extension work u iii the upper tier of the South , while T. M. Campbell  c; in a like capacity for the  tier of the Southern States -~um Florida to Oklahoma.</t>
  </si>
  <si>
    <t>                                           WASHINGTON--Raising the level of rural living more nearly in line with urban standards is now the main goal of Extension work with colored farm people, says John W. Mitchell, Negro Extension Service field agent of the U. S. Department of Agriculture...</t>
  </si>
  <si>
    <t>                                           During aduiesuauu the complexion Is td undergo changes that are nut fur the better. Often there Is excessive titaness. Pores be come eniarge6 because of the over activity of the .glands and their wax-like deposits pick tip atmospheric dust. Little blackheads into...</t>
  </si>
  <si>
    <t>                                           The Rev. Bell released the following to the Chattanooga Observer Tuesday: A news release of interest to the members and friends of the Bethel AME Church, Walker Ave. (Churchville), is information that the Rev. Mr. William Leroy Bell has been officially appointed by...</t>
  </si>
  <si>
    <t>                                           THB ALLEN HOTEL- GRILL Daily Rates: ft* RSL%S   DAH* 2516 W. Madlira St. LOUISVILLE 11. KY. Hen and women to sen a  nl line of iport thirU.and tie* styled in Hollywood, liberal  Raid. Bun your letters by alr-maU Rlcardo of California, Sntto tU,  08-8-Main St, Urn- Aagtitm, U, California.</t>
  </si>
  <si>
    <t>                                           I i Born In April BASKING in God's sunlight, beneath tin* Mushing  dogwood  whose spi -inkles hi in;.'. Thanks for the Almighty who lot. me down in April To  thr grot  spirit of llie . And  s a proud             v.'lm siri d me on the t ann Where 1  the heart- of the soil At her  I'aicsscs hid mi- in ils aim And        me the  siu K_iii'~'    nl" liml. "Oh tor a thousand  in-.i" lu -  Vi i made jm- Inown And  ked the leprosy upon the fiu i- Of   grand ancestors who laid Ihrir .-H down. To       -r fighting rai-f. I'll keep coming your way singing with spring s ; maple And the tuneful warblers of the wing, I In thanks to whoever thought we out in April And threw me to gingham ;ap of spring. Thomas Jefferson Fluniigan, Lines written on my Birthday, April 7th.</t>
  </si>
  <si>
    <t>                                           In three acts and the same number of scenes, a cast of ten selected from the University Players of Atlanta University, Morehouse College and Spelman College presented two performances of the thrilling mystery play "The Bat." Friday and Saturday evenings in Howe...</t>
  </si>
  <si>
    <t>                                           man rails To Show Up In Rockdale County                 Reported Burning Of Crosses Seen As Pranksters Act                 3  MARION E. JACKSON                 CONYERS, Ga.- (    - The Ku Klux Klan's growing pattern of vote intimidation failed for the second time in a week to pay off dividends as Negro voters refused to be coerced or constrained by mass cross burnings over Rockdale County.                 The abrupt halt to the Klan's scheme to institute the "White Primary" through fear was evident as Negro voters exercised their privilege of voting at Sheffield, Honey Creek, Lorraine and Milstead. More than 200 voters were registered In the Conyers area with 14 In Sheffield. 16 at Honey Creek, 8 listed at Lorraine, and 5 qualified at Milstead. NEGROES VOTED EARLY Early Wednesday morning Negro voters began converging on the attractive Rockdale County Courthouse where separate tables were se.t up for balloting in the courtroom. A cafe owner, Raleigh Sessions volunteered to drive all qualified, voters to the polls. Other car owners joined this effort. A large number had voted before noon. In widely separated sections of Rockdale County I talked with Mrs. Flora- Flanagan, Oliver Flanagan, Mr. and Mrs. Grover. Cleveland Simmons, Mrs. E. M. Robertson, Charlie Dearing and Prof. W. D. Tolbert. All Insisted that most voters had gone to the polls. NO FEAR EVIDENT Questioned regarding the burning of gasoline-drenched crosses in their  most blamed the acts on pranksters. They said on the night }f the scheduled. Klan demonstration Negro citizens were attending a movie. None expressed fear and ;here was no .interruption of their,           activities; A large number of whites were : around the Rockdale OotKthouse all throughout the balloting. There was no disorder. Of Lhe 3,623 voters registered in the :ounty, only 237 were Negroes. The largest portion of the white and Negro voters used the courthouse as their polling place. Tuesday night a cross was burned beside the railroad tracks directly in the center of the Negro community. Another was burned on Highway 20, two miles South of Conyers. A third one appeared already burnt at the Bank of Rockdale. A fourth cross was burned at Honey Creek. DEMONSTRATION REFUSED A demonstration planned for to take place on the courthouse lawn failed to materialize when Mayor J. T. Hicks refused to grant written permission. Oov. Thompson had previously ordered state troopers in to Conyers. They had no orders to pre(Continucd On Page 6 Col. 41                 Klan Fails i (Continued from Pajje 1) vent a demonstration or parade but were instructed to take u hand if any unlawful activity developed. A sprinkling of  troopers watched the voting procedure here Wednesday. A pattern of vote intimidation was begun by the Kltin Wrightsvillc. Ga., spreading to Jeffcrsonville, Wadley Mt. Vernon and Lawrenceville in Wrightsville not a single Negro voted after such a demonstration. MAJORITY VOTE LAWRENCEVILLE, Ga.-      - 100 Negroes out of a possible 1B1 voted here Wednesday despite an all night "intimidation carnival" where firecrackers anil flares lighted up the skies and a cross was burned in front of the Second Baptist Church. Negroes braved this terror campaign and orgy participated in by 2,000 to 4.U00 Gwinnett County citizens. Deputy Sheriff L. M. Chadwick reported that Negroes voted at a separate polling place set up in the courthouse with two polling places for whites also being in that building. He said that 700 Negroes were registered in the county and reports from outlying precincts showed that there was no disorder. Complete                 returns on the Ncproes balloting was not available.</t>
  </si>
  <si>
    <t>                                           CONYERS, Ga.--(SNS)--The Ku Klux Klan's growing pattern of vote intimidation failed for the second tittle in a week to pay off dividends as Negro voters refused to be coerced or constrained by mass cross burnings over Rockdale County.</t>
  </si>
  <si>
    <t>                                           THE ALLEN HOTEL-GRILL Daily Rates:?- SSS/R CAFE OPEN DAILY 2S16 W. Madiios St. LOUISVILLE 11. KY.</t>
  </si>
  <si>
    <t>                                           Fiery, Itching Toes and Feet When feet burn, sting, itch and shoes feel as if they were cutting right into the flesh, get a small bottle of Moone's Emerald Oil and rub well on feet and ankles morning and night fora fewdays. A real discovery for thousands who Slave found blessed relief. Moone's Emerald Oil is easy and pleasant to use- stainless-  back if not satisfied good druggists everywhere. DON'T GET UP NIGHTS Due to Kidney and Bladder Trouble 3et Foflacro (Blue Coated) PUls ;rom your druggist, or order direct 100 pills; for $1.00, prepaid. If COD lees will be added to regular price. THE  CO. MORRISTtNVN. Term. Mt??WfMC? from loss of ^B Here's One qt Thn Beit Home Ways To Build Up Red Blood! Tou  who suiter from  Miffmin or who lose so much during monthly periods that you are pale, feel , weak, "dragged out"- this may be due to low blood-Iron- 80 start today- try Lydla E. Pinkham's TABIiETS- one ol tho greatest; blood-Iron tonics you can buy to help build up red blood to  more strength and energy In such cases. Plnkham's Tablets help  up tho mo QUAirrr of the blood (very Important) By reinforcing tho haemoglobin of red blood cells. 0Just try Plnkham's Tablets for 30      - then see if you, too, don't remarkably benefit. All drugstores. ( Want's TA61C7S</t>
  </si>
  <si>
    <t>                                           The WORLD announces the following All-County basketball team and makes known that the selection was based on season as well as tournament play. Because of so many outstanding players, every effort was made to select on a basis of position. Before announcing this...</t>
  </si>
  <si>
    <t>                                           I IT S TteUA AND JUST FOR ^OCtf I TANGO TAN I For Women Who Prefer SENSATIONAL^ STYLE SHADE I WaLWBronz. powder OF %*                I</t>
  </si>
  <si>
    <t>                                           81 "TRAILING DANGER" with John Mac Brown also "VIGILANTES" ROYAL "MR. HEX" with The Bowery Boys also 'THE WELL GROOMED BRIDE" ASHBY "TERROR TRAIL" with Charjes Starretj; also "GLASS ALIBI" LINCOLN "CODE OF THE WEST" plus "MURDER IS MY BUSINESS" and "LAW OF THE WILD" HARLEM "PHANTOM OF THE PLAINS" with WUd Bill Elliott also "VIGILANTES"</t>
  </si>
  <si>
    <t>                                           JOSHUA JONES                 BY L P.                  Brother Bell  une folk  "Ob, What Time," before the collection then go out and don't</t>
  </si>
  <si>
    <t>                                           IT'S ONE OF the most modern places of its kind in the city of Atlanta. Yes, of the south --It is the Beautiful HENRY'S CABARET Establishment. This establishment is located on our Auburn Avenue, one of the busiest streets of the city. This writer wishes Mr. Henry much...</t>
  </si>
  <si>
    <t>                                           DAILY CROSSWORDk                 ACROSS 1. Full onto water 5. Fly aloft 9. River (Sib.) 10. Capable 11. A cavern U.Mukesa series of folds 14. Shoshonean Indian 15. Plunder (archaic) 16. Sloth 17. Social gatherings 19. Paddle-like process 20. Sprite 21. Ridge of earth 22.Ribbonlike flags 25. Part of "to be" 26. Slice 27. Hail! A 28. Stronghold 32. Exist 33. WeathervocV 34. Coin (Swed.) .15. Conclusion 37. Mine entrance 38. Food fish 39 Incite 40. Part of the foot 41. Observes DOWN 1. River (Uruguay)                 2. Pry 3.Um!ivi.U-il 4. Quaker state Oibbr.) 5. Acts of selling 6. Comply 7. A wing 8. Keeps 11. Drinking vessel 12. Introducing by a preface 13. Subside 15. Heap 18. Gull-like bird                 19. Distant 21. Crock .i 22 Ordinal number 2.1. Goir mound 24. Unable to speak 25. Infant 28. Artiflcinl body of water 29. Step aside 30. American Indians 31. Permit 33. Climbing plant                 Saturday's Aniwer 36. Owing 37. Part of "to be" 39. Pronoun                 i r r r nr r r r i 1: I: 1 i: i: i: i: pi; i: Lt_jll ill w I_ I! l; I in 1 1 m1 1 I 1 1                 - A cryptogram quotation B X Y    B  U W J R V C Z W Y, R S J B X Y  P V y A X. Saturday1* Cryptoqilote: TO THIS MAN A STATUE OK UuLU OUGHT TO BE St;i" Uf- PLAUTUS.</t>
  </si>
  <si>
    <t>                                           THREE  TO DEATH IN WRECK                 FLAMES AND SMOKE ROAR SKYWARD after the crash ot two freight trains I near Battle Creek, Michigan. Oil and gasoline from three tank cars ~....norl nnp locomotive nnd 22 cars into a  inferno that took the                 UvesTof               . *The fire caused $200,000 damage. International)</t>
  </si>
  <si>
    <t>                                           In town for a brief stop-over with Dr. and Mrs. Marque Jackson were Dr. and Mrs. Albert Johnston of Keene, New Hampshire, Dr. Johnston and Dr. Jackson were classmates at Rush Medical College in Chicago.</t>
  </si>
  <si>
    <t>                                           ASHVILLE, N. C.--(SNS)--Jackie Robinson moved over to second base, here Thursday, as the travel worn Brooklyn Dodgers set the Ashville Tourists down. 7-2, at, McCormick Field, for their twenty-second consecutive exhibition victory.</t>
  </si>
  <si>
    <t>                                           JOSHUA JONES                 By I. P. Reynolds                 Brother Bell says: "Watch the fellow who shouts 'Hold your guns' in a meeting lest he be the fellow who will be 'gunning' lor you alter the meeting."</t>
  </si>
  <si>
    <t>                                           JfREFIGHIBR$ B^ BLAZING BROOKLYN P\m                 NOSED AGAINST BLAZING PIER 8 in Brooklyn. N. Y., a  hurls tons of water Into the burning structure as ^ from an adjoining pier battle the  from their side. A vast area of the   *^niSS!                 illuminated as the $1,500,000, five-alarm . swept '^'^(^^{,^"^"^1^0^)</t>
  </si>
  <si>
    <t>                                           Scott Asks            In Walton County Paper                 A correction was asked of the WALTON TRIBUNE. Monroe, Ga., by C. A.~ Scott, Editor-Genera) Manager of 'the Atlanta Daily World, after an article appeared in that newspaper February 20, which stated that "C. A. Scott, editor of the Atlanta Dally World, Negro                 newspaper, arm  Jackson, a reporter for that paper, were witnesses before the Grand Jury Monday and testified that Grimes had confessed to the crimes with which he is charged several -weeks ago when they visited the Walton County jail in company with Walton County Sheriffs. Howard and Sorrells." In a letter to Editor Walter Camp of the WALTON TRIBUNE, Scott denied any such statement. He wrote Editor Camp: "I respectfully deny that I told the Grand Jury that Isaiah Grimes had confessed to the crimes with which he fs charged,", i                 "I remember verbatim that which I told- the Grand- Jury 'and am willing, to restate at the -public trial, if there is one, what I told the Grand Jury, Hf requested to do so." "I feel the. published statements credited to me tend to hold me up to fun and -ridicule before my people and has been prejudicial against the defendant. Therefore, at least in fairness to the defendant, I respectfully ask you to carry a correction stating that I did not tell the Grand Jury that Grimes confessed to those crimes in my presence. The additional fact is that at the only time I have seen the defendant, he was not even charged with murder -and I knew nothing about/ any such charge, so, naturally, this charge could not have been discussed or confessed. When our' committee saw Grimes on December 15, 1947, he was  charged with "arson,"</t>
  </si>
  <si>
    <t>                                           A correction was asked of the WALTON TRIBUNE, Monroe, Ga., by C. A. Scott, Editor-General Manager of the Atlanta Daily World, after an article appeared in that newspaper February 20, which stated that "C. A. Scott, editor of the Atlanta Daily World, Negro...</t>
  </si>
  <si>
    <t>                                           LONGER HAIR trine .                   U/lll. Use HY-BEAUTE  and TAR HAIR POMADE. It Is an Aid far thorr, thin, Brcolclhg-off Hair and Itch/ Scalp, GUARANTEED or Money Back. Hy-Bcoutc Hair Dressing. 35c Hy-Beaule Pressing Oil 3Se Hy-Bcaurc Skin Bleach. 35c Hy-Boautc Hair SlIK 50c For Men and Woman Any Three Abovo Swnd $1*20 Agcnfs Wanted Hr-BEAU TE CHEMICAL COMfANY MbburnAinm. H.L DuLB      .6 sn*</t>
  </si>
  <si>
    <t>                                           There will be little standing room, if any, at the Morehouse College Gymasium tonight, when the Morehouse College Maroon Tigers and Morris Brown College Purple Wolverines square off in the first game of their intracity series for the city championship. The tin-off is...</t>
  </si>
  <si>
    <t>                                           HEARTIEST CONGRATULATIONS To Henry's Cabaret For Giving to Their Community THE BEST IN ENTERTAINMENT AND ENVIRONMENT     i0'.?." AA ^"N A/\ Al f** D'oionnt Blork. gt5j5?.u-.Uh" (V) (V) A R       ?,. Mai' o^  Sanitary Suppllo 451 Whitehall Street CYpress 8541</t>
  </si>
  <si>
    <t>                                           MEMPHIS, Tenn.                 -(    -                 The "Spirit of Carnival" for the 1D48 Memphis Cotton-Makers Jubi- I lee will be selected from the group of young and beauteous local worn- I en shown above. I                 Each nominee is being sponsored by one of the seven Negro trade schools of Memphis, whose student personnel is largely drawn from i  of World War II. j The girls will be judged at a I -free program slated for Booker T Washington High School. Monday night. April l2HC^6        ^i^8. m. The winner will be named at the Jubilect, pie-Jubilee Talent j Program, which will be presented and broadcast direct from the stage I of Ellis Auditorium, Wednesday night, April 14th, starting at 8 p.                 m. The leading talent of the various educational institution!, of the city, the high schools, and civic groups, will be heard and seen during the program and broadcast, according to Dr. R. Q. Vciisnn. chairman of the Jubilee Board of Directors. Prof. Andrew Williams of Man- i assas High School, and Nat. D. j Williams of Washington High are in charge of the Jubilect Program, i Tlie young woman who will be named the "Spirit, of Carnival" at the Jubilect will be the recipient of an all-expense plane trip to Hollywood, California, and will represent and publicize the Cotton Makers Jubilee celebration, slated for May 9 through the 161 h, in various                 localities during the trip. The trip will be made between the time of her selection and the opening of the Jubilee celebration on May Dlh. I Shown above as leading nominees are: Hi. Miss Emma Faye Robin- j .son. 2. Miss Margaret Louise Wills, 3. Miss Annie Jean McGliec: 4. j Miss Cleo Withcrspoon; 5. Miss Dorothy Lewis; 6. Miss Opal Lee Taylor, and 7. Miss Eloise Harris, j a late entry is not pictured. The young  represent re- j - the:- pumpkins Barber j College: Tri-Statf Tailoring School; i Alonzo Locke Training School: Na- tional Trade School; Boonc-Higgins Trade School: Henderson Business College; and the Boddcn Tailoring School.</t>
  </si>
  <si>
    <t>                                           The "Spirit of Carnival" for the 1948 Memphis Cotton-Makers Jubilee will be selected from the group of young and beauteous local women shown above.</t>
  </si>
  <si>
    <t>                                           Read "Orchids For Mother" Beginning Today In Your Atlanta World</t>
  </si>
  <si>
    <t>                                           The Atlanta Tuberculosis Association in cooperation with the Pubic Health Department offers free chest X-ray service to all adults and children, twelve years of age an older, on Tuesday, Wednesday, and Thursday, April 6,7 and 8 from 1 o'clock in the evenings at...</t>
  </si>
  <si>
    <t>                                           Members of the Ladies Auxiliary Lauderdale Branch YMCA give their Annual Worthy Boys' Dinner for benefit of underprivileged young sters. More than 160 boys, majority Identified with the HI-Y program, were on h.v.d to enjoy the sort of                 good things to eat that home could "It was sumptous" remarked one boy as he smacked his lips with evident satifaction. "We are gratified with the results," declared Mrs. Martha Kirk, president of the Auxiliary. Shown here among the boys are Details  re  jo the Boys                 M. W. Bonner. Robert Hooks. E. P. Nabors. K. S. Lewis, Sr.. R. Bowles Hasoi.'ec Greene, McDonald (Seated! and Mrs. Dunkins. Others shown are C. Eric Lincoln, director of Boys Work: Fred Harris, Boy Scout Field Executive, guest speaker nt the occasion, not provide lor Uiem.</t>
  </si>
  <si>
    <t>                                           DAILY CROSSWORD                 ACROSS 1. Birds, an a class' 5. Cutting (onl On the Jef t side (naut) 10. Corn 12. American poet 19. Superior 14. A dull finish 16. Bono (anat.) 16. Norwegian snowshoe 17.Grab3 21. At home 22. Butt 23. Pronoun 25. Equipped with shoes, as a horse 28. Extents of canvas (naut.) 29. Kind or fish 30. Wooden pin 31. Esker 32. Wandering, as an animal 37. The eye: in symbolism 29. Affirmative vote 40. Born 41. Of the sun 43. Form polite address 45. To eat away 46. Arabian chieftains 47. Affirmative VOtC3 48. Pagodas (Orient.) DOWN 1. Of bees 2. River in Africa                 3. Before 4. Pig pen 5. Entertain 8. Dip quickly Into water,   a bird 7. Sharp  sounds, as of bullets 8. Biblical name 9. Weapons of defense 11. One of the Eumenides (Gr. Myth.) 15. Unit of electrical resistance 18. Woody perennials                 10. Bounder 20. Theatrical 24. Hawaiian Islands .) 25. One's husband or wife 28. Something that belongs to the past 27. All correct (shortened) 28. Body ot water 30. Lever 33. Ascertains deduction of weight 34. Country. S.Asia                 (~*~ Antwcr stones %                 w r r r w r r r w 1^ f ^i^ I-^^I Ill ^z?/1^^ 1,^^ LLlflllT m\\\w                  CRYPTOQUOTE- A cryptogram quotation NUU FDC  H N . JtAE NUU FDC TCA NAB    , Yesterday's            : HE GAVE THE LITTLE WEALTH HE HAD TO BUILD A HOUSE FOR FOOLS AND MAD- SWIFT. Dlrtrlbuted by King Features Syndlcatt. Ins.</t>
  </si>
  <si>
    <t>                                           Atlantans will be reminded of the values of a clean area during the next few days when they inspect a model block in the downtown section. City officials are working with merchants in a chosen area in an extensive cleaning plan. This is another part of the Women's Chain...</t>
  </si>
  <si>
    <t>                                           STAGE AND SCREEN STARS PREFER  UKU HAIft (MOOTH JP^'V^\ I LARGE SIZE        ^^' UK MR 8  TOIimiU</t>
  </si>
  <si>
    <t>                                           NEW YORK--In a statement of shap criticism of the New York City Fathers, Dr. L. D. Reddick resigned his Position as Curator of the Schomburg Collection of Negro Literature of the New York Public Library. Dr. Reddick charged the city government and library...</t>
  </si>
  <si>
    <t>                                           Ezzard Charles of Cincinnati, the No. 1 contender for the light heavyweight championship, scored an eight-round knockout over Archie Moore, of St. Louis, at the Cleveland Arena. It was Charles' third victory over Moore, who is rated as the No. 2 contender for Gus Lesmevicg's title . . . Is the pot of gold in professional golf play the reason Bill Spillers and Ted Rhodes were barred from the $10,000 Richmond Open? The Professional Golfers of America with its...</t>
  </si>
  <si>
    <t>                                           B'ham Cops Manhandle, Arrest Senator Taylor It  Meeting                 Arrest 3 Whites, Negro At Earlier Inter-Racial Meet                 By EMORY JACKSON (Special to Atlanta World)                 BIRMINGHAM, Ala.-       Senator Glenn T.. third purty vice-president candidate, was manhandled by Birmingham police am'. prevented from making  s,! ui tue' Southern Negro Youth Congress meeting Haliiiv.'ny night-.                 The meeting  been set-up un- I der segregated arrangements and approved by Police Chief Floyd C. Eddins. There were separated ? for white and colored. Whites entered by tlic side loor while Negroes entered by the front dew of the Alli-.uu-e Gu.-'oel                 , Nejjvo  located at 1531 7th Ave., North. When Senator Taylor atto:npt(.-d to Co in the front door, an  je:-  him he c:ui!ri not cnt?r. L"it Senator Taylor attempted to walk n :i:. The officer caught the Senator by the a: in am! .y,vinu him                 around us Iku i;i)ut officers i- hi ;he brawl, causing ihe :ui to tumble ulf Ihe porch of tin church. The Si'ii: was :.:l by thi "o:s n:i n c'. of breach of the pei;r.\ Approxiiinti'ly !G  surrounded the meeting place. I Ol'K OTHERS ) Tli ret1 whites and one Negro were nrn  on charges of violating Birmingham's segregation laws at l lie Southern Negro Youth Conricss ; around five o clock Saturday afternoon. Seated on the speakers platform at ihL- Alliance Tabernacle of the (Continued On I'ane Col. 5J I                 B'ham Cops I On ti nui d From I'agr One) Christian and Missionary Alliance, ~.-.here Hie : had been switch- id iit.i'i- four cancellations, Dr. .lames Dombrowski. of New Orleans, Direct 01 dC Southern Conjcrcnce Erlucalu.n:-il Fund: Mrs. Doris Senk. Executive Secretary of American Youth For Free World and Edward Forrey, seated on a bench to him- sell, were the white persons arrested. Herbert Oliver, youthful minister of the church was also arrested. Foupht on every hand by Public Safety Commissioner Eugene Con- j nor. the  was   hard- j ships to secure the small church on the edge of downtown. Meetings were blotted out by po- i lice orders Friday and last night. Three churches and masonic temple bowed to police pressure in either withdrawing or refusing their .s. First conference meet ing was held at eleven Saturday morning. Magi- strate Joseph H. Raine.v of Phlln-  and Mrs. Andrew W. Sirnpkins of South Carolina addressed the morning session. Attorney Z. Alexander Looby of Nashville, on the roster "A I the timo of the arrests. I was  to speak at the af- ternoon session. BIRMINGHAM, Ala- The Southern Nepro Youth Congress Friday ni^Vit had witnessed their third                 church cancellation for a site to hold their meeting but were hope ful of RCttins a  Saturday. Rev. H. R. Hughes, pastor of St. John AME Church withdrew his church Friday following a confer- ence with Public Safety Commissioner Eugene "Bull" Connor. Like wise late Friday evening Rev. H. E. Gilvin. pastor of Green Liberty Baptist Church, backed down. Previously Rev. Luke Beard, pastor Sixteentii Street Baptist Church. original conference .site, had withdrawn his church Tuesday after bc;iv; escorted be.'ore Mr. Connor Monday. Loui* E. Burnham.  execu-  secretary, asserted Friday that tie had sent protest telegrams to President Truman and Attorney General Tom Clark charging that Commissions1;- Connor was usin?; c;      ev;ey type of intimidation un ; to quote c:?prive our organi z.. of tiie right of free assemblage unquote. KI..W ANGI-K? His wire fiu-thar charged thai Comn:  Connor ha.:l suggest ed thai the Ku Klux K 1 a n had, promised help if the commissioner  it to prevent the SYNC meeti::!?. Commissioner Connor de-  this charge. Rev. Hughes who was allegedly escorted by police before Commis:nissi:: Conner Friday is credited w::h re'...~ that the commission- cy told him that if th3 meeting was he d before a mixed audience that Hev. HiiRhes as church cu--lidian, the janitor and the speaker vould S?~ arrested. Rev. Hushes add fd that he had been assured by thr youth conference that no white people would attend. Rev. Htuuies quoted CommissionConnor as saying "If that, meet ins wo ild :lo c n p bit of good far anyone it wcu'.d be all       tn hold it. I am dohm everything I can to k ep them from it.' He said he was then "               6  !r Connor with a three-page typewritten report su?        that the v:urh conference was Communist, inspired. Rjv. Hughes quoted the commissioner as saying quote "we p CDared to prove it in court." SAYS PLAX KK.) i : claimed that the -i'.tu r  a pian to se.u Neyroe.-, in the main auditorium ol ..ana w:t.i Wiiites m tlie balcony or the basement. He quoted t.... ..-.u.ii..--~'/ a.s  mm -vi:)i: Jay ([U3te "There is not  loom m  lor me ana i yu ir meeting unquote. I 'ihe  .:diy .said that 60 persons including two w..s had T registered for the conference F;i- 'd.iy. H^ s:iid tint SYNC fo:c- cast 3C0 delegates with 200 coming In: in ou:sidn the state. He said not more than :i0 whites were originally expected. He said that  i ably publicity obviously h.i.i hurt  attendance. Burnham said: "Mrs. Connor con tends that I am a foreign agent and that our organization - from outside this country. In that Mr. Connor is wron?." SALEM. Mass.- A total of $10,(100 was lett to   by Wus Bertha Cohb DcnrRrn nf Manchester, who had properly  :il .oon I</t>
  </si>
  <si>
    <t>                                           BIRMINGHAM, Ala.--(SNS) -- Senator Glenn Taylor, third party vice-president candidate, was manhandled by Birmingham police and prevented from making his his speech at the Southern Negro Youth congress meeting Saturday night.</t>
  </si>
  <si>
    <t>                                           I "Solid protection for you and the children XT looks like just a pretty piece of paper, Mary, this policy in the Life Insurance I^^^^^^^^^^^^I^^JK Company of Georgia. But there is a lot behind it. First there is the integrity ^^^^^jmB^B^^Sl^r % ^BreMk a ' ~'c'  that for 56 years has known a sure and steady growth'. PlHrarai^a^^ 'TCjfij There are more   million of us who own $475,520,289 worth of Life ^my^Pg^HMj^^jg^^^^ T ~^a**^$M$Sfa*~ '^^Iffffflffi'f   - Georgia protection. The Statement of Condition shows how sound the Com^^^^^^g^^^^_^ ^^~~~^^^~^   ^8BBK^^ v pany is. Insurance in force increased $56,5 54,028 during the past year. And BraiHf JJ^^^Mfliiefe^ WBB^^I^Pfe.'^^^Ml^BPPt': assets increased 26 per cent. The company has policy reserve funds of $18,174,612.  Bm8fe% ^y ^j ^j*; !Sr'; '"'^IHBbJ^ protection of  amount to $10,453,763 this is over and above all H^HgK $~ If -~#^^t" ^ liabilities and legal requirements. Last year the company paid to policyholders        . j^^^^~^i^w :^Wie *in *~cnc^c ar cs $~5,$.H,(;74. I-' arc dull things, Mary, but in this case          '^SS^^i^'^lwf wm' they mean a lot to us they mean that for the small amount we pay in premiums If/, 'M. l"^r %J*.wt* '^^^^P^ax, ' compiled from annum. ri-: fij.ko with insurance departments WL\\ ^MTOmiiinir^Wl ^? jf 3^$  ? :REST ANI) Rents Due and Accitutu 56 'l77il60.19 Wr-'^-'X ^'''^^^^S^^^SsSb^L ^^^H^^^i? ^m) ^y-     1UMS iN Course of Colllction 1.37 438,387.55        ? -"^fv ^MBJ^ ffl '-  'o" iff Reserve tor Sickness and Accident Claims 224,902.91 ^ :?V ^^^^aWg 'yy''f iff Death Claims Reported But Pending Puoof 58,949.50 'V^V XloHHS'mBr^^* .3 Jg  f Premiums and Inteuhst Paid in Advance 589,417.54 \       ^''' W a  J..*~   :*-*?e Ml/ Estimated Amount Duk and Accrued foi: Taxes 467,890.84 A '%-lB^Br *'   9 i if Agents' Bond Reserve and Interest 461,317.40 ^rBE lR- WSf B Cj, 0 '?:S$W Voluntary Contingency Reserve, Surplus Funds and - J *****I*  ^ -V,. Capital i on Further Protection of Policyholders: *^HJ^-' 4r 7 ^^SP***** "'"y ft J^"'^\ General Contingency Reserve $1,200,000.00 X w^^^b'-" *"r"~  Sx- V^^Sv;'^ =^\^^Si T1 T-7 1^* TT\    l^ T Y II 13 T T* OT 1VT t? 1 Q A 1 Hf' T ^^VM1'"-" '^ft^'-^fe;    *0 (-'      Jt\r*Xjl/\~3.    1 I\~ L 1  7X V .v f -ft* ^l?^v HOME OFFICE AT L A N TA ^2____ DIVISION OFFICE 139 !i Alabama St., S. W. DISTRICT OFFICES 2O'~ Grant Building, 44Broad St., N. W. 103 Baptist Building., 291 Peachtree St., N. E. ri-.i,rnh St., npc^tur 103 Whlteway, East Point</t>
  </si>
  <si>
    <t>                                           SAVE FUEL with Insulation and Weather Stripping Up to 40% Fuel Savings in Winter. As much as 15% cooler in Summer. Phone us for Free Estimates. No Down Payraent Up to 36 raos. to pay. t Call S. D. MULLINS COMPANY Phono Al. 1820 WAInul 0330 1 14 Ellit St., W. E. MADAM EVA 25c^ SPECIAL HEADING 2 e ^d/fA ^   ^^^^~ World's greatest IJf *VlW^~^H palmist. After yon ^nfl* mI^^^^L^I consult all others B*^Li ''~T^^^^H come with Tour I'T] If ^H^^~ problems to      _ 3^^b J^k she  ives u3n# ^B FACTS AND YOU \\\[y ^^H GET RESULTS. j^fl^^^H band or wife, be 1 sure and come at once. Office  9 a. m. to 10 p. m.  and Sunday. 1015 W. Marietta St., N. W., Atlanta. Be  nre to take the Inman Yard Street ear. Please aik thecar  '^ef yoo of I two stops on the other tide of KInc Plow Co.. Atlanta. Ga. 25c- SPECIAL. HEAPING _25e Yoor Lucky Days and Month* Given Free.</t>
  </si>
  <si>
    <t>                                           Grade A Large Eggs 57C Swill's All-Meat WIENERS u, 37C Best Grade FAT BACK ib 23C Best Grade STREAK 0' LEAN u,-37c Aged Hdop Cheese 59C  quo ib 39  Duke's Mayonnaise pi" 39* mW^ picnic ^BB W ARMOUR S W SLICED.   S oi- \V1          it.;. SAUSAGfc... ;.r^.jB] Happy Vale No. 2 C:in ENGLISH PEAS 2 r,,, 19  FlotH^No. 2   Can APRICOTS 2 For 25C Carolina PEAGHESNp: 2'/2 cant0c Dcllshus 12-O2. Tumbler Apple Jelly 2 For 25C. Home Luxury. Pure Coffee j.-u. 27^ Eatwell 16-Oz. Can- r MACKEREL, 22C No. 1 Tall Can Chum SALMON 44C 5LI). Bap MEAl. 33C BALLARD OBELISK FLOUR 2Sw .$2il9 POTSTTSTffS nil ~'I'liVil1</t>
  </si>
  <si>
    <t>                                           SECRETARY OF NATIONAL Defense James Forrestal is considering the appointment of an advisory committee on matters relating to Negroes. In this matter it appears that he has is been badly advised. As Secretary of the Navy Mr. Forrestal did not believe in race...</t>
  </si>
  <si>
    <t>                                           NEW YORK-- (ANP)--Action to challenge racial discrimination in restaurants, theatres, jobs, bowling alleys and other areas will feature two interracial workshops being sponsored during July by the Congress of Racial equality and the Fellowship of Reconciliation. The...</t>
  </si>
  <si>
    <t>                                           Liberia Mission Plans Economic Study Of Land                 "r "NEW YORK (ANP) A 12-man commission, composed of       principal executives of tho ..Liberia company and seven inde pendent business men, are all set to visit the African republic on a {act-finding tour to study the country s resources and economic                 -potential, according to an announcement made here last week hy R. R. StetUnius, Jr. chairman of the board and Blackwell Smith, the company s president. The com pany i president The company was- formed several weeks ago by Mr. Stettinius and a group of  to explore, possibilties for the development of Liberia. Scheduled to leave the U. S. sometime next week, the group includes David H. Sulxberger and Hgnenth J. Kadow, vice presidents: Rothwoll Sheriff, senoir consultant; Austin Brockenbrough  engineer and George A. Gice n, engineering consultant and transportation . Sulzberger will concern  primarily with financial 1 and policy affairs, including Ini Wrviews with prospective Liberian                 investors, while Kadow will devote his survey especially to agriculture. The seven business men, interested in working out joint project with the company, are to explore operations in their respective fields. They include Walter M. Henritze and R. F. Krause, both of Virginia Engineering Company, who will study construction and ; Glen M. Wiley, Lancaster, Pa., industrialist and George Busier, interested in the construction of a cold storage i plant and other possible operations. Trading opportunities will be looked into by a representative i of Alfred Custer of Intercontinental Trading Company, while logging and lumbering operations will be handled by M. Russell Stein and Haskell Williamson. 1 A special assignment of the mission will be to survey the pres ent facilities for health, welfare and educational services, in line with plans for expanding these facilities through the recently former Liberian foundation..</t>
  </si>
  <si>
    <t>                                           NEW YORK -- (ANP) -- A 12-man commission, composed of five principal executives of the Liberia company and seven independent business men, are all set to visit the African republic on a fact-finding tour to study the country's resources and economic...</t>
  </si>
  <si>
    <t>                                           SUPER VALUE! LIBBY S READY-TO-SERVE Fancy Alaskan Pink Hormel Spam, Swift, Prein, or Armour C 8 SI-ICED OR HALVED YELLOW CLING  B^ Ccfif PEACHES N^29* Iramipi  BRAND -TO-.MAKK ~"lp- *~*1 %- /^jj (k PIE CRUST 18  IPtE! I OI IU.AK  HUM AND I  gfa^j^ap^__  Reg QC /SILVER LABEL H 5c W WBBB MR 1 MUELLER S  OK I B Mg  *TP *SbC J MACARONI %13* ^frc^ ARMOUR S STAR CORNED BbEr HASH Can' 35 m-HO crackers Lb. 29c CHOPPri) HAM   \ -Ballard's Hat ARMOUR S ia-  . 55c mURCH S- QT. . Dfll I MIY M-Ox.  GRAPE JUICE p. 23c m%t Ik MS B- H-- /t DL_ J^m^jK SOUTHERN OOI.I) COI.) 1%VMM PKg. fia^ MARGARINE n, 56c TRY IT FOR BETTER ROLLS!  JEWEL 4-Lb. Ctn. $1.53 FRESH M-\BF JEWEL UbCtn. 39C GROUND BEEF lb. 49c swift ning u, 4sc PLATi: OK ItltlSKIC'l- 1OU SAI.AHS STEW BEEF lb. 35c Zl**T OIL pt 49c AiiMorifs stau i- SNOWDRIFT Lb. A Ac SAUSAGE 1 -lb. roll 49c  33c ROA S T T't.'T. lb. 61c S31*- l- 3Sc DU2 Mod. 16c Lg. 35c ..i.i: ci.i:ani-:ii In Our Produce Department SPIC N SPAN Pk9.'25c 1! vn i ith Ki:~:i:i..-iK         Clk I ll T 3OLIVE b., 10c r U 1 A I 0 L S 5 lbs. bulk 29c TOMATOES carton23c borax"' w-o,?ka. 12c FANf'Y  RALI. CAULIFLOWER lb. 17c SPINACH 2 lbs. 19c   'rel3*'" NEW CROP CHOWDER. iil M JA FRESH PEAS 2 lbs. 19c 44c Shop and Save At Your Friendly Rogers!</t>
  </si>
  <si>
    <t>                                           j Now- delicious I Kentucky Bourbon  ij **/}~#? i I *y Kentucky bourbon 1^MBh9 Shh s at the price you ^p^f^ CjK^^H     f k* crimping your /^J M$~"j!i 9g  dcj^e 1 II KENTUCKYliH WHISKEY- A BLEND I .^IK-KENTUCKY STRAIGHT  WHISKEY 49% GRAIN NIUTRAl SmtT*</t>
  </si>
  <si>
    <t>                                           Aii a /tf^^Jlii^Rsix ww-r- i CITY Atlanta JIM^ World edition Published Every Morning Except Monday "New3 While It Is News" VOLUME 20, NliMHKR 232 ATLANTA (3). GEORGIA. SUNDAY. APRIL 25, 1918 PRICE "</t>
  </si>
  <si>
    <t>                                           WMMR CHOIt  M2m* JMk Click Cbolr     . 110 tick jHA PulDltRobualtk . VitYit J2  l^B Man Uku Itn InUI tUU V JFriuferfrwaaalopi* HB LOUIS J. LINDNER HI AGENTS WANTED V^* New York City, Dept. AW MUD and MELLOW J0  luch high Qualify .    ^*: 'JgS' Vei,  ii plenty of ^S^-* ^ 1    HAVANA          tobacco  on         3r In  Melbo"    ^^^^p^^^ /~m$p Try one today! ~^t ^*iev tos* on y Sffi'' V01"  er does     i^' not have Melbaj,  ;v i. mis cim mh. co,. Unas, mm i, i</t>
  </si>
  <si>
    <t>                                           Rentner terms feminity the basi:; of the style trend for 1948. Wallace's chief support Is Communist, William Green says.</t>
  </si>
  <si>
    <t>                                           BATON ROUGE, La.--(ANP) -- Young southern whites, unlike their elders, are rapidly awakening to the realization that true democracy can only come when all peoples, no matter what their race, creed or color, are accepted and afforded equal status in the social and...</t>
  </si>
  <si>
    <t>                                           NEW YORK CITY -- (SNS)-- Jackie Robinson was out of the lineup clue to a lame arm, Thursday, when the Brooklyn Dodgers turned back the New York Gloats 6-3 at the Polo Grounds, with Eddie Miksts and Gene Mauch at second. This victory gave the Brooks...</t>
  </si>
  <si>
    <t>                                           Atlanta  MlBjbsl Ivory Morning Bus* Monday, at U* Ittm Am I JS^if IK* to F*. 1. UM t Foudod Aug. S, UHi Bttm Daily March IS, 1W Telephone! WAlnut 14W MM Bntartd In Port Offloe at AtlnU (8), Da, u       mall ante the Art of CongrwB, Match 18, 1878. A. Editor and CkMni*       SVB8 BATES BT MAIL! DaUri I Ymt-VMM; $ Montha-CUO; I Montha    8 Batarday Only: 1 Ytmr-; 6 Montiu-ISM Oauda: 1 Xtmr        -~8JU} #       1 rmr-tlM BalweripUon      By Orritr-85 i Wtkly 1KB ATLANTA DAILY WORLD la an independent newspaper  and non-partisan, printing news absolutely  and supporting those things it believes to be to the Interest at Its readers and opposing those things against the Interest of Its readers. THB WORLD expressly repudiates responsibility tor rotors of unsolicited pictures, manuscripts, etc., unless stamps are sent I Address ALL COMMUNICATIONS to and make 8 payable to ATLANTA DAILY WORLD, rather than to Individuals. THE BIGHT TO VOTE The right to rote must be open to all our  Incspeetlv* ef race, , or   tax or artificial restrictions of any Una,  get to that basis of political equality, the better It will be Certhoeontryasawbote.' Franklin D. BoosereH</t>
  </si>
  <si>
    <t>                                           DAILY CROSSWORD                 ACROSS 1. Exhibit 5. Chops 9. American Indian 10. Precious stone 11. Wide 12. Doctrine 14. Each 16. Root of the taro 17. Half an em 18. Pole 20. Self 21. To caper 24. Kind of small cap 26. Obscure 28. A pastry 29. Small frog 32. Bow 33.. Tavern 36. Sorrow                 38. Exclamation 39. Guns (slang) 41. Bicycle for two 44. A facial expression 46. Intlamcd, painful spots 47. English school 48. Always 49. Substance used in soap-making (pl.) 50. Decrees DOWN 1. Contract 2. Cry of an owl 3. Brightly, colored fish                 4. Broader B. Torriii 6. Fencing sword 7. A roamer 8. Large, heavy hammer 11. Honey. gathering insects 13. Sound, as a whistle 15. Steal 19. Skip, as a stone on water                 22. Selfsameness 2?.. Apple seed 25. Narrow inlet (Reol.) 27. Cat's cry 29. Swine 30. A hard, glossy, paint finish 31. Decay 33. Applauds 34. Ineffectual actors                 37. Artist's stand 40. Astringent                  42. A in- w star 43. Famous actor 45. Half ema                 CRYPTOQUOTE A cryptogram quotation  UA IAV  SV , EFV AIPM  SV   P S E. Yesterday's Cryptoquote: DO YOU NOT KNOW I AM A WOMAN? WHAT I THINK. I MUST SPEAK-SHAKESPEARE. BlatllljuUd by Km*         Synduau III.                 t -t Vfstoriluy'* AiiSHfr                 m r r r m r r r m. I: I" I w LI" il!II!"IIII rt to it  5f 22^ ^% Zri: W _Ii I w\ vAT\ m J-fT</t>
  </si>
  <si>
    <t>                                           Q ILLINOIS JACQUET Says Application of  8Mll KeepS your MIR STRAIGHT 154  r*M0NTHS                 A                 STRAIGHTEN your hair  at home with amazing new  A-STRATE and you won t have to straighten it again for from 3 to 6 months. You can wash it, wave it, or dress it in any way and it will stay straight, soft, and easy to manage. Men, women, children use PERMASTRATli- no hot comb needed and it cannot burn your skin. PERM A-STR ATE is better now than ever- works faster, easier to use, and leaves hair softer. You'll like it- costs only about a penny a day. Get some NOW. ^ STRAIGHTENERf AT YOUR DRUG STORE -GUARANTEED MUST SATISFY OR MONEY BACK For Information Write PERMA-STRATE CO. 159 E. Chicago Ave., Chicago 11, lit.</t>
  </si>
  <si>
    <t>                                           NEW YORK -- (ANP)-- Canada Lee, the top flight Negro actor, one of whose first jobs was jockeying at race tracks, will add a new vocation to his many sided career on Saturday when he starts a new program as a disc jockey on W N E W. "The Canada Lee...</t>
  </si>
  <si>
    <t>                                           FRANKFORT - With some 61 men reporting (mostly newcomers), Coach C. Randy Taylor has been drilling his charges twice daily pre paring for a gruelling fall football campaign. Taylor and his assistants will present the "Thorobreds" this fall in a new style of play as...</t>
  </si>
  <si>
    <t>                                           T ,t,T,,/,,M,,.,;.;;~;r.T^K8  E K',f  wM R T f il\(.wJS^reJ2."/l '-'ffl V E ~^^^g^ E FOR SALE AT YOUR DRUGGIST 7he Boyd Mfg. Co., Inc.# BIRMINGHAM. ALABAMA</t>
  </si>
  <si>
    <t>                                           Register Before May 1, Georgians Told                 Full-Scale Drive Underway In Fulton County                 Legal residents of Fulton County must register to vote in this years primary and general election not later than May 1. Geogia citizens, outside of Fulton County have until July 2, regardless of when the State Democratic Primary is held,  to a statement by Secretary oi                 State Ben W. Fortson. Fortson said that State law fixes the deadline for registration at four months before the general  In every county except Fulton and six months before the general clec- i tion in Fulton County. The general election this year will be held Nov. 3 this year. State law also requires that, .c-  be completed five days before the primary. This mean? j that the primary . be held earlier than July 7. if the Solrliei Vote Law is still effective, nor later than Sept. 8, if the Soldier Vote Law is not effective. If the Soldier Vote Law is still in effect, persons in the armed forces may register as late as election day. Acting Governor Mclvin E. Thomp son has requested a ruling of Attorney General Eugene Cook on the Soldiers Vote Law to see if it was still in effect, but in view of a ruling (Continued On Page 0; Col. S)                 Register (Continued from Pace One) of the United State Supreme Court cm the Runt Control Act, which gave the opinion that the war was not over, Cook is believed inclined to follow this Interpretation. Registration in Georgia hit an                 time high in 1946 when 1,077,000 persons were qualified to vote. Approximately 600,000 of them cast their ballot-another record figure. Negro leaders and civic organizations have urged a full-scale registration drive which should hit its stride In a few days when would-be voters converge on the Fulton County Courthouse.</t>
  </si>
  <si>
    <t>                                           Legal residents of Fulton County must register to vote in this years primary and general election not later than May 1. Geogia citizens, outside of Fulton County have until July 2, regardless of when the State Democratic Primary is held, according to a statement by Secretary of...</t>
  </si>
  <si>
    <t>                                           Patrolmen Slay Unarmed Man In Richland, Ga.                 RICHLAND. Ga. (S N S) 'Self defense" was the reported claim of two Georgia State highway patrolmen who allegedly arrested an unarmed Negro on a drunk charge here Saturday and after bludgeoning him severely about the head, shot him to death In their patrol ear. Approximately 35-years-old, the victim s name was given as John Hardwick. From reports solicited, Hardwick was walking along a rural road when he was approached by the patrolmen, whose names were not immediately determined. They were said to have kicked him into their car and battered him savagely before shooting him three times. The slaying was said to have taken place before the protuberant eyes of two of his younger relatives. Hardwick's lifeless body was left on the roadside while the patrolmen went to inform the undertaker that "there s a dead n r up the road. Go get "em" the V.'orld was informed. Hardwick's  is to be held Wmliirsday.</t>
  </si>
  <si>
    <t>                                           PROTEST CiVIL RIGHTS PROGRAM                 DEMOCRATIC NATIONAL CHAIRMAN Sen-. J. Howard McGrnth () is shown with four of tho five southern Democratic governors who conferred with him in Washington after declaring their opposition to the Administration's anti-discrimination legislation. Standing (1. to r.) are Ben. T. Lancy of Ark., R. Gregg Cherry of North Carolina; William Preston Lane Jr. of Maryland and J. Strom Thurmond of South Carolina. The governors warned that the Solid South is no longer "in the bag"                 after McGrath refused to have the legislation withdrawn, (/)</t>
  </si>
  <si>
    <t>                                           SIPUEL-FISHER CASE IN OKLA- HOMA Normtm. Oklahoma- ii-em- during hearing in the Oklahoma i District Court in the ca.-e if Mr.-:. I Ada Lois Sipui'l Fisher, who h bringing mandamus action to i admit her _"i  basis with white                 student.-:. Loft to right: Kred Hanson, Assi.-l.'iit Attorney Gpneral of Oklahoma i with striped tie); Th..1 Marshall ( , Mrs. Fisher':, attorney. Amos Hall of Oklahom.i City, representative of the                  William R. MmT (in Unlit vrn. faculty member tif the University C'luVa-o :  of Mrs. l-' r. .-.-:; Mv:. Fishi'r; nnd .JririM-^ Ni'bril. .Ser.iet., Ilowani OnUfi;.ity of Washington, U. C. Ui-. Jiulse Justin Hlnsli.iw ruled May 21  the Cliickushn, Okla., woman                 ro: not  a         thai the (Jinwi.ity ut Oklahoma -il tht l'01inri"~]i:ii AlUlMKllllrllt tn I 111- CoilMitutiuii  it n-lusi il Iai  her in i:ir -':. l.v,\ hch.i .1 .-u till' rli:i:-  ! \s(JUlil bi' :i " a:i ault on the si sri-Kaiion  v                 to the '. (Keystone Phuto.i</t>
  </si>
  <si>
    <t>                                           Bomb Housing Project After Chi Judge Dismisses Charges^ Bomb Housing Project After Chi Judge Dismisses Charges^                 CHICAGO (ANP) Shortly after Municipal Judee Joseph H. i Drucker dismissed charges against 79 persons charged with creating a disturbance jit Fernwood Housing project last August wnen Nep,rn CHICAGO (ANP) Shortly after Municipal Judee Joseph H. i Drucker dismissed charges against 79 persons charged with creating a disturbance jit Fernwood Housing project last August wnen Nep,rn                 veterans moved in with their  s. a bomb was hurled between two homes in the project. The dismissal came Thursday when Dnieper said lie was "satisfied thai the 79 had attended lectures on race relations, civil rights and the housing problem. They were purl of a mub of several thousand who attacked Negroes found passing through the community and who came dangerously near precipitating a serious race riot. The bombing took place Saturday night. It was hurled from a passing car and landed between the homes of Oeorgc Davis and Clarence Kuiken, the latter white. Windows in both homes were broken and part of Kuiken's wall was blasted. No one was injured. Police said they were investigating the possibility that the new outbreak might have stemmed from last summer s disorders. Birmingham Editor At Morehouse Today Emory Jackson, editor of the Birmingham World, in u speech prepared for delivery at Morehouse College at nine this morning, declared that "a hunger for. freedom, a thirst for equality,, a taste for social excellence and a determination for first-class citizenship1: must be the  of the college man. Me culled upon the college men la Join  with the common man in .social action programs. "You, the college men, should    the ones pressing the fight for -educational, political and cultural equality." He added, "You should .-.ay, here am I, use me as litigants in the cases to win acceptance In graduate and professional schools supported by public funds." The Birmingham editor also called attention to the observance of Negro Newspaper Week and the fact that the Atlanta Daily World and Negro Newspaper Week were both' founded by. Morehouse men, his    veterans moved in with their  s. a bomb was hurled between two homes in the project. The dismissal came Thursday when Dnieper said lie was "satisfied thai the 79 had attended lectures on race relations, civil rights and the housing problem. They were purl of a mub of several thousand who attacked Negroes found passing through the community and who came dangerously near precipitating a serious race riot. The bombing took place Saturday night. It was hurled from a passing car and landed between the homes of Oeorgc Davis and Clarence Kuiken, the latter white. Windows in both homes were broken and part of Kuiken's wall was blasted. No one was injured. Police said they were investigating the possibility that the new outbreak might have stemmed from last summer s disorders. Birmingham Editor At Morehouse Today Emory Jackson, editor of the Birmingham World, in u speech prepared for delivery at Morehouse College at nine this morning, declared that "a hunger for. freedom, a thirst for equality,, a taste for social excellence and a determination for first-class citizenship1: must be the  of the college man. Me culled upon the college men la Join  with the common man in .social action programs. "You, the college men, should    the ones pressing the fight for -educational, political and cultural equality." He added, "You should .-.ay, here am I, use me as litigants in the cases to win acceptance In graduate and professional schools supported by public funds." The Birmingham editor also called attention to the observance of Negro Newspaper Week and the fact that the Atlanta Daily World and Negro Newspaper Week were both' founded by. Morehouse men, his</t>
  </si>
  <si>
    <t>                                           7' $998 H'syouf saves), your mosl [, I  vny loveliest dress! We've spars-d     $   $$~^. none of  hc precious fabric give you ^ I he  sKirl you ve ever ;.ecn, lo m_. .~~SI1!KMhL swid and swish like a ballerina s. fl '^ Rtilllcs ol gleaming, multicolored plaid ffm' ~?5^ ^BpS taffeta ripple all around the skirl and ^       ^^JSt accent Ilic bodice and cap sleeves. /'^Sllllifflftfew. The peck- neckline lies with a ^jP7          ^ i^^^sip^ i.J^ SEND NO MONET "P^^F/^ft^? V J SEMT OK APPROVAL A U*     M.ITM0 1 %. :.-H-G,vfc,,i,WD,.-,. 275 SEVENTH AVt. HIW TORK H.Y. I. S-ZS^ J f     *~Z*% ia.LwWpw..~M!*wL";~ V, -i-'iai-m.l-ivie'-j-o-w I I g 'lr-fc:d.~.t-T/r=!'c9?.        wt ship  cm-:  snit fli f</t>
  </si>
  <si>
    <t>                                           dp m K fU  I fl ^X 1 i mim  r       I v^-^lf f f</t>
  </si>
  <si>
    <t>                                           Acoustlcon-Radion* Startling invention For Hard-of Hearing Converts Hearing Aid InU Cigarette-Pack Size of Radio! " 3 Acuusticon-Radioio 1 a new electronic development, u so .small It fits easily into the pocket and nestles Id the band. Now. for the first time a bearing aid brings the bard-or- the pleasure they warn as well as the corrected hearing they need. For the first time, hearing aid users c*n enjoy clear,  programs on a custom-built radio, individually corrected for their particular hearing loss. By  detaching the radio device, the ACOUSTiCON-* becomes the finest bearing Instrument nver devoloped by Aconsticon In Ub 46-year history as the world s first and oldest manufacturer.* of hearing aids. '?IL  lit</t>
  </si>
  <si>
    <t>                                           PLAY SAFE with Woolens Jr/JtALW PQ0     0tt\~ 7; CtOTH(S_Pfi2        ill Got }      into the sure protection of Gold Shield's, fireproof, dust-free, mothproof Storage Vaults where more thon a million dollars in valuable furs and woolens ore stored every summer, fully protected i by insurance. j Ask your  Gold Sh?eFB  or  the  Gold Shield . JJ^^^ //~'mi mfM \\V / U'.)li(~inN\ll I "par Safety       (^ GOLD SHIELD STORAGE VAULTS MAVS-TROY HE.530O I AMERICAN MA.1016 EXCELSIOR WA.24S4 GUTHMAN WA.8661  DE. J6M PIEDMONT WA.7 CAPITAL CITY-TRIO ...VE.47H KUCi CLEANING DIV. ..HS.6347 MARIETTA 141 QUALITY, Corterjvillt 12</t>
  </si>
  <si>
    <t>                                           [.Amir 6641 LAmar 6642  FURNITURE COMPANY We Ruv and Sell NEW AND GOOD USED FURNITURE 300-302 MARIETTA STREET (In Will Cor. of Thurmond St.) Low Prices Fasy Terms ATLANTA. CA. CHECKING AND 8AVING8 ACCOUNT SERVICE First National Bank ATLANTA FOUNDED 1884 CAPITAL, 8 and PROFIT* $10,000,000 Member Federal Deposit Insurance Corp BUY DEPEN8E 8 BOWD8 HantoMaMittMWkWHMWHamiwaimMaaaHMiHaMiaaiaHi</t>
  </si>
  <si>
    <t>                                           The Christian Saving Club, Mrs. Elizabeth Johnson, president held its Christmas celebration Tuesday December 30 at the home of Mr. and Mrs. W. L. Rowe, 76 Gammon Avenue, S. E.</t>
  </si>
  <si>
    <t>                                           A DELIGHTFUL MOMENT AT THE MOREHOUSE FOUNDERS DAY BANQUET Everybody was having a delightful time when the photographer put in -his appearance at the MorehousD College 81sl                 Anniversary Banquet,. held Wednes- i c ay evening in the Robert Hall Dining Room. Shown above (L to   : T. M. Alexander, Mrs. Rufus Clements, Charles Greene, Dr.                 Eenjamin E. Mays, Dr. Harold G. Trost,  the First Methcdist Church, Rochester, Minn., the principal speaker; and Mrs. Benjamin S. Mays.</t>
  </si>
  <si>
    <t>                                           Dr. FRED Palmer's SKIN WHITENER Say "goodbye" to tanned, darkened,  skin. Be. minor blemishes and  skin externally caused. NEW trial offer should       to  results and lighten your          '^ion in V days or your money back. Get 2"* or Sffc "Dr. I'KKl) Palmtr'i Skin WimiTuT," at your dru/ei^is. li-c directed. U IK.-1 ^;:l:s!*(-:. your ri  Ljck. t.r Fl'KK    .\I.M-nd 1-. I*,,/ r i i;. i</t>
  </si>
  <si>
    <t>                                           In Memoriam                 In  memory of my dear son, Mr. B. J. Walker,  departed this life two years ago, June 22, 1946. "From this world of pain and goi- low To the land peace and test, God has taken you home, Dear Son, Whereyou will have eternal test. Sadly missed    : Willa Walker, mother. Funeral Notice , Mr. Clark- Funeral services for Mr. Clark Hardaman will be held today at p. m. from our Auburn Ave. Chapel. Rev. James Matthews and Rev. W. W. Stephens officiating. Interment Crest Lawn Cemetery Cox Bros.</t>
  </si>
  <si>
    <t>                                           HIGHWAYS                 Highway construction never catch- es up with the volume of traffic. In 1947 there were 37,000.000 auto- j mobiles, trucks and buses registered. By 1950, it is estimated 50,000.000 ve-Viides will use the roads. The financial job of maintaining ade-  high-ways reflects the present i drift to high prices. A road which cost $19,700 a mile in 1940 will cost about, doube this  tn 1948/                 Memphis Police Sued For $20,000                 MEMPHIS, Tennessee  SNS)- EH Blaine, 20. 203 S. Lauderdale who lost completely one eye and may lose the other on account oi the Police Officers L. E. Bryon, 25, 2595 Oxford and C. W. Brewer, 26, 337 Blythe. beating him, one  striking him in the face ant! driving the eyeglasses which he was wearing into the ball of one eye. These officers were suspended and arrested and will be tried In Chancellor Creson Court. Attoriry Oenrral Will Gprnrr h.as                 nounced that he will vigorously prosecute these men to the  of the law lor this heinous . Blaine Is represented by Attorneys Harold R. Ratcliff and Pat Joinson. The civil case and the criminal case are separate ol course. Blaine Is asking relief of $20,000 from the police o . Memphis Is one of the few cities In the South that does not have Negro  In the Negro section. Tennessee, Knoxvllte, Chattanooga rind NnshvlHe  Negro ,</t>
  </si>
  <si>
    <t>                                           NEW YORK CITY, N. Y.--The king still reigns!!! We mean boxing's king of kings-Joe Louis-whose proud reign as heavyweight champion of the world brought him 52 knockouts in 61 fights. As a knight in fistdom's shining armour, Louis in 25 title defenses fought a total of 169 rounds. His ring earnings in his championship fights averaged approximately $2 600,000 or $15,000 plus per round. Only Tommy Farr, Arturo Godoy and Jersey Joe Walcott went.</t>
  </si>
  <si>
    <t>                                           ^ \g0p Styles with COMPLETE COMFORT (A combination deftly paired in Dr. Bender's prescription shoes. I (SPECIAL *1O ^V        trim M^V Style 1205 Sort black glove kid mI^Nw Z*m" (a name to remember. ^9  ^^JM^Ef^-^^^ I A name you will re- l,^ (member; because of v^^H^L^L^^ comfortable shoes. ^M^ (Shoes for Men- Women- ChUaren^5~? 124-126 -Pcachtrea Arcade</t>
  </si>
  <si>
    <t>                                           Please Note!! By Public Demand Our Store Will Be Open On Wed. Afternoon (Closed Wed. mornings) LEON S GROCETERIA 178 ELM ST.,S.W.CY. 2592 WE DELIVER- (Southwest Only) "The Store that STILL has Everything"</t>
  </si>
  <si>
    <t>                                           i I An ml l-rrV^Gh sf****^  *m !**:%] o^^h i V DELEGATE: Sure, the majority who try Catstairs White vT lB DELEGATE: Well, what other whiskey has its vote-getting ,^      WHITE Y: It's light as air smooth as velvet. M^^^^SUffiSS^B DELEGATE: Yet a rch, hearty, full-bodied drink! That's be- iSB^I^HE^^U cause it s blended with care for men who care.    !/^^T^^~^StHl WHITEY: So hop on the band wagon, folks! Cast your  OAftCTATR^i H ballot for Carstairs White Seal today!  v/  CARSTAIRS White Seal THE PERFECTLY BALANCED BLEND (At u  ol-!' prior) CU;3ta:.rs Bros,  Co., Inc., Ballimore, Mtl. BLBiiDRD WiiiSUBV: 8(T.8 Proof, 725r Grain- Neutral Spirit*</t>
  </si>
  <si>
    <t>                                           iiii^ii^^ FOR your old tires S 3^gi^-~-^aH(Ry1 Silveriowns give mute mileage ^y^^^BsBOmH^ cause they are built with the          ^~~       ' faced tread. Sitvcrtowns give more ^L            ^^ safety because the  cord M ~~^^^^^^^^~HH EVERY B.F. TIRE CARRIES A W Hrffll^^^r ^T I^V You'll g*t. MORI ^T i^^Si^ff R P0IS A NLW bu0'1"  for your 23 COURTLAND AT AUBURN</t>
  </si>
  <si>
    <t>                                           ^ ITCHING, BURNING cf 4T i bumps (blackheads), acne pimples,           ^KKBv C%fHU\hiP 1 simple ringworm and ugly broken out skin ex-         . v*tNy Nt I  caused. Black and White Ointment     *]W Yd f ATTnlAf H ITF I soothing and antiseptic, which aids in healing. l*J^i\jJ4\IUj WW 1 1 So why suffer such discomfort any longer with- ^VHBBr y out help. Why be miserable yourself and ^^^^Y)~~~T11    / ashamed to be around others. You can get real ^^^Ulll I WlCfl^r relief like thousands of other people have! Yes, ^^f begin using Black and White Ointment today. ^^m**mm**^^25c, 60c and $1 sizes. Be Sure that you buy the For daily skin cleansing         to one and only Black and White Ointment today. UM m!W         nd Wfcita Skfn</t>
  </si>
  <si>
    <t>                                           Three new meet records were entered into the ledger and a world mark was tied during the 11th annual running of the Southern Intercollegiate Conference Track and Field Championships held Saturday afternoon at the Atlanta University Field.</t>
  </si>
  <si>
    <t>                                           MADAM EVA 2 e-^^READING S?e _y^Mpg Ei^^^^^B . After you ~*^b^    T^^l^^l consu^* *N others I^B]]' IT^^^^^H comc Kith your ft WJl m} ^^^~H problems to Madsurr and come at once. Office heari 9 a. m. to 10 p. m. dally and Sunday.  \V. Marietta St.. N. W.. Atlanta. Be aure to take the Inman Yard Street car. Please ask the car conductor to let you off two stop* nn the other side of Kin* Plow Co. Atlanta. Ga. 25c SPECIAL READING- 25c Your Lucky Day* and Months Given Free. JEAN WORTH  WITH POWER Strange power enable* this great medium to call your name. ^HVVMil TcU yoa what ^H'l.lJH know. Advise ^HK want to know without asking questions. Why be unhappy? Tomorrow may be too late. Hrs. 9 a. m. to 7 p. ci. Sundays and week-. 1269 BANKHEAD AVE., N. W. ALMOND PARK on RIVER CAR to   i can help yon- see me today</t>
  </si>
  <si>
    <t>                                           Seek Improvement In Household Worker Pav                 WASHINGTON- (NNPA)- While specific standards and progress in household employment varied from city to city, community household employment programs in a majority of nineteen cities surveyed by Ihe Women's Bureau of the Labor Department had accepted the basic                 principle that wages and working conditions for  should be set the same way as for other workers. I A report of the survey, designed to serve as a stimulus for the establishment of practical local programs to meet the current needs of homemaker and , said standards generally covered the length and frequency of a vacation period, holidays, absences due to Illness, and the provision of suitable quarters, food and home privileges for resident workers The written agreements, suggested by virtually all community committees . in addition, accurate Job descriptions and regulations concerning termination notices and health examinations. The report mentioned certain special recommendations. For example, the St. Louis, Syracuse and Cincinnati committees recommended periodic re-evaluation of the Job nnd of the worker with a view to wage increases. The Cincinnati standards recognized the principle of higher pay for greater skills by setting different rates for skilled, Rmlsklllect and unskilled work,                 DEFINITIONS The Mlnneapolls-St. Paul committee furnished definitions of '"skilled" and "unskilled" worker. I The Syracuse standards  sd the use of the term "household(Continued On      4: Col 4) I;                 Seek Improvement (ConlinuPf) From I'aije     ; assistant" or "nid" in preference to "maid" or "." The report said Cincinnati and Cleveland offered good examples of two effective methods used in ar- riving nl standards. Before finally adopting its - i dards, the Cincinnati  discussed them with a  ol outside groups. The opinion of employee members of the Industrial I Girls Club of the YWCA was re-  on specific questions thru questionnaires and discussion. The committee also obtained rt1 action tn - proposed standards  I lit* household  clas.; which was organized under commit tie sponsorship in one ol the public  schools. Samples of :. ill operation in -i'  v.pii j studied. l-' recommendations v/fre based on the ..'ition of all the.se j groups ami were .td By ihe I  committee ol the loet.l YMCA. All these approaches  Rieatly in making thp .ird--: i  and in  ilu-ir 1 gt--iil acceptance. SOUND PROGRESS At tin.' tune the survey was                 i. tin- Cleveland committee \\a- in tin.1 '.s of L'omtuctiiH' a  iri' ti MiiiB experiment  ..i iii~-il ;t significant attempt to develop t. :uul practical -tand-.mls, the i- . Ten - units in Cleveland were testing the tentative recommendations clL .-cl    the -. On Uil- basis nl tin1 expel  und reactions of this leet B'Oitp.  were to Ikn- ami reviewed prior to tln-ii tm:il ;(jn and general . The report   oints out that alter   have   to, the  of RanniiG community  inu*l ue    have user) iv.;) methods to do tins. Some  d .-,'  u:i :-ub. ol the , and -r.-i used  publicity ami  ion. 'The St.. Louis committee -.hi-d a Iciititie of employers, and ai the time of the survey the Cleveland and Atlanta committee wen contemplating the formation of similar leagues.</t>
  </si>
  <si>
    <t>                                           WASHINGTON-- (NNPA)-- While specific standards and progress in household employment varied from city to city, community household employment programs in a majority of nineteen cities surveyed by the Women's Bureau of the Labor Department had accepted the basic...</t>
  </si>
  <si>
    <t>                                           HIGHEST FISK HONORS Graduating  cum laude at Flak University's' 74th  merit exercises on Monday were                 Robert Stewart, Brooklyn; Betty Jordan, Roselle, N. J.; Josephine .HoU9   ,_Mas)(mUe;.      Johanna Smith, Washington. D. C, shown on the Library steps.</t>
  </si>
  <si>
    <t>                                           Kindergarten registration Day and the Summer Round-up of the children conducted at 11 of Atlanta's Negro Elementary Schools was brought to a close on May 11.</t>
  </si>
  <si>
    <t>                                           MRS.  SCHJELDERUP WEI) TO N f) K \V 1C G 1 A N (CN H) Lovely Anne Wiggins Brown,  for- her fashion;-, charm and  talent, writes i friend., in t lio Slarr-s that she lias no idea of Kivinc   ' "it   to  thp bride   f fa bul on. Tlirltiif Schjelderup.1 filmed Xoiwi'ciati ski champion and attorney. Inslead, Miss Brown will  ^ and (',  I'"''  tour Iliroiit'lioiit Kiiropf. !t \vas at one: of l. :- in N'orway,   i.-; no rai inl  i- nation, that :.~ie and Sclijeldoriip, son of a '-nt judge met and decided to marry May 11. A star of  abilitv, Miss Brown was the original p.es in Oer.-1:. "Corny and i'.Cos" luit left                 Ihi' - ;if!ri'  successful years with the (~~ to (In con- ccit work. i Sho went abroad lust year with l ;i, her only daughter by a I previous , enrolling her) in a Switzerland school. I'aulii, j who wa.-       with ii Chi-;  I'DDinniiito, loves people of all I races  is very happy to       with hi r  and nrw daddy I in Norway. The ; of that   "" to the: , }; hor with         and curtsies evp.ry time she walks tin; stii Pts. Tlii' tlu-pf alp expected in Ihe. .Stales early iip\1 year, after an extrusive honeymoon where the bride will  up on her , via iM:;'~n:; from tier famous hu?. I</t>
  </si>
  <si>
    <t>                                           DAILY CROSSWORD                 ACROSS 1. Titles of knights 6. Man's name 0. Expression of contempt 10. Wealthy 11. Giver 12. Weapon 14. All correct (abbr.) 16: Low cask 17 Natron (.t 18. Evening sun god (Egypt.) 20 Science of life 24 A rebuke, or slight 26. Arranges drapery 27 Steal 29 Evening (poet.* 30. Portion* 33 Units of work 38. An artist s board for his paints 38 Trouble 39 Neuter pronoun 40 Bark 42. Neon . 43. Exchange 47. Soaked 49 Boy's school (Eng.i 60 Fencing sword SI. Feat 02. Prophet DOWN 1 Uttered In speech                 2 Electrified particle 3. Underground part of a plant 4. A bush 5. Bitter vetch 6. Tear 7 Frozen water 8 Alter 11 Speck* 13 Beams 16 Offer 10 A wall painting                 21 Metallic rock 22 Wash 23. Musical drama 25 Weary with tedium 28 Wager 30. Rod for meat 31 Aversion 32. Pig: pen 34 Kind of spice 35 A weaver s tool 37 Relieves                 Siturday'* Answer of Rome 44. Devoured                 iz_ w i z zi"" Z--W 111" R ^^5S Ilizfl^ II B ^^55 i!HZZZi!                      - A cryptogram quotation IUG  AN LOEB T 1 . MCS   OC1T M W W W E G- I K M H 3 Saturdays Cryptoquote: BEAUTY ITSELF DOTH OF ITSELF  THE EYES OF MEN WITHOUT ^N 0      ^A-^S?5i</t>
  </si>
  <si>
    <t>                                           DIPPY -'ByJohnCroa</t>
  </si>
  <si>
    <t>                                           ONE MORNING when Alison was weating a dress that buttoned down the back. she asked Miss Winstead if she would button it for her.</t>
  </si>
  <si>
    <t>                                           Wallace Aides Ousted By African Affairs Council                 PHILADELPHIA (S N    Persons known to be favorable to the candidacy of Henry A. Wallace and thought to be friendly in Com-  circles were ousted last, week from the Council on African Affairs.                 They included Paul Robesnn, sing er-actor, a top strategist, for the third party movement, who was  the group: his wife. Mrs. Eslande G. Robeson; Dean, Dlxon, symphony orchestra d rector; Dr. VV. E. B. DuBois, NAACP executive known to be sympathetic to the Wallace movement; Ferdi nand G. Smith. Ieftwing secretary to the Maritime Union who is mow awaiting deportation as an alien and Representative Vito Marcantonio, political leader of the Hari?m Bronx section known to be friendly in Communnist circles. Some 23 persons in all were dropped from the Council's lists. Mrs. Mary McLeod Bethune, leader of Amrrirnn Neprrn                 women, succeeds Robeson as chair man of the African Affairs Council. STARTED 10 YEARS AGO The Council was established 10 years ago and spearheads American Negro activities on behalf of African natives. It distributes material pertinent to Africa and interprets SDcial and political life of the area as regards interchange of racial contacts. It is financed by gifts and subscriptions. The decision to "clean its house" followed the political parting of Robeson and Dr. Max Yergan, for mer YMCA secretary. Both had pushed the Council from its beginning and both were thought  to left-wing groups on the American political scene. Attorney General Tom Clark last year listed the Council on Africr.i Affairs as a subversive home-front</t>
  </si>
  <si>
    <t>                                           PHILADELPHIA -- (SNS) -- Persons known to be favorable to the candidacy of Henry A. Wallace and thought to be friendly in Communist circles were ousted last week from the Council on African Affairs.</t>
  </si>
  <si>
    <t>                                           Mr. and1 Mrs. Jack Home* Announce the OPENING of JACK S TAILOR SHOP Dress Making and DRY CLEANING MONDAY, JUNE 13 11 Ashby Street, S.W. Phone RAymohd 7605 Good in All Licensed Hospitals United States and Canada Family HOSPITAL Plan with MATERNITY Benefits Surgical Benefits Optional As Low 60 Cents per Month far Adult* Ages:    45 Centa Monthly for Children 0 to 65 Claim* Paid Within 24 Hour* Clip and Mai) tot S. T. SUTTON, Agent AUo SPECIAL PLAN 344-46 Peachtree Arcade FOR INDIVIDUALS FEDERAL LIFE AND CASUALTY CO. Age.: 0 to 71 Atlanta 3, Georgia MA. S453 Agent* Wanted Please furnish me, without obligation, full details of your HOSPITAL PLAN NAME ADDRESS PHONE CITY STATE</t>
  </si>
  <si>
    <t>                                           METHODISTS ELECT DR. J. W. E. BO WEN BISHOP                 Consecration Set Sunday Afternoon                 Bishop Elect Formerly Edited Church Paper                 By W. 1 HANDY                 Dr. John Wesley Edward Bowen, of New Orleans. La., editor of the Central Christian Advocate for the past four years, was elected a bishop in the Methodist Church Friday at the morning session of the Central Jurlsdictional Conference, now in session at Clark Collego, Dr. J.                 P. Brawley. President: Bowen was elected on the third ballot, with n vote of 89. According to the laws of the church a two thirds vote is necessary for choice to this high office. The 124 d"~ gave him 89. Necessary for choice was 81. The runner-up in the election was Dr. R. G. Morris of Cincinnati, who had 32 votes on the third and last ballot, in this third quadrennial session of the conference. Born in 1880 In Baltimore. Mel.. the newly elected bishop is the son of the late Dr. J. W. E. Bowen, for forty years, Professor and President of Gammon Theological Seminary iii Atlanta. At. the time of his birth the new bishop s father, the first Negro to earn the Ph.D. degree in America, was the pastor in Baltimore. Maryland's Centennial Methodist Church. He received his earlv  and high school education at Clark University and was graduated from Philips Exeter College, in Exeter. N. H.. In 1907. He received the A. B. degree, cum ''. in 1911 from Weslyan University, Mlddleton, Conn., and received the M. A. degree from Harvard University in 1913. He spent, four years in graduate study work at Harvard University, completing the residence work for the PI.. D. degree and also did .some work at the Gammon Theological Seminary and later was  the honorary Doctor of Divinity degree. CALLED TO PREACH With this rich cultural background of education was culled and accepted the challenge of the Christian ministry. In 1907, he was granted the local preacher s license at  on Pace 1; Col. G)                 NEW BISHOP BEING GREETED -Dr. J. W. E. Bowen, second from Jleft. newly elected Bishop in the i IMethodist church, who is being greeted by Dr. James P. Brawlcy. IPresyent of Clark College, following j a.tremendous ovation from the dele- gates and thousands of admiring friends in attendance upon the Jurisrllictional conference of tlie Meth-                 Church, m Clnrk College. Standing at the right of Dr. Bow- ;n is Charles W. Calciwell. Confi'r- j once Lay Leader of the South Cnro- lina conference, while at Dr. Braw- i  ey\s left is V. W. Hocl7e.s, Confer- 1 ence Lay Leader of the Atlanta I Conference who joined in -  to Dr. Bowen for his election to the Episcopacy. The new bishop                 i.i the former  or The Central Christian Advocate, a noted church and civic leader and has climbed from the lowest to the highest office within the Rift of his church. Thr bishop was declarer! winner on the third billot polling more than twothirds of all of the 121 votes cast by the delegates. 1                 PROM EDITOR TO BISHOP Shown above is Dr. J. \V. E. Bowen. since 104-1, editor of The Central Christian Advocate, who Friday, was elevated to the Episcopacy by a thumping majority of the votes cast by the 121 delegates to the Central Jurisdictional                 ference. Dr. Bowen received 89 votes while only 81 were required for election. The Episcopal committee is expected to assign bishops sometimes  today s session. Bishop Bowen will be consecrated at special services here Sunday afternoon, at Clark College, beginning at p. m.                 (Continued From Vaga One) i Consecration j thi.' Methodist Church in .Exeter, N. H He joined the Atlanta. Confer- er.ce in 1917 and was ordained deacon by Bishop P. D. Leete, Ordained Elder by. Bishop W. F. McDowell in 1918 while serving as chaplain in the U. S. Army. The bishop-elect has served as pastor of some of the outstanding churches of the denomination. Fbr several years he was pastor of Central  Church, Jackson, Miss, and later transferred to the Louisiana Conference, from which conference he has been elevated. He i has also had teaching experience. He has served on the faculties of New Orleans University. Walden College. Nashville, Tenn.; Tuskegee Institute, Alabama, and Claflin College, Orangeburg, s. C. Bowen'.s ministerial career was1 continued in Louisiana, the home of his father and grandfather. He was pastor of St. Paul. Shreveport. Trinity. Grace and First Street Methodist Churches, of New Orleans, from the latter appointment he went to the editorship of the Central Christian Advocate. He was during some of the time in Louisiana, district superintendent of the New Orleans District. He was a delegate from the Louisiana Conference to the Uniting Conference 1939, and to the General and Jurisdictional Conferences of 1940-44 and 1948. FRATERNAL CONNECTIONS The Bishop-elect is a member of the American Academy of Political Science, Alpha Phi Alpha and Sitma Pi Phi fraternities and is a 33rd I degree Mason. Mrs. Bowen is the former Margaret Louise Davis of i Cincinnati and hns served for 13 years as Principal of Gilbert Academy of New Orleans, La Thry have one son, John Wesley Edwari Jr. who is a junior college student :it the University of Southern Califo nia. According to custom, and regulation, he will be- consecrated Sunday afternoon in the Sister's Chapel of Spelman College, where the ni-Mt meetings have been held b"    -"of the overflow gathering attending the Conference the public will be I welcomed to attend. This meeting on Sunday, is expected to assemble I a great crowd, because of the fact I i f   f Bish0P- Bowen 's life has been spent here in</t>
  </si>
  <si>
    <t>                                           Dr. John Wesley Edward Bowen, of New Orleans. La.. editor of the Central Christian Advocate for the past four years, was elected a bishop in the Methodist Church Friday at the morning session of the Central Jurisdictional Conference, now in session at Clark College, Dr. J.</t>
  </si>
  <si>
    <t>                                           f IT NEVER FAILS</t>
  </si>
  <si>
    <t>                                           Paul Robeson Here Toniahf                 Paul Robeson. co-chairman c( the National Wallace Committee and famous singer-actor, will appear at Wheat Street Church tonight at 8 o clock in trie Interest of his party. Among  slated to appear on the program are Larkln Marshall, of Macon, senatorial candidate in the Wallace party in. Georgia, and the Rev. William Holmes Borders pastor of Wheat Street. Robeson arrived in Georgia Saturday for a  of .s</t>
  </si>
  <si>
    <t>                                           A. U. Summer School To Open Tues.                 I The Atlanta Unveislty Bummer School will open on Tuesday, June 15, for a nine-week session under the direction of John P. WhHtaker. Registration will begin at 8:00 a. m. on Tuesday in the University Library. Classes will begin at 7:30 a. m., on Wednesday, June 16. and                 the first convocation 01 tne session will be held on Thursday, June 17, at 9:30 a m. The faculty of more than 100 Is made up of teachers from the Atlanta colleges in addition to a number of visiting professes from col(Continued On Page 4; Col. 5)                 A. U. Summer (            I'rom Past- One) leges  universities throughout the country. Workshops will be conducted in Adult Education, Home Economics Education, Language Arts, Science Theafe Arts and far Pnnopalsjnd                 supervisors. Graduate study W be available in art, biology, chemistry, Tommies and business administration. English, French, history and political science, mathematics. phU j losophy and Spanish. The professional schools offering courses during the .summer session are the School of Education, the School of Library Service, and the School of Serial" Work. No work will be off3:ed under the college level. Features of the session will be the Progressive Education and Demonstration School the Nursey School, the Reading Clinic and the Institute for Teachers of French. Approximately 200 courses will be available.</t>
  </si>
  <si>
    <t>                                           The Atlanta Unversity Summer School will open on Tuesday, June 15. for a nine-week session under the direction of John P. Whittaker. Registration will begin at 8:00 a.m. on Tuesday in the University Library. Classes will begin at 7:30 a.m. on Wednesday, June 16, and...</t>
  </si>
  <si>
    <t>                                           Students at Lincoln University, Jefferson City, Missouri, have staged a strike against what they describe as "harsh punishment" of a fellow student for an infraction of the campus rule. For that perfectly simple reason they are demanding more voice for students in determining the policy of the college, or else the 900 college co-eds would remain on strike.</t>
  </si>
  <si>
    <t>                                           JEAN WORTH BORN WITH POWER 8    *e power enable* thU  median to cadi      *. Tells yom what        % .                     fain Mich m Mu   :Wj what job want 1^ f/M to know wltk- Jjnl ^H oat "i%t"t ffP^SSpH  V/Xy W  MhapprT Tomorrow may b* ioo late. Hra I a. m. to 7 b. Saadari week-daya. I2   BANKHEAD    , N. W.        PARK or  CAB      I to4 T</t>
  </si>
  <si>
    <t>                                           Illinois Election Officials Arrested On False Returns                 .EAST ST. LOUIS, ILL. (NNPA) Three East St. Louis precinct election officials were arrested last Wednesday and two others were order- ed a nested as tabulations were be- j ing completed in the Illinois pri- ji-ary ejections of April 13. Two ol tiie  men arrested were colored.                 Kip "John Doe" felony .s j charging the precinct election off- I ci3ls with making, signing; and j dPh pring false n tu/ns of the Me- i I'tlon were ir.sued by JusMct of the: Peace V. Kirby on complaint of St. Clair County Judge C. C. D.eman, who is in charge :~f the East St. j Louis Board of Election Commissions The clerk of tlie election board named five precinct officials, all colored, but the three persons ar- j rested included a white man. The election apparently resulted In the defeat of loading machine candidates as aroused independent voters went to the polls determined i tc smash machine control of St. j Clair County polities. Irregularities Reporte.-i Deputy sheriffs made the arrest after Howard Roberts, independent candidate for the Republican nominated for Representative in the General Assembly from the Fortyninth District reported that he had discovered serious irregularities when he visited fhe polling place for Precinct 12, a  colored precinct.                 Roberts s.vVi tally sheets showed 300 Republican votes, although  250 ballets were turned in to the election commissioners. He also  i hat when :ie inquired abou! the uu- of tabulating the vole one official hurried outside with seme t. sheet.-, and Ijiirnr-d . 1:h- charge against, the --, on convict ion, carries a  of five I) ten   ars in prison ami a fine up to $1.'JOO. Followng the report of the ;i'd /iil.uite.s in Preeiuel 12 or in Brooklyn, a colored community r.Oith of East St. Louis. Russell H. Glassen. independent  for  for Congros. telegraphed J. Edgar Hoover chief of the Federal Bureau of Investigation, and the United States Attorney William W. Hart of Benton, Illinois, charging fraud and requesting on investi- j gation. In tho fight for control of the East Si;le Levee and Sanitary District, t h e important patronage  in St. Clair and M--an Counties, the machine a apparently nominated Its  bo li the Republcan and Democratic tickets, with one possible exception The  was Clifford Needlv. a colored Republcan, who was among the five leading candidatefor nomination to the Levee District on hs ticket. He was running fourth.</t>
  </si>
  <si>
    <t>                                           EAST ST. LOUIS, ILL. (NNPA)-- Three East St. Louis precinct election officials were arrested last Wednesday and two others were ordered arrested as tabulations were being completed in the Illinois primary erections of April 13. Two or the three men arrested were colored.</t>
  </si>
  <si>
    <t>                                           ALBANY, Ga. --(SNS)-- Dr. Richard V. Moore, president of Bethune-Cookmen College, speaking at the Annual Founder's Day program Friday at Albany State College warned that "If we are to to survive individually or collectively, we must continue to...</t>
  </si>
  <si>
    <t>                                           a ii a /^^^ll^^^x iTT i CITY Atlanta JiBm Wot Id edition Published Every Morning Except Monday "Neum Whtle It Is News JME 20  NUMBER 189 ATLANTA (3), G^"                "6ri948 PRICE FIVE CENTS p.^- !5</t>
  </si>
  <si>
    <t>                                           Antique Show At Carver Boys' Club Tonight                 Last minute  preparations tor the Antique Snow at (lie George Washington Carver Boys' Club at Davis and Thurmond Streets tonight at S  have been made. A large number of people me planning to enter exhibits 01 antiques, but only h few have  contributions of small pieces of brica-brac, metal ware, pictures or any miscellaneous discarded pieces    be sold for the benefit of the Club. "Please bring something of this type with you or call CYpress 2695 and have it picked up," sponsors urged. Mrs. R. FS Jackson, Mrs. H. H. Anderson and Mrs. Mark Thomas arc in charge of thi:. booth. Ann Edwards Appointed To AKA Health Project NEW YORK      - Appointment of Mrs. Elizabeth Ann EdwareK as executive secretary or the national health project of the Alpha Kappa Alpha sorority as successor to Flora B. Chtsholm, who resigned, was announced this week. Mis. Edwards attended New Yoik university, graduated with first honors from the Harlem Hosplta! School for Nurses, and holds a masters' degree in personnel administration and guidance from Teachers (Continued no Pasc 4 Col. 5)                 Ann Edwards (Continued from Page One) I college, Columbia university. For the past five years, she has held various supervisory and                 ing positions in nursing education. The last position was as director of student per . at Harlem Hospital School for Nur.sex. New York City Department of Hosoiial.s. Her active participation In professonal and community activities is reflected through her membership on the executive committee on Strut1 1                 lure of National Nursin;; organizations the education committee of the National Association ol Colored Graduate nurses, Planned Parenhood federation, and the speakers bureau of the National Vocational Guidance association.</t>
  </si>
  <si>
    <t>                                           As the gate of Camp J. K. Orr opened at the beginning of the 3rd week session scouts from all over Atlanta poured in The troops represented were Troops 89.91. 93, 99, 168, 170 and 186. After being billet in typical ramping sites the scouts started their week long program in...</t>
  </si>
  <si>
    <t>                                           81 "DESERT FURY" with John  Lizbeth SCOTT also "BLACK WIDOW" ROYAL VARIETY GIRL" with King  plus       Chapter "JACK ARMSTRONG" ASHBY ANGEL AND THE BADMAN" with John WAYNE (Jail .I, LINCOLN "CROSSFIRE" Robert YOUXfi Koli.'it 1M Kohcri RYAN nisi) 'JESSE JAMES" STRAND "PLAINSMAN AND THE LADY" with Bil. ELLIOTT plus "DAUGHTER of DON Q" HARLEM "THE DREAMER" with Mantan  'DEVIL THUMBS A RIDE" "BLACK WIDOW"  'RETURN OF MANDYS HUSBAND" with Mantan MORELAND also "DICK TRACY S DILEMMA" "JESSE JAMES"</t>
  </si>
  <si>
    <t>                                           MR. WILL DAVIS. of 354 Connally Street, is leaving the city July 3rd to spend a week or ten days with his son and daughter-inlaw in Rockford, Illinois.</t>
  </si>
  <si>
    <t>                                           Civil Rights To Prove Headache To Republicans                 . Pa.- (SNSi Despite the fact that Congress adjourned without taking action upon any phase of Pros. Harry S. Truman's civil-rights legislation  loom as the major headache facing the Republican National Convention now in session here                 -n huge Municipal Auditorium. j For Hie Republican Party, according to preliminary reports, will at- tempt to include a "face-saving" civil rights plan in the party s national platform. This was a surprise to many observers who viewed the anger and opposition of most Southerners towards civil rights as a strong support for such a plank in order to attract the big MidWe;! :md Eastern vote of Negroes, who are the balance of power In pivotal states. j The platform is expected to in- elude a civil rights plank, with j u--down opposition to lynch- I ins " all forms of mob vio- Ipnce." against poll tax tnd  j forms of segregation in the armed forces, but the Republican Party j rri hrr seeks nor asks legislation to j ?l minat~!  evils. i The 1941 plank  legislation for a permanent fair employment j practice committee, but t.hp 194B Platform Committee is advocating equality of opportunity" with no i specific reference to PEPC. The 1944 plank asked a         '.ional amendment to abolish poll tax. But since that time the House jf Representatives have dropped ;wo "hot potato" bills that propos?d to do it by law. Tlw  Die n^-con- j                 trolled Congress is a"hangover" for the Platform Committee for the Congress has had anti-poll tax anti-lynching and FEPC on its . but when it, adjourned early .Sunday morning so that  might participate in the Convention here and so Democratic bigwigs might cement their ranks. The National Negro Council has opposed the preliminary report of the Platform Committee with the statement saying it is comprised of 'glittering generalities." Edgar A. Brown, spokesman for the group said "Negroes must, look instead to thp record and the character of the nominee. Details of all proposed planks air traditionally withheld but the Com mittee favors Federal Aid to Education. Bitter criticism is expected from I hn isolationists wing which has tabbed the party platform as the "most international" in the party history." The convention committee ha? filed 100 word? of party recommen dations covering 150 topics The highest job is wording It. down to 1500. Regardless of the final wording of the GOP Platform the hope for favoring the United States 13.000,000 Negroes appear extremely forlorn. Only a miracle and strong-arm pressure job can insure a  platform. The "mild" civil rights platform which the OOP will adopt is a  to the Negro voters, who had hoped that the Republican Party would Continued On      (5; Col. 3                 Civil Rights {Continued from rage 1) adopt a platform favorable to the advancement of Negroes. The members of nine platform committees are pledged to  until Monday night when the draft ing committee completes its report. But the civil rights issue continued to leak out. The platform, according to Chairman Henry Cabot Lodge, will be a general policy statement that will cover everyone. It is aimed at dealing with principals and not  i c measures. Chairman Lodge pointed out that he was seeking a 300 word summary and about 1500 words dealing with principles.</t>
  </si>
  <si>
    <t>                                           PHILALDELPHIA, Pa.-- (SNS)-- Despite the fact that Congress adjourned without taking action upon any phase of Pres. Harry S. Trueman's civil-rights legislation these proposals loom as the major headache facing the Republican National Convention now in session here...</t>
  </si>
  <si>
    <t>                                           Harlem's First Alderman Dies                 By Gladys P. Graha                 NEW YORK- (ANP) - bred and Kansas born George Harris passed away in Harlem hospital here Saturday. Mr. Harris is survived by his wife. Nettie, a daughter. Laura, and his six brothers. Mr. Harris was the president of the Association of Trafl.1' and Commerce, an organization which he founded. A journalist or no mean ability. Mr. Harris, had his own pa pur the "Ethiopian World." He was tremendously interested in the affair, of Addis Ababa. The huge hall on the corner of 125th street and I.enox avenue, where he had at one time edited the new defunct Ethiopian World, was the scene of many African and West Indian iiv.Ms. Active in political affairs. Gcorps Harris was elected twice to the post of alderman an.cl was the first Negro here in the office. The deceased was in the  for better community conditions and schools. He was adamant  all forms of discrimination.</t>
  </si>
  <si>
    <t>                                           DRAG ASSASSIN S BODY THROUGH BOGOTA STREETS                 oit savage mob action           in t be wrcc" i n- of Rop t P     ^pr" 9   f Gaitan ^ women  nd children were  in the r mi,,V HiBh  o,!l,    t h '   More  500      re/ of the relatives and ardent toll -t 's"o r -,i n f ^S ansen  from the            Perw, a Conservative,  MGM    mS.' "r^v l^""i ^S VUnal UnleSS PresWent Maiiano   P"~                 photo. (International)</t>
  </si>
  <si>
    <t>                                           Larceny Conviction Reversed By Appeals Court, Lawyer Avers                 According Attorney George Mauley, the State Court of Appeals Tut'.'.day granted :i reversed decision in favor of hi.s client. Uufus Carrnll, who had   to servo from 15 to 20  in Fulton Superior Court for larceny. Asserting that the case was originally  by Attorney Paul Crutchtleld, Attorney Manley  he took up Carroll's case after the former attorney had argued for n new trial before Judge W. W. Monday in Cedartown, Oa. Judge Monday denied Atty. Crutchfteld's appeal for a new trial, Mr. Manley averred. Attorney Manley stated th-'t he would represent the defendant at the new trial.</t>
  </si>
  <si>
    <t>                                           A\'D  MAKK BOW AT TUSKE(JEE INSTITUTE- Seven undergraduate chapters of national fraternities und sororities were set up at Tuskefjee institute :-; the spring quarter of the scholastic year 1947-10-18 following favorable action by Tuskeiree's Kxecutive council. The org.Viizati:~ns  chapters ;     the                 names of the chapU ys follows: Zota Phi Beta, Thcta       chap- tor, Miss Frances Roy, pres , I bottom left; Helta Siifnia ThuU. i Gamma Tau chapter. Miss Vivian I I Little, president, middle row, left; I Alpha Kappa Alpha, Gamma K.ip- na chapter, Miss Jean Lowe, has:- leus, middle right; Phi Beta Sin j ma, Beta Kappa chapter, Krncst i Lamb, president, top, left; Ku^pa J                 Alpha I'si, ( Eps'lon chapter, Robert Brown, polemarch. top li.uht;    )ha Phi Alpha, (Jam- j inn Phi chapter, Robert L. Owens, i president, top, center; OmcKa I'*1 Fhi, Lambda Epsilo-i c h a p t e r. Richard Walker, basileus, middle, center. The initiation  S were i under the supervision of national representatives of the various                 and were carried out in cooperation with the  chapters already on the campus (if Tuskc'Kfi' institute. The - graduate chapters have pli-dired their loyalty to the Instittit" in ^ lit-tU-r scholarship, de-  student IcaUsrship and I ; programs conducive to a i                 1 u-ell--d . --(A.N J')</t>
  </si>
  <si>
    <t>                                           WALCOTT SIGNS FOR LOUIS TITLE HOl'T- New York.- After weeks of haggling over his percentage of the Kate receipts, Jersey Joe Waleott agrees to terms and affixes his signature to a contract calling for a return title match on June i JvA at the Yankee Stadium with heavyweight                 pion Joe Louis, who won the first fight by a split decision. Attending the signing in the offices of the Twentieth Century Sporting Club a i-o (left to right) Sol Stiaus.s, acting head of the Club, Walcott, the challenger, and his                 attorney, Amrp.Io Malandra. (Keystone I'icturo)</t>
  </si>
  <si>
    <t>                                           NEW PISK MENTOR- Jack Ad- r.w.H.  elected head coach at    -k University, is .~-pc. the drive "To return Fisk to her for- mcr high place in the sports world." Tlie former Fisk gridiron: star was head coach and athletic director at LeMoyne College from 1926-43. He is succeeding Julian Bell, whose resignation was accept                 cd several weeks ago. (Photo by Roberts' Studio.)</t>
  </si>
  <si>
    <t>                                           For The Best In Cleaning Try Moseley Cleaners Each and every garment is  individual  in our n?w plant. For specialized cleaning of spots and other ills of your clot nes, try us. For reliable, dependable, speedy, safe dry cleaning use our service. 3-Hour Service On Cleaning THE NEW AND BETTER MOSELEY S CLEANERS 838 Hunier Street, S. W. RAymond 9319 TAILORING ALTERING REPAIRING DYEING OUR SPECIALTY</t>
  </si>
  <si>
    <t>                                           Rivers-Arnall Tieup Pleases Gov. Thompson                 If ii team of ex-chief executives i can produce enough pull to rally i the majority .support of Georgia's voting populace, Ciov. M. K. Thompson can count on  the capitol premise for a lour- term. Former governors Ellis Arnall ami E. D. Kivers, having formed a political team, walked into the  headquarters of Goveinoi Thompson, Tuesday, and (Continued On Page 6; Col. 5)                 Rivers-Arnall M'onllnued From Page One) ed that they were ready to launch a vote-getting campaign for the chief executive. Disclosing that he had ' E. D. Rivers and Ellis Arnall to Join with John Beasley In the management of "my campaign for governor," Thompson said, "I am delighted that they have accepted.                 This insures a winning campaign organization." Declaring themselves "political prima " all for one and one for all- the trio of political strategists met Tuesday at Thompson's headquarters in the Henry Crady hotel and stated that they plan to _ive most of their time to the Thompson campaign until the state primary, September 8. Having already established himself In the Thompson  us campaign manager, BeasSey had resigned as director of the State Highway department to accept that post. Former executive Rivers served as governor of Georgia from 1936 through 1940, serving two terms of two years each. Arnall served a four-year term from 1942 through 1946. Both are believed to have a substantial following in the state.</t>
  </si>
  <si>
    <t>                                           My sister and I were married during the Same year and path of us married men who make a fair living but there is a great difference in our lives. When we got married, we talked things over and sister and I both said that we were going to do our part to make marriage...</t>
  </si>
  <si>
    <t>                                           Legionnaires Open Meet Here Tonight                 By ROBERT E. JOHNSON                 Following a historic ruling to abolish Its bi-racial pattern In stale conventions, the Georgia Department of the American Legion moves into the Gate City today to hold its 30th annual convention at the Municipal Auditorium, were here today through Sunday.                 More than 10,000 Legionnaires, of which 500 hundred are Negro delegates, are slated to assemble in the main arena of the Municipal Auditorium this evening at 7:30 o clock to hear National Commander James P. O'Neil deliver the memorial address, honoring all members of the Armed Forces who died during the two World Wans mid in  to the members of the Legion and Auxiliary who have since joined them in the hallowed ranks of the dead. Participating in the memorial exercises tonight is the David T. Howard High Advanced Choir, which is  to render three selections during the candle light memorial service. LARGEST DELEGATION Five hundred Negro delegates, representing 3,000 colored Legionnaires of three districts- "A." "B." .nd "C" (South Georgia. Central Georgia and North Georgia)- will be on hand to take part in the largest assembly of Negro and white veterans in the history of Georgia. Participating for the first time in filic formulation (if (ho convention                 policy-making body are three Negroes, each serving as Commander of his district. Representing District "A" Is Chauncey Hudson of Valdosta, Ga.; District "B" is header! by Benny Scott of Macon, Ga.: Rni Harrlel Williams of Atlanta, is acting commander of District "C"   the absence of Commander A. P. Weems,' Atlanta Life Insurance agent, who is now hospitalized at the I/ General Hospital. The formal opening of the convention is scheduled for 1:30 p. in., Friday, Juno 25, when Mayor William B. Hartsfield will deliver the address of Welcome. The response will be made by Senator Richard B Russell. Following the business session of the convention which get:; underway Saturday morning to elect a new commander for the American Legion of the Department of Georgia, Governor M. E. Thompson will deliver a major address to the convention delegates. The convention will continue through Sunday with an impressive military parade Saturday afternoon and a grand military ball for Districts "A," "B," and "C" at "The Magnolia" and a military ball for other districts at the Municipal Auditorium. THURSDAY. JUNE *4  (9:30 a. m )-       . tlon of  and alternates: Dls( on     * 4, Col. 6)                 Legionnaires                 (Continued from Page 1)  A". u anil C" ut Butler StlcclYMCA. other districts at Ansoffiil lit l  or!~.y h S1:: and Henry .,,PrE,N?''" '"~30  .trm.)-Annuul Memorial Lxerclses under auspices Amerii-iiii Lemon Auxiliary ut Municipal Atuiltorium. conducted in memory ot all member of tut Armed forces who (lied : die two World Wars and ill  io Hie  ol the Lrtilon Auslliury who nave since Joined them in tin- hallowed ranks ol the. . Principal speaker: Natlon.il Commundci* James t\ O'Ncll. All convention visitors and the  public invited to attend these exercises. Open House dully (9;00 p. m): Districts "A". "11", and "C" at 208 Auburn Ave.. Post 508; other  at Atlanta Post No. 1. Piedmont ParK. East Point Post No. 51. East Point; date city Post No. 72. 222 Spring St.. N. w. Delcsatos and their ladles and other registered visitors admitted iree to - 'Open House'.' occasions on  of badges. 1AV. JUNE ~-~.% AFTERNOON (1:30 p. in.)- Formal opening of convention. Municipal Auditorium: Address of Welcome by May- or Wllilum B. Hnrtsfleld: Ilesponse to Welcome- by United States Scnutor Ricimrd 11. Russell. . Jl'NK .'(i  19:30 a. m.i -~Business session of convention. Municipal Auditorium.  (12:00) Recess for  of convention (2:03 p. m.t: Address by Hon. M. E. Thompson,  of Georgia. Military and Civic Parade. Peachtree Street (4:00 p.   : Parade will be viewed ut "Five Points'" by Lt. Cten. Alvan C. Olllem. Jr.. U.S.A. CuimnnndlnK Third Army. EVENING 10:00 p. ml- Grand Military null: Districts "A".  H". nnd  C" ut 'The Mimnolla". 600 Macnolia St. S. W other districts at Municipal Audltorluni. Members of all districts admitted on presentation of tickets only.</t>
  </si>
  <si>
    <t>                                           Following a historic ruling to abolish its bi-racial pattern in state conventions, the Georgia Department of the American Legion moves into the Gate City today to hold its 30th annual convention at the Municipal Auditorium, were here today through Sunday.</t>
  </si>
  <si>
    <t>                                           IF NEVER</t>
  </si>
  <si>
    <t>                                           D. C. Board Asked     Decide Question On Bias                 WASHINGTON, D C (NNPA) Tlie Board of Education was urged last Wednesday to decide immediately the question of the abolition of segregation in recrea- tion on school properties In - i Districl of Columbia. i                 In :i letter to Albert F:. Stel- I nem, ] of the committee or. recreation and community use i of .--. and grounds, Mu.s Ida j Fox, executive secretary or the Council lor civil Rights In the Nation's Capitol, expressed regret that the committee, recommended and the school board approved, summer use of school properties j by the Recreation Department un der the department s segregated pol Icy. The committee reserved decision however, on the question of the  nof segregation In recrea- I tion on school properties. "Our concern is that tills decision should not be further delayed any more than us necessary to give  committee time to evaluate the testimony presented to it," Miss Fox wrote, :                 MATTER PENDING "As you know, the matter has boon pending before the Board of j Education since last September, at j winch time a primary concern of democratic: community  war. their inability to use school buildings because; of the Recreation Department:;' insistence on segregation. ~'Ample testimony describing the hardships that have resulted from this policy was presented during the hearings. Recognition of the in justice of the Recreation Department's insistence on segregation in school buildings was implicit in the recommendation of its own chairman, Mr. (Harry) Wender, that Negro schools he made available for community use on a nonsegregation basis." Miss Fox pointed out that  must be planned long In . and that "injustice to the many citizens organizations that have been appealing to the Board of Education .since last fall to dem  recreational use of school I properties," a favorable decision .should be made immediately. i</t>
  </si>
  <si>
    <t>                                           WASHINGTON, D C.--(NNPA) -- The Board of Education was urged last Wednesday to decide immediately the question of the abolition of segregation in recreation on school properties in the District of Columbia.</t>
  </si>
  <si>
    <t>                                           ROME, Ga.--Mrs. Jennie Stoke, of Chattanooga, Tenn., was called to the city because of the illness of her cousin, Mrs. Estella Berrien, who recently underwent an operation. Mrs. Fannie Cunnignham entertained the Pleasure Seekers Sewing Club last Thursday at her...</t>
  </si>
  <si>
    <t>                                           GRAHAM \V. JACKSON', popular Atlanta musician, will be in   at ilie Bprc;m Seventh-Day                 Adventist Church, at Palmetto and       Streets. Sunday, May 1R, 8:00 p.m.</t>
  </si>
  <si>
    <t>                                           House, Senate Pass Tax Bill Cut Over Veto                 WASHINGTON. D C.                 Y                 America's first m;i.ior t;ix reduction in nearly 20 years Friday, when a determined House and Senate brush ed aside a Presidential veto to slash taxes by nearly five billion dollars. The long-awaited action gave to .some 7.400.000 Americans relief from taxes by removing them completely i from the federal tax rolls. Both the House and Senate voted by better than the two- third - i rity necessary to put, the tax cut into effect despite the Presidents I veto. Mr. Truman, commenting on I the stinging veto, declared: "It .will imperil world peace and prosperity i at home." The House voted 311 to 88 in over- riding the veto That was 45 more votes than wen; needed to pass the: measure over the veto. The Senate voted 77 to 10. which was 19 more than the number needed to pass it by I hat body. The tax cut passed the House without debate. In the Senate there j was preliminary debate. The bill automatically became law when Senate President Arthur Vandenburg announced that the upper House had voted to override the measure. i</t>
  </si>
  <si>
    <t>                                           MADAM EVA 2Sc- SPECIAL READING -25. ^^^A H^H i^^^^^^^H . Aftrr fni* B*V'il~:~ VT^^^^Hj  with       ~*1 I 1 I I ^^^^Hj  to M*Jiir*- and  at otice. Office hour* 9 01. to 10 p. m ('ally and Sundar. 1015 W Marlt-ltu St., V Atlanta Be tare take the Inrnan Yard Slft-ct car. Ptm^f *sk .ir  lei you off two  tt)D* nn the uther  of Klin Plow Co, Atlanta, (ii. 25c- SPECIAL READING 25f Your Luckv Dayi nnd Monthi Given Free.</t>
  </si>
  <si>
    <t>                                           WASHINGTON, D. C.--(NNPA) --The Veterans Hospital at Tuskegee, Alabama, has eight vacancies for medical personnel and technicians, it was learned last Friday.</t>
  </si>
  <si>
    <t>                                           Atlanta JlS^ Telephone: WAInut 1459 M60 Entered in Post Office at AtlinVn      7^ C A. SCOTT ^Eailor and General Manager J^_^   5    W^b^       ^te ^'terest^of its readers  -ThP TK Rir.HT to Vote r-ce,TXleohrlcr:eVd0- ^T '^PeCivo of The sooner we Kt to at basis of n r,\ ,Ci              "f any kind.</t>
  </si>
  <si>
    <t>                                           The Atlanta Black Crackers displayed power at bat and smart fielding in opening their 1948 season in the Negro Southern League with a double victory over the Nashville Cubs, Sunday afternoon, before a banner crowd, at Ponce de Leon Park. After coming from...</t>
  </si>
  <si>
    <t>                                           Alexander S. Huth, superintendent of buildings and grounds at Atlanta University since 1906, died at his home on the campus early Friday morning after an illness of less than a week. He was 79 years of age.</t>
  </si>
  <si>
    <t>                                           Portland Flood Waters Exact Heavy Toll On Negro Lives                 By WOODY POLK                 PORTLAND, Ore.- (ANH) Net'roes comprised about 25 per cent of the families whose homes were inundated  the Columbia River burst through its banks at Vanport here Sunday                 Of the 18,000 or 20,00i) people living In Vunport, between 4,000 and 5,000 were colored. Liko the white residents of      war--town, about three mile." from Portland, the Negroes had come to work in the Kaiser and other shipyards. At one time there were some H.000 colored resident* litre. As war wont vanished many returned South and East. There is no way to tell how many Negroes ov whites arc  thus, far. Only six or seven known dead are reported, 'although thousands are homeless It is feared many are trapped in their homes. Hjuses in Vanport are principally prefabricated or frame and were washed up from their foundations and are floating ground in 10-feet of water. Vanport was built down In a swampy former lake region so that when the dykes , they swept waves ot water fiom 12 to 20 feet high over the entire project. Vanport, although only three miles                 from Portland, had to develop it.' own government, because Portland -a tight and prejudiced  -did not want Vanport resident.' within its  limits, calling the.-r. undesirables. For a while, it was feart- thai Dr. John Marshall,  Mehurry graduate, mid the only Negro           living in Vanport, had perished l.nt It developed that he had gone off on vacation for th day. the day                 tie had gone oft on vacation for Doctors Norvell Unthank and Robert ., physicians, and Dr. Carl Vickers, dentist, a: well as colored people in Portland generally are safe because Portland is on High ground. Vanport residents  vere unprepared because official reports said the dykes were safe until Tuesday. Floods are expected to recede Tuesday" when the death toll will be known.</t>
  </si>
  <si>
    <t>                                           PORTLAND, Ore.--(ANP) -- Negroes comprised about 25 per cent of the families whose homes were inundated when the Columbia River burst through its banks at Vanport here Sunday.</t>
  </si>
  <si>
    <t>                                           By H. C. ( The Marietta District Sunday School, A. C. E. League and Missionary Leadership Congress, Dr. J. P. Moses, presiding elder, will be tailed to order today at Cartersvile. Ga.. with the Rev. R. M. Roberts as host pastor. Dr. Moses has planned a teachers' radio contest where the outstanding teacher will receive the i;ift for fine work during the meet Uig. Delegates from more than 20 churches are expected to attend the institute. Dr. J. R. Hurley is director of the institute, being assisted by Rev. F. L. Riley. secretary of the AME Ministers Union; Mrs. J. P. Momcs. president of the Missionary Society of the North Georgia Conference and many experts in the field of Christian Education of the AME Church Amoin; speakers listed are Dr. Flank Cunningham, J. A. Miridielon. li. C. Carswell and Bishop R. R. Wiii'lit, Jr., who plans to piane from Wilbiiforce to attend the meeting. Pn.sit.ent W. A. Fountain, Jr, of Morris Brown College, is scheduled to uc.Mre.ss the congress at St. Luke tilt- host church, as will Dr. R. H. Porter, slate .superintendent of the church M'luiols and new pastor of Allen Temple Church.</t>
  </si>
  <si>
    <t>                                           A. I. Grad Wins Yale Scholarship                 NASHVlLI.lv, TennesseelSNS) I S E. Gnu-tead, class :M of Tonnes- I see A  fc M State College recently j received :i full scholarship by Yale I University to .study tins summer ;ii the Vale. School of Alcohol Studies of the Laboratory of Appiled Physiology. He is to work with a select group of scholars to inaki- the must recent findings of scientific research available for application to Hie problems of alcohol in  community. The curriculum to uh followed will include- both the (jeneral overview of the biological, .sociological, historical, physiological . and economic  of the problems of alcohol: and special professional approaches to the control, education, and therapy of alcoholism. Mr. Grmslead noted for his work in the fileds of education and religion, as teacher, , and student worker was one of the few persons in this area to receive a full scholarship to do this work. He plans to leave for Yale about July 7.</t>
  </si>
  <si>
    <t>                                           "Planning today for effective living tomorrow" will be the theme of the personality clinic at Clark College this week. The clinic, an annual affair sponsored by the college's Personnel Department under the general direction of Mrs. Phoebe Burney, Dean of Women...</t>
  </si>
  <si>
    <t>                                           Enjoy Sara W. '/fe Protcctioa iff thA w\ Install Burglar  Bars a- 7 * 3 I I  1 (T I  j GlTea (H^ {LI MA. 530S^tg!:^^gy NISn WILLIAMS. Hopresentatlve KA.Miiund 9o83      Cuslonioi'R Mrs. EltioiM ill .-5s i 'ini i -y (.i- y,. :,i. ii,.:n:iv RlioppiIs Xow With Royal Palace Bfauty Shoppe Walden Building 28 Butler Street, N. E. CYpreaS 9087 I</t>
  </si>
  <si>
    <t>                                           COSJItT CHUCKLES bys. m.reci                 I THINK YOU LL FIND IT DIFFICULT^ j TO PROVE ALL YOUR ASSERTIONS J THAT YOUR HUSBAND /S A 8RUTS, L/AR. ANO A FOOL WHY YOU MARRY H/M IF YOU KNEW ALL T//AT?) *r                 1 DIDN'T , SHE KNOW IT Jl DID, TOO? 8EFOR.E S\ SHE DID J TueN, vour)\ so? y HONOR? J</t>
  </si>
  <si>
    <t>                                           Rebellious Southern Democrats, sulking and steaming over the inclusion of a strong civil rights plank in the Democratic platform and the nomination of President Truman as the National Democratic Party standard bearer, met in Birmingham, Saturday. July 13, adopted a set of principles and nominated a Southern States' Rights ticket.</t>
  </si>
  <si>
    <t>                                           Sharecropper Sues Landlord ForS100r000                 Claims Blackjack Used To Snatch Cotton Crop Share                 LITTLE ROCK, Ark. James Hawkins, Negro sharecropper, reportedly was beaten, robbed and threatened with death by the operator of Cox Brothers plantation and some of his friends.                 Ae a re=ult he has just brought suit in U. S. district court here for $100,000. The Workers Defense League Iibr placed the case in the hands of Ross Robley, ? Little Rock attorney. In addition Hawkins and his step-father, William Henderson, have sued for $3,000, the value of their crop, livestock and personal possessions. When cotton plowing time came, the operator had warned Hawkins and. Henderson not to use their mules, asserting he would do the job with his tractor. His motive was to raise his share of the crop from the customary. 26 per cent to 40 per cent. But. a month passed and no plowing was done. Finally the two sharecroppers told the operator they would (Continued On Page 6.' Col. 3)                 Sharecropper (Continued From Page One) have to go ahead with the plowing. On that afternoon reportedly the operator and some of his friends, armed with shotguns, headed for the shack. Meeting Hawkins accompanied by his wife on the road, they hauled him off the wagon and slugged him unconscious with blackjacks. They told him they would kill him if he left the plantation for medical aid. THROWN OFF LAND Hawkins lay bleeding in his shack. When he tried to work he lost consciousness. Two duys later, overcoming his fear, he went to a doctor. When the operator learned of this, he threw Hawkins and Henderson off his plantation, confiscating their meager possessions and their share of the crop. These facts were verified by WDL field investigators. To insure Hawkins and Henderson against reprisals, the WDL removed them from the , his wfie and his two children are now in Chicago. Henderson is on a cooperative farm near Klniira, N. Y. "This is not the only case of its kind on the WDL docket," commented Rowland Watts, national WDL secretary. "WDL field work (~rs have unearthed evidence of other grave injustices in this and other areas where men and women are still held in peonage and slavery. Vigilant investigation of Ml such evidence and immediate legal action as soon as victims are i- to safely are the answer to violence and terror, peonage and slavery."</t>
  </si>
  <si>
    <t>                                           LITTLE ROCK, Ark. -- James Hawkins, Negro sharecropper, reportedly was beaten, robbed and threatened with death by the operator of Cox Brothers plantation and some of his friends.</t>
  </si>
  <si>
    <t>                                           "BRICK BRADFORD" ROVAI. "88" ALL STAR CAST  MAN ^NBO^ " "CRIME DOCTORS  -bri te man"jack armstrong" HARLEM """"""t^WltT "im" "jack " STRAND B1ISTER CRABBE " mLh CARSON" "CHICK* CARTER" FORREST ^~    2^P"</t>
  </si>
  <si>
    <t>                                           Ford Fined $1,000 Or 4-Year Sentence                 BY I..                  Accused of malpractice and  ii'~i swindling following the reported poisoning  of Miss Alma Clark. James Ford, alias "Doctor Ford' pled guilty in Fulton 'Jrlmiiial Court Monday and was fined $1,000 and given a four year  .sentence upon payment                 of that fine. The case against Bishop K. I). Crockett, of 178 Bailey St charging malpractice, was post-  Monday until further notice. Crockett's charge also developed following the death j of Miss Clark when a witness reported she had purchased medicine from him to cure her i ills. Expecting a jury trial in Ford's case. Detective W. L. Gowor and R. E. Little lugged n - i ance of evidence to the courtroom j to substantiate their charges against the e derly brown  , who                 .~ports ;i Ion;; Ijoij hair .. FINE PAH) IMMEDIATELY After  .T; , William Zachery, had made known the guilty plea and Judge Jesse M. Wood had pronounced sentence, a woman- presumably Ford's companion-strode over    the clerk s table and planked down the fine, as eyes of curious spectators and court  bulged with incredible fascination. Ten bulging rolls she had, each containing $100 and tied up with bits of multi-colored string, the clerk sild. He counted it out. verified the amount and Ford strode from the courtroom a free man that is with a suspended sentence of four years hanging over his head and an probable investigation by postal authorities. Ford was taken under arrest by Detectives Little and Gower when Miss Clark's admitted companion. Eddie Vainer, reported that he fCc!5    :d on Tags 3 Co!. 61 i                 Ford Fined (Continued from  uric) h:icl suit) her :i ,(~ii: of medicine. Tim alleged victim was  at Grady hospital where she later died of             . medics at. the hospital said. Swooping clown on Ford's Morton Street headquarters, the detectives said they uncovered an abundance of unlabeled medicines, roots,  and charms believed to be of hoodoo nature. LETTERS CONFISCATED In addition, the detectives said a large number of letters addressed to j "Dr. Ford were confiscated. j Several of these were read at the commitment hearing. Some sought advice for the lovelorn while others spoke of mystic cures and medicine which could assist in dodging the j draft law. One letter pointed to a money or- der which had been mailed to "Dr. Ford" from a woman praising him for "supernatural " and seek ing further advice on how to "hold her man." At the hearing frequent references to voodooism. nostrums, and other black magic semblances were made. State Medical Board Inspector E. M. Smith told the presiding judge at the commitment hearing that Ford had previously been convicted of violating the Pharmacist Act                 when he pled  and was fined S'.!00 and given a two year suspend- J t ri sentence. i Det. I,i(tle asserted that Dr. R. F. C. Ueall. of the Veterans Ad-1 ministration appeared and stated he had examined Ford and found inclinations of mental disorder, i</t>
  </si>
  <si>
    <t>                                           Accused of malpractice and cheating and swindling following the reported poisoning death of Miss Alma Clark, James Ford, alias "Doctor Ford" pled guilty in Fulton Criminal Court Monday and was fined $1,000 and given a four year uspended sentence upon payment...</t>
  </si>
  <si>
    <t>                                           The gruelling race for the second half pennant in the Georgia- Alabama Amateur Baseball League will continue at Harper Field, tomorrow, when the smooth Atlanta Panthers tieup with the pace- setting Atlanta Braves. The opener of the doubleheader is booked for 2:30...</t>
  </si>
  <si>
    <t>                                           MIAMI--(ANP)--Miami's housing problem, especially in Coconut Grove, moved nearer to a solution last week when City Atty. John Watson ruled that land is not restricted because of a deed.</t>
  </si>
  <si>
    <t>                                           IUM Ml SCREEN STARS PREFER mum  4 l/fi' ~*Nl i J f ~$R FOI   TniUTRlf 5</t>
  </si>
  <si>
    <t>                                           BILLY HOLIDAY CAPTIVATES -LUB EBONY-NEW YORK- The Jazz Artistry of B.'IHc Holiday ac:l;umed and conceded "America's Greatest, Song Stylist" is the star Uti-action at Club Ebony. 52nd St )n Broadway, by popular demand :or an indefinite stay. Billie Holiday who recently made i -spectacular comeback to public Ulenuon-her greatest and most  triumph. There is very                 little question that La Holiday, as a distinctive artist singing as any other of her</t>
  </si>
  <si>
    <t>                                           WALL PAPER YOUR ROOM 98c (FOR PAPER) PAINT HARDWARE NAILS Mitchell Supply Company 139 MITCHELL ST., S. W. Between Whitehall and Pryor</t>
  </si>
  <si>
    <t>                                           I'iiiuicil  are Knell Flynn uml Ida I. the stars of "    .\tu Me Never" the feature    -- tuve which opi ns today at thei I'nynl Theatre for a - days1                 inent. Tho picture  s filled with thrills, romance and drama xml  of Tho -Royal are in stoic for a real treat.</t>
  </si>
  <si>
    <t>                                           Wild Man with A Sax                 EARL BOSTIC and his  playing   juke box bits "That's The Groovy Thing", "Temptation" .mil "84   Stump", will pay here next Thursday night, May 26th, at the New Magnolia, 8:30 p. m. to 12:30 a.m. Admission Sl.OO.- Bfaraon anil Griggs Attractions.</t>
  </si>
  <si>
    <t>                                           Less than a thousand watched the benefit baseball doubleheader sponsored by the YMCA Industrial League Baseball Leagues at Rickwood Field last Saturday. This was an improvement in the turnout over some other league promotions. Yet it fell far below the expectation of...</t>
  </si>
  <si>
    <t>                                           Baltimore Adopts New Golfing Scheme                 BALTIMORE (NNPA) With racial discrimination  by a Federal court order, at a hectic session last Tuesday night the Board of Education and Parks hit upon a scheme to keep colored and white golfers from using municipal courses at the same time.                 The scheme restricts the use of courses by colored golfers to the fo!- lowing days: Carroll Park. Mon- i days, Thursdays. Fridays. Saturdays c!ld Sundays: Mount Pleasant Park, Tuesday. Clifton Park, Wednesdays and HHIsdale Park, Thursdays. This schedule opens to white golfers on Tuesday and Wednesdays the golf course in Carroll Park, which prior to July 13 was set aside for the exclusive ir,e of colored golfers. The board s action will most like- ly result in further action In the United States District Court here to compel compliance with a non- discriminatory policy in the use of i municipal golf courses here. While three  were opened to colored i people, their use is still restricted en the theory that the larger num- ber of white golfers entitles them j to preferred consideration. MAY COMPLAIN I The United States Supreme Court has ruled that the constitutional j right to the equal protection of the laws is a personal one and, regard- i less of the demand. If an individual is denier! substantial equality of l.lv.' Ul. In' may -ly                 plain that his constitutional - j lege has been invaded. j Dr. Bernard Harris, colored mem- ber of 'he board, protested against i the scheduling of days on which j 'ho Rolf com-e may be used by col-  golfers and held out for -  use of the courses. "The Court has decided that Negrors have the right to use the golf courses- all of them- in common with whites," he said. Intrrrujtin . W. B. Scrim- ger pointed out that the court gave i either    - colored golfer who I brought the action ov the Board of Education and Parks and Hie  j defendants the privilege of  i an amendment or modification of its order. "Only now are board members willing to put their opinions forward." Dr. Harris declared, adding: "They had an opportunity before the court acted, but they did not exercise it. "This is an attempt to continue . It brings out the real feelings of board members. We hedged before the court acted; now j we show our true color. Dr. Harris offered a motion to I "open all golf courses in public courts, as ordered by the Federal court to Negroes and whites alike." His motion received no second. j SAYS SCHEDULE FAIR "The suggested schedule is in ori (Continued on Page G Col. 3)                 Baltimore Adopts (Continued From Page One) tier,' remarked J. Marshall Boone who hod proposed it. "Only a  few Negroes play go.l compared with (he many whites. Con'dering the number of Negroes that -~""ire to play our .schedule is verv fair." H''; motion for adoption of the schedule wn.s seconded by Scrimiier. Robert Garrett. chairman of (, put the question and the motion was adopted with Dr Harris voting, -NO." When a board member question- ed whether the schedule met the or- i der or the court. R. Brook. Max- well, director of the Bureau of Parks, said lie had been advised by the City Solictor that file "Board i would not be held in contempt of i court if it drafted regulations." but i that any aggrieved golfer might in- j stitute further action in the Fed- i.'ral Court if "reasonable grounds be found for further action."' Alter Mr. Maxwell and August j Hook, superintendent of parks, re- counted the events leading up to tne presentment of seventeen per- i sons by the grand jury on  ol violating Park rules in c9nn.ee- ton with interracial tennis 'games j played in Druid Hill Park on July                 11. Mr. Boone moved that the boa;d commend. Maxwell, Hook and Earl S. Carrowhill of the Bureau of Re- creation "for so efficiently handling a most difficult situation." "I do not object to the commendation," said Dr. Harris. "The men carried out silly orders drafted by 'he board. But I want to quote what Mr. Hook has been reported as   the press, namely that such  are likely to cause  lie riots." He added that he has s:\id the same thing over and  again. "The regulations deny citizens their rights, and they are going to  to protest every day as long as such rules continue in force. "These foolish directives will cause riots and we wil all sit back and feel sorry. It will be charged erroneously that such action as we have seen take place in Druid Hill Park is  inspired. But that is wrong. "Tlii-   is ;Rraceful."</t>
  </si>
  <si>
    <t>                                           BALTIMORE -- (NNPA) -- With racial discrimination banned by a Federal court order, at a hectic session last Tuesday night the Board of Education and Parks hit upon a scheme to keep colored and white golfers from using municipal courses at the same time.</t>
  </si>
  <si>
    <t>                                           - pi iBk smooth VS\_^-    jj^^- ^^t/~ SPENCER nt\ MDlVlDUiU.Y DgSIOKKD \l\ II supports  Dcsignca lo  your I' ij'  promote yout general health. VIrs. Marie B. Bennie  8 Division St.. N. W. AM. 2114 I</t>
  </si>
  <si>
    <t>                                           Ministers and laymen of file Atlanta conference, joined by Atlanta leaders high in the church, community, business and in professions, roared a cordial welcome to Bishop and Mrs. J. W. E. Bowen Tuesday evening. The exercises, one of a series of...</t>
  </si>
  <si>
    <t>                                           AMERICUS, Ga. -- Mr. Chas Kimber and Mrs. Katheryn Carter Kimber were recently married. The ceremony was performed by Bishop W. Y. Bell, who presides over the Georgia and Florida conferences. They are honeymooning with his parents...</t>
  </si>
  <si>
    <t>                                           MRS. NELLIE B. STROZIER of 598 Jones Ave. N. W. was given a surprise birthday party on Friday July 2 at their home by her husband, Mr. J. R. Strozier. She was the recipient of many lovely gifts...</t>
  </si>
  <si>
    <t>                                           DRAFT                 United States military officers are working .steadly on plans for the start of the nation s second peace time draft. Registration will get underway probably about August 16, when some 4,000 local draft boards are organized. Draftees are j not expected to start /or training i camps until September 22, of later.</t>
  </si>
  <si>
    <t>                                           NOTICE TO VOTERS! Come to WHEAT ST. BAPTIST CHURCff FRIDAY NIGHT, 8:00 O CLOCK And hear a report on The National Democratic Convention and the meaning of its platform on Civil Rights. Principal Speaker: SI ATTY. A. T. WALDEN Sponsored by Citizens Democratic Club</t>
  </si>
  <si>
    <t>                                           It's been many a season since the Kansas City Monarchs has come up with an outstanding club although Monarch Teams have been leaders and contenders from year to year in the Negro American League.</t>
  </si>
  <si>
    <t>                                           DAILY CROSSWORD                 ACROSS 1. Of the cheek bone 6 Enclosures for fowl H SuirnrTs 12 Young owl 13 Male cat 1 i Marvel 15. Entangles 18. Father 19. Sun god 20 Units of work 21. Moisture 22. Birds, as a class 23 Conflicts 24. Large, soft pill 2fi. Ripe fruit of the rose. 27 Genus of the hly 28 Forbid 29 N'euter pronoun 31 Small drink 32 Discoverer of wireless telegraphy 31 Avenue i abbr 35 A state of uncertainty 36 Biblical character 38 Title of respect 30 Ascend 40. Common Eur. kite 42. A church council 43 Lavished foolish fondness on                 DOWN 1. Bishop's  2. Fragrance 3. Young sheep 4 Advertisement 5. Music note 6. Loses heat 7. Possesses 8. Ancient 9 Kind of small frog 10. Dried grain stalks 14. Coverings of false hair 16. A musical show                 17 Metallic rocks 21. Dib 22 Drooping 23. Cringe, ns with pain 24. Fruits 25 Shaped fikr an  26 Musical instrument 28. Smash in 29. Interior 30. Arranged in layers 32. Muffled the tone of 33. Beginning                 AlRTi TaWAL ASK H'Tl' *iK 1 1 1 1 i               _ MoIHeMo  Bn a v y            'f, AiihMi-r 35. Tolerable (hyphen.) 37. Storage place 40. Gadolinium is.vm. i II. Bc-hold!                 1 2- s '/tt/i b 9 Tio III ill i II: is ib n III 1" 11        C ll_ I" i0 l_Il 1_I 111 A\\\mA\\\                 DAILY CRYPTOQUOTE- Here's how to work it:  Is L N G F E L L W One letter simply stands for another. In this example A is used for the three Us, X for the two Os. etc. Single letters, apostrophes, the  and formation of the words are all hints. Each day the code letters are different. - A cryptogram quotation  Z H I Z C  ,    ZC  D V T D D. YeMerda.v's ('r.: OH IF THOU LOVEST AND ART A \      '-.HIDE.THY.      FROKl HIM WHOM THC"-r DOST</t>
  </si>
  <si>
    <t>                                           JEAN WORTH BORN WITH POWER Strange power enable* .till* great medium to call  name. Tell yon what ^^^rai^VB yon want to '^H'l-9 know. Advise M*liW     PH*~iJ^JH   nch aa k XW^Bl 'OTe    ' busi* I M. jUf fP     1' T e without  questions. Why be unhappy? Tomorrow may be too late.    . 9 a. m. to 1 p. m. Snndaya and week-days. 1269 BANKHEAD AVE., N. W. AUWOhfD PARKonRIVEaCAR to  STREET lean help you-*ee me today</t>
  </si>
  <si>
    <t>                                           Follow The Gang TO LEES INN Presents Ray Seteed, J*. BALLET TO APPLE JACK ADDED ATTRACTION JIMMY ECHOL S FOUR NOTES Sunday And Monday July 4 and 5 MUST SHOW- !~:.'ll) V. M. SECOND SHOW 1 1 :,}0 I\ i\l. CO.ME  TOR (  TRY OUR DELICIOUS FOOD SERVING ONLY THE HEST STEAKS, CHOPS, CHICKEN,  AND ALL KINDS OF SANDWICHES LEE S IAN 13V Ashby Street. S.W. (At Parsons St.)</t>
  </si>
  <si>
    <t>                                           LAFF-A-DAY                 "Sht^s at that awkward age /alia into every man s arms!"</t>
  </si>
  <si>
    <t>                                           For the past three years, Joe, this column has been serving as all employment agency trying to find you a decent job. This week we offer you what we think Is the best opportunity that has come along in the past three years. Give a look and have a job:</t>
  </si>
  <si>
    <t>                                           NEW YORK--(ANP)--- Negro fighter pilot of the famed 332nd Fighter group, whose "Red Tailed" Mustangs won battle honors in North Africa and Italy during World War II, will participate in the serial review of the United States Air Force planes flying in...</t>
  </si>
  <si>
    <t>                                           Chester Ave. In Midst Of Revival                 Revival services got underway Monday night at Chester Ave. Second Baptist church. Rev. J. A. Warren, , with the Rev. J. L. Wilson, of Americus, Ga., conducting the drive. Next week the Rev. C. V/oods will be the revivalist. The public is cordially invited to attend the services.</t>
  </si>
  <si>
    <t>                                           WASHINGTON, D. C.--(NNPA)--Approximately 48 per cent of the colored families in the District of Columbia had total family income of less than $2,500 in 1947 as compared with 14.51 per cent of white families, although only about 29 per cent of all families here are...</t>
  </si>
  <si>
    <t>                                           Improvement Plans                 , Miss. (ANP)- When Alcorn college opens this fall, many new improvements will have been added since Us close this summer Dr W. H. Pipes, president, revealed that new improvements have also been planned for the earning year.</t>
  </si>
  <si>
    <t>                                           SYMPHONETTE SS CLUB meets Monday at 8 p. m., with Mrs. Juam ta Ward, 240 Roach St., apt. 673.</t>
  </si>
  <si>
    <t>                                           Macon Negro Assails Negro Leaders In State                 The Communist Daily Worker in a  story from Macon, Ga., quotes L. Marshall, co-chairman of                 the Georgia Wallace For President Committee, as predicting "that 95 percent of the Negro voters will vote for Wallace and Wallace candidates in Georgia." The Daily Worker story continues quoting Marshall by slating: "They may no;, speak up like I do. As for me, I have only one time to die and I am going to keep on speaking up for what I think is right." Marshall  to the Daily Worker, "estimated that there are now 180.000 registered Negro voters in Georgia. There were some 125,000 in 1946, and thousands have registered since then. "It will be hard going and no picnic to get Wallace's name and the People's Party on the ballot." Marshall assailed C. A. Scott of the Atlanta Daily World and Col. A. T. Walden, leading Atlanta attorney in the Diily Worker article. I He attacked Georgia Negro leaders for not warming to the Wallace movement and for their political views. Commencement I At Dillard To Hail Julius Rosenwald NEW ORLEANS. La. Dillard University which has been the larg est recipient of appropriations of all colleges receiving financial aid from Julius Rosenwald Fund of Chicago, will honor the memory of the late humanitarian and great benefactor of the Nesro race during the coming commencement season when the main academic building will be formally .1 as Rosenwald Hall. This action was adopted by resolution of the Trustees of Dillard Friday in their annual meeting, The decision to honor the memory of the noted philanthropist at this time stems from the fact that June 30 the Julius Rosenwald Fund, which he established, will be liquidated.</t>
  </si>
  <si>
    <t>                                           "GIVE it up. Angela, darling." Hat said in her soft husky voice. "Why not stay 4 here instead of trying to get all the way into town today? Look at that..." She waved at the dazzle of flakes churning thickly beyond the windows of Angela's bedroom at the...</t>
  </si>
  <si>
    <t>                                           FINISHES HOWARD MEDICAL SCHOOL- Dr. Wilbiirn H. Wedding ton-son of Mr. and Mrs. Earl Weddinpton, of Hiram, Ga.. and grandson of Mrs. Viola Moore, also of Hivam. was a recent  of Howard Medical School. Washington. D. C. He will do his medical  at t'.ie Kansas City General Hospital No. 2 beginning July 1. Dr. Werldington did his  work tit Morchouse</t>
  </si>
  <si>
    <t>                                           LADIES NIGHT Monliiuinery, i Alabama, Omega P.si Phi chapter entertains at tenth annual "Ltidies Night" at well-appointed residence of Dr. and Mrs. W. D. Pettus. Pro-                 fi-ssor T. H Randall, Ur. H. I. V;m Dyke, and Professor P w Taylor are the major officers of the Sigma Phi graduate chapter.</t>
  </si>
  <si>
    <t>                                           Army Works Toward Gillem Report Plan                 Washington. U. C. - A careful reading of the transcript ot a press conference held by General j Jacob L. Devcrs, commanding the Army field forces, shows that the j Army is working toward : out the policy adopted ;is rr. ol the recommendations of the Gillcm                 Board on the utilization of colored manpower in the postwar Army. Tiiis policy cans for the - ment of colored troops in units ir.i I larger than a regiment, and these i units will be parts or large whiti j organizations. Present, plans do not call for integration on an  i basis. At the press conference held in the Pentagon building on March 31, General Devers was asked whether there had been any plann- ing -on the integration of colored troops. Work To Doctrine "Yes", he replied, "We propose to carry out the doctrine which we i are working on and which was given in the Gilleni Board report. and will take care of the Ne- gro troops just u_ we are m the Army today. The Army has a pretty clear, bill of health in this matter." "Will they be segregated or in- tegrated? he was asked. "I don't want to get involved in the tcim "segregation" or "integra- tion" General Devers replied. "I am not going to get involved in that. What we are trying to do is to put a Negro unit or battalion in a re-  with two other white battalions. "I don't know whether you call that integration or segregation. It is along the policy of the Gilleni Board report and puts their in com- j petition in their own units, so thai they can develop and grow and give                 iis :i broader \yj\v; so If l. rvi-r have to put into battle, they will.!  e Sen.  on ;i Dcucr basis than before. ()        ON INFANTRY Hasiu that been : already in  of the infantry units? he was asked. "It has been done in the Eightysecond  Division i as being done in all my units at the  iil," General Devers replied. "The Thud Annum!'.1' y reporter . "Yes, replied General Devers," the Third Armored lias Neijroes in  down at. Fort Knox. They handle the Negroes at Knox in i. training division and we also  ihem in tlic Ninth Division at i Fort i Dix. "I was thinking of the Second Armoieu, a reporter suggested. "There used to be a colored battalion m there," said General Devits. "but they have a  somewhere else  in General Ltinems . TANK BATTALION ~'Inure is to uc a  lank "n;it!."  Ked Lieutenant General Alvin C. Gillcin. commanding general ot the Third Army, who was the chairman ol the. board ol officers which made the .study am  to the Secretary of War i ml' lL  on tne post war - I t;on ot colored manpower. I "You have a regiment in the Tweiity- Division, have you I not, sir? a ie]) n.sked. I "It uhe Twenly- Infantry' K'jgimcp.ti is over in .Japan." volun- i (cored Major General Floyd L. Parks, chief of the Army's division of public information. "That is ii solid ," said (Continued On l agr 6; Col. 4)                 Army Works (Continued l rom I'HRr One) .1 reporter. Will there bo any more Nci^ro units as well us  in i j your present p... us in the j I I.M.-.C el me Twenty- Divi- I sion?" "1 am inclined to Hunk there will nut be any ; there will be ."  Cieneral Uevcis. I "tii  Ciillcm. can you answer I that?" j "U was prescribed dial there would be, by the board- that, there would be up to and including regiment." General Gillem said.</t>
  </si>
  <si>
    <t>                                           Washington, D. C. --(NNPA)--A careful reading of the transcript of a press conference held by General Jacob L. Devers, commanding the Army field forces, shows that the Army is working toward carrying out the policy adopted as a result of the recommendations of the Gillem...</t>
  </si>
  <si>
    <t>                                           NATIONAL COLLEGE FUND GOAL SET AT $1,400,000                 NEWARK, N. J.- (NNPAi The. Essex County campaign to raise S30.000 for the United Negro College Fund was launched last Wednesda; .it a meeting at Hotel Sherntotm                 A. H. Piuli-r uf Piiilci- and Puder, Newark ,  of th- committee, pledged thai the quo'.a will be filed and urged Essex County to so! an ? for ~\w rest of (l.o nation. The national ko:i1 in the Fund's   i';.:i toward  of -lwo colored .s in tho Soutn is $4,400,000. or 10 per cent of the college budget. The college:, offer undergraduate a.id -Monal training. The cam3U'.;::. will  through May JsTATK QUOTA Lauii'iire J. MacGrogor. .!ent of the Summit Trust Com- ,)any, state drive chairman, an- nounced that state quota is $00,000. I                 Urging support of the drive, he stated that education is one of the most important factors in realization of the dream of Ainerica as the land of opportunity. Leo U. Marsh, associate secretary of Central Atlantic Area Council, National Council of YMCAs. and co- for the state drive,  tile commit in- that other  in the stat,- are looking to Essex fur l.:.ship in the drive. H;; said that all tin- participating college:; nrc fully accredited and. Iheir records are accepted for posta- work in Northern universities. Answering a charge that  !f colored colleges perpetuates segI , he .stated that the best  to bring about total Integra! 'on s to improve the institutions which "rain young colored people to take 'heir place In "a difficult society"</t>
  </si>
  <si>
    <t>                                           NEWARK, N. J.--(NNPA)--The Essex County campaign to raise $30,000 for the United Negro College Fund was launched last Wednesday at a meeting at Hotel Sheratone.</t>
  </si>
  <si>
    <t>                                           Fifty-seven campers, seven adult counsellors, and 6 junior counsellors arrived at Camp John Hope, Monday, July 5, to begin an active double session camping period. Many of the campers were "first-timers", a few were old-timers. But, whether new or old, the elation was the...</t>
  </si>
  <si>
    <t>                                           1/v I ^B^ByBB -flou/ I i</t>
  </si>
  <si>
    <t>                                           COURT CHUCKLES by s.h.r^i</t>
  </si>
  <si>
    <t>                                           Atlanta  PtMtohed Every Morning Except Monday, at 210 Auburn in. Member*: 8NS- NNPA- ANP W. A. Scott H, Founder-Publisher, Aug. 5, 1928, to Feb 7    4 Founded Aug. 8, 1028; Became Dally March IS 1 9 Telephone: WAInnt 1459 14C9 Entered In Post Office at Atlanta (3), Ga., as second class mall under the Act of Congress, March 13, 1879 C. A. SCOTT        . and       ! Manage, SUBSCRIPTION KATES BT MAIL: Dally: 1 Year- SI 2.00; 6 Months- $6.50; 3 Months- $3.8  Saturday Ouly: 1 Vear_$4.50: 6 Months- $2.50 Canada: Vear- $5.50; 6 Months- $3.25; Foreign 1 Year- SIM Subscription Hates By Carrie)- 25c Weekly THE ATLANTA DAILY WORLD is an  newspaper  and non-partisan, printing news absolutely  and supporting: those things It believes to be tc the Interest ol It? readers and opposing those things against the Interest of Its readers THE WORLD expressly repudiates responsibility for return of  pictures, manuscripts, etc., unless stamps are sent. THE  TO VOTE "The right to vote murt be open to all our citizens Irrespective of race, color, or creed without tax or artificial restrictions of any kind. The sooner we get to that basis of political equality, the better it will bo for the country    a whole." *   *lln u</t>
  </si>
  <si>
    <t>                                           Joe Louis riot only thrilled thousands of Americans on the night of June 25 when he won a knockout victory over Jersey Walcott, but he brought a great relief to many other thousands when he made good his promise to his mother that he would retire from the ring.</t>
  </si>
  <si>
    <t>                                           BINION, Mrs. Mable--of 247 Linden Are., N. E., the mother of Mrs. Mary O. Roberts, of Cincinnati. Ohio; sister of Mrs. Jennie Heads, grandmother Mrs. A. R. King, passed away at her residence July 1, 1948. Funeral announced later. Haugabrooks...</t>
  </si>
  <si>
    <t>                                           4fjA jtt 'H $m Rayon Ctuhmere Pp *m S ROBES E AWifiwiwm HHlH I t5% Redttetlon jj^ /        3M PV9BIV     Values front 3.85 to 8.8* *im 9m IVote m Store-Wide             92#95 to $7%45 g^l U Fitted g ^^^J  Hdl/       ml  ^F fe vni^y^tMi TOILET a 39 FALL SUITS O/MJ KITS P#* Broken Sket i^./B *      Valwea ap to  St ^^M. Values up   $1S P^ SPORT HANO-STITCHED NOW Wt COATS CARDIGAN ^M   1    $27. so  IA^1V*,    Ml MOW $17.50 IVnwSlft Xf%             Panamai, Soft SHORTS IF FALL HATS STRAWS and ia Prtee tl2.50       *               from 1.50 lo*~5 WOW 9      Valuet from .7.45 to 8.45 Wow  5       Wa  PORT S1-70 to $4.20 75c to $1.35 H SHIRTS NECKWEAR         #~~~        ^ PR 25% Discount 25% Oft  a)K            Value* from $1 to 3.80 *Ki!*    9ji $3.Soto$i2.so  SHORTS 8K 2Vow    C IO 9  HO B $2.60 to $9.35 """^Zftiir""" v.  ..   3.~ ,~^t  Made-to-Netuure NOW $1.95 ,~K 100% Wool Summer ^m Colored and Fall Weiant *^^WW^ W DRESS FoiwuT^*Jfro='25 WHITE DINNER ffl SlUtllS  JACKETS K 25% Discount White        K Value* from 2.85 to 4.85 ]9fESH  W*re 3S'59 $2.2 mo"Wo I      ^49s 9 PNfWHMS DRESS K 11^^  shirts tf!$  ' ^4   95.00            59S9         Hkt cotton. W^niJA^J:ij^~J'HlMMI: Now $3.45</t>
  </si>
  <si>
    <t>                                           LODGE (g$3kPR1 NOTICES WF.U.M. AUBURN AVE.*t H1 ST. GATE CITY CHAPTER, NO. -48. OES Tuesday, Afternoon, May 4, 3:30 p. m. Mrs. E. L. Davis, W. M. Mrs. Mattie Mobley, Secretary St. James. No. 4 I Tuesday, May 4, 8:00 P. M. Elmer Lewis, W. M. L. C. Henderson, Secretary</t>
  </si>
  <si>
    <t>                                           DRESS MATERIAL .N ril. 49c yard  SKKRSJYKtK 59c yard BALLOON CLOTH 69c yard All Suutorlmi I'rt'shrunk All Fast Colors THE INDIAN RIVER MILLS :tr.  STREET, S. W.</t>
  </si>
  <si>
    <t>                                           4,000 ATTEND POLITICAL RALLY IN BRUNSWICK- More than -4,000 voters from over the entire eighth Congressional District stood in a rain here Labor Day to hear Rev. A. L. Brewster in a masterful plea for a large turnout of voters over this entire district In the Democratic Primary. interested  the large crowd was such that very few left to seek shelter from a hard downpour of rain that fell during: the address. There were large delegations from sever al counties over the district, and the various County leaders spoke in interest of the country and election expected to do on' election day.                 The Rally was held under the leadership of the eight district Democratic Association, an affiliate of the Georgia Association ot Citizens Democratic Clubs, under M. J. Hadley of Waycross, Ga. J. M. Atkinson, treasurer of the State Association was director of the program and acted as master of ceremonies. Curtis Davis of Ocilla, Ga., Francis Brown, Blackshear, Joe Maxwell Jessup, Thomas Scott, Woodbine, Pres. Essaw Johnson and Sec'y Moore of Waycross, T. P. Williams, of Brunswick, spoke for their counties. The Meeting was opened by C. A. Moore, State Vice-President and the welcome address was made     V-?                 H. E. Dent, of Brunswick, 'in the place of J. R. Robinson who \va? ill. Following the addresses the large group was served a ! dinner by more than 7:5 womer. under leadership of J. L. Carmouche, chairman of the Thompson for Governor Club in  country and general chairman oi the rally. Assisting in the plans for     rally were J. D. Diggs, W. P. Holmes, John Early, Harold Tatnall, \V. H. Dennis, H. E. Dent. Genoa Martin, C. A. Moore, Duke Miller, Mrs. Klmira Cayson, Mr? Virginia DeBignon, Mrs. I. M Harrington, Hen Howard, I. I, Carmouche, T. P. Williams, .1. M. Atkinson as director and others</t>
  </si>
  <si>
    <t>                                           COVINGTON, Ga.--The Esquires met Tuseday night with Mr. Walter G. Boyd on Ivy St.</t>
  </si>
  <si>
    <t>                                           Chris Roulhac, now coaching at Albany State College, Albany, Ga., and former All-American football player at LeMoyne College paused in Atalanta Thursday at the Atlanta Airport while enroute to Grand Rapids, Michigan to attend the National Women's AAU Field Trials.</t>
  </si>
  <si>
    <t>                                           PINE BLINP, Ark.--(SNS)-- Dr. R. H. Alexander, president of Shorter College, North Little Rock was the guest speaker at the formal opening of the fall term at Arkansas State A. M. and N. College on September 10. He admonished a capacity audience of...</t>
  </si>
  <si>
    <t>                                           MADAM EVA *5c- SPECIAL READING -2Se H^V^V^^^^^^HmB SVortd'H          ^~~1  i^^^Hrnnsult till .v ~"!~~=*~ rS^^^B wr JblMDs It) M.td f I JBT 1 1 1 ^H^^B rv:t      ^~/Wnf)^~^~W  ur nil*, VnL/ ^^^B -rouble, br  VH n* .^^^^IB '-1IIA :*'tt* m^ _.L i^^^^^^B la      to f*rd       c.r. Pleas.'^'k ihi r.V T"?.  lo let  oa  two su.os ut, ihR Jlher tide ol Klnt PIok Co., Ailani*. (ia. 25c- SPECIAL READING _2Sc Tour Luchv  and Months ,.x Given Free.</t>
  </si>
  <si>
    <t>                                           A Little Skylight Quit your grousing Lend a hand. Don't you want To understand? -P. J. EARL</t>
  </si>
  <si>
    <t>                                           Political Mass Meetings To Continue Here                 The Fulton . Citizens     .  't\W wiri hoti "Its  in a series of political meetings  tdr the week tonight at 8:30 o clock at the New Springfield Baptist church, corner Linden and Pledmon ave. Club officials have stated that resourceful discussions will be conducted on current political issues, national, state and local. Another meeting Is slated for Wednesday night at 8:30 o clock/at the Corinth Baptist church, 637 Simpson St., Rev. W. L. Weemg, pastor.</t>
  </si>
  <si>
    <t>                                           WALL PAPER YOUR ROOM 98c (FOR PAVER) PAINT -HARDWARE NAILS Mitchell Supply Company 1311 MITCHELL ST., 8. W. Between Whitehall and Pryor</t>
  </si>
  <si>
    <t>                                           Yes! We Have It! Just The RING WATCH or RADIO VOtf'VK KEEN LOOKING FOR Ami At The PRICE YOU LL LOVE TO PAY Come in and See Them Today. EASY CREDIT TERMS j Rose Jewelry Company 12(i Edpewood Avenue CYpress 7871 EXPERT WATCH REPAIRING BURGLAR BARS  22     AND ENJOY SURE I b^^^^H PROTECTION    1*55   ,..?~~  "~ !*~ f Ni.sK Williams. Representative Ra. 9383 fm Yours for Better Business  COMMERCIAL REFRIGERATORS ^-c*~5     *.^ add beauty and a feeling ol V^;       9^ quality wherever installed There ore  isi2 no better refrigerators made anywhere n. M,ri .f con* Compart them. L. C. WARREN JR. CO., INC.  tt MEMORIAL DMVg, 8. E. 88 Itil</t>
  </si>
  <si>
    <t>                                           f5t $i ! ^Sit^ZZSgi? All Colors Guaranteed Quality Brushes And A Complete Line of Paint Supplies- At Very Low Prices. National Loan Paint Store 78 Decatur St. LA. 4791</t>
  </si>
  <si>
    <t>                                           SANDERSVILLE, Ga. -- Springfield Baptist Church ended its 82nd Anniversary September 5 with dingier served on the church lawn. Rev. F H. Hart is pastor. Rev. J. R. Sandford accompanied by his wife was guest speaker Sunday night at St. Paul AME Church. Rev. and...</t>
  </si>
  <si>
    <t>                                           WASHINGTON-- (ANP)-- Nearly 4,000 people gathered at Griffith stadium Saturday night to witness the second annual music festival sponsored by the Washing ton Guilds of the National Negro Oepra company, Ind. The festival climaxed a week's convention of...</t>
  </si>
  <si>
    <t>                                           QUALITY YOU TRUST..., PRICE STILL 5 CENTS V. %. I % I rf   -    Mmii.Y-t-.tM3h. c:V- 8OIT160 UNDER  OF 7llt COCA-COLA COMrANY 6Y THF.  COCA-COIA BOTTLING CJ.V.;-A.,V SW..ft.  ,.M.</t>
  </si>
  <si>
    <t>                                           it s Itecu and it s Smart f FETCHING BRONZE ForWom..hr (SENS ATION AL_STYLE SHADE g IMhm Bronx. Powrf.r (0F BLACK fig WHITE FOWLER ^^flP^^v/ *'lc ex .^r Bt?r\ ^^f \/%^~ BLACK and WHITE fna^^S^^'tg I BgfCf8^^ MEDIUM RASPBERRY  ^^^g^g"^</t>
  </si>
  <si>
    <t>                                           T TYLER By Lvman Youno                 FELIX THE CAT By</t>
  </si>
  <si>
    <t>                                           r- ItfG TIME" WRESTLING AUDITORIUM, FRIDAY, SEPT. 3 Terrif ic Finals of Girls Mat Tournament Three Girl Bouts FOUR LADY WRESTLERS Which One Vyill Wjn? TERESE THEIS, youngest JUANITA COFFMAN, tigress JUNE BYERS, roughest MAE YOUNG, blond ball of fire 3 Men's Match SKI-HI LEE Vs. JIMMY COFFIELD KING-SIZE PAPA Vs. KANSAS CITY CYCLONE ;r TICKETS $.75</t>
  </si>
  <si>
    <t>                                           Members of the Atlanta Tennis Club summoned their best 'Sunday Punches' to active duty Sunday afternoon to snatch a 4-3 victory from the invading Tennis team from Columbus, Ga. on the Washington Park Recreational Center (Tent City) Courts. The matches were...</t>
  </si>
  <si>
    <t>                                           SPEARHEADS BEACH DRIVE Through the efforts of a group of public spirited citizens spearheaded by Dr. Mary McLeod Bethune, one of Florida's choice ocean-front tracts is now flung open to colored America.                 I Culminating a dream of some 25 years. Dr. Bethune and her  elates were successful In acquiring for a development tract of over two and one-half miles of ocean frontage In an area of world famous beaches. Located on a . such as other famous Florida (Continued On Page 4 CoL 4)                 DR. M. M.                  i Mrs. Bethune K'onlimu-ri from l age Onel beaches are. the tract also front on Die Indian River North for the same i distance as along ."tie ocean. Situatecj about 20  south of Ouylona Bc;icl). the u-.icl has been -ly  Belhune-Volusia                 3each, and bids fair to become the .           development ul its Kina i n America.  mg irom other developments iK - Beach is in a year  ound area and affords the ultimate .n summer and winter beach and j  sports and some ot the best i  1110118 tne coast of Florida. mi* average year-round tempera-. lure ranges from H5 to 80 degrees, snow is unknown- and the ocean   it comparatively cool in summer.      )K  The bench  is unique It is hard and smooth and  t tide automobiles muy be driven on the beach sand. Then: are no sudden drops in the water, making it a safe beach As is well known, this area is one uf the most healthful in the United Stales and people from all over America, come here every day in the year an denjoy this healthful and invigorating cl mate. Some ot ihe outstanding names in America constitute the heads of the Zbnipnny. G. D. Rogers, president of Central Life Insurance Co., and Dr. William H Gray, Jr., the president 'of Florida A. and M. College, in addition to Mrs. Bethune, are among some of the officers of the company. N. S. Chaplin, an outstanding man of his profession, was chosen by the company to promote the sales of the property. The tract has been subdivided into more than 2500 lots that are now being offered for sale for the first lime in Atlanta. Besides residential sites, locations for businesses and hotels are also available. Alexander and Calloway Realty Company of 208 Auburn Avenue, N. E., of this city, has been designated as the exclusive agents for this area and in addition to the services  by this company, a personal representative of Bethune-Volusia Beach is now at the offices of Alexander and Calloway 10 furnish first hand and complete information about the beach. The price range of lots in the development is exceedingly low. They may be purchased either for  or on a liberal budget arrange ment. Only a limited number oi lots has been assigned to Atlanta and it is urged that immediate attention be Riven for choice locations.</t>
  </si>
  <si>
    <t>                                           SPEARHEADS BEACH DRIVE -- Through the efforts of a group of public spirited citizens spearheaded by Dr. Mary McLeod Bethune, one of Florida's choice ocean-front tracts is now flung open to colored America.</t>
  </si>
  <si>
    <t>                                           EUTOPIA SAVING CLUB will meet with Miss O'Neal, 669 Reed St., Monday at 8. P. M.</t>
  </si>
  <si>
    <t>                                           The writer had the honor of meeting Miss Alice Coachman the student of Albany State College the other morning as she arrived on the Seaboard Airline R. R. Comet on her way to Albany, Ga. Miss Coachman won honors in the contest of high jumpers.</t>
  </si>
  <si>
    <t>                                           WANT AD INFORMATION i 4i tl MINIMUM: Two lines 110 words). in estimating space for classified ad count  averate words per line CALL WALNUT 1459 ASK fOR CLASSIFIED AD DEPARTMENT same Rf-fa '.VVnd  .rtU1.: 8           orl. In Oeorgl.,  nd  r6 th.                 "'"' .'."T4e"per  3 Inicrtiom lie ptr Until                 6 Insertions lie per Una 10 Insertions Id get tin*</t>
  </si>
  <si>
    <t>                                           Nine high-powered sluggers, representing the league-leading Raleigh Tigers of North Carolina, will be out to belt the daylight out of the rugged Atlanta Black Crackers when the two teams clash in a twinbill at Ponce De Leon Park, Sunday afternoon at 2:30 P. M.</t>
  </si>
  <si>
    <t>                                           Marshall Quits Democratic Club Marshall Quits Democratic Club                 MACON, GA. (SNS) -Negro Publisher Lark?n Marshall, active member of the state executive committee of the Wallace Progressive Party, resigned as president oJ the Progressive Democratic Club, it was disclosed Friday night by Dr. C. W. Dyer, club treasurer. Dyer said that a committee of club members had been named to choose a successor to Marshall. I Reports here during the week con tend that the executive committee of she t- Party had  Marshall to resign from the democratic club on the ground that the club was said to be supporting candidates not acceptable to Wallace. MACON, GA. (SNS) -Negro Publisher Lark?n Marshall, active member of the state executive committee of the Wallace Progressive Party, resigned as president oJ the Progressive Democratic Club, it was disclosed Friday night by Dr. C. W. Dyer, club treasurer. Dyer said that a committee of club members had been named to choose a successor to Marshall. I Reports here during the week con tend that the executive committee of she t- Party had  Marshall to resign from the democratic club on the ground that the club was said to be supporting candidates not acceptable to Wallace.                 Bus Companies Ignore Miss. Jim Crow laws Bus Companies Ignore Miss. Jim Crow laws                 JACKSON, Miss- (ANP)- Public corporations operating passenger service with in the state are winking at Mississippi's segregation laws by permitting the mingling of white and Negro passengers on trains and buses, according to Howard H. Little, state public service commissioner, here last week. Little said he had received a number oJ complaints that bus  were overloading buses to the extent that the line of demarcation separating white passengers from colored was obscured and many JACKSON, Miss- (ANP)- Public corporations operating passenger service with in the state are winking at Mississippi's segregation laws by permitting the mingling of white and Negro passengers on trains and buses, according to Howard H. Little, state public service commissioner, here last week. Little said he had received a number oJ complaints that bus  were overloading buses to the extent that the line of demarcation separating white passengers from colored was obscured and many                 times omitted. He said the  plaints stated that Negroes were I often sitting in white sections or standing in the aisles along with white passengers as a result of this violation of state segregation laws. The commissioner pointed out that it was the duty of the commission to see that laws governing the' handling of white and colored passengers within the state on trains, buses and In railway and bus stations, be "strictly observed" and that the segregation laws be "complied with in letter and spirit." times omitted. He said the  plaints stated that Negroes were I often sitting in white sections or standing in the aisles along with white passengers as a result of this violation of state segregation laws. The commissioner pointed out that it was the duty of the commission to see that laws governing the' handling of white and colored passengers within the state on trains, buses and In railway and bus stations, be "strictly observed" and that the segregation laws be "complied with in letter and spirit."</t>
  </si>
  <si>
    <t>                                           Police Seeks Thief Of Western Films                 Police were .saying Monday that .' culprit had mure Uian u Jiiodei-ate flare for "We.." when they were called to investigate the theft of two reels of lie movie "'Ram rod" and  reels of "Dangerous Venture." Tlic roll., of film were said to  been i.tolen from the United Artist motion picture concern on Walton St. The films were listed a:, property of Bailey Theaters. Lake Owner Shoots Hampton, Ga. Man A ;tl -year-old Hampton, Georgia resident was brought to Grady Hospital with u gunshot In the right jaw Sunday. Police  the victims brother. S. J. Newtou, us Maying Thomas New'ton was accidentally  by R Jordan, white owner of Jordan's Lake, the L- of the  Injured In Traffic Mishaps Two traffic accident;, involving pedestrians were recorded at police headquarters Saturday and Monday. Traffic officers said Mr.;. Maggie Smith. 50, of 40 Bell St., S. E. Apt. 118, refused to press charges against Oscar Frazier, of 400 B. Henry St., S. W.. although she received m broken right arm and several bruises about the body when his car :,truck her on Bell Street near Tanner St.. S. E. Sunday. Reports showed that Mrs. Smith was struck when the darted into the street from between two parked ears. i A hit-and-run accident sent Miss. Phyllis Harris, 18. of 128 Piedmont Ave.. to Grady Hospital Monday when an unidentified white driver backed into her while she was  Piedmont Avenue at Auburn Avenue, traffic reports show. The victim reportedly received an Injured arm pud back. In explaining the mishap, police said the driver overall a red light and struck the victim while backing up. After striking her he was said to have fled the scene. Suspect Sought In Fatal Shooting Here BESSMER, Ala.- (SNS i- Police were seeking Hezzic Weatherspooii, 31, of 2600 Fourth Ave., Bessemer in connection wWi the fatal shoot?    ' of Lewcllyen Lesiiore, about 38. of the same address</t>
  </si>
  <si>
    <t>                                           Dr. A. F. Harris Foot Specialist and Masseur Now at 383 Auburn Ave., N. E, MAin8716</t>
  </si>
  <si>
    <t>                                           Bring This Ad With You and Receive A FREE COCA-COLA (One To Each Customer) -Tall Cans PET MILK 15c LIMITED Streak Lean Croaker BACON, Ib. 27c FISH,lb. 17c OCEAN FRESH SWIFTS' Grade-A Sli^d BREAKFAST BACON, Ib 59c Table Dressed FRYERS, Ready-To-Cook, Ib 59c Maxwell House Mallow Bloom COFFEE, Ib. 49c FLOUR $1.65 25 LBS. SACK  FLOUR, 10 IMiaek 91c GRADE A FRESH EGGS, dozen 57C NONE SOLD TO MERCHANTS Those Prices Good ot CAMPBELLS FOOD STORES 443 EDGEWOOD AVE., 260 MARIETTA ST., 220 McAFEE ROAD Prices are low every day at CAMPBELL S A Show Ticket With Every $5 Purchase</t>
  </si>
  <si>
    <t>                                           Civil Liberties Planks Proposed For Democrats                 Recommendations Made Thursday To Resolutions Unit                 NEW YORK- Twelve proposed civil rights planks were presented Thursday to the Resolutions Committee of the Democratic National Convention by the American Civil Liberties Union. William J. Woolston, Philadelphia attorney, acted as (he Union's representative.                 The recommendations specifically cover: Ui. Abolition of poll taxes In federal elections. (2). Political freedom for labor unions equally with employers' associations. (3). Opposition to the outlawry of the Communist Party or special' discriminations in law against it. i4). Abolition of segregation In the armed forces, the federal civil service and in contracting agencies working for the -federal government: (5i. A national Fair Employment Practice law covering employers and unions engaged in interstate commerce. LYNCH ACTION (8)'. Federal Intervention in lynching cases where states fail to act. i7i. Rtiiiovttl in law of all discrimination:: against oriental peoples. 181. Permission by law for the people of Puerto Rico to vote on their future political status. (9). Citizenship and civil government for the peoples of the Pacific islands under U. S. control. (10). Fairer procedures for all federal civilian employes charged with disloyalty. Ui). Admission to the United, States of all persons engaged In activities associated with the United Nations, regardless of political views. (12). Adherence by the United States to international conventions submitted by the United Nations for freedom of international com(Continued on Page 4 CoL 1)                 Civil Liberties Continued From Page One  and the extension of human rights. NAACP ASKS FOR CIVI1, RIGHTS PLANKS The National Association for the Advancement of Colored People, submitted through Walter White. executive secretary, a statement on behalf of 21 Negro organizations, calling for the Democratic party to endorse President Tnjman's civil rights program. The NAACP statement declared: "The day of reckoning Mas come when thn Democratic party must decide whether it is going to permit bigots to dictate its philosophy and policy or whether the party can rise to the heights of Americanism which alone can justify its continued existence." The National Negro Council                 ed the party platform writers to endorse an immediate call of the 80th Congress into special session to enact civil rights legislation. J James B. Carey, CIO .secretary- treasurer, called for the adoption of civil rights planks, a "Roosevelt platform" and denounced the Re- I publican platform as "one of dc- celt. I</t>
  </si>
  <si>
    <t>                                           NEW YORK-- Twelve proposed civil rights planks were presented Thursday to the Resolutions Committee of the Democratic National Convention by the American Civil Liberties Union. William J. Woolston, Philadelphia attorney, acted as the Union's representative.</t>
  </si>
  <si>
    <t>                                           Ladies! You Must Meet Mrs. Hedgeman                 You are invited to the YMCA today at 4 o clock in the afternoon to meet Mrs. Anna Hedgeman. Service Men Mothers club members, leaders of all  organizations, chairmen of missionary societies, and all' club women, we. are inviting you to meet Mrs. Hedgeman In room 4 of the- Butler Street ^Branch of thi .</t>
  </si>
  <si>
    <t>                                           TIM TYLER                 By Lyman Young                 FELIX THE CAT                 By Sullivan</t>
  </si>
  <si>
    <t>                                           TRUMAN OPENS CAMPAIGN WITH BID FOR LABOR VOTE- Declaring that a Republican victory in November would wipe out                 labors high wakes and living sta,,(l ards, President Truman opens his I campaign for election in Detroit with an out-Mid-out bid for labors j                 key note. Tiie Chief Executive is I shown speaking before a record, crowd on the steps of Detroit's Oitv I                 Hall. (International Soundphoto)</t>
  </si>
  <si>
    <t>                                           Safer Son lA^UfC^ I Burglar aun' Jb 3u  JhLL w Jffl Nlsh Williams, Representative RAymond 9383</t>
  </si>
  <si>
    <t>                                           -     .t. Enlarge Religious Educational Dept.                 HOUSTON, TEXAS- James E. Gayle, New Orleans, Executive Secretary of the National Baptist Lay n.en Convention, announces that the Annual Convetion of Baptist Laymen will be held in Antioch Bap list Church, during the week of Sept. 8. This session will be                 standing of the enlargement of the Department of Christian Education of the Laymen Movement, where more than 2.000 laymen will enroll from the various churches throughout the nation in the Study Classes set up for Baptist Laymen. A feature of this session will be the John L. Webb Distinguished Service Award to the layman doIng the most outstanding work in                 in his church. Dr. William Holmes Borders of Atlanta will be the Banquet speaker at the issuing of this annual award. ARTISTS NIGHT J. C. McClender, president of the Laymen's Movement, states   pains have been taken in selection of teachers and lectures for this educational program. Much interest is being shown in the annual national artists night that will be he d Friday night September 10th, at the Antioch Baptist Church, 315 Robin Street, where top gospel singers of the nation will appear. Much thought is given to the objectives (Continued On Page 6; Col. 6)                 Bctpt. Laymen (Continued From Page One) of the laymen movement that is, the Old Ministers' Home and the American Baptist Theological Seminary, located at Nashville, Tenn., and the John L. Webb Foundation Scholarship Fund. Awards each year is given lo some layman of the denomination that has done an outstanding  of work In his church or in the field of Religious Edurat'.on. The following religious educators who will appear on program are- Dr. Chnrles L. Dinkins, Nashville: Dr. R. C. Woods, Arkansas; Dr. Roseoe Mitchell. New York: T. J. Upuack, Texas: Rev. John F. Morris, New Orleans: Rev. G. W. Harvey, Nashville J. W. Foster, Oklaho- ma; M. C. Averhart. Mississippi; Tfcomns A Dotspv. C!?o: Rev. T W. Lc^Kins. Denver; Jamos T Oayle. New Orleans; H. S. Dixon.                 Gt'ir.:fii: K'.'v. Ciardncr C. Taylor, New York; Carl Smith. Kansas City.</t>
  </si>
  <si>
    <t>                                           HOUSTON, TEXAS--James E. Gayle, New Orleans, Executive Secretary of the National Baptist Lay men Convention, announces that the Annual Convetion of Baptist Laymen will be held in Antioch Baptist Church, during the week of Sept. 8. This session will be...</t>
  </si>
  <si>
    <t>                                           Immunization Clinic For Children Starfs May 10 At Calvary                 Ilr .Tames P. ITVvkncv. Dmrt'ir of Public- Health,  -~ Hip  of the summer /al ion i clinic for all  on .Monday, May 10 in the Rorreuti'Wil CciHn of Ihr Grcatpr Mount Cnlvtuy nsp list. Clinrch. 36B Glenn St.. H \V. The clinic will be held r:  Monday throuph Friclny from to. '2 a. m. Vaccinations will hr -; . .smallpox :ind shots to prc-  ,   and  fever. Dr. George F Morse and the nurse will be - each . I</t>
  </si>
  <si>
    <t>                                           EVERYBODY ^^fc^Z^. LISTENS TO Because it s a popular radio program. Everybody reads our classified ad page because it carries records of popular money saving buys. ATLANTA DAILY WORLD WANT ADS WAlnut 1459</t>
  </si>
  <si>
    <t>                                           Every mid-August when the sun turns its merciless rays upon the sweltering world, millions of Americans demonstrate their love for sports. While their favorite stars melt on baseball diamonds, gridirons, softball diamonds, and hastily improvised basketball courts, we forget the terrific heat to cheer them on to fame, fortune and victory.</t>
  </si>
  <si>
    <t>                                           WIN A $3000 TICKET TO THE BIG FIGHT joe LOUIS vs. joe WALCOTT Yankr.9 Sfadium, June 23 Plus $50 Spending Money and a Round-Trip Railroad Ticket To NEW YORK Courtesy of ROYAL CROWN DE LUXE MEN S POMADE For Particulars TUNE IN "IN THE GROOVE" 4:45 w,.rA Dial WAG A 590                 MADAM EVA 2Sc- SPECIAL READING 2$c ^BflM^^H World"*       ^L^.1^Vl^^^^   . After res Jj9"S  llH^^H  an  jll ll^^^H  to Madsure mnd come at . Otflee hoon t.a. m. to 10 p. m ~"~11t and Snodair,. ltU W.     -tli gt., N. w., Atlanta. B* qr* to take (he Isats X*  !       ear..JPIe*jta aik.       fo=^o-(3r !et yoc. jjT9 toot eg ths other fids of Kins Plow Co., Atlanta, Oa. 25c- SPECIAL READINa.-*#ftc Your Lucky Daya and Months QiTen Free.</t>
  </si>
  <si>
    <t>                                           1. How much has the cost-of-living index advanced since the end of World War II?</t>
  </si>
  <si>
    <t>                                           Parker's Band was carrie0 In ... Ohio by Elks and during a parade they won first and second place in Band Achievement Forty were carried by special train. Highlights of the parade were soul-touching. Trumpet solos were rendered by Silly Sterling and Tolton Rosser.</t>
  </si>
  <si>
    <t>                                           N*w DauU* Sii;      At Much, Only $100 ALSO 3 LOVELY BROWN SHADES If your hair is dull, faded, burnt, gray, (fraying or discolored, one  bottle of BLACK STRAND or BROWN STRAND will color your entire head of hair to a smooth, even, lustrous,  shade. Whether it s all your hair, or just to touch-up your hair at roots, parting, temples or the streaks, you ll find either BLACK STRAND or BROWN STRAND. repeated when necessary, economical ana wonderfully effective. Only UOc at druggists. CAUTION:- Use only as directed. BLACK STRAND Tli. Black        Block Hotr Colon. BROWN STRAND light Brown- Medium Brown     Blown LACK STRAND CO., Ill t. CUnton. C -mo C, 111.</t>
  </si>
  <si>
    <t>                                           Mrs. Canine Davis, the pharmacist at the Union Prescription Shop left for her vacation tart week at her home in-Portmouth Va The writer knows this city will redeye her with...</t>
  </si>
  <si>
    <t>                                           Streetcar, Bicycles Collide; Cyclist Seriously Injured                 Cleveland Harris, of 332 Biggers St., was seriously injured Friday evening when his bicycle collided with a streetcar at Auburn Ave., and Butler St. Witnesses describing the mishap said the street and bicycle were moving north on Auburn when they j collided. Following the Impact the j cyclist was thrown underneath the j car and was presumably saved from the grinding wheels by the alert action of the motorman Jam-  on the brakes. Had the carl moved forward a few feet more, the massive iron wheels would have                 contacted the cyclist s body sprawled helplessly underneath. He was rushed to Grady hospital for treatment. Spectators milled about the area for several minutes awaiting the arrival of police. They had not arrived 30 minutes after the accident, r.Hhough at       two calls were made to police headquarters. Harris1 relatives did not know of his misfortune until contacted by phone by a World reporter. They said he was employed by the Georgia Paper Stock Company. i</t>
  </si>
  <si>
    <t>                                           -* Published Every Mornihg Except Monday  t ^ws" /VOLUME 21, NUMBER 48 ATLANTA (3), GEORGIA, WEDNESDAY, SEPTEMBER 29, 1948 poire      r^ f S</t>
  </si>
  <si>
    <t>                                           FELIX THE CAT BV Sullivan</t>
  </si>
  <si>
    <t>                                           I'll Icll you all ;ib();it mv h'~   in Sunday's -m of ?nv .</t>
  </si>
  <si>
    <t>                                           TB Survey Starts At Mount Olive Next Tuesday                 The Atlanta Tuberculosis Association is sponsoring a FREE CHEST X-RAYING Survey at Mount Olive Baptist Church. Tuesday, Wednesday and Thursday, October 20, 27, and 28, from 4 to 9 p. m.                 Tlie purpose of this survey is to find the"Unknown Cases" of tuberculosis or those not reported to the health authorities. Tuberculosis is an infectious di- sease and Is spread by direct or indirect contact. The passing of germs by kissing, sneezing, coughing and Inhaling germ laden droplets of sputum is direct contact. Indirect contact comes through handling things contaminated with tuberculosis . When tuberculosis begins, the infected person usually docs not feel sick, so he docs not go to u doctor. After tuberculosis has a good start he may feel sick and call a doctor. In such cases, the' doctor usually finds that the disease has advanced to a point where cure is difficult, time consuming and costly. If a person waits for the sign or symptoms, which are. fatigue, loss if . indigestion, cough, loss of weight, etc, not many cases will be found in the early and most (Continuuil On Page 6, Col. 3)                 TB Survey (Continued From Page One) hopeful stage,  must be "LOOKED FOR" and not "WAITED FOR." Tlie X-ray can detect the  j in its early stage. The earlier tuber  is discovered and medical treatment, Is provided for the patient, the better chance the person has of recovering and the less  that others will catch the d!r"-~~e The X-ray is free to the public. Take advantage of this service by coming to Mount. Olive Baptist church, 231 Harris Street. N. E., and get a CHEST X-RAY, IT IS FREE.</t>
  </si>
  <si>
    <t>                                           The Atlanta Tuberculosis Association is sponsoring a FREE CHEST X-RAYING Survey at Mount Olive Baptist Church, Tuesday, Wednesday and Thursday, October 26, 27, and 28, from 4 to 9 p.m.</t>
  </si>
  <si>
    <t>                                           YOUNGSTOWN CABINETS SINKS Atlanta's Oldest and Largest Dealer Complete Installation FREE ESTIMATES- TERMS B S BUILDERS SUPPLY COMPANY 2299 Peachtree Road AT 8211</t>
  </si>
  <si>
    <t>                                           LAFF-A-DAY                 Art's been on the radio several times he s the one who always whistles when the applause sign goes upl.,.e</t>
  </si>
  <si>
    <t>                                           Get that JS Kentucky (~~1 Taste  Taite this fins whiskey blended and bottled in Kentucky th* heart of tkt JBIu* Groat Country.             4 d . 86 , 70* grain  . JEft. \UM, IdwiUy Oht. Corp. M. Y^</t>
  </si>
  <si>
    <t>                                           JOSHUA JONE8                 By I.~P.,           Brother Bell saj s don't be made 41 e goat by NOT -casting a vote.                 Conclude Liberian, French Air Pact PARis-(ANP)- Dennis and the French Foreign Office officials concluded an agreement af-  air travel between Liberia and French territories here last week. Gabriel Dennis signed for Liberia. Leaving here he motored to Brussels, then to Dtnant, Chateau d Ardennes and on to Amsterdam where he served as vice chairman of Section IV, "The Church and The International Disorder."</t>
  </si>
  <si>
    <t>                                           Republican Women To Organize Here Thursday Eveninq                 Republican Wumeu of Fulton i County will assemble at tire Butler Street YMCA tomorrow evening. September 2;i. at l.'M p. m., for the purpose of organizing a publicity campaign to gut out the Fulton county colored women s vote in the j approaching November 8. general elections. Mrs. R. J. Tolbott, of Tulsii, Okla.. organizing representative of the Women's Division of the National Republican Committee will address j the assembly. Also, Miss Robert R. j Snodgrass,. a member of the Re- I publican National Committee for Georgia, will make an address. The ladies of Atlanta and Fulton County are invit.?d and urged to attend the meeting, where they will be taught the "know-how" of the Republican Party and its women s kickoff campaign. Bring your gentleman friends along with you. The meeting is sponsored by the Young Men's Republican Club campaign Committee.                 St. Louis Attorney Coming To Atlanta                 The St. J.  was recent- ly honored by the. National Bar Association member.1; for his heroic part in the Restrictive Covenant esses before Lhe U. S. Supreme Court. He is shown here mal:in;.; till' seconding speech li.i the nomination Hi the Di'inocratic National Convention in Philadelphia, whose  brilliant oratory swept the entire I convention. i Attorney Vuughun is one of the I                 I nation s ;.  law- I yen;  .stands hu;li in the conn- j . of Ilic Democratic party in Mis- i souri. i In making public tli(!  in Atlanta Tuesday , stated -that, tlic  5s i  cl next TuomIh.v evening not only for the benefit of Atluntans, j but also fur the leading Democrats over the .~~late whom, it is hoped, will be prest tit  witness the message.                 ACNW Holds Regular Meeting Thursday With Mrs. Haugabrooks I Tiie Atlanta Metropolitan Conn- oil of Negro Women will conduct its regular monthly meeting. Thursday, Scut. Zi at- 5:30 P. M. with Mrs. Geneva Hausjabrouks,     \Anden Avenue, N. E. .Special feature;;  include Echoes from Travelers and Hie Boby Contest. Contestants are .Samuel Pierce 11. Penny Micklebmy and Janice Dianiii1 Holloway. Mrs. G. T. Alexander, chairman of Ihr Membership Drive, is urging all members to make complete reports at this meeting. Mrs. Laura .1. Keith urges all council members to lip present, and on time.                 ATTORNEY ( I,. VAUGHN Attorney George h. Vaiighaii, of St. I-KMiis. Mo., will address a Democratic Rally In Atlanta next Tuesday evening, September 28, at Vfiieat Street Baptist Church. Attorney Vaughan will come to Atlanta" under the auspices ol the National Democratic Committee for the Re-election of President Truman and for the purpose of bringing a vital message or. Civil rights to all Negroes.</t>
  </si>
  <si>
    <t>                                           4,600 Cases Of Infantile Paralysis Reported Aug. 1st.                 HOUSTON, Texas- More than 4,600 cases of infantile paralysis have been reported for the nation up to August 1, 1948. In 1946 when 25,698 were reported for the year second largest number in our recorded history, 400 fewer cases had been reported on August 1st, Charles                 Bynum, National Foundation Representative. revealed in his address before the Texas Negro Chamber of Commerce at Houston, Texas. Bynum reported that in the period of January 1, 1948 to July 1, 1948 National Four.iation Cnupters had received Sl,345,402.69 advanced from j national  reserves. These I advances were largely for continued care of crises from previous years, i i If the current epidemic continues to i spread, a grave financial situation I will confront the National Founda- i J tion. Chapters hard hit in 1948 and 1947 have exhausted local funds, paying for hospitalization and medical care I of patients unable to meet the high costs of treatment unassisted. Mr. j Bynum stated that chapters of the i Naionul Foundation retain half of i j the March of Dimes  each year for  purpose and the chapters i I call on National Headquarters when j local funds run low. KEEPING  North Carolina. Texas and Cali- j fornia report, the largest number of cases. In every state, Mr. Bynum continued, the National Foundation and its Chapters is keeping the I pledge to aid anyone, regardless of race, creed or color, who suffers infantile paralysis and cannot pay full costs of medical care. Reply- ing; to questions, he stated that it    not known whether susceptibility tu infantile  varies accord- ing t-~ race. In every state there are oases of infantile paralysis among all races and in Texas the disease had occurred among Negro,                 white and Latin Americans. Contlnu ;ng, he described the facilities lor j patients in Texas and North Caro- j lina. I Emphasizing the National Founda- '.ion policy, Bynum said in the care of patients, in the recruitment of personnel and in the use of facilities every  is exerted that there I shall be identical treatment regard- 1 I less of race, color or creed.</t>
  </si>
  <si>
    <t>                                           HOUSTON, Texas--More than 4,600 cases of infantile paralysis have been reported for the nation up to August 1, 1948. In 1946 when 25,698 were , reported for the year second largest number in our recorded history, 400 fewer cases had been reported on August 1st, Charles...</t>
  </si>
  <si>
    <t>                                           THE WEATHER Continued fair and mild. i</t>
  </si>
  <si>
    <t>                                           THE ONI INSPECTS TUBE TRAIN- The OBA ADEREMI, ONI of IFE. spiritual head of Yuruba State of Nigeria, on an official visit to this country, yesterday THE ONI INSPECTS TUBE TRAIN- The OBA ADEREMI, ONI of IFE. spiritual head of Yuruba State of Nigeria, on an official visit to this country, yesterday                 made a short tour of London's Underground Railway System. He is seen here as he tries out the escalator at Leicester Square made a short tour of London's Underground Railway System. He is seen here as he tries out the escalator at Leicester Square                 Underground Sation. Keystone Underground Sation. Keystone</t>
  </si>
  <si>
    <t>                                           On Beale Street thousands of people knew him as "Tripe". But his real name vas Lincoln Brooks.</t>
  </si>
  <si>
    <t>                                           Few U. S. sports fans are , cognizant of it but five world's boxing titles have been defended within a space of less than 6 weeks. Here is the list and the time and place of these events: Ike Williams-Enrique Bolanos, lightweight. Wrigley Field, Los Angeles, Calif., May 25; Tony Zale-Rocky Graziano, middle weight, Ruppert Stadium, Newark, N. J. June 10; Joe Louis-Jersey Joe Walcott, heavyweight, Yankee Stadium, New York City, N. Y. June 26: Rav "Sugar...</t>
  </si>
  <si>
    <t>                                           NEW YORK--(ANP)--The entire housing program of this country is doomed to failure unless racial residential segregation is abolished, Dr. Robert C. Weaver, author of the "Negro Ghetto," declared in a panel discussion at the Schomburg Collection Library last...</t>
  </si>
  <si>
    <t>                                           j, Heidy,,m 'i if i v 'i ih i tS2   ^       Distributed by V^B V^^^^^V BEVERAGES CO. ^S^Jpli^^ AMherst</t>
  </si>
  <si>
    <t>                                           Atlanta's first big "All-Star Classic" goes on tonight when the San Juan Stars, a selected group of topflight performers from the Puerto Rican Winter League pair-off with the crack selected All-Star combination of the Negro American Association, at Ponce de Leon Park, The heated diamond battle will get underway promptly at 8:15 p. m.</t>
  </si>
  <si>
    <t>                                           Rabun Aiding Tailmadge, Attorney Walden Avers                 BT C. LAMAR WEAVER                 MACON-     - Speaking to an assembly at the Stewart Chapel AME Church here Sunday. Austin T. Walden, Atlanta attorney, warned his listeners against casting -n-tv votes In the September 8 primary.                 .The speaker was  under the     'ces of the Progressive Demonrntio '~lub of Mscon Nesroes. Atty. Walden unleashed a vigorous attack   , Hprman Talmadee and .'oe Bahun. While on the one hand hp rould not conr-eive of anv Neero r"~~st"nT a vote for Talmadge, Mr. WaVien admonished that a vote for FnViun would likewise be a vote fo- Tal'visiri'qe. "Mr. Rabun is a fine man." the ^ asserted." but. h's            in the race for Governor will  Vitm . The real race I* " M. E Thomoson and Hprmin Tnlmirtep. tt Is the  we must  if We are to r d "  in Oeorula  thr  of ra^e '-e."        : nmon? the Maconites had it that Larkin Mnrshnll. DUblishftr of n Marnn , wns  to                 Macon Negroes to vote for Mr. Rabun as governor. Many felt it to be an unscrupulous attempt to assure a Talmadge victory In Bibhs county. j At nny rate, the prospect of such j an attempt was handed a stinging, j vociferous blow by the guest - i er. On bloc voting Atty. Walden char- ged Negroes under the - stances had no alternative when race- candidates attempt to i ride to victory on the Negro's back. "Talk about bloc ." lie remark ed astutely, "the South has bn?n bloc voting since Reconstruction days." "Georgia is sick and tired of being the  stock of the nn- tlon because of. unscrupulous politicians." the speaker went on sav. "Negroes and decent white people over the state must see that it never happens again."</t>
  </si>
  <si>
    <t>                                           MACON--(SNS)--Speaking to an assembly at the Stewart Chapel AMF, Church here Sunday. Austin T. Walden, Atlanta attorney, warned his listeners against casting fool-hearty votes in the September 8 primary.</t>
  </si>
  <si>
    <t>                                           Reupholsferirig LIVING ROOM FURNITURE Rebuilt and Recovered Like New Taking old living room furniture and making it over from bottom to top, inside and outside, is a service we perform with exceptional skill. We have devoted many years to that sort of work. It is a pride and joy for us to please customers so well they are glad to recommend our service to others. Our charges are very moderate. 1 Samples Shown In Your Home Full line of samples, all grades, will be brought to your home, day or evening, by appointment, without obliga- tion. Terms to suit your convenience. COCHRAN LEE FURNITURE CO. 85 ALABAMA 4:T, 3. W.-Xsar -Whitehall' Just Phone CYpress 3001 At Night Crescent 3090 Established 1895</t>
  </si>
  <si>
    <t>                                           MADAM EVA 25c- SPECIAL READING -25c \JtA 'VHH (Vorld'  .  ll^  all (then J^M    b^^^^H Borne with  -W^^^^H  to Mad' ~^~r ITI^^^^BAm Eva and let 1 JJ^^B^J QET BE8ULT8. H1^. 3^    V ^H  or wlf ^1 J^ *r^5Jy ^^H '* be  ^V\\L/ ^~H Of flee boora 9 a H \\\r/ ^Hn. is 10 m ^L ^^^^    ." Be "rare te MaBMaMuke the Inman fard Street ear. Fleaie atk the ear eon25c- SPECIAL READING -25c uur t.uck) Kayn  od Muntha Olvm Free.</t>
  </si>
  <si>
    <t>                                           JjjvW OR WOULD I ^k YOU RATHER j N^^3  E A MULE? A MULE is an animal with long funny cars who hasn't enough "horse sense" to know that the best buys, trades and sales are listed in our classified ads. ATLANTA DAILY WORLD WANT ADS WAInut 1459</t>
  </si>
  <si>
    <t>                                           1]L Loam $20 to $2000 COMMUNITY loan Investment CORPORATION ROOM 209,  B1DO. 91 ALABAMA STREET, S. W. T.f.phon. MA!n 1308 Community IwmtmiM Cullfliolti Pay i% fir Annum</t>
  </si>
  <si>
    <t>                                           1 DRESSED          /IDc I I N. Y. CHEESE 59c Gfl. BEEF 49c 1 I     ^IVER LB 39c SL1SED HAM te. 59c i  1 SPARE RIBS lb. S5c 3    . CR8SC0 SI. 13 1 I 6" KIT F3SS1 SI. S3 PORK CHOPS u. 69c i H CURE  tf%r ROUND *     H! I STEAK L3- BS STEAK 78 I I Sbsteak"-63c cutlets lb67c I I 10-LB. BOX ALL SOU. I I I I CHiTTERLING OLEO Z armour s 1 I LeanBaconLB.33c RIB ROAST u. 59C I I BEEF ROAST lb-496 PORKROASTlb 49  I I 5 BLobg sugar 41 c  3? I i fresh  STEW 79c B I MULLET LB.230 "" SELECT 89c</t>
  </si>
  <si>
    <t>                                           The local football spotlight will be focused on the Morehouse College Tigers and the Dillard University Blue Devils when the two teams meet in a colorful night game at Harper's Stadium at 8:00 p. m., Friday, October 1st.</t>
  </si>
  <si>
    <t>                                           People do the queerest things some times, things which shock you and occasionally prick you into realizing that the mass of people in both races has a lot yet to learn.</t>
  </si>
  <si>
    <t>                                           IF STOMACH BALKS DUE TO GAS AND BLOAT Help Get Food Digested to Relieve Yourself of This Nervous Distress Do you feel nil puffed-up and miserable after every meal, taste sour, bitter food? If so. here Is how you may Ret blessed relief In helping your stomach do the Job- it should be doing- In the digestion ot Itn food. Everytlmc food enters the stomach a vital gastric Juice must flow  to break-up certain food particles: else the food may ferment. Sour food, acid  and Ran frequently cause a morbid, touchy, fretful, peevish, nervous condition, loss of appetite, underweight, restless sleep, weakness To get real relief you must Increase the flow of this vital gastric Juice. Medical authorities, in Independent laboratory tests on human stomachs, have by positive proof shown that SS8 Tonic Is amazingly effective In increasing this flow when It Is too little or scanty due to a non-organic stomach disturbance This Is due to the SSS Tonic formula which contains special and potent activating ingredients. Also. SSS Tonic helps -up nonorganic, weak, watery blood In nutritional anemia- so with i good flow of this gastric digestive Juice, plus rich  you should eat better. Eieeo better, let', better, work tetter. e ey be tter Avoid  ng yourself wltt  sodi and other s!i:i!!2tr-. to counteract gis ssd ? trie" w1-** vou to dsa.'Jy need !i SSS Tonic to h eio you digest food for body strength and . Don't wait! Join the host happy people SS8 Tonic has helped Millions of bottles sold. Get a bottle ol SSS Tonic from jour  store today SSS Tonic helps  Sturdy Health.</t>
  </si>
  <si>
    <t>                                           OVEg 1 0 / PAID IN CLAIMS FAMILY HOSPITAL PLAN MEN WOMEN CHILDREN Sickness -Accident Childbirth NO  EXAMINATION Vour choice of any hospital in U. S. or Canada (Costs only a few cents a day) CASH BENEFITS FOR: (Ages 1 day to 71 years) ROOM and BOARD IN HOSPITAL, OPERATING ROOM, ANESTHETICS-LABORATORY TESTS-X-RAYS--DRESSINGS SURGICAL BENEFITS OPTIONAL SPECIAL HOSPITAL PLAN for INDIVIDUALS Ajso SICK and ACCIDENT POLICIES FOR PROFESSIONAL MEN and WOMEN- Pays for Female Diseases Founded in 1906- Faithful Service for Two Generations "Call MA". 8453 for appointment or clip and mail to S. T. SUTTON, Agent, FEDERAL LIFE CASUALTY CO. 344-46 Peaehtree Arcade, Atlanta 3, Georgia. NAME ADDRESS PHONE CITV STATE "I</t>
  </si>
  <si>
    <t>                                           -A-DAY                 Thla makes ua even for the Urn* you broke my electric train,  h,    ?".._</t>
  </si>
  <si>
    <t>                                           Liberia Progressing Under U. S. Assistance Program                 West African Republic Makes Revelation                 Stetttnius Company Credited With Aid To Health, Economy                 ST. LOUIS (NNPA) Assistance by the United States is enabling Liberia to make marked strides in development, Clarence L. Simpson, Vice President of the West African Republic, said here Tuesday, October 19. The program of malaria has been practically solved through the help ot a United Statesi health mission and Liberia's pro ducts ''have been developed as the result of economic [studies by this country, he pointed out.                 He called attention to a private j ompany organized by Former Secctary of State Edward R. Stettinius to further the production and marketing of the principal Liebrian resources of cocoa, gold, diamond, mineral:;, palm oil and ores. The Liberian official, who represented his country at the United Nations conference in San Francisco in 1945, was in St. Louis to attend the annual session of the southern consistory of Masons. He received the thirty-third degree in ceremonies October 18 at Pleasant Green Baptist Church.                 Teachers Association To Hold Meet Today The Gate City Teachers Association will meet at the Butler Street YMCA today at 4 p. m., it was announced. A matter of utmost importance is to be discussed.</t>
  </si>
  <si>
    <t>                                           PM...PMI PM...PM -'J^h1bh^^hh*9^Hh^k PM DKiLUXi; FOR'PtliQEKfQr MQMMnf Natl DlitUIen Prodneto Corp.. New York, N. T. Blended Whiskey. 86 Proof. 10% Grain Neutral Spirit*. No Increase In Price</t>
  </si>
  <si>
    <t>                                           Preaching at the eleven o'clock morning worship Sunday at Wheat Street Church will be its minister, the Rev. William Holmes Borders. He will preach from the subject "Salvation." Music will be furnished by the Senior and Young People's Choirs. The regular weekly radio broadcast of the church will be...</t>
  </si>
  <si>
    <t>                                           Church Of God, Holiness Meet Starts Tuesday                 Tuesday of next week, Augus' 17 of r-          Betlllehem Church of God, HoJlmess, located on West Hunter and Mason -Turner, the first f  l the 25th annual convention of the Churches of God will take place with Bishop K. H Burruss, president, presiding. Pniinu-i,,T                 the usual Uevotfon^^T "sermon i will be delivered by a minUted of the convention.    ?~,fl5st          session will be held Wednesday morning, 10.30 and SJTm1? throu8h"ut the convention which ends Tuesday  4-         each ^ern,o n and r fnU SerVlCes' ^ 3:30 and 8.30 respectively are on program. There will be civic and   of the city  to the convention.           btp expected from 18 states the DT  of Columbia and 'the Vircin islands. Good music ls a mti,i     of the convention, and the 100(Continued on Page C, Col. 3)                 Church Of (Continued from 1'ast1 One) voice chorus composed of visiting members ami from the host church under the direction of Mr. G. A. Burruss with Gamewell Vnletine at the organ will be he heard before i the convention ends. Bishop Burruss and the members of Bethlehem Church of God cordially invite their friends and the general public to all afternoon and evening sessions. Bethlehem members are making ready their homes to house and feed without charge the visiting delegates. Hospitality, not only from the Atlanta saints, but Atlanta in general, awaits the in-coming delegates. The national convention is a free convention, and the spreading of the Holy Bible is ils chief purpose.</t>
  </si>
  <si>
    <t>                                           Tuesday of next week, August 17, 8:30 p. m. at the Bethlehem Church of God, Holliness, located on West Hunter and Mason-Turner, the first session of the 25th annual convention of the Churches of God will take place with Bishop K. H. Burruss, president, president Following...</t>
  </si>
  <si>
    <t>                                           "Sad But Safe/' Dr. BuncheV Messaae To Wife                 SUCCESS. N. Y.- (NNPA) -Dr. Ralph J. Bundle, who became chv-f of tlic United Nations Mission in Palestine after the ; nf Count Koike Bernadotte. had l.imo for but. one terse message     hi:,  in that       hectic . she  lust Saturday. It was: "Sail IjiU ." At lln ii iii.'in'.' in (lie Parkway Vilkigi; l!'.!U:.i!ia project, in JamalQ'.uM ir.. 'i-Iipit main1  nit"~i ^f^'. lipi-.'.! live. Mrs. Bunche iii.iK.mI !n-r . s . But  li"  iiii.l frankly. "I want him bate. J h"~."; he run v.~:\ w\\ of PaV'stlne."      Hitii'lus have three , .. Hi, and ..l.1"), arc :: 1' .school in Wcsttown, P^nn.-, twenty miles west of Philiulclphia. Ralph. Jr., 5, is at home.</t>
  </si>
  <si>
    <t>                                           DETROIT --(ANP-- "George" was nin on his regular run on the Pullman cars for the past week. At least 1,500 of him were in Detroit attending the 6th biennial convention of the Brotherhood of Sleeping Car Porters headed up by A. Philip Randolph who informed a great ...</t>
  </si>
  <si>
    <t>                                           Walden, Oobbs Poised For Verbal Political Battle Tonight                 Joint Committee Of Demos, GOPs Sponsors Tilt                 Partisans Vie At Wheat Street Starting At 8:30                 By CHAS. W.                  "People love n fight!"                 Perhaps this saying explains the" tremendous Interest surrounding the fight" between Attorney A. T. Walden, Democrat, and John Westley Dobhs, Republican, scheduled to take place tonight, 8:30 p. m promptly at Wheat Street Baptist Church. The "fight." however, will not be oue of. physical force, but a             exchange of bristling words between the two Georgia loaders of two grea,t national political parties. Sponsored by a Joint committee of local Democrats and Republicans, the political d.-bate should serve to help voters Oar any confusion in their  as to which Presidential Candidate and political party they will vote for on November 2, according to Warren R. Cochranc, chairman of the Joint . POLITICAL HISTORIAN Mr. Dobbs. Republican advocate, h noted for his keen knowledge of political history. He was influential in securing the nomination of Gov. Thomas E. Dewey for President at iiic Philadelphia convention; where be was a delegate. Attorney Walden is President ot the Georgia Association of Citizens Democratic, Clubs -and- considered the. most Influential Negro Democrat in the South. Both men are 'eloquent and dynamic Speakers. ..local .political observers ^believe th"al':one of the most colorful debates the city has * will, be staged tonight. The verbal battle Is certain to have plenty of fast-moving action as well as a wealth of concrete Information.' DEBATE SUBJECT, The subject specifically to be debated is: "Should Negroes on November 2 Vote For Harry S. Tru-. man and the Democratic Party or Should Negroes Vote For Thomas B. Dewey and the Republican Party?" Moderator for the debate will be Dr. Mozcll C. Hill. Chairman of the Department of Sociology, Atlanta University. Prof. ,T. B. Blayton, accounting professor, will act as time-keeper. The combattants will be  25 minutes each to present, their direct arguments and 16 minutes each for rebuttal. Spectators will. have an opportunity tq direct questions at both of the partisan speak ert during a 20 minute period. A small admission fee will be charged, it was stated, the net proceeds going to support the programs of the local Democratic and Republicans clubs.</t>
  </si>
  <si>
    <t>                                           "People love a fight!"</t>
  </si>
  <si>
    <t>                                           DO S AND DON TS: Don't Let "Better Late Than Never" Be Your  Be Punctual.                 YttA                 3 I 1</t>
  </si>
  <si>
    <t>                                           Mrs. Naomah Williams Maise % Heads Cleveland Settlement                 CLEVELAND, Ohio (SNS) The new appointee as director of Friendly Inn Settlement House in Cleveland, Ohio, and its first Negro director, is Naomah Williams Maise. who succeeds Henry p. .  director.                 Mrs. Maise, a native of Annlston. Alabama, Is the eldest of five children. Her parents are Mrs. Blanche Reese Williams and the late James H. Williams. She is a graduate of Spelmnn college, where she was a member of the Spelman Glee Club and the Atlanta-Spelman-Morehouse chorus before being awarded a Theodore Presser Music scholarship to at- tend the Juilliard School of Music in New York. In the Fall of that year she returned as a member of j the faculty of Spelman college. She continued her study of music: attended the Bennington School of the Arts in Vermont. She studied Applied Social Sciences at Western Reserve University and completed the requirements for the M Sc. degree in social administration immediately after her appointment as program director of the Friendly Inn Settlement, June 1945. Friendly Inn, a Red Feather agency and the oldest settlement                 in Cleveland, includes leisure time activities %~~ youth and adult?, -serving some 1.500 to 2,000 persons weekly. The interracial staff of about twenty has included, in 1947-48, five persons who have received their professional degrees in social work in addition to five graduate students in training. Mrs. Maise is the first Negro to head a settlement in the city of Cleveland. Friendly Inn has named Dr. Henry B. Ollendorff, retiring , ns its Executive Director.                 MRS.  \V.</t>
  </si>
  <si>
    <t>                                           CLEVELAND, Ohio -- (SNS) --The new appointee as director of Friendly Inn Settlement House in Cleveland, Ohio, and its first Negro director, is Naomah Williams Maise, who succceds Henry P. Ollendorf, retiring director.</t>
  </si>
  <si>
    <t>                                           IBllSRi^M JAMES EARLE HINES TO APPEAR HERE- James Earle Hinea, Director and Soloist of the St. Paul Church Choir, Los Angeles, California, accompanied by national and local artists will appear in concert at the Mt. Morion Baptist Church, Ashby and W. Fair Streets Monday night. October 18. Tickets are now on sale at church office. Admission Adults- $1.00, Children -SO cents.</t>
  </si>
  <si>
    <t>                                           W \     DON'T WAIT 2^?: for the   ^^ SCHOOL BELL BRING IN THE CHILDREN S SCHOOL SHOES NOW. GIVE US TIME TO PUT THEM IN PERFECT REPAIR FOR THE LONG, HARD "GRIND." GEORGES SHOE SHOP 462 MITCHELL ST., S.W. LINCOLN SHOE SHOP 387 MITCHELL ST., S.W.</t>
  </si>
  <si>
    <t>                                           j Dr. A. F. Harris Foot Specialist and Masseur i Now at 383 Auburn Are., N. E. j MAin8716 i TTT Beauty And Barber Shop Suuuinlizinp: in Marcelintr. Wav . Special treatment for Dry j Scalp and Falling Hair. Guaranteed to  hair. Special treatment. SS.flO. Orders for Wigs, P%ge Boy and Braid. Send Sample Barber Chairs and Booth for rent The first 3 months, S5.00. Madam J. M. Jones, 192 Auburn Ave., N. E.. Atlanta. Georgia. CY. 9563.</t>
  </si>
  <si>
    <t>                                           Bishop Bowen To Dedicate Church Here Tomorrow                 Formal dedicatory services for the Asoury Methodist church, located ai V;rt Martin Street  in Summerhlll. will be conducted here tomorrow afternoon, September 12, at 3 o clock, when Bishop J. W. fi. Bowen will r  the special dedicatory sermon.                 The Asbury , recently purchased under the authority of the Atlanta onference Board of Missions in the Metnlodlst  Old Mount Carmel Baptist Church, and is currently operating as the Fort Street Mission, with Rev. B. G. Newttfn, coordinator. Sunday afternoon s dedication will climax a week-long program, in which ministers In Greater Atlanta Methodist churches, together with their cho; :s and congregations have participated, giving special sermons, ommunity singing and in other ways. For' Sunday  s exercises, the Rev. Mr. E. W. McMillan, pastor, Central Methodist Church, will preside. Rev. C. S. Stinson, pastor, Laster Chapel Methodist Church, College Park,,wlll conduct the devotional exercises. The Central Methodist Choir joined by tile T .aster Chapel Methodist Cbolr, will render special dedicatory music. OtheV pastors ahd their congregations appearing during the week, include Rev. E. G. Newton, Rev. Elijah Saunders, pastor, Battle HillBuckhead; Rev. R. W. Moore, pastor, King Temple- Wylie; Rev. C. L. Moore, pastor, Georgia-Olivier, Rev. C. S. Weaver, pastor, East PointFairburn, Rev. A. s. Dickersoin. pastor, South Atlanta, Rev. E.' A. Baldrldge, pastor, Centenary Methodist Church, Rev. Horace Fisher pastor, Ladd Street Methodist Church, Rev. M. J. Wynn, -pastor, Ariel Bowen. Warm words of appreciation were expressed to the several ministers ault! congregations, (together with the community by Rehr. Newton. The entire Atlanta  is Invited to hear Blshoo, Bowen and to share in the dedication</t>
  </si>
  <si>
    <t>                                           Formal dedicatory services for the Asbury Methodist church, located at 727 Martin Street Southeast in Summerhilt, will be conducted here tomorrow afternoon, September 12, at 3 o'clock, when Bishop J. W. E. Bowen will deliver the special dedicatory sermon.</t>
  </si>
  <si>
    <t>                                           Dr. G. Wayman Blakely, pastor of Big Bethel A. M. E. Church, this city, arrived in New York City on Queen Mary last week from Amsterdam, Holland and London, England, after having represented his church in the formation of the First World Cowell of Churches in...</t>
  </si>
  <si>
    <t>                                           ' EXECUTIVE SKC - -KuRene A. R. Montgotnory. 1 18 Krnduato of tlic Atlunta University School of Socinl Work, has recently beer appointed Executive Secretary of the South Carolina Conference of Die ', Columbia, S. C. He Is n member of Phi Beta Sigma Fraternity, and lias had several years of experience in leadership activities.</t>
  </si>
  <si>
    <t>                                           Gets Degree from Yale                 Miss Elaine Sherrill above* daughter of Dr. and Mrs. W. Slierill. of Johnson City, Tennes.seR, recently was awarded the  of Mas- ter of Fine arts from th?                 of drama at Yale university j where she appeared in several plays A member of Alpha Kiij-pc Alpha sorority. Miss Stierrill is a graduate of Tennessee State .'. where she received that '.u'.'.o.V* first bachelor's degree In  i.</t>
  </si>
  <si>
    <t>                                           Q/oun HAIR Mrfecdy WlatcM ^^gL?^ 0UR^HBS^w9    cluster z^^^HaF THE HALT GLAMOUR, When it it  yoa wint.     JESSIE (CARE Ril( Glamour fit* jour taste. Ai you     il ( u iht crown of the head and'                 down the back. You ~*n  it at an  or            lik*.  h U IS I* 20  hot) $10.00 f END NO HONEY)  SAMPLE OP YOUR HAIR rAV POSTMAN ON DELIVERY Jessie Kare  PRODUCTS fOT  AVENUE (SUITE 90S) . NEW  17. N.</t>
  </si>
  <si>
    <t>                                           Published Every Morning Except Monday, at 210 Aooorn Ate. Members: 8NS-^NNPA- ANP J W. A. Scott U, Foander-PubUsher, Aug. 5, 1928, to Feb. 7,  f Founded Aug. 5, 1928; Became Daily. March IS, 1938 Telephone: WAInut 1459 14B0 entered Ui Post Office at Atlanta (3), Qa.. as second class mall under the Act of Congress, March 13, 1870 I C. A. 8COTC Editor and General Manager SUBSCRIPTION RATES BY MAIL: Dally: 1 Year- 312.110; 6 Months- $6.50; 3 Months- Saturday Only: 1 Year- 84.50; 6 Months- $2.50 Canada! Year- J5.50; 6 Months- $3.25; Foreign 1 Year-  7   Subscription Rates By Carrier- 25c Weekly THE ATLANTA DAILY WORLD Is an independent newspaper,  and non-partisan, printing news absolutely  and sup-, porting those tilings It believes to be to the interest of its readers and opposing those things against the Interest of its readers. THE WORLD expressly repudiates responsibility for return of  pictures, manuscripts, etc., unless stamps arc sent. Address ALL COMMUNICATIONS to and  CHECKS  ATLANTA DAILY WORLD, rather than to Individuals. THE RIGHT TO VOTE "The right to vote must be open to all our citizens irrespective ot race, color, or creed without tux or artificial restriction!) of any kind. The sooner we get to that basis of political equality, the better it will be for the country as a whole." -FRANKLIN D. ROOSEVELT.</t>
  </si>
  <si>
    <t>                                           Blended whiskey.' 86 proof, 70%   spirits. Copr. 1948, Schenlci Distiller* Corp.. New York City</t>
  </si>
  <si>
    <t>                                           DAILY CROSSWORD                 ACROSS 1. Boy's nickname VUbfty mountain 7. Platform 9. Peruses 12. Part of a door 13. Proofreader's mark 14. Trying experience 16 Topaz hummingbird 17 Conjunction 18. Couple 21: Neuter pronoun 22. Musical instrument 20 Laugh in silly manner 27. High (mus.) 20 A pastry dessert 30 Carded. as wool 33 Cease 36 Gold (Heraldry) 37 Man's name 30 Sun god 40. Covering of the brain 42. An old man 45. Part of a. Bower 48. A fold. of cloth 40. Choice group 50. Shabby 51. Observe 52. Lamprey                 DOWN 1. A flat atrip on a dross 2. S- molding 3. Wind rope around a pin maut.) 4. Portion of a curved line 5 Marshy meadow 6 Coin l Turk.) 7 Cylinder (or thread 8. IJngflr 10 .Satan 11 Narrat*                 15. Record of a ship s voyage 19. Hide of young animal 20. Shield 23. Male sheep 24. River (Eur.) 26. Obtain 28. Egyptian god 30. Thicket of small  31. Bay window 32. Excavate 3-1 Nymph 35. A social gathering                 piEl5[^tem  .1*  Vmterday'*        38. Let slide 41. Sacred bull (Egypt.) 43. Run from 44. Touch 46. Devoured 47. Confederate general                 wm r m r r mm ^1 fc_r ^.^^^lll^, ^I_^   !I_ IPI-IPJ^IPI it 5 r I"                 DAILY CRYPTOQUOTE- Here's how to work It:   One letter simply stands for another. In thts example A Is used for the three IV. X for the two O'S, etc. Single letters., apostrophes, the length and formation of the words are all hints. Each day the code letters are different. A Cryptogram Quotation 8 M RC L . -CM SRC  RC  LWF  Dl  U .J VM-NLV W , Yenterday'a Cryptoquole: ONE CAN BE A SOLDIER WITH.  DYING. AND A LOVER WITHOUT -ARNOLD.             by King     *   . tae.</t>
  </si>
  <si>
    <t>                                           TO TEXAS  STAFF- -Mrs. Kametl Ewinv; Hale, former SuperI'tsor of Business Education at Hampton Institute,  in Houston, last week, to join    ; .staff 01  Stale University fur Nogtircs, is Cluiirman of tin; Department of Businness Administration in the Division of Social Sciences and Coordinator of Business Personnel. Mrs. Halo has had 4 years of  as a i earlier of business subjects, including over 20 years as Director of Business Administration and Education at Tennessee State College, in Nashville, where .)LT husband, the la:e William J. Hale, .served as president for many vears.</t>
  </si>
  <si>
    <t>                                           The greatest Georgia--Alabama Amateur Baseball League attraction of the season is booked for Sunday afternoon, at Harper Field, when the pace-setting Atlanta Panthers tieup with the hustling Manta Braves, in a benefit doubleheader for the George...</t>
  </si>
  <si>
    <t>                                           RESEARCH ASSISTANTS OP CARVER FOUNDATION GRADUATE INCLUDED AMONG THE 10 persons to receive master of science degree from Tuskegee Institute this summer were four graduate fellows and assistant who had studied under grants made bv                       Washington       - foundation. These are (Jett to . front row): Mrs. Gladys Williams-Royal of Dallas, a graduate of Dilliard university; Miss Norma A. Spaulding of          N- J- a e^duate of North Carolina college; Miss Julia M. Martin of Malvern.'pa a graduate of Tuskegpe institute:                 Back row: Carl C. Gordon of Albany, Ga..- a graduate of Hampton institute; Harold W. Lucien of New Orleans, a graduate of Dillard university, and Fred R. West of         ' 8raduate Hampton. Mrs. Williams-Royal and Mr. Gordon  fe!? awards, through the. department of agriculture of Tuskegee and did the required research m the laboratories of the Carver foundation.  S !f but the            of one of the dreams of George Washing'jT t?ve7eof f?h  f the main objectives of the Carver foundation.                 as envisioned by him, Is to train young people in the techniques ot research to the end that the problems of agriculture and Industry may be met. Dr. Carver provided for this in establishing the Carver foundation, and each year the *'^* fellowships Bunted to * permit. Prom two who worked with Dr. Carver In 1940 shortly after the foundation was started, the number just ended. New grants have already been made to cover new graduate has grown to 11 during the year fellows and assistants who win                 ter Tuskegee In the fall. (ANP).</t>
  </si>
  <si>
    <t>                                           RESEARCH ASSISTANTS OF CARVER FOUNDATION GRADUATE INCLUDED AMONG THE 10 persons to receive master of science degree from Tuskegee institute this summer were four graduate fellows and assistant who had studied under grants made by George...</t>
  </si>
  <si>
    <t>                                           Negro Troops Receive Praise Of European Commander-ln-Chief                 Serious Incident Rate Greatly Reduced                 HEIDELBERG, Germany General Lucius D- CJay, Corninander-in-ChieJ', European Command, through his deputy Lieutenant General Clarence R. Heubner, has informed all unit commanders of his appreciation for their untiring efforts which have resulted in the outstanding conduct of Negro troops in Germany and Austria.                 The letter road in part, "The Cpmmander-in-Chlef desires to express his appreciation to nil commanders, officers and enlisted men in the European Command whose untiring efforts and leadership have resulted In the remarkable reduction in the - rate for Negro troops. "From an nil-time high of 3.38 per thousand troops for the month                 of January, 1948, the serious incident rato for Negro troops hns dropped to an nil-time low of .79 per thousand during the month of August. This is an achievement of which the entire command Is justly proud, and which was obtained only by diligent application to the problem by all commanders concerned nnd with the whole-hearted cooperation of officers and enlisted men. "This reduction In the  rate is a clear cut example of the progress which is possible when everyone puts his shoulder to the wheel in a concentrated effort to overcome a difficult problem. It Is a challenge to the command to continue the effort with even greater determination to Improve discipline and maintain high standards of soldierly conduct." In September, Negro troops in the European Command received the praise of Lieutenant General Clarence R Huebner lor their  nig efforts-in: loading 'and' unload' tng planes and vehicles at RhineMain and Wiesbaden airports as part of' the Berlin airlift "OperaUon Vittles."</t>
  </si>
  <si>
    <t>                                           HEIDELBERG, Germany -- General Lucius D. Clay, Commander-in-Chief, European Command, through his deputy Lieutenant Gemral Clarence R. Heubner, has informed all unit commanders of his appreciation for their untiring efforts which have resulted in the outstanding conduct of Negro troops in Germany and Austria.</t>
  </si>
  <si>
    <t>                                           KELLY S STUDIO j Wr wish in  answer politic- j ly.  which lias comr to us i I many  lately, by telephone, let- j Icr and by individuals: "Can wr    . I  our of nur cluss graduation .-pictures?" The answer is," You may. I And to those of you who have  cr seen a picture or proof of your group, we n-isn to stati- that Graduating classes m the following schools I are on  at the entrance of the Horndnn Builuins. -SD Auburn Ave. Go by and look I hem ~:\er: Howard  Wnshin^lon High. I Clark. Morpliouse, i-nd Atlnma Unii versify. Civ-: u.,  order r.uw. i KELLY S STUDIO  i'.'.t Auhiirn Aw. Phone CYpru.s.i 0776 i</t>
  </si>
  <si>
    <t>                                           The 6th Annual Session of the Mt. Calvary Association continued in a blaze of old time glory Thursday at Greater Mt. Calvary Baptist Church, Rev. B. J. Johnson, host pastor, with the moderator, Dr. C. N. Ellis, presiding in an able manner.</t>
  </si>
  <si>
    <t>                                           Student Day will be observed in Central' Methodist Church all day Sunday. Some out Atlanta's outstanding speakers and students are scheduled to appear.</t>
  </si>
  <si>
    <t>                                           MR. AND MRS. Eli GENE McGOWAN                 SEPTEMBER WEDDING- Among September brides was the former Miss Mildred Amy Thornh'll, of Montclair, New Jersey, who was married to Eugene McGowan, Jr., son of Mr. and Mrs. Eugene McGowan of Atlanta. The nuptials took place at Union Baptist Church, Montclair, N. J., at four o clock in the afternoon of September fourth. The double ring ceremony was performed by the Rev. Deual C. Rice. Included in the wedding party were Alyce Bourke Robinson, of Jersey City, N. J., who formerly taught art at Washington High school, Atlanta; and Lonnie Bentley Moore, of Atlanta and New York                 The bride, a former David T. Howard music instructor, and a member of Knppa Omega chapter of Alpha Kappa Alpha sorority, was prominent in musical and social circles while in Atlanta. The groom, a former Washington High school instructor in English and French, is especially remembered for his performances in Atlanta University Summer Theater productions. The McGowans are now at Southern University, Baton Rouge, La., where she directs the University Choir and Mr. McGowan is head of the Department of .Psychology in the Division of Liberal Arts.</t>
  </si>
  <si>
    <t>                                           SHOP And SAVE MONEY VALUE PACKED, MONEY SAVING EVENT IN 25 YEARS! SUPER VALUES ~^^^^^L IN EVERY  H]9^^~    DEPARTMENT! wlV^^^~</t>
  </si>
  <si>
    <t>                                           Talked To Death! ^-KgtfllB'                 -~,"i^'  \$~--~</t>
  </si>
  <si>
    <t>                                           CHECKING AND SAVINGS ACfUUNT SERVICE First National Bank ATLANTA FOUNDED 1864 CAPITAL, SURPLUS and PROFITS JIO.COO.OOO Member Federal Deposit Insurance CorjL BUY DEFENSE 8AVINO BONDS</t>
  </si>
  <si>
    <t>                                           False Report In Robbery Claimed                 Police Tuesday dismissed as a false report the claims of a white man. Jack Holiday, of 817 Park St., S. W., who claimed three Negroes had robbed him of $30,000. The fake report resulte d when another white man informed police that the victim s wife and daughter had possession of a $2,200 ring and $1,000  alleged to have beeri taken by the robbers.</t>
  </si>
  <si>
    <t>                                           COMPLETE GLASSES SMART LOOKING I Eg {M' Or FRAMES  ": A REAL VALUE  ^7 VISION ^#\ D0N'T NEGLECT YOUR ^^ CHILDREN S EYES. A^Cklv'^ii^ rx^nl hy t. vi'.inn. V *~2^~ A f  ^/^r Bnhi-.i         ^ durable .. N_^/ ~*</t>
  </si>
  <si>
    <t>                                           Howard will open up against Hudson High of Macon. Georgia. The first game will be played at Harper Field, tonight. The kick-of f is set fOr eight o'clock. The game , will be dedicated to the fathers of the school. Fathers are asked to come out and see one of the finest</t>
  </si>
  <si>
    <t>                                           look Who Is Here! DR. SHELLEY JOHNSON The SPIRITUALIST AND SWEDISH MASSEUR and MADAM EFFIE ARMSTRONG The Woman Who Knows Hours: 9:00 A. AT. to 9:00 P. M. 92 West Lake Avenue, N. W. Atlanta, Ga. ROUTE 8 PHONE RAYMOND 6416</t>
  </si>
  <si>
    <t>                                           JEAN WORTH BORN Wltrt POWER .Strange power enables thU great medium to call your . Tell you whnt  you want to know, j wrl l'H  Advise you In all jB.I"   1 affairs such as  v'^l love and business^B obf^B Tells what you k ^mVH want to. know M fll  Asking ImL It1 Mil questions; Why be  H==~* ? Tomorrow may be too late. Hours. 9 a.m. to 7 pan. Sundays and week days. 1369 BANKHEAD AVE.. N. W. ALMOND PARK on RIVER CAR to ANTHONY STREET I can help you- ure me today.</t>
  </si>
  <si>
    <t>                                           TELEVISION SET FREE AT THE SHOW OF THE YEAR!!! THE ATLANTA LAUNDRY WORKERS A. F. of L. Present The HOKIE-POKIE DANCE And REVIEW Featuring Ralph Mays and his Troubadours And Ray Sneed's Showtime Review FLOOR SHOW at 9:15 P.M. CITY AUDITORIUM adm.ssion $100 SAT., DEC. 11, 1948 ?ED TAX __J1 8 'Til 12 TOTAL $1.20 TICKETS ARE ON SALE AT: VO. VATES MILTON DRUG STOKE HENRY S CABARET l'.28 Auburn Avenue, N. K. "IS Auburn Avenue NO. 3 YATES MILTON DRUG  ANDY WHITE PLACE Koacli West Fair .ri3!i I'ruzler St., S. F.. WILSON S RECORD SHOP SMOKE SHOP 703 Magnolia Street, N. IV. 212 Auburn Avenue AUSTIN TAXI CAB STAND AMOS DRUG . 2S!) Pine Street, N. E. ;\~ Hunter HOUSTON STREET KIH SHA(!K HOUSTON DROP INN 322 Houston Street 257 Houston Slri'd WELCOME HARRIS. SERV. STATION JOK SHAHI.OW 247 Auliuru Avenue LA. i)~   SEND YOUR MAIL ORDERS TO- LAUNDRY WORKERS-203 Spring St., N. W., Atlanta 3, Georgia -!-T' --r-</t>
  </si>
  <si>
    <t>                                           CARD OF THANKS                 j The faim;y oi the late Henry C. Hopkins extends to their many friends their deep appreciation for the hundreds of expressions of symi  mid the many kindnesses .shown during our recent bereavement. Words can never express our gratitude for the sincere interest (ind loving understanding shown. Truly your prayers and kind wishes are the results of his "Casting Bread Upon The Waters" and nn indication that he is "Reaping The Seed He Has Sown."</t>
  </si>
  <si>
    <t>                                           FAMED FIGHTER GROUP IN IDLEWILD SHOW- Newburgh. N. Y Negro fighter pilots of the famed 332nd Fighter Group assembled nt Stewart Field here before flying to Philadelphia rendezvous and then I participating in the opening cere- i monies at New York's Inleriuttional Airport. They are. front row, Lts. T. E. Harris. Xamia, Ohio; C. W.                 Dryclen. New York; H. L. Alexander, Claro. 111.: W. K. Groves. Kansas City; E. B. Urennard, Phlla, Pa.; Jack Chin, Chicago; J. Watts. NYC; H. T. Stewart. NYC; L. L. Turner nnd L. P. Turner, of Wasliington. D. L". Second row LtoR Cap't Ellsbury. Uiiig.ston, Oklahoma; W. B. Ellis, Washington, D. C; H. H. Brown,                 Minneapolis, Minn.; a. E. Bell, Altoona, Pa.; C. W. Croyer, Wash., D. C; E. H. Williams. Roanoke. Va.: L. Roberts, Jr.; St. Louis, Mo.; VirSll Daniels, Jacksonville, Fla.;H. N. Plckway. Baltimore, Md.; W. H. Green, Staunton, Pa.; S. Watson.                 Hackensack, N. J.- (Keystone Photo).</t>
  </si>
  <si>
    <t>                                           Dr. A. F. Harris Foot Specialist and Masseur Now at 383 Auburn Ave., N. E. MAin 8716</t>
  </si>
  <si>
    <t>                                           BAINBRIDGE, Ga.-- Mrs. Ruby Washington, faculty member of Corn Cob High School, was. the dinner guest of Mr. and Mrs. Joe Harris, 1012 S. Bruton Street, last week end. She reports a very pleasant visit to the city.</t>
  </si>
  <si>
    <t>                                           Janitor Severely Burned In Room Fire Clarence Lyons, 62, Janitor at the Knox Apartments, 1543 Peachtree Road, N. E., was  to Grady Hospital late Friday night for treatment of second and third degree burns sustained when fire  out and fUmes enveloped his room. Officers C. N. Wingo nnd Y. Runtarford quoted Mr. Lyons as j saying that he went to bed in his i room in the attic around 8:30 p. in., ana that when he , flumes were coming through his door. The origin of (he fir* and estimated damages  nut been  at the time ot tins report.</t>
  </si>
  <si>
    <t>                                           TUSKEGEE INSTITUTE, Ala.-- The Golden Tigers began football practice here this week with 44 candidates reporting to Coach Cleve L. Abbott and his associates. The candidates for the 1948 edition of the Golden Tigers displayed plenty of spirit and zest in their initial...</t>
  </si>
  <si>
    <t>                                           Council Women Received At White House                 Wives Of Three Cabinet OflFIcers Receive Guests                 Washington, d. c-  nnpa) SUS? ~,ot ^e Notibnal Council or    *tt.;held here from Sun doy thru Wednesday (Oct.) 11-13 were received at the White House Jfuesday afternoon. October W? at io clock by the wives of three Cabl                 not . -^Led to the White House by Mrs, Mary McLeod Bethurie, president of the council, the women were received by Mrs. Julius A. Krug, wife Qjthe Secretary or the Interior:    . .Jesse ,M. Donaldson, wife of W Postmaster General, and Mrs. Tom; Clark, wife of the Attorney General. Addressing the convention In the labor Department auditorium, Secretary of labor Maurice J. Tobin told the delegates that "While much 1* get to be achieved in the struggle to' make the rights which the Constitution guarantees to all citizens 'reality for thte Negro, progress Is  *'.mon;,  perhaps than we might wish-but in the past decade,  rapidly than in the last three quarters of century." vMr. XToblri cited 'the  decisions of the United States Supreme Court  judicial enforcement or racial' restrictive covenants as. having far- effects. "To be sure property owners may still band together and adopt restrictive covenants," fie said, "but if bno owner wishes to withdraw and proceed contrary to the terms of the agreement, no longer may the others appeal to the courts to uphold the agreement." Mr. Tobin attributed progress to many factors, Including the work of organizations like the council. While not mentioning Soviet Russia by name, Mr. Tobin referred to Russian criticism of American short comings. "Our record is, of course, far better than that of nations which, for political purposes, point to -the abuses in our country and overlooked the  democratic nature of our system.' the Labor Secretary asserted: 'And they do not mention that, in our democratic way; we are making, real progress, as the racial covenant .court decision demonstrates." Mr. Tobin also said progress is being achieved: in the field of education. He pointed to the recent decision of the Federal District Court at Atlanta ordering an equalization of salaries of colored teachers with those of whites. "Only a free people can question and appraise the adequacy of its Institutions and move oh by agreement to better standards of action," be said. "That more and more American people recognize the necessity of bringing our civil lights practice completely in line with our civil rights principles is in Itself progress." FIRST TO ACT He told the delegates that the Labor. Deparment was the first agency  Contlnued on Page 6 CoL 2)                 Council Women i (Continued From Vane One) to : a ran employment , in accordance with President Trumnn's executive order setting up regulations governing fair employ- i ment in the executive departments. "This order it Is hoped will make the spirit as well as the letter of the  order live," he said "And so you Americans who have struggled under  handicaps and have acquitted yourselves and your race with dignity and courage move on to ever Widening horizons,"                 JJr. Tobln said. -The work of groups like yours Is never done." Extending greetings to the women and the use of the facilities of the Labor Department. Mr. Tobin expressed the hope that the conference would  them "inspiration and determination to continue to work for these principles for which you have been known and respected over the years." Among the activities of the national affiliates of the National Council of Negro Women reported on ut Hie meeting were scholarships, .stories ror children, delinquent girls, dental clinics, the Pair Employment Practices Committee Civil Rights, recreation, libraries, nurseries, underprivileged children and health. Georgia women in attendance at 1 the convention whose theme was "World Citizenship Through Human Understanding" were Mesdftmes Mablc Bigham Hawk, Cassie Edwards and W. A. Scott. An outstanding "United Nations Evening" featuring a "One World Concert" with music from religions, races and nations of the world Tuesday evening received praises. President Mary M. Bethune founder council, presided over the program.</t>
  </si>
  <si>
    <t>                                           WASHINGTON, D. C.0-- (NNPA) --Delegates to the 13th annual consention of the National Council of Negro Wome11,31eld here from Sun day thru Wednesday (Oct.) 11-13, were received at the White House Tuesday afternoon, Odtober 12, at 4 o'clock by the wives of three...</t>
  </si>
  <si>
    <t>                                           6 / You won t be JUGGLING your chances to find the  of business service you need i when you read o\ir classified ad section. Get in the habit of I reading our paper daily. THE ATLANTA DAILY WORLD  ADS WAlnut 1459</t>
  </si>
  <si>
    <t>                                           IN MEMORIAM                 IN LOVING memory of our dear Mother  Oramlmotlicr. Mrs. Mi-  Starr, who departed this life five years ugo , August 3, 1943. Five years ngo today Our dear mother passed away i We miss her more than we can say We hope to meet her some sweet day. Dauchtrrx Mrs. Mimle J. Truylor, Mrs. Mnry Randolph, Mrs. Pearl Glass Mrs. Millie Onitlier. Ml'.s. Rn:;:      .Inekr.im Mrs. Jfisi'ijtilni! Potts. Miss Burdetle Starr. Sons Mr. S-..-l Kl-.n r, Mr. K4:~nil ^~;-i-r.                 Funeral Notices JOHNSON, Mis. Ru:.lu- MO Magnolia ist.. N. W., friends und relatives of Mrs. Roslu Jolm. ju-e Invited id attend her funeral. Tuesday. Augitel 3. 104H, at Ooud Hope Baptist Church. Good Hope Oeurgiii. InterHient Ooud Hope Cemetery. Surviving her are: Mr. Cal Johnson, husband; Mrs. Incll I/. : Ollle Junior Lunder.s. Uiiilidiou; Mr. Henry Struud. brother.- Sellnrx Bros. McELROY, Mrs. Ida Boll -Friends ;md relatives of Mr. Richard McElroy, husband, of 1(18 Hillinrri St., Apt. 3. Mr. ar.1 Mrs. Charlie White iiid son, of Griffin. Gn.: Mr. and Mrs. Oils Oreshnm, Mr. and Mrs. n. C. Nor.i. ill of Cleveland. Ohio: Mr. nnd Mrs. Howard Hnrdnian, of Vorfolk, Va.; Misses Virginia and ^!lllll Uive Hnrdinaii. Atlanta. 2a.; Mr. and Mrs. 1 W. McUride. of  Be:ich. Fla.; Mr. Lewis G. Hiiidinan, of Philadelphia. Pa.: Mr. i lid Mrs. Henry Thomas and famly. of Atliens. Gn.; Mrs. Sarah r.iw.'e Willis, Mrs. nuth Oartrell, Vti. 8. B. Mr., Mr. Hovip Mcilroy. lire invited to  the fii;)eral of Mrs. Id;~ Bell McKlroy A'eduesday at 2 o clock at the Universal Prayer House, corner of Pme S:. and Piedmont Avo., Rev Cicero Patterson -. The :(mains will lie in state al the . 262 Piedmont Avc, from 10 o * Monday           until time of funeral. Pallbearers and  l. are asked lo meet at the - nt 1 o clock WednesJr.y. Interment, Lhu'oln Cemetery. H:.s Funeral Home. WALKER, Mrs. Mary Lee Collins -Wife of Mr. Willie Walker, of 258'. Butler St.: daughter of Mrs. Charlie York, 10B Rawson St.. sister of .Mrs. Luella Turner, of 2fll Woodward Avc,  July 31. V u n e r a I announcement later. Ha uxa brooks Funeral Home.</t>
  </si>
  <si>
    <t>                                           Funeral Notices                 LEWIS, Mrs. Flora Etta- of 2U7 Forrest Ave., N. E., the mother of Mrs. LIUIc Smith Williams. Mrs. Ode Davis, of Atlanta: Mrs. Marjorle Ralney, of West Palm Beach. Pla.: Ml-:s Irene Lewis, Mr. Joe Lewis, yon: Mr. Frank Lewis, husband, of Chapman. Ala.: Mrs. Rosett Crittington, of Pittsburgh, Pa.; j Mrs. Delilah Bice, of Birmingham, I AJa.. sisters; Thelnm. Flora Ann, I Herbert and E. L. Smith, grandchildren, passed away at thr residence Oct. 10. 1948. Her remain* will be shipped Oct. 16 to Chapman. Ala., i to be.  there. Huuza- brooks Funeral Home. BATES, Mr. Freddie of- 210 Cain St.. N. E.. the brother of Mr. W. B i Bate* and Mrs. Llllle Bozeman and Mrs. Hattle Bates !  Oct. 12, 1948. Funeral announcement la- tor. Haugabrooka Funeral Home. MAYES. Mrs. 'Effte- of 157 New" mail St., N. E. Friends and relatives i of Mr. John Matls and family, Mr. I and Mrs. S. C. Evans, Mr. and Mrs. Roosevelt Freeman, Mr. and Mrs. Edward 8utton, Mr. and Mrs. James i Moyes, Mr. and Mrs. Aaron Mayen and family, Mr. General Mayes arc Invited to attend the funeral of Mrs. Bffie Mayes today (Thursday), Oct. 14, at 2 o clock from Auburn Chau- I el,. Rev. C. H. Perkins officiating. J Interment, Lincoln Memorial Cemetery. Haugabrooks Funeral Home. DEATHS DEAN, Mr. Alton- of 518 chestnut St. N. W. passed. *-W!" Mrs- SaIlto Bough-of i 517 Simpson St., N. W. i SIMS, Mrs. Luclle of- 26 Fulton St,  at a local hospital Oct. CALHOUN, Mrs. Linnle- Pawed Oct. 10 at 706 Davis St HARPER, Mrs. Marie- of 120 Passed at n local hospital Oct. 11 vii?~ r?         Miutie ot             PaSS*d ~"er a l0UB U1HARPER, Mrs. Marie of 120 Raymond St.. S. W. passed aWay at the residence, October 11. n.WARE'AMr- Ben W., Sr.. of A.. Aln., formerly of Atlanta pawed at Veterans Hospital. Tus- I ^AIa., October 12.</t>
  </si>
  <si>
    <t>                                           ^_IM^BEAMON PRESENTS YOUR THREE TOP ATTRACTIONS FOR THE FALL ^~"" ^~Mtla^^ f nri^'Air?""1 "Q^ee"  t Lhe Juke Boxes"-~he Ji^^ie round on*     fell ,             Night, Dec. 9 at th^ lunceford All-Stors-plus Earl Bostic ond his Orchestra will City Auditorium 8:30 to 12:30.</t>
  </si>
  <si>
    <t>                                           Three Race Scientists Named To Atomic Energy Commission                 WASHINGTON, D. C. (NNPA) Three of four Washlnetonlans among the 162 persons Just awarded research fellowships by the Atomic Energy Commission are colored.                 They are Miss Evelyn Boyd, 23; George A. Ferguson, 24, and George William Sherard, 30. They are among a total of 206 graduate students who have been selected f6r training under the Atomic Energy Commission-finance fellowship program during the 1948-49' academic year. Miss Boyd, who received her bachelor's degree from Smith College and a master s degree from Yale, is a. native of Washington and a graduate of Dunbar- High School. In 1945 she won a Phi Beta Kappa Key at Smith; next year she was awarded a Julius Rosenwald Fund fellowship, which                 permitted study on her doctorate at Yale. Miss Boyd plans to use the latest fellowship for further study -at Yale, in the field of mathematics. Ferguson, who was born in Washington and attended Armstrong High School, received his bachelor's and master s degrees at Howard University. He. served oversea* in the Army for two years, both In Germany and Japan. Ferguson, whose father, George A. Ferguson Sr. teaches mechanical drawing at Armstrong, is married but has* ho children. He win continue his studies in the field jof physics, at the University of Pennsylvania. Sherard, born in Fitzgerald, Georgia, received his bachelor's and master s degrees at the University, of Cincinnati. He Is on leave from Howard U n 1 v e r s i t y, here, where he has been instructor in physics since February, 1946; He will use the fellowship for research in atomic and'  physics at the University of Pennsylvania. The following program, which \is administered for 'the 'Atomic Energy Commission by the. NsitiohiU Research Council of, the NaUohfl Academy of Sciences, is carried^ provisions of the"Atomlc:Sa-~ ergy .^ct of 1946. It ',is[ 4         to insure continued-  XBanililn^i^il ic energy and ita related -) alleviate the ' ^JBi^UK^ :' fyA "^^^'jy^jA-. RSfllaL-'in Jlfro ^f '*      .-Vr' ff* *</t>
  </si>
  <si>
    <t>                                           WASHINGTON, D. C.-- (NNPA)-- Three of four Washingtonians among the 162 persons just awarded research fellowships by the Atomic Energy Commission are colored.</t>
  </si>
  <si>
    <t>                                           LAFF-A-DAY                 "You struck oil How nice! Now cet a spoon and dig for gold."</t>
  </si>
  <si>
    <t>                                           mJ.\..O9/) Htw Ooxbf* SU;      At Mvcfc, Oaly $1.00 ALSO 3 LOVELY BROWN SHADES If your hair U dull, failed, burnt, tray. graying or , ono  bottle of BLACK STRAND or BROWN STRAND will color your entire  nf hair to n . even, . natural-like . Whether it'~ all your .; or juat to touch-up your hair at root*, parting, templet or the *. you ll lind  STRAND or BROWN STRAND.  whe.n .  and  STRAND 1U Heck  BlatL Hair Ccltrl^ BROWN STRAND UfM Brawn- Mtdhun Brown- Dv* Irewn BUCK  CO^ 1U S. . CUcage*. 10. U^ MlhOR WOUNDS  As^s^^MBf Mllllont roly on \h^_"^BtKi M or oil no.     //~^Jr"*-~~   name  #/VZ^b^_7  quality. /     ^IW/ Big Jar only 10c. t/7 r}       *//, ALLEN HOTEL-GRILL     # Vmt-m. Ona  91 up  Ratast Vtfnmn   2516 W. Madbon 8t IiOTJISVIIXB iln KY. PHONE OYpitw 86M</t>
  </si>
  <si>
    <t>                                           NEW YORK -- (ANP)--Four young singers whose determination was not to be "just another quartet" will get their big break on Horace Heidit's NBC coast to coast program September 12 when they do a return engagement to compete in the "Quartet Finals."</t>
  </si>
  <si>
    <t>                                           Unredeemed MEN S OVERCOATS, SUITS $7.95 up PIEDMONT LOAN CO. 174 DECATUR STREET I OHtce: AL. snG3 Home: RA. (WO DR. ROBERT K. GLASS Ostcopathic Physician and Surteon General Practlre Near Rear of Peters Street Branch Fulton N.it l Bunk OFFICE HOURS  ONLY ..Mon., (1:30 to 0:30: Tues., Wed.. Frl., 5:3O to 9:30; Sat., 3:30 to 9:30 OFFICE HOURS  U A. M. TIL S P. M. FOU COLORED PATIENTS 339 Trcnholm Slrrct. S. W.</t>
  </si>
  <si>
    <t>                                           Jones, Mitchell On Civil Service Fair Employ Board                 WASHINGTON. D. C- (NNPA) -The United States Civil Service Commission last Wednesday announced the appointment of the seven-member Pair Employment Board, created by President Truman's executive order setting up ....l..                            ment practices within Federal agencies. Two of the seven members, Eugene Klnckle Jones, formerly executive secretary of the National                 ban League, and Jesse C. Mitchell, president ot the Industrial Bank of Washington, are colored. Ouy Mofiatt. a former White House aide, was named chairman of the board. The other members are Prunk C. Croxlon, formerly with the United States Councillatlon Service v.lien that agency was under the Labor Department; Dr. Ethel C. Dunham, formerly with the Children's Bureau; Daniel Tracy, former Assistant Secretary of Labor, and Judge Annbclle Matthews.  AUTHORITY Und*r the provisions of Mr. Truman's executive order, the board is given authority to review an appeal decision made by the heads of departments in cases Involving charges of racial discrimination against employees or job applicants. Recommendations for corrective action, which are not carried out by the agencies, are to be reported to the President for such action as he finds necessary. The board also is authorized to make rules and regulations, in  with the Commission, for the purpose of carrying out the board s duties and responsibilities (Continued On Page 4; Col. 6)                 Jones, Mitchell (Continued Kiom face One) under ilie ; order. It also is given authority to advise all departments oti problem*, mid policies mating to lair employment, to  (.011 pertinent to fair : hi"4   iu t  to -3 reports ai)a .i. recommendations to the ConiineiKiaions to tlic Commission for transmit tal to the ^rcs. Horn time to lime, as  Ue .' if-  iu...iu,_- j  or tuc  Jini- pro 1 ,..iiu.</t>
  </si>
  <si>
    <t>                                           WASHINGTON, D. C.--(NNPA) --The United States Civil Service Commission last Wednesday announced the appointment of the seven-member Fair Employment Board, created by President Truman's executive order setting up regulations governing fair...</t>
  </si>
  <si>
    <t>                                           AT NEW CHURCHES The Rehobar Baptist, Church js on the  toward progress under the leadership of our new pastor, Rev. T. L. Cranford. Every department of our church have been well organized and are moving steadily coward success. We the members of Rehobar Baptist Church are highly pleased with our pastor and feels that he is a God given blessing to both our church and city. Phillip Isom, reporter. The St. John Missionary Baptist Church met in its regular business meeting on October 3, 1948 to call a pastor and the church made a pastor and the church made the choice ot Rev. T. L. Cranford of Talbotton, Georgia by an overWhelming majority of votes. He came to his new appointment and with very fitting words he accepted the church. He preached a wonderful sermon on October 10. i 1948 using as a text: "Follow Me And I'll Make You Fishers of Meu." Matt. 4:19. Rev. T. L. Cranford, pastor, John Lee Johnson, reporter.1</t>
  </si>
  <si>
    <t>                                           !_Z i INSTALL ^EP^^^^t^^h^ BURGLAR BARS    iiP^~  IBS^S EtHmalm Chmn- Given P^^^^^^^^S SOUTHERN WyJj.WON^CWts^l NUK Willimrm.       #~   . 9383</t>
  </si>
  <si>
    <t>                                           Negro Help Given Scholarships By White Planter                 CLARKEDALE, Ark- (ANf'i Frank Weelcr,  white CillteiKlen county planter and head of the Danner Planting Company, Is seeking to do his bit to foster better relations between races and provide better educational facilities for Negroes. Last week, Wheeler  . he Is offering a college scholarship to ;i Negro employe on his plantation for next year an/1 will increase the number to four by 1951.                 ARC Official In Tour Of Mexico WASHINGTON (ANPi- Jesse Thomas, consultant in public relations of American Red Cross accompanied by his wife, left, here last week for a six weeks tour of Mexico. Tiicir first stop was Laredo, Mien they proceeded on to Mcxicoo City by automobile, stopping .p nt, Monterey. San Luis Potosl. Queretaro. before final arrival at the headquarters in Mexico City.</t>
  </si>
  <si>
    <t>                                           NATURAjut POKYOMt S$    AND HAW I TS^g^SS^^SjSBH it* PromotM . growth, Pravcnh SESfffH^^t^^^^ ',  . Your      and ^^^^^UH^Hp^^^U            (     .     Scatpu ^^ffQ^^   \*fZ-3XHEk 4^* Yollf  tk* , ^^^^SH NATURAL tool. IPr^SiSMflPrSSSy h(     ,      . L.~  . toft. yP^^^            *  .      your   CONTAINS: "d df0*'NATURAL VITAMIN OILS  OLIVE OIL L.ROI COSMETIC CO. ~*pt- J"2     172 Awduben SUt'wa NtwYork32. N.Y. S*nd m* Ib. \~t of Scalp*. I     * 11.00     (M Q S*n4 C.O.0. ftm  NAME H ADDRESS CUT 'l??.*'*.  tAt'-~ _m.</t>
  </si>
  <si>
    <t>                                           INSURED i SAVINGS UP TO $5,000 3% CURRENT DIVIDEND ATLANTA MUTUAL BUILDING LOAN AND SAVINGS ASSOCIATION 186 AUBURN AVE., N. E. j ATLANTA, GA. John P. WhittBker.       R. Yates, Vlce-Prea. I</t>
  </si>
  <si>
    <t>                                           Atlanta  * Brery Momlag Except Monday, mt Ut Aattra Am. W. A. Scott n, Fofnflff-PnbUiher, Anr. 5, IMS, to Fefc. V, UN        Amg. 5, ltM; Became Dally March IS, IMS Taltphoaa; WAlnnt 1459 MM  In Port OH1   t AtUnta (8), u Mbond  nail under toe Act of Congreag. March 18. 1878 RA. Editor  ad Ocacnd Mwi^er B0B80 RATES BT MAIL: DwOji I Tear- SU.M; 6 Monttw-   ; 3       -9SM        7 Oolyi 1 Year- S4JW; 6 Btontha-fLW Oaaatei Tear-   0;       -t3i6; Fordxn 1 Tear- VIM SrtasrifUon Bate* By Carrier- Z5o Weefcly TBS ATIiANTA DAILY WORLD Is an Independent newspaper,  and non-partisan, printing news absolutely  and Supporting thow things It believes to be to the Interest ot ita readers ana opposing those things against the Interest of lu readers. TRB WORLD  repudiates responsibility for return ot unsolicited pictures, manuscripts, etc^ unless stamps are sent. Address ALL COMMUNICATIONS to and  CHECKS payable to ATLANTA DAILY WORLD, rather than to Individuals.</t>
  </si>
  <si>
    <t>                                           United Nations G^bup Talks War                 By LUCILLE SELZ                 PARIS- (NNPA) Tile United Nations, set up to preserve world peace, finds itself talking war, or the threat of war.                 This has been apparent since the third .session of the United Nations General Assembly opened In Paris three weeks ago. There has been admittedly increasing gloom among the- diplomats here of the possibility iof preserving a long term peace. Onjs hears outside the council rooms queries of "when do you think the third world war will start?"                 Not only the stone corridors of j the Palais do Cliaillot have echoed j bellicose words, but it is on the I rostrum in the large assembly hall j and in the small committee rooms I that propaganda verbiage of a bil-  nature is being amplified every day. Running through many of the major speeches, and reoccuring time and again is the underlying theme fear of war. Messeurs Bevin of Britain .and Spaak of Belgium have each dealt candidly and eloquently with Xear of Russia, while Mr. Vishinsky of the Soviet Union continues to repeat his verbal blasts against the "imperialist" powers. NO RECONCILIATION So far, there seems little indication of reconciling East-West views on the major issues confronting the United Nations. On atomic energy Russia is not willing to accept (Continued On Page 8, Col. 4)                 United Nations (Conlii. irom Page One) the Canadian draft proposal which has the support of the majority of the fifty-eight nations, and, in effeet, presupposes an effective Snj ternational agency to control  ic energy before the outlawing of atomic bombs. Vishiusky, on the other hand, offered his counter-pro-  a simultaneous prohibition and control of atomic energy. The United States, Great Britain and the western bloc states view this proposal with skepticism, and are carefully "looking the gift horse in the mouth." For over two years i now the Atomic Energy Commisj sion hat. dealt with this problem with no results because Russia had I ruled out any inspection of her I plants by an international b.idy and j further because of hor veto, she would be able to block any action taken by the Commission. Now, as a consequence of fruitless discussions i in the Political Committee in Paris, j the atomic problem has been  rod t.o a subcommittee. No less soluble has been the Berj lin crisis which this week had an airing in     Security Council  The United States. Great. Britain and Prance charged Russia with effecting the Berlin blockade under duress and hampering communications between the four zones in Berlin. Mr. Jessup Tor the United States, Sir Alexander Cadegan for I Great Britain, and Mr. Alexandra IParodi for France presented before the Council almost identical cases !of treaty violations and  meanor on the part of Rural:, towards the three western powers in Berlin. Mr. Vishinsky retorted that the blockade was hut a "myth" as it did not exist, and vehemently denied any violent action by Russia or any that could be construed as a threat to "the peace. He further state that the problem of Berlin was a part of the larger problem of Germany, and that the (consideration of the German problem in the Security Council would be a direct violation of the UN Char1 ter. He insisted it should be dealt with in the Council of Foreign Mini.-.tcrs, and unexpectedly re.lined lo join in tlv: discussion of the j Berlin crisis. 1 i J Whether the Berlin or ai- is1 sues will be resolved is anyone s guess, but presently there is only more marginal possibility of a com- j promise solution. If as Sir Hartley Shawcross, British delegate put it j I so eloquently when discussing dis- j armament, the delegates can "blow j i away the clouds of polemics and propaganda that obscure the real j i problem" perhaps there con be j found an accommodation of oppos- i ing views, only then can this Gen[eral Assembly convene in Paris at one of the most crucial periods in I history, begin to think and talk I peace. j</t>
  </si>
  <si>
    <t>                                           PARIS--(NNPA)--The united Nations, set up to preserve world peace, finds itself talking war, or the threat of war.</t>
  </si>
  <si>
    <t>                                           FOOTBALL! "THANKSGIVING CLASSIC" Clark Panthers vs. Morris Brown Wolverines thurs. Nov. 25 HERNDON MEMORIAL STADIUM kick-off 2.10 p. m. ADVANCE SALE $1.50 AT GATE -$2.00 ADVANCE LOCATIONS: 'W^-^^ff^ Yates Milton No. 1 Dorsey's Barber Shop Paschal Brothers Yates Milton No. 4 Community Drug Store Clark College Morris Brown College Auburn at Butler Forrest Ave. Hunter St'. McDaniei St. Hunter at Ashby Book Store Business Office</t>
  </si>
  <si>
    <t>                                           Walden, Dobbs To Debate National Party Issues                 By C. W. .EA                 One of the most dramatic political events in recent Atlanta history is scheduled for' Wheat Street Baptist church, 8:30 o clock p. in. Wednesday, October 27, when local Truman and Dewey boosters will verbally fight out the national campaign issues at, a gigantic                 i lion mass meeting. i Billed as i\ public  b                  Col. A. T. Waldeiil and Hon. John!: Wesley Dobbs, a  committee of Democrats and Republicans stated that such a debate would have great educa- value and might help some I: citizens to clear I confusion in their minds as to                 national party and presidential candidate they would take sides in the November '2nd elections. Atty. Walden, considered the titular head of the Negro Democrats in Georgia, is president of the Georgia Association of Citizens Democratic Clubs and. a member of the                 National Truman for Pn- Committee. Mr. Dobbs, known to be one of the most influential' Republicans in the state, was a delegate to the Republican National Convention which nominated Gov. Dewey as Presidential Candidate. Well known lor their differences in political opinion, the verbal battle between the two leaders promises to be an event packed with oratorical fireworks that Atlantans will long remember. Dr. Benjamin E. Mayes, president of Morehouse College, will act as moderator of the debate, while Warren R. Cochrane, Executive Secretary of the Butler Street YMCA, C. A. Scott. Editor of the Atlanta Daily World and J. B. B lay ton, head of Department of Business Administration. Atlanta University all Democrats, will act as coaches and seconds to Atty. Walden. W. G. (Bill) Shaw, well-known local business man, and Milton J. White, principal of Booker Washington Evening High School, both Republicans, will be Mr. Dobbs, coaches and seconds. A nominal admission fee will be (Continued On Fagc 8, Col. 5)                 DOBBg'                 Walden, Dobbs (Continued from Page One) charged for admittance to the debate, it was stated, the proceeds to be used to support the programs of the local Democratic and Republican clubs.                 WAJ.DFN</t>
  </si>
  <si>
    <t>                                           One of the most dramatic political events in recent Atlanta history is scheduled for Wheat Street Baptist church, 8:30 o'clock p. m. Wednesday, October 27, when local Truman and Dewey boosters will verbally fight out the national campaign issues at a gigantic...</t>
  </si>
  <si>
    <t>                                           Graduates and former students of colleges included in the United Negro College Fund, in an effort to rally to the call of their different Alma Maters for encouragment and increased support, will meet at the Friendship Baptist Church on Thursday evening. October 7, at...</t>
  </si>
  <si>
    <t>                                           HI  Tin: .v '. "    ; Illli .MISTAKE" .,i -.~~   1?S Tilt ('ANANIAS MIJI'STr.r*" 1 1 V 1 ti:m":i;n" -a iiii  " -pir.t. iv ill1: sis" r. Ill Uli'.' IK( K  i.nit.T .1:.nr.     M canyon 'i",~ss\~.ii."  HOD CAMI'.UON  i; .^..s VI. I-   i(    -;*l  "pio\i:i:ii .ri STicr." Al. I.ASII I.A HUli nitis -son or /oi!i;~~STIt.VNI) "'O'lSKAN "    -i:;i- l ~;      . Jr.     .    .'*s   i' I'mr MiinN  ioi;nti:   KtHtllKS'l ".I.     I." nil, I) IMI.I. II I Kill'   ,,  : (;oi:!~ id i.'iii.lv.vc</t>
  </si>
  <si>
    <t>                                           When Skin Torture Drives You Mad! Try clean, powerful, penetrating Moone's Emerald Oil. The very first application should give you comforting relief and a     short treatments convince you that you have at last found the way to overcome the intense itching and distress.Moone'sEmerald Oil  and simple to use promotes healing. Ask any good druggist for Moone's EmeraldOiLSatisfactionormoneyback.</t>
  </si>
  <si>
    <t>                                           )/w\l K\ "~~", . AIXiOREM      In roar hone. Wbts MIDWEST HEALTH AIDS D*t. M-4 MS SO.  ST.  5. III.</t>
  </si>
  <si>
    <t>                                           Robinson, Campanella Thrill 7,000 Fans At Poncey Park                 Jackie Robinson and Roy Campanella, of the Brooklyn Dodgers gave 7,000 Atlanta baseball fans a real thrill in tho exhibition contest between All-Stars from the Negro National League and Negro American Association, Monday night, at Ponce de Leon Park. For the record, the American Association All-Stars finished out in front, 2-1, after a questionable decision on the last play of the game, but even so, the fans saw what they went to see- Jackie Robinson and Roy Campanella- in action on the diamond. Jackie startled the fans with his sparkling play afield and at bat. In the second inning, the Brooklyn sensation was pivot man on a lightning double-play, third-second to first, and another fielding gem in the sixth, a double-play, shortstop-second to first. At bat, Robinson got two hits out of five trips and was safe on a misplay of a slow rolling bunt to second base. On the bases, ho gave the fans an exhibition of the clever footwork that has been giving National League pitchers the jitters for two years. Campanella got one hit, a line double through the middle of the diamond that was too hot to handle and played a bang-up game behind the plate. Sharing honors with the two big league stars were: Atlanta's Junior McFarland and "Pee Weo" Jenkins who hooked up in a pitchers' battle.</t>
  </si>
  <si>
    <t>                                           Declaration Against D. C Civil Plights Ruling Sought In Court                 Claim Supreme Court Erred In Interpretation                 WASHINGTON D. C- (NNPA)- The District of Columbia Municipal Court of Appeate was asked last Wednesday to declare that the United States Supreme Court erroneously held that the Civil Rights Act of March 1, 1875, was unconstitutional in its application to the District of Colum- i biu.                 Arguing the appeal to Dr. Edwin B. Henderson, head of the depart ment of physical education and health In 'the colored divisions of the local public schools, former Judge James A. Cobb of the Municipal Court said that the 1875 Civil Bights was constitutional so far as the. District of Columbia was concerned and that Its provisions still can be applied to civil rights cases arising here. Dr. Henderson sued the E. Street Theater Corporation, which opi erates the National Theater here, for damages of $500 for violation of his civil rights under the 1875 statute. The theater oft December 13, 1946, refused to sell him two tickets of admission because he Is colored. SUIT DISMISSED The Municipal Court dismissed the suit on the motion of counsel for the Theater. Mr. Cobb asserted that Judge Frank Meyer first decided that the court was without Jurisdiction and the 1875 statute was ur.. and then assumed Jurisdiction and decided the constitutional question Involved in tt#;~Sft*;i1.:; On the question of Jurisdiction, Mr. Cobb argued that the Municipal'Court is a court of the 'UnitedStates and Is vested with original Jurisdiction of suits to redress deprivation of civil rights In the District of Columbia. He contended that the Supreme' Court Incorrectly held in 1913 that the 1875 statute, which, previously had been declared unconstitutional In Its application to the.- states, was Inseparable and as a whole had to fall. He said the court should have held that the statute should be applied in those  where It could constitutionality be applied, such as to actions in the District .of Columbia and United States territories. Many factors Indicate that if the question of the constitutionality of the 1875 statute to the District of Columbia were to come before the Supreme Court now, the decision would be different, Mr. Cobb sold.</t>
  </si>
  <si>
    <t>                                           WASHINGTON, D. C.--(NNPA)-The District of Columbia Municipal Court of Appeals was asked last Wednesday to declare that the United States Supreme Court erroneously held that the Civil Rights Act of March 1, 1875, was unconstitutional in its application to the District of Columbia.</t>
  </si>
  <si>
    <t>                                           Reupholstering LIVING ROOM FURNITURE Rebuilt and Recovered Like New Taking old living room furniture and making it over from bottom to top, inside and outside, is a service we perform with exceptional skill. Wo have  many years to that sort of work. It is a pride and joy for us to please customers so well they ara glad to recommend our service to others. Our charges are very moderate. Samples Shown, m Your Home Full line of samples, all grades, will be brought to your home, day or evening, by appointment, without obligation. Terms to suit your convenience. COCHRAN-LEE FURNITURE CO. 85 ALABAMA STREET, S. W.-Near Whitehall Just Phone CYpress 8081 At Night Crescent 3090 Established 1895</t>
  </si>
  <si>
    <t>                                           HEARS THE ARMY S CALL!!!-: New York- Clarence Heard was one of the first group of 49 prospective inductees .to be called under the new peacetime draft. Dr. Louis                 Pitman peers In his ear at 39 Whitehall Street during physical exam. Only 7 men were found eligible for                 Nov. 3rd Inductlotukeystone Photo). =</t>
  </si>
  <si>
    <t>                                           The Weather COOLER TODAY Georgians can I exps:t a ?!"ely moderate Sunday, according to the Atlanta Weather Bureau forecast. The     will be severally fair with temperatures ranging Irom 66 to 86 degrees</t>
  </si>
  <si>
    <t>                                           Here at Marcus we believe a pair of pants should answer the first baste require-, }M { ment that it fits PERFECTLY. That's why we use more material; and cut our trous- \;W j r ers more generously than anyone else. The result is that no matter how your customers size up our trousers can take their MEASURE. If a man is lean these trousers won t flap around his hips. If he s n I squat, they won t billow at his stomach. And -if he s tall, they won t help advertise m I *i^ his hose. = r. j jf That's the kind of trousers we stock and make to-measure- FULL-CUT, FULL- m i P RISE, FULL-PLEATED, FREE-ACTION- in worsteds and gabardines of luxurious qual-   m j/i ity and hard finish. WLW Little wonder that they do  a sound selling job. !   f- 10.95. to 15.95 II. If MADE-TO-MEASURE TROUSERS j j\ For the man who has an unusual figure or the man   ^ j U: of normal figure wanting an extraordinary pair of slacks ^. A IM- or pants. We offer a fine array of worsteds which we            , BE8 Hi ordinarily do not moke up for less than $20 to $25. y^^^B^^nk.  1 j I  PRICED at $1^'9^)^^^^^^ 61 N. BR0A8 J j</t>
  </si>
  <si>
    <t>                                           One of the strongest All-Star teams ever to take the field at Ponce de Leon Park will see action here Wednesday. August 18, when the San Juan Stars meet the Negro American Association All-Stars.</t>
  </si>
  <si>
    <t>                                           Paper Says Dining Car J'Crow Immoral                 LOUISVILLE, Ky. A Federal court ruling that the segregation of Negroes in dining cars is legal because eight per cent.' of dining car seats are alloted to Negroes, who make up only four per. cent of the patronage, was criticized by The Record, Louisville diocesan                 weekly, as "unrealistic" .. it ignores the inherent dignity of the human personality. "We aren't tempted for a moment to doubt the Judges', knowledge of the existing laws relevant, to this case, nor the accuracy of the mathematics involved," the paper commented. "We think the danger is, however, that many people may assume that. justice and equity have been completely satisfied and the whole problem has been neatly disposed of, just because' there Is no                 ; objection against the.le  and mathematical' factors In ;he case," The Record continued. Even it a Negro' Is given- satisfactory dining. oar service In bis segregated section, the paper point3d out, '.'his human, dignity has been outraged. He has been treated as something less than a man,  add, as something less than i tree  of a democracy.. Some^ thing other. than bis rational nature has been' made the' basis' of the rights- which are accorded him." i .'"There is your segregation problem reduced to its simplest terms," The Record concluded. "Let's, haw the, courage and the decency to race It. Let's.  ourselves in the. Illusion. that it can: be. solved In merely Jegallstie and mathematical terms."</t>
  </si>
  <si>
    <t>                                           LOUISVILLE, Ky. -- A Federal court ruling that the segregation of Negroes in dining cars is legal because eight per cent of dining car seats are alloted to Negroes, who make up only four per cent of the patronage, was criticized by The Record, Louisville diocesan...</t>
  </si>
  <si>
    <t>                                           Nashville Minister Heard At IW house                 At the chapel service on Wednesday, Morehouse College students heard a down-to-earth, practical sermonette from Rev. C. A. W. Clark, pastor of the Spruce Street Baptist Church in Nashville, Tenn.                 The distinguished minister, who is editor of the senior publications of the National Baptist Convention (National Baptist Publishing House, Nashville), was the  of Rev. M. L. King, pastor of the Bbeneezer Baptist Church of Atlanta and a trustee of Morehouse College. The Reverend Mr. Clark is in Atlanta conducting revival services for Dr. King, his host, who introduced him to the Morehouse audience. The Reverend Mr. Clark pointed out to his college audience that the lives of great men and women reveal that in almost all cases they had to overcome some difficulty. "Handicaps are not intended to break us but to make us," he declared. He continued Ly stating that we must recognize and accept our handicaps, must "make friends with our handicaps," so to speak, and must then use them as stepping stones to success. He counseled further that one must avoid talking about his handicaps, must avoid being victims of comparisons, and must not become a victim of self pity. He cited numerous examples of great men who overcame their handicaps and who achieved fame and immortality in spite of the most severe difficulties.</t>
  </si>
  <si>
    <t>                                           At the chapel service on Wednesday, Morehouse College students heard a down-to-earth, practical sermonette from Rev. C. A. W. Clark, pastor of the Spruce Street Baptist Church in Nashville, Tenn.</t>
  </si>
  <si>
    <t>                                           I Don't* Take Chances With I  GUMSl Hftasnd.    firm . Mctdlar  but br Ibr         el^H H         Mtb and ram . Sao      , than lit     ^H OR. BARBEN S I  I An Astringent Mouth Rinse ^1 Vh        that dm man titan   , aic      **1  aii^B         br a   . la      H * . Olnclwi   "C".  U *~*~^l ^B  kaU a   f Rlcaunl- CHadMl fw. IS miu ~**bbb1 ^B ar   a day. ton       ra(aada4 lr nat MUatlad. Ob mi* at H Lane's, Alley, Wood*, Pldtz, Lovenwn's  nd other leading drag norc^BB  M          In            aad         . BJ</t>
  </si>
  <si>
    <t>                                           BISHOP K. C. LAWSON HERE TODAY-Dr. R. C. Lnws-Ml bishop of the churches of Our Lord Jesus Christ with headquarters in New York City, will arrive in Atlantn Sunday. There nre three brunches in the city: Bible Way Church of Christ. 151)0 Block New St., Edgewooci; Bible Way Church of Christ, South Atlnnta, Forest Park Road; and Refuge Chinch of God, 199 Chapel St., S. W. The public is invited to hear this able gospel minister and noted radio preacher at the Bible Way Church, Forest Park Road Sunday at 11:30 ii. in., and Sunday night, at 8:30 p. m. at Refuge Church of Christ, 199 Chapel SI.. S3. W. Elder I. W. Bollinxer, pastor.</t>
  </si>
  <si>
    <t>                                           LAtfE-A-BAY                 "I don't like this Job-I'm making more dough here than any other. place' I've' ever worked!"</t>
  </si>
  <si>
    <t>                                           Negro Voters Join With Liberal Whites To Lift "Iron Curtain" As Browning, Kefauver Win Posts                 MEMPHIS. Turn.                 'SNS'                 More than 400.0UD vou-rs of Tennessee flocked io tin polls Thursday of last week to defeat Governor Jim McCord, who was seeking his third term with the bucking of tin' i .Shei by Pountjt. (Memphis) political  under - 1 lion of E. H. Crump; and Judge John Mitchell, who ran a sorry third in the I'. S. Senatoral Campaign. Judge Mitchell I was likewise backed by the local machine.                 Senator Tom Stewart who left If the midst of his campaign to go to Washington to head the filibuster strategy In the Senate against pas- I iage of the Anti-Lynching bill and any other Civil Rights measure that may come up in the Special Session of Congress was also led by Rep. Kefauver by a margin of 35,000 voters. The brilliant young legislator legislator from Chattanooga had to fight an uphill battle all the way. He not only encountered very strung opposition f.rom the Crump Machine which used whole pages of advertisment to picture him a man with Communistic leanings, but a hard light from the forces of Senator Stewart. It was a "see-saw" affair on election day between Rep. Kefauver and Senator Stewart, with the former pullings ahead steadily as the two candidates began countIng returns from Shelby County. It was in Memphis where Representative Kefauver overwhelmed Senator Stewart. Kefauver polled 27.855 votes In Shelby County to Stewart's 2,640. Mr. Kefauver's campaign in Shelby County was conducted by a Citizens' Committee which included the names of some of the most                 prominent business, professional and civic leaders of Memphis. Attorney Lucius Burch. prominent                 i.- lawyer. Edmund Orgill. lu-.id uf a (.-uld  I. mi, Edwm DaUtiom, manager of paper house, were among the  citizens who     .-:ir- Uic si- campaign for Oie Yalel ruined solon from HamiUon CounSupporting this  were scores of well known Negro leaders, and hundred of others who  the rank tand riles of organized (Continued on Page C, Col. HI                 Negro Voters I (Continue!] from Page One) labor. i Chancellor Gordon Browning, ve-  of World War I and II, and a former Governor of Tennessee, swept the stale on a pronounced An- ti Crump ticket, declaring "Dictat-  or Democracy" is the issue in this . COLUMBIA, TENN. RACE RIOT NEGROES DID NOT FORGET the Columbia. Term., race riot two j years ago when the State Highway Patrol under Chief Boinar, who surrounded the Colored section of i the town and ordered the highway I patrol to shoot. Results of this episode cost the lives of the two Negroes in Maury County , brought on the arrest of over twenty i Negroes who set trial hud to be held in another county because the i atmosphere of Maury was charged with hatred. Remembering Columbia Nesrocs over the state voted against Governor McCorri. although many in the public schools lined up with him in appreciation for increased salaries resulting from the recently enacted Sales Tax law. FRED JACKSON CASE j NEGROES DID NOT FORGET that there had bee na series of instances of miscarriage of justice and police . They remembered that a year ago this month Governor McCord. who by refusing to j commute the death sentence of Fred Jackson, 16-year-old Shelby County , let this illiterate youngster yo to the electric chair on dubious charges of having killed two infant white boys and criminally assaulting their mother. There were strong reasons from the begininng to  that Fred was a victim of circustances. A number of whites interceded for the boy, and the Memphis World newspaper led in a fund raising campaign for over one thousand dollars to have the case                 appealed to the U s. Supreme :ourt. Negroes by the thousands i .limed out to T. H. Hayes and Sons "uneral Home to view the remains if the Jackson boy. and on their ares were written the sentiments ' they a year Inter expressed j jy way of an Anti-McCord vote. j It was pointed out by long-time  of political trends in local : that the "sins against the Memphis boss system under Mr. i  ump have been many. Police have \\ attacked brow beaten,  and harrassed Negro people; ?specialy concentrating their "fee;!" tactics toward owners of :afes, and night spots. NEGROES DID NOT FORGET that two police officers were arrest2d. and tried, on charges of criminally assaulting Iwo colored girls, one in their squad car. Although Atorney General Will Gerber said they were "guilty as hell', both men were set free. These same men. according to reports, were caught in the act af bribing a Colored ice and wood dealer. Nor have Negroes in Memphis had only a few weeks ago. Blaine,  to forget the Ell-Baine case of cause lie had the temerity to go to police headquarters and accuse J,wo members of the force of taking his money from his person is minus an eye. One of the policemen, in the                 presence of ;i superior , struck Blaine with  fist while the latter was wearing glasses. Tliis officer and his partner were accused jf beating Blaine all way from police to John Gaston hospital in (heir squad car. Yet. one of the policemen was freed outright, and the other was let of ' only a f.lty-one dollar fine by a Shelby County Criminal Court Jury. AivJ before the ink had hardly i dried on the police blotter, and the El nine Case written off by a cri-  court Jury, two more police  viciously beat a Colored wo- x man. Mrs. Viola Moore, into insen- sibility. Bolh of her eyes were - i en. the left being almost closed. She j laid sightless for several days at j John Gaston Hospital, but when she was able to get out of the orison j ward, it meant KOing to City Jail to be "socked" by Judge Sellers with a $57 fine on three separate counts. Police Commissioner Joe Boyle and Chief of Police Carrol Seabrooks exonerated the officers. "THE FREE j DOM TRAIN" NEGRO VOTERS DID NOT FORGET that Mayor Pleasants. with the  of the other Commissioners and Mr. Crump, made one of the most inflammatory radio speeches ever heard here in  of their action of preventing the Freedom Train from coming to Memphis. The race issue was 'drained clear across' the breadth of his      !;e as he criticized s; of the most inflammatory ? it a requirement that Nefjroes and whites be (riven equal opportunity, without segregation or any form of discrimination, to view exhibits on the train. This occasion was also taken to score President Truman for proposing the Civil Rights Bill. Nor dVl the Negro Voters forget, that not a single promise for major improvement of the Negro's lot, particularly the request for Negro Police Officers, was made before last Thursday's election. This newspaper, with the cooperation of Rev. S. A. Owen, pastor of Metropolitan Baptist church. Father Betram Kock priest of St. Augustine Catholic Church, and a number of organizations, lias vigorously campaigned for Negro police .s. Rev. Owen, Father Kock, and Editor L. KwiDRler set out in a petition means for the Oty going about selecting a group of outstanding men as                 Jlicnuts for positions as police of- icers. They called at the office of Police Commissioner Boyle but was I lever grunted an interview. The ne- : had to be left with the Com-  s Secretary. The following week, however Ma yor Cummings of Nashville, and Police Commissioner Seth Mays readily granted an interview with Editor Swingler, and expressed their  satisfaction with the Seven - officers now serving on the Nashville police force. "We can look after such matters as Negro policemen after the election." was the only comment that could be elicited from Mayor Plcasanis on the matter when a committee of Colored Citizens met with him and Shelby County Commission Chairman Hale. Mr. Crump came into power on the Negro vote thirty-five years ago or longer, w. C. Handy's famous blues. Mr. Crump don't 'low no easy riders' here." with his campaign buttle cry of those early years which witnessed the formation of what was to become the most  ful political machine ever recorded (n the annals of American history. Thursday, "Boss" Crump went out on the rising tide of the Negro voters' Protest. So fair-minded white folks and Neuroes, emerging from a loni; night-mare of fear, voted,- and the results of their vote made headlines j.cross r.ie front pages of the Ameri can Press. Throughout the n-.it 'or the  wns being asked, "What happened? Kefauver had taken nearly 30,000 votes In Shelby County and Browning close to 21.000- Browning whom Crump had said 'of all l'.is :'0G banes, there is not an honest one." The future for the Shelby County Political Machine under domination of a single personality Is uncertain, but Mr. Crump, who over the  broke his long silence on the election returns which resuited in his first major defeat within twenty years, siM that he would not retire from politics. "As long as I live I propose to always 'lend a helping hand' to Memphis, Shelby County, and the State of Tennessee In the Interest of good government and . public officials, "Mr. Crump was quoted by the Commercial Appeal as stating.</t>
  </si>
  <si>
    <t>                                           More than 400,000 voters of Tennessee flocked to the polls Thursday of last week to defeat Governor Jim McCord, who was seeking his third term with the backing of the Shelby County (Memphis) political machine under domination of E. H. Crump; and Judge John Mitchell, who ran a sorry third in the U. S. Senatoral Campaign. Judge Mitchell was likewise backed by the local machine.</t>
  </si>
  <si>
    <t>                                           Alice Of Albany                 Alice Of Albany                 A Profile Of Georgia's Olympic Champ                 By ROBERT E. JOHNSON                 A lithe, limber-legged woman who wings her \vay down the  with Jet propelled speed and tops timber with the agility of a polished athlete, create! quite a stir In mammoth Wembley Stadium in London, England when she sailed over the crossbar at 5 feet, Clinches, posting a new Olympic record while  Jumping to International fame. The only Georgia athlete among more than 5,000 athletes from 58 nations participating in the Fourteenth Olympiad at London, her name is Miss Alice Coachman, of Albany State College, only woman winner on the United States women s track and field team. The 25-year-old Negro track and field star lias proved her right to be classed with the fabulous Stella Walsh, whom she handed one of the few defeats in 1945, beating her In n fast 100-meter dash. Unassuming and modest Miss Coachman, who Is a transfer student from Tuskegee Institute, has enjoyed a prolific athletic career. She began smashing records in 1939, when she copped her first national title, the American AAU high jump crown. This year, preceding the Olympic trials, she set a new American record by leaping 5 feet, 4 13-18 inches. In 1944 she posted the AAU mark in the 50-meter dash, speeding the distance in 6.4 seconds. The Olympic ace reaped her. biggest track harvest in 1945 during the AAU meet at Harrisburg, Pennsylvania, winning the 100 and 220-meter dashes, the broad Jump,,high jump and the 50-meter dash. Georgia Is truly proud- it birthed an Olympic Champion.</t>
  </si>
  <si>
    <t>                                           Weekend Gunplay, Knives Keep Police Busy                 ('~Switch Ijlmlt" knives, :~holp,un.%, mid pi": Lol.s wrought havoc over Uie weekend as a .steady .stream of mutilated victims jammed the  pii)P!(!O!U'y ward to have, their wounds   .                 Young, "l 7 Matthews Alley. S. W.. suffered a s li l g u n blast, in Iho leg which he claimed was inflicted by John W. Ellison. '50, (if 1172 Matthews Alley, police said. A disputed debt was said to have provoked the s . A Two-inch Ioiib. M-inch deep wound was suffered by Henderson Daniel, 34. of 10UH l orl St. S. W., reports show. According lo police, D,\ .said he was slashed by an unknown suspect in downtown Atlanta. A University Cab Co., taxi driver  police three .suspects fired into his cab at Culver Street Saturday when lie refused lo accept them as passengers. The driver, Archie Lee Jackson, according to  said tht suspects emerged from some bushes on Culver Street and he refused them, as passengers since lit already had a fare. Upon driv(CoiHIuncd tin I'lipn fi. Col. 4)                 Week-End (Continued from Page One) ing off 'from tiie suspects tlie driver said two of them fired m Ills cab. Tuo of the bullets taking effect. One of tlie suspects was listed us "Wlllard," 33, of 351 Cuapel St., Apt. 235. Miss Ida Mae J'opc, 27. of 155 Logan St. S. E., told police her common law husband, James Walker, 33, of the same address, stabbed her in both legs Saturday, reports show Edward Ouini, 32, of 179 Walker SI.  shotgun wounds in the hand and shoulder. According to reported statements of Gunn," he was shot by Lewis Douglas, 30, of rear 486 Mitchell St., following a dispute the two had over some whiskey. Miss Annie Lisa Mason, 37 of 1150 North Ave., reportedly said her husband, John Mason stabbed her in the hip .during the week end. William Foster, 37 of 774 Welch St.. S. W., received a critical pistol wound in the stomach at the hands of his brother, John Poster, while the two were allegedly 'engaged In a fight police reported. His condition was reported as fair Monday; Wiliam H. Revllls, 28, of 19 Raymond St., N. E.. was shot in the chest and arm Sunday. Tlie suspect was listed as K. c. Franklin, 40, of 846 Drummond St. Revlll's condition was fair Monday.</t>
  </si>
  <si>
    <t>                                           Switch blade knives, shot guns, and pistol wrought havoc over the weekend as a steady stream of mutilated victims shimmed the hospital emergency ward to have their wounds natched and treated.</t>
  </si>
  <si>
    <t>                                           Robed Klansmen Attend Alabama Church Service                 BIRMINGHAM, Ala. ) Mixed reaction greeted the story of the Ku Klux Klan's invasion ot the Massey Line Church of God Sunday to attend church services, but it was generally agreed that the action constituted a threat to the freedom of worship.                 The Hooded Order reportedly ( the services because of- recent "disturbances" at the church but the obvious purpose was to intimidate and silence some recalcitrant members, it was generally believed. The Rev. Ira L. Pope said he had been^ the Klansmen were coming. He failed to state whether he had attempted to discourage them from invading the institution. Observers report about 75 robed and hooded Klansmen attended the services. The ^ of about. 178 sat silently as they, filed in a. side. door and took seats together. "SOBERING INFLUENCE" Commenting on the visit ot the                 Klan, Rev. Pope said he. hoped the presence of the robed men would have a "sobering influence." ..This was in reference to the alleged "disturbances." At the request of the Klan's leader, the minister asked the congregation to stand and sing "The Old Rugged Cross." The- Klansmen joined in the song, then, sat silently through the rest of the song service. While, the Rev. Pope was - ducing the guest minister who was to deliver the sermon, the; Klan leader walked to the pulpit,- talked to the minister briefly and 'handed him donation. v- -i The group then filed -,out! of  the church. y tj Alabama Klansmen'recentlymade national headlines -whent they TO,iit- ed Girl Scout leaders' trom Caipp Pauline Bray Fletcher, ' a training . was Jn Iprogress. The " accused "the" lead^tf i violating segregation, law ai% d. Southern' customs'.' t j.</t>
  </si>
  <si>
    <t>                                           BIRMINGHAM, Ala. -- (SNS) -- Mixed reaction greeted the story of the Ku Klux Klan's invasion of the Massey Line Church of God Sunday to attend church services. but it was generally agreed that the action constituted a threat to the freedom of worship...</t>
  </si>
  <si>
    <t>                                           THE QUEEN AND HER COURT -In nn Impressive ceremony at Morris Brown College Friday :. Miss Blanche- Woods of At. was crowned "M'ss Morris Brown" of 1948 by Miss Marie                 Wainwright, queen of last year. Other Indies of the court Included, left to light. Misses Anna M. Oliver; (Miss Alphn) Vera CogRins  Sigma): Alflorcnce WashliiRton (Miss Sophomore); Verlent:                 Sunders (Miss Fietihman) Lois Wilmore (Miss Kappa);' Verrm Hunnnn  Miss Omega). The men (if tlie court served as escorts for the sweethearts and attendants.-                 Perry Photo).</t>
  </si>
  <si>
    <t>                                           CAPITAL SPOTLIGHT                 By LOUIS LAUTIER for ANP                 Washington's melodrama of the past two weeks has been the joint trial of Henry (Piggy) Leake and Charley Nelson for shooting each other. The two defendants for foils for Charley Murray, the assistant D. A., who had  a cast which included some of the toD i                 figures in the numbers  and had polled the jury on whether they are acquainted with numbers backers under  and not under . The villains were the array of defense counsel who were determined not to let Murray make the trial a grand jury probe of the numbers racket. Yvonne Simkins was the star witness not in her testimony because it was minor but in her answers, carriage and deportment the Howard University graduate was head and shoulders above the other witnesses. Her mate. Roger Simkins, witty and dignified man-of-the-world. gave the court his full name Rog- ei Williams Simkins, " for the first Baptist minister in America" meaning Roger Williams, En- glish colonist, founder of Rhode Is- toleration. Which brought the query from Murray whether Roger was a mirs- and an apostle of religious i.ster. The courtroom f;ot a belly ln.iif?h out of that one. j Apparently back of the trial was J District Attorney George M. Pay's j yearning to get vl the men who make the numbers game possible in i Washington and the big shots who operate it. He again shot a blank. The next move the gambling fraternity awaits is that of Police Cliief i Rober, Barrett against Detective Segt. Reuben Nichols. The rumor ir, that Barrett plans to prefer charges against Nichols before a police trial board. If he does, the lid may be blown off the numbers racket. Jimmy Fletcher, the narcotics agent, was in town vacationing. He never works in Washington, his home town. AME Church bishops are split over payment of salary to Bishop Joseph Gomez, who was assigned to South Africa by the Episcopal                 tr. at the church s last general conference but never Went there. Some of th bishops reputedly would not be averse to getting a slice ol Texas, a rich diocese, annexed to their districts. Any \    Or. Arthur Jackson, financial secretary of      AME Church, will plead that  ho is a mere stakeholder and will carry out the orders of the court as to whether to pay salary to Bishop Gomez. Under the rules of the church, a bishop who doesn't go to a foreign assignment within ninety days after his assignment is not entitled to draw his pay. Natalie Cole Johnson, mate of Charley Johnson, Orange (New Jersey i medico, was a visitor here recently Dr. George (Sparky) Adams, who was seriously injured in an auto accident recently, has come home from John Hopkins Hospital in Baltimore. The Rev. and Mrs. E. T. Tlndley, of Lansing (Michigan), are  at the Dunbar Hotel of the Rev. DeLoss M. Scott, pastor of the National Tahernacle. Also guests at the Dunbar are the RavensHoward Diggs, James Ricks, Warren Settle Leonard Puzey and Maithe Marshall-- who were appearing at Club Bali.</t>
  </si>
  <si>
    <t>                                           Washington's melodrama of the past two weeks has been the joint trial of Henry (Piggy) Leake and Charley Nelson for shooting each other. The two defendants for foils for Charley Murray, the assistant D. A., who had subpened a cast which included some of the top...</t>
  </si>
  <si>
    <t>                                           BACKACHE Tor Quick  help tor Backache.          Palm. Getting Up Fights,   urine, irritating , I*r 1 m. elides under     ,   Bnklet,     to naa-  od nbn-~~                  Bladder troubles, try Cyit-w. Quick,   or money back . Adc jour  tor Cystnttoday. ("Fabrics of all Kinds" 1 1 DRESS MATERIAL I m Slipcover- Up^ (the mill-end store 1 106 Hunler'Sf., S. W. 9</t>
  </si>
  <si>
    <t>                                           OF CORDIAL interest to Atlantans was the high noon double ring ceremony on December 25, 1948 of attractive Isabel Chisholm, daughter of Mr. and Mrs. John Austin Chisholm, of Philadelphia to Dr. William Freeman Clark, of Raleigh, N. C., son of Mrs. Bessie Clark and the late William Thomas Clark, of Birmingham, Alabama.</t>
  </si>
  <si>
    <t>                                           Big Town                 Big Town                 Dawson Forces Establish Front                 BY JAMES I.. HICKS (NNPA Stair Writer)                 NEW YORK  Man the guns uml clear the decks lor political net ion!                 A "Tusk Force for Truman," led by William L. D., of the Uemoerutte High Command, has  a beachhead at the Biltmure Hotel und is drawing up battle lines for an all-out attack on this Dewey stronghold. The advance echelon arrived last week in the persons of Anne Hedgeman (well '. you kuow?~ of FEPC fame, John Young, III. the Willkie Award winner and Christine Hughes, Dawson's gal Friday whose heart throbs for Major Steve Davis oX Dee Cee when it Is not covering a political beat. But even before Dawson's task force arrived here a" Do for Dewey" group was organized, which says the Truman forces shall not pass. Bertha Diggs, Sinky Bourne, Julius Adams, Harold Burton, Eunice Hunton Carter. Elmer Carter and a host of other loyal Dewey supporters will create a heck of boogie in the Big Town's barnyard before they let Dawson or any of his clan walk off with any par*  f the Empire State lor Trumu Before the Daw.son crowd goes to work on the Republicans, however, there is a little mutter which they                 settle within their own ranks Stems \lv.n politically wise Herbert  uf Harlem got wind of the Uuwsou drive and bent Bill to the punch by announcing his own campaign to raise a million dollars to support the President. To be effective here the Dawson forces must win Uruce over to their  or Must his  uul ol  lice. , AND JOE Carol Drake Faulkner, the , wan escorted by a gentleman at the Sugar Kay Robinson golf tournament in which Joe Louis played, by, she followed .Joe around       kitten stalking a Anary Bill Spiller, the Los Angeles golfer, called Swear       tournament the worst he ever participated in after Sugar Ray hackled him as he was teeing off. Sugar Ray later apologized to Spiller who went out the following Monday and qualified for the Tarn Shunter. Spillers  was not representative, however. Mast of the golfers. Including Red Rhodes and Joe Louis said they thought the tournament was well handled. Major William A. Campbell of tiie 332d Fighter Wing and a group of his officers criticized the press tor brim; " in everything (Continued On Paice 4; Col. S)                 Dawson Forces i i (Continued From Page One) it prints' and for .sending a woman I  in a group of .seven report- 1 ers who drove 250 miles to inter- view them before they participated in the IntiTiuuionnl Air Exposition at New York. What the major and his officers did not know that they never would have been invited to participate in the show if those same reporters had not nagged the city of New York for two months I before it was decided to put some "color" in the show. I The Urban League Service Fund, which depends on the press for publicity, discriminated a g a i n s t certain members of the press at its affair last Saturday night by giving some reporters tickets and charging others $7.50. Mollet Moon, wife of the NAACP public relations man,. Henry, was guilty and should know better commie: i-ovk  The love life of one of those top colored Communist, loaders may be. i  when he comes trial The sparring partner of Joe Louis who 'aped" Walcott In Hie Louis 1 (raining camp, did not see Lou:;, knock Walcott out. He and his wife had ringside seats but he fell asleep in the ninth round and was still sleep when Joe caught up with Jor Flo Peterson, the Theresas dark eyed cashier in the new coffee shop, has a 36 bust, a 25 waist, 39 hips and says she s married but. not living at it." Yum, Yum! Harlem wives are subjecting way- ward husbands (lie "towel test." If they suspect them of picking up excess lipstick, they wipe a hot towel across their lips. If lipstick is there it will show on the towel. One wife gave her hubby the test while he was asleep and slapped him across the eyes with the evidence when he woke up. He is su- Ing for divorce. MEDIC TO BUILD i A Harlem medic will soon build a six-story apartment on Convent Avenue The United Mutual Life Insurance Co.. lias been approved as an FHA mortgage lending agen- cy. Elaine Graham, wife of Frank, i the the whisky man, is flying to Paris instead of going by boat as planned because of a shift In the I time of style shows over there i The Joe Louis exhibition tour to advertise his punch will hit the south In October Al Moron and his wife are back from the Virgin Islands sporting tans. t Judge Charles E. Toney has a t ruddy tan on his baldpate from t fishing in the sun at Lee Haven Lloyd Genus, the Dee Cee newsman, and Alma, his nurse wife. Btormed into the Big Town last Monday Leon Jones of Wash- ington is expected to become a I Junior Life Master bridge player at the ABA tournament in Atlantic City August 15-22. Indicentally, E T. Belshaw, Mobile. Alabama, prescient of the ABA will retire from office during the convention. The ABA only recognizes five Senior Life Bridgcmasters with William Friend of Detroit topping them all.</t>
  </si>
  <si>
    <t>                                           NEW YORK -- (NNPA)--Man the guns and clear the decks for political action!</t>
  </si>
  <si>
    <t>                                           I 5 DIFFERENT PLANS K 3 Months 6 Months 9 Months To Repay- If $10^ S200M- 1 If SIGNATURE  AUTOMOBILE J8 endorsement - g 1 CO-OP FINANCE THRIFT CO. 146'/j Peaehtree Sfreet, N. E.  i 1 GBMelA  T I</t>
  </si>
  <si>
    <t>                                           The 48-49 basketball season is just around the corner. ...Wilberforce State plays Hampton institute in Fish Bowl at Norfolk, Dec. 4... Fort Valley State and Alabama State College open a series at Columbus next Saturday night, Nov. 20, which will be called "The Inter-State Collegiate Classic" ...Southern University meets San Francisco State College in the Second Annual Fruit Bowl game at Kezar Stadium, San Francisco, Dec. 5.</t>
  </si>
  <si>
    <t>                                           DAVIS, Mr. R. D.--The friends and relatives of Mr. and Mrs. R. D. Davis, Mr. and Mrs. Thomas Johnson and family, Valdosta, Ga.; Mr. and Mrs. Jett Woren, Valdosta, Ga.; Mr. and Mrs. Robert Peterson, Valdosta, Ga.; Mr. Manisee Davis, Mrs. Lizzie Pickens Atlantic city N J are...</t>
  </si>
  <si>
    <t>                                           More than 10,000 colored citizens received letters last week from A. A. Reid, Chairman of the Christmas Seal Sale, appealing for contributions for tuberculosis work among the Negro population of the Atlanta area. Mr. Reid's letter, which appears below, opened the...</t>
  </si>
  <si>
    <t>                                           WITH THK  ARMY IN YOKOHAMA,  Chaplain (Captain) Lewis M. Dindcn, i- of COLUMBUS, (hi., '-/'.es First Lioutfiianl Charles C. Tolhcrt, of New York City, commander of Heiulcniai-ters Batter.', on the winning of the !~3:trd Antiniie.afl Artillpry                 Uilion Chapel Attontiaiice Banner. First Sergeant John A. Robinson, of Muskogee, Oklahoma,  nf             teis Battoiy, -: in center. The battery maintained the largest chapel attendance and the greatest allround efficiency of units in the j '.33rd for a period of three nion- I                 llis. flJ. S. Army photo)</t>
  </si>
  <si>
    <t>                                           Appearing before a crowded assembly of music lovers on last Sunday afternoon at Morris Brown College Chapel, the Advanced Choir and Band of David T. Howard High School, presented a post Christmas Musical Festival to the students of Morris Brown College and music...</t>
  </si>
  <si>
    <t>                                           CONFERENCE FETE -The food and drink was in abundance Tuesday night at the entertainment of delegates to the national builders and realtors                 Terence on Uie estate of W. H. i 'Chief Aiken, Simpson Road, Tuesday night. Sharing in the hospitality were, left to right: N. W. Robinson, of New York; Mesdames                 Gladys Powell, Ariel Perry Strong and Irene Wilson of Atlanta, and C. P. Pequette, of Orangeburg, S. C.                 (SCOTT PHOTO)</t>
  </si>
  <si>
    <t>                                           CONTINUE GRADUATE SCHOOL EQUALITY FIGHT                 NEW YORK- Another case in the fight against denial of equal educational opportunities lo Negroes in southern states will be brought to trial by the National Association for the Advancement of Colored people, tills time on behalf of Lyman T. Johnson, who seeks                 Moll to the graduate school of the University of Kentucky. The trial will come before the United States district Court in Lexington, Ky. on January 4. NAACP attorneys also indicated this week that they are considering  he possibility of appealing to the United States. Supreme, court the recent Oklahoma Federal Court decision upholding segregation of G. W. McLaurin at the University of Oklahoma. McLaurin has been                 tending the graduate school on completely segregated basis since an dc'.ober 10 court ruling forced the University lo admit him. If the McLaurin cose is carried to the Supreme Court, it will be heard at approximately the same time as the case or Heman Sweutt, who has been denied admission to the University of Texas law school solely because he is a Negro. Sweat', refused to enroll in a makeshift Jim Crow law school on grounds that equal educational facilities wore hot offered hini here. Tile similar case of Mrs. Ada Lois Slpuel Fisher, who has been denied a legal education at the University of Oklahoma, is still pending in the courts of Oklahoma.</t>
  </si>
  <si>
    <t>                                           NEW YORK--Another case in the fight against denial of equal educational opportunities to Negroes in southern states will be brought to trial by the National Association for the Advancement of Colored People, this time on behalf of Lyman T. Johnson, who seeks...</t>
  </si>
  <si>
    <t>                                           Scouts twin Troops 94 and 85 and Senior Units 2294 and 2286 took part in Men's Day Program at Allen Temple AME Church, Bundy, September 19, Mr. James Bohannon of David T. Howard School is organizing a Senior Air Scout Unit. This will be the first...</t>
  </si>
  <si>
    <t>                                           TTT Beauty And Barber Shop Specializing in Marceling, Waving, Special treatment for Dry Scalp nnd Falling Hair. Guaranteed to grow hair. Special treatment, $2.00. Order* for WiU4, Page Boy and Braid. Send S.imple Harher Chairs and Hooth for rout. The first :j months, $5.00. Madnni .1. M. Jones, 1!)2 Auburn Ave., N. K., Atlanta, Georgia. CY. 95C3. LONGER HAIR Use HY-BEAUTE  and TAR HAIR POMADE. It fs on AW for hart/ thin. Brooking. off Hair and Itchy Scalp. GUARANTEED or Money Back. Hy-Beaute Hotr Dressing 33c           Pressing Oil. 33c Hy-Beaulo Skin Blanch 33c Hy-Beoulo Hair SLIK 30c far Men and Women Any Throo Above Stud $1.20 { Ajonrs Wanted HY-BtAUTE CHEMICAL COMPANY            ,H,[. BULB . CtuH</t>
  </si>
  <si>
    <t>                                           The MT. ZION UNITED HOLINESS CHURCH of AMERICA wishes to announce the Opening of a New Church on Nov. 14 located at 30 RICHARDSON ST. Everyone Welcome ..Rev. H. Phij.Hps, pastor Siiiu Use HY-BEAUTE  end TAR HAIR POMADE. Ir it on AM for , , Brcaking-off Hair and Itch/      . GUARANTEED er Money Back. Hy-Beaute        Dressing 35c Hy-Beauto (Veiling Oil 35 c Hy-Boauto Skin Bleath S5c H/.Bcautc Hair SDK 50c For Men and Women Any Three Above Send $1.20 Agents Wanted HV-BEAUTE CHEMICAL COMPANY MAlfailiAtlui.N.E. Diot.~ .GeuH CHURCHES, SOCIETIES PARENT- ASS NS. j FRATERNAL ORGANIZATIONS   money  the "Last Supoer Plates. First         " . The world s most loved picture by the treat artist. Leonardo Da Vinci. Beautifully reproduced on Id'' china plate In bright vivid lire-like ceramic colors. The  is opague while, border embellished in a delicate l?af lace design,  23- cold. Yes. these plaits virtually sell themselves, every home will want one or a complete ket. Send for details and learn how your group can make extra . SANDERS MFG. CO. Plate Dent. 3 V'\ llh Ate., S., Nashvlllr. Tenn.</t>
  </si>
  <si>
    <t>                                           The fighting Maroon Tigers of Morehouse College will officially open their basketball season on Thursday, December. 9, 1948. On this date the Tigers will play Coach. Jimmy Steven's highly touted Prairie View cagers in a non-conference court game in the More...</t>
  </si>
  <si>
    <t>                                           :U--OI.   STOMACH-ACHE                 Dijon. Prance After suffering  ache' for 3i years. Rene Malete, a (34--old farmer, underwent an operation. A. surgeon found :t German bullet which Malete had received at the battlefront to IBM.</t>
  </si>
  <si>
    <t>                                           Confusion And Doubt Left In Wake Of Voters Measure                 The -passed voters qualification bit  the General Assembly enacted Into law on the                 nal day It was in session already Is proving a headache to municipal and legal authorities. v.                 Tile doubt and uncertainty stems from the question of whether present voting lists may be used In the primary election next September when voters will name a new slate of city officials. More than 80,000 voters In Atlanta are affected by the bill which needs only the signature of the governor to become law. The measure destroys the state s .present voting .lists of 1.200,00 registered voters and requires them to re- before May of 1950. Amidst the confusion over which voting, list is valid, T. Elton Drake, Chairman of the City Executive Committee, believes that the Act makes a provision that Atlanta, at the discretion of the City Executive Committee, may use the voting list in the September primary. Drake says that unless this Is so the all-Important city primary will, be endangered since It wll lbe Impossible to build a new  list before May, 1840. Another school of thought was represented by "Rep: Luther Atverson, wrto stated that his interpretation, of the act is that it would allow Atlanta'to use' both a purged list and supplemental names gathered un-r der the new act for the primary.. Fulton County has no -worries over the new bill. There are no county officers coming, up for ejection in the September primary. Pulton Registrar Howard T. Masburn, however, is studying the act (Continued on Page 4, Col. 5)                 Confusion (Continued from Pace One) to determine how it will affect Fulton 'County. The tax referendum comes up April 5. but it is understood that current voters lists  be used upon this occasion. If and -when the measure be*                 comes law, Negro organizations,  groups and civic agencies are expected to launch one of the most concerted registration drives in the history of the state. The measure Is of particular  to Negroes who were made the target of the legislation allegedly to "stop bloc voting." Once the campaign gets underway leaders in all walks of life will be working towards getting as many of the 1,200,000 voters back on the lists as possible. Some state officials believe that it will be impossible to re-register more than 700,000 new names on the lists before the 1950 deadline for re-registration. One minority viewpoint was that even greater voting strength will be obtained in viewpoint of the glaring publicity .given the Herman Talmadge-sponsored voters qualification bill, which fulfills a campaign promise made during his campaign for the gubernatorial campaign. Mayor William P. Hartsfleld and hi* aides are giving extensive study to the measure 'in eyeing the forth- coming primary.</t>
  </si>
  <si>
    <t>                                           The recently-passed voters qualification bill which the General Assembly enacted into law on the final day it was in session already is proving a headache to municipal and legal authorities.</t>
  </si>
  <si>
    <t>                                           Final  Grid Standings TEAM W. L. T. TP. OP. PCT. Florida A M. College 6 0 0 174 30 1.000 Lane College 4 0 1 100 55 1.000, Allen University 3 0 6 46 7 1.000 Fort Valley State College 5 10 149 32 .833 South Carolina State College 3 1 1 114 34 750 Alabama A -~M College 3 2 1 64' 78 .600 Tusfcfcgep Institute 32 1. 68 92 .600. CJafk College 3. 3 1 72. 95 .500 Morehouse College 3 3 0 80 44 .500; Fisk- University 2 2 0 49 42 .500 Morris Brown College 3 4 0 70.' 73 .429 Benedict College V 4 1! 50 62 .200, Alabama State College 7 1 22 13? .1251. Knoxvllle College 0.3 0 7! 95 .00pv Xcivier University 0 4. V 38 87 .000^ LeMoyne College 0 4 0 25; 153 .006:</t>
  </si>
  <si>
    <t>                                           If the definitive community school program enunciated here by D ... R. Wiliams is spelled out in action by teachers and principals of the Atlanta ... it will be as difficult to get pupil to ... was ... pre- election political...</t>
  </si>
  <si>
    <t>                                           FOOTBALL SCORES Grambling 33 Bethune-Cookman 6</t>
  </si>
  <si>
    <t>                                           HEATED with a -^^P^ COZY FLOOR FURNACE A Cozy gai floor furnace is ideal for the imall horn* or apartment which hat no central heating system. TMi low  oit heating unit can be easily installed in any  with natural gas, and at a price only slightly more than a coal burning heater. MONCRIEF provides a very complete heating and installation service which builders, contractors, and individual owners like. There is no waiting for service. Moncrief keeps large stock on hand with trained men to render prompt service on heating layouts, wiring, piping and complete installation on the job. Call HE. 1281 for a FREE estimate.</t>
  </si>
  <si>
    <t>                                           Coach W. W. Lawson's Allen University Yellowjackets will make their debut in the Gate City, Friday night, when they square off with the Clark College Cardinal and Black Panthers, on The Magnolia court. Another SIAC battle will pit the Tuskegee Institute Golden Tigers uganist the Morris Brown Purple Wolverines. This tilt is also booked for Friday night and will be played at the Morris Brown gymnasium. The fireworks will gut underway at 8 p. m.</t>
  </si>
  <si>
    <t>                                           Howard vs. Lincoln (Pennsylvania) at Washington, D. C.</t>
  </si>
  <si>
    <t>                                           2 Lb. Tin Delldous Assorted Hard Candles $1.25 1 Lb. Tin Assorted Hand Dipped Chocofates $1,25 SALLY DEE BANDIES Newport, K. I. Do yon Trent more Money, to be Able to enjoy more of the good things of life, then, send for free valuable Information today, to SPECIALTY SERVICE 13 Princeton St. Rochester 5, New York t iB^SH p s '' l c*~*~u*"o*M" \wn8 0  m $mm tout? druggist -VtHr8  ,Mte '^OW INC.</t>
  </si>
  <si>
    <t>                                           NEW YORK--(NNPA)--The Abyssinian Baptist Church began the celebration of a double anniversary last Sunday--the church's 140th anniversary, and the fortieth of the pastor emeritus, the Rev. Dr. A. Clayton Powell, Sr.</t>
  </si>
  <si>
    <t>                                           BOY SCOUT CONFAB SPEAKER -Dr. V. D. Patterson, president of Tuskegec Institute, is shown  a group  jf Scout                 nt tlio Biitlcr Street YMCA during ii banquet which climaxed a two (fay  of Suite  executives meeting in Atlantn. Dr.                 Patterson urged that America provide  leadership for its youth.</t>
  </si>
  <si>
    <t>                                           Dobbs Concedes: "Voice Of People, Voice Of God"                 By WILLIAM A. FOWLKES                 One Atlanta political leader who engaged actively in the campaign  nd figured in a hoi debate before a capacity audience ai Wlicat Street Baptist Church last weak Wednesday was nursing his wounds as the result of the Tuesday election, while his chief adversary                 Ing the struggle and verbal clash I wore smiles of victory. John Wesley Dobbs, Prince Hull Masonic grandmaster and Republican state, central committee officer, reported to ,"T h e Avenue" shortly after GOP 'Candidate Governor Dewcy conceded his defeat 'to President Triflhan! Stating his cognizance of the role of the American people- the little folk- in tapping Mr. Truman on the shoulder and urging him to         ,' Mr. Dobbs said: "The majority of citizens of I'.ic                 greatest democracy the, world'- has ever seen have spoken. Their verdict cannot be wrong, because' 'the voice of the people Is Uie voice of God." Attorney A. T. Walden, president of Georgia Negro Democrats,'; .who debated Mr. Dobbs ;lh' the: 'Wheat Street debate arid who --campaigned lor Truman's reelection; had this to say: "President Harry S. Truman's election conclusively proves two things: First, that even in the area of politics the American' people admire a man. of; genuine sincerity who possesses honest convictions which he dares, to advocate .courageously and unflinchingly in  face of apparently- insuperable o'd ds; second that the people of America believe that the liberal Democratic Party is the guardian of the welfare and liberty of the common .man."</t>
  </si>
  <si>
    <t>                                           One Atlanta political leader who engaged actively in the campaign and figured in a hot debate before a capacity audience at Wheat Street Baptist Church last week Wednesday was nursing his wounds as the result of the Tuesday election, while his chief adversary...</t>
  </si>
  <si>
    <t>                                           TO READ TODAY- Madam L. Lee, will sponsor an article read-; ing at 85 Davis St., N. W., beginning nt 5 o clock. You can see her privately here at the same address., from 1 o clock until 4 p: m., today, For information call MA. 2359. 'Adv.~</t>
  </si>
  <si>
    <t>                                           The Atlanta District, Sunday School and Baptist Training Union Convention, which is an auxiliary of the Atlanta Association announces to the churches, Sunday School, and Baptist Training Unions within the bounds that the annual Training School for...</t>
  </si>
  <si>
    <t>                                           Deportation Proceedings Suspended                 Mrs. Claudia Jones, Admitted Communist, Under Gov't Fire                 NEW YORK (NNPA) -Deportation proceedings against Mrs. Claudia Jones were unexpectedly suspended Monday afternoon, September 13, by the disappearance of one of the Immigration and Natu,-.  Service's key witnesses' A'ho was under subpoena.                 Edward P. Emanuel, examining inspector, asked for the adjourn " following the noon recess. He had earlier in the day opposed ah adjournment requested by Mrs. Ca-. rol King, attorney for Mrs. Jones. Mrs. King asked for the adjournment on the grounds that she had had inadequate notice of the hear* ing and that it violated the administrative procedure act. After Mrs. King's request for adjournment was denied, Mrs. Jones declined to take the stand. Sbe said the hearing was illegal and she would defend herself at the proper time. The action against Mrs. Jones at the offices of the Immigration and Naturalization Service Is a part- of the Federal Government's effort to deport subversive aliens. BRITISH WEST INDIAN Mrs. Jones, 33, was born In the British West Indies. She is -a mem-; }? ^JS?-1^01181 Committee- of the CommUnlStf-party*' and freely admits she is a Commirhlst. Before the noon recess, a number of witnesses, all employees of the Immigration and Naturalization Service, testified as to the authenticity of records purporting to showthat Mrs. Jones, who also  as Mrs. Ciaudie Vera Scholnick,. was an alien and a Communist. After the noon recess, Mr. Emanuel suddenly announced his concurrence in Mrs. King's earlier request for an adjournment. He refused to tell newspaper men why he had changed his tactics. Later. W F. Watkins. district director of tfce service, told reporters that a "key witness" under subpoena, had failed to appear. He refused to  fy the witness but said Federal officers would try to locate him</t>
  </si>
  <si>
    <t>                                           NEW YORK -- (NNPA) Deportation proceedings against Mrs. Claudia Jones were unexpectedly suspended Monday afternoon, September 13, by the disappearance of one of the Immigration and Naturalization Service's key witnesses who was under subpoena.</t>
  </si>
  <si>
    <t>                                           Men's Championship STOCK CAR RACES 100 LHN TOO ALL COLORED DRIVERS Lithonia Speedway Also LADIES CHAMPIONSHIP RACES LABOR DAY MON. SEPT. Time Trials 2 P. M. Main Races 3 P. M. Buses Leave for Lithonia At 10:00 A. M., 1 1 A. M. and 12 Noon FROM THE FOLLOWING LOCATIONS) Ashby and Hunter Sts.-Andy White's Place, Fraser St. -Corner Rockwell and Mcbaniel Sts.Auburn and Bell-Auburn and Fort Advance Ticket Sale $1.50, At Gate $2.00 Tickets On Sale Now-Houttbn Drop Inn, 357 Houston St.; Harris Service Station, 247. Auburn Ave.; Auburn Aye. Service Station, Cor. Fort and Auburn Ave.; Regal's Garaae, Randolph and Edgewood A've.r Amo* Drug Store, Hunter and Ashby; Midnight Cafe, Hilliard and Old Wheat Sts.; Yates and Milton Drug Stores, No. 3 University Homes; Houston St. Rib Shack, 322 Houston Strectt. ALL DAY PICNIC and BARBfcCUE</t>
  </si>
  <si>
    <t>                                           00 Bourbon KENTUCKY BOURBON WHISKEY- A BLEND National Distillers Products Corporation. N. Y. 8C.8 Proof 51* Kentucky Straight Bourbon Whiskey 49% Grain Neutral Spirits</t>
  </si>
  <si>
    <t>                                           MOREHOUSE DAY SUNDAY AT ZION HILL BAPT. CHURCH                 Tomorrow will be annual More- house College Day at Zlon Hill Bap- i Ust church, the Rev. M. L. TerriU pastor. Principal speaker at the 11 o clock morning service will be Dr. I B. E. Mays, president of Morehouse. He will be introduced by Dr. B. R. Brazeal, dean of the Institution.                 President Mays has received many honors from national and world Institutions. He was a leader in the Youth Conference at Amsterdam, Holland, In 1939, and represented the United States at the Oxford Conference on the Church, Community and State in England in 1937. He was also a delegate to the World Council of Churches In tor of taws conferred by Denlson University and Virginia Union Uni-  and the Doctor of Letters conferred by South Carolina State                 College, while having earned the degree of Doctor of Philosophy at Chicago University. Dr. Brazeal. besides being Morehouse dean, is author of the recent book "The Brotherhood of Sleeping Amsterdam, Holland and elected a member of the Central Committee in August, 1948. Dr. Mays had been honored with the Doctor of Divinity conferred by Howard University and Bates College, the DocCar Porters" and a forthcoming publication. Dr. J. B. Harris will preside over the morning' program. He will be introduced by Deacon Willie Menefee, chairman of the Mission and Charity Committee of the Church. Deacon George S. , chair(Continued on Paje 3, CoL 4)                 Morehouse (Conllnned Irom Page One)                 man of ihr finance . imrt Deacon J. C. Cornelius, chairman (if the Board ol Uoacor-s, urr urging members to"  \       Co Mort1.se Day. On Friday       ., M: 4, In Snlc Hall Chapel of Morcliou.se, the Psi Cluipter of Omcr.a Psi Plii Fraternity is presenting Rev. Terrill in a tenor recital. Pastor Terrill will be .supported by *:io Choral Ensemble of Zlon      church, directed by Mrs. Jewell Terrill and with Prof. Lawrence Mann. Miss Annie Mae Cox aiid Mrs. Rnselaml Days us pianists. Sunday, afternoon, Feb. HO, Rev. Mr. Terrill and officers and members of the church will Ire guests of West Hunter Baptist Church, Ihe Rev. Mr. Fisher pastor. Sunday . Fcb 20. President James Byrd ami the Laymen's Brotherhood will honor "War Mothers" of World Wars I and II In a program starting promptly at 7:30 o clock. J. S. Ward will preside.                 K. It. ,                 . K. MAYS</t>
  </si>
  <si>
    <t>                                           Tomorrow will be annual Morehouse College Day at Zion Hill Baptist church, the Rev. M. L. Terrill pastor, Principal speaker at the 11 o'clock morning service will be Dr. B. E. Mays, president of Morehouse. He will be introduced by Dr. B. R. Brazeal, dean of the institution.</t>
  </si>
  <si>
    <t>                                           Nation's Greatest Ba nd LeaderShowman Plays Friday, Oct. 29 LIONEL HAMPTON BAND and Broadway Acts will provide the greatest bill at entertainment-dance and show that will play, in Atlanta this year. See them Friday, Oct. 29, 11 P. M: at the Auditorium. Advance-$1.50; at Box-$2.00. Tickets out now at neighborhood locations. Co--S. E. Artists.</t>
  </si>
  <si>
    <t>                                           tl " OF  SANTA IK" \ Itud Cameron also STACK SHOW "SKA HOUNDS" . "HKill HUtHAHEE" with V:m Johnson  ~;asi: ok   guns or hate" mlh Tim Unit also UIO FIX" LINCOLN "TAH/.AN IXOPAItl) WOMAN"  " " " K I!         " .KM FLASHING "  . M^rk Itro\(*n also "UltICK  Oltl)" (last chap.) FOBItF.HT (.  .lt"  Lash l. Mlso oriti.iv UAN(~i:it S OF CANADIAN MOUNT!.   ' BTrtANTI Ol'T CAI.U  WAV"  .Mnnlc Il4 r  "DKVll. itAT" -SOX or THE (.MAX"</t>
  </si>
  <si>
    <t>                                           n-176R'**'"-"'''f''~**8BBil Count Baaie COUNT BASIE and his "One clock Jump" Band will play hero Thursday Night, Dec. 2 in a dance and concert beginning- 8:30 P. M., at the City Auditorium-Presented by the popular Esquire Social Club.</t>
  </si>
  <si>
    <t>                                           THE CONSTITUTION                 The Navy's four-engine Constitution, -world s largest  land plane, made a non-stop trans-continental flight, with man; persons aboard, from Moffet) Field California to Washington D. C covering the 3.560 miles in nine hours, thirty-two minutes.</t>
  </si>
  <si>
    <t>                                           On November 22 at the Butler YMCA, you have a chance to save someone's life!</t>
  </si>
  <si>
    <t>                                           NOTED  'CELLIST TO PLAY AT MOREHOUSE- As the  event of the 82ncl Anniversary celebration, Moruhousu Collegp Is presenting the   Negro virtuose of the . Kcrmlt Moore, nl 8 P. M. Tliursduy, February 17. in Sale Hall Chapel. There Is no  charge</t>
  </si>
  <si>
    <t>                                           THE ALLEN HOTEL AND GRILL "One of kent-ucky s Finest Hotels" GO Rooms Cafe Radio In. Each Room Bath Always A Room 2516 West Madison Street Louisville U. Ky. Telephone: CYpress 8638</t>
  </si>
  <si>
    <t>                                           This means that fine Glenmgre whiskies are blended with choicest grain neutral spirit* but Instead of being bottled Immediately, "Thompson" is put back into barrels to make it smoother, tastier. Bltndtd , 86 proof. The  w/it( in this  are four years or more old. 30%  *i-70% grain  ipU tH. 61EHM0RE   111E,</t>
  </si>
  <si>
    <t>                                           MtSS  GUINN. former barber nt tlie Ever Ready Barber Shop. 260 Dccntur Street is now located at the Friendly Barber Shop, 209' Irwln St., N. E., corner Port Street. Miss Guinn is asking all her friends and customers to come in and see her. For appointment call CY. 82M. W. J. Jones,, Prop.</t>
  </si>
  <si>
    <t>                                           LOST POCKETBOOK MAN S BROWN BILLFOLD CONTAINING DRIVER S LICENSE, KEYS, SOCIAL SECURITY CARD AND PAPERS. A REWARD TO FINDER E.J.Scott RAymond2503 ADDRESS 1102 FOUNTAIN DRIVE   BTI ARE YOU LETTING 4 fi'% I KILL ROMANCE? Jm\ /Z^~       drab hair eon moke you foot  %f    ]"-^*^iT'  $ fo hava a good        "^J       men        you re loo old. Don't take JjjT^J^^-^ chance with your romance. C!   your  rich, ^^f\ natural looking color ond beauty with *. J your         will approve. look  younger MS^^^B^^ J\~.. y/ - sort en jj  2T" VI .1/,  (J %MOA*(f or        -  AL.t    !U  and    A /fCf Inown  nd  tor over 50 . Your "kjj.}  will  your      ll you'-cc not 100% . I ^^^^^V      4i\ city,   lon  l  ~^  ^^ r ItvoilK         or buy   '      t tm yf ^~~~^H  ' mi .i.    I t/fl/      /S MOW- ^^^   I til iii*4-' fii MnnM ~^Hk9~'. i jfl J 1 JS 11. j WZ r^ HA1R   MMM        ta/*.         OtiVi  P. KWU I, MO.</t>
  </si>
  <si>
    <t>                                           Indonesian Deportations Halted Through WDL Plea                 WASHINGTON- (WDD- Threatened deportations of Indonesians by tlw United States Immigration and Naturalization Service have been indefinitely stayed in response to urgent picas of the Workers Defense League that deportations nt this lime threatened the lives and                 ty of deportees,  to Rowland Walls, national .secretary. Shortly after Hie outbreak of hostilities in Indonesia, Immigration officials here began what appeared lo be a wholesale round-up of Indonesian nationals, according to Watts, and the first contingent of four was scheduled to be .shipped out on December 22. The WDL national secretary in Washington, found Hint the Immigration Service had no information from the Stale Department, its proper source, that u state of war in fact existed in Indonesia. Immigration officials reported they could not act on headlines. Through the good offices of Rep. Emanuel Coller, D., N.Y., Watts then called on the State Department to see that the necessary certification reached Immigration officials. However, Watts points out that                 his tn.sk was made much easier by newspaper publicity. His statement to the press that "deportation of Indonesians- at this time places their lives Id danger, violates the - i  American policy of free  and embarrasses our representatives' position before the Security Council" was carried on press association wires hikI widely published. Senator William Langer. R-, N.D., was active once again on behalf of the Indonesians. He reported to Walts having received assurance from Attorney General Tom. C. Clark, who has authority over the Immigration Service, that .ill  rif Indonesians hud been held up. Many Indonesians are still being held at Ellis Island, however. Watts reports. The WDL will now be ac.Uve in  freedom for those among them who have been in the United States at least seven years or who have dependents who are American citizens. It will also con1-  Its advocacy of a law giving Indonesia and immigration quota and a removal of the bar against naturalization.</t>
  </si>
  <si>
    <t>                                           WASHINGTON--(WDL)--Threatened deportations of Indonesians by We United States Immigration and Naturalization Service have been indefinitely stayed in response to urgent pleas of the Workers Defense League that deportations at this time threatened the lives and...</t>
  </si>
  <si>
    <t>                                           LAFF-A-PAY                 "How do you spell it?"</t>
  </si>
  <si>
    <t>                                           NAACP BOOSTERS Mrs. R:i- i chael Cost, , of 271 Cnapel Si.. S. W.. ardent volunteer worker in the current $20,000 NAAC11 membership campaign, has a serious conversation with Mrs. Mexico Hembree of Washington PI. S. W., who has just taken out her $2.00 membership for 1949. Mrs. Cost, young mother of two children, was so concerned over the                 U'i'a1 t (luc;!il inequalities In the Atlanta Public School System ^ . volunteered her services fts a solicitor in the house-to-house division on the Wcstside. 100 1111(1111011:11 workers lire needed in every section of the city; Atluntiins who are concerned about the problem of human rights in Georgia, may      !ir MMvices in the  by ,' tlic headquarters ill.                 WAlmil 2355. (Photo -iry).</t>
  </si>
  <si>
    <t>                                           GRAYSON STADIUM, SAVANNAH, Ga. -- (SNS) -- The Florida Normal and Industrial Institute Lions downed a fighting Georgia State College pigskin machine 15-13 Saturday before 4,000 Homecoming Day fans.</t>
  </si>
  <si>
    <t>                                           KIT was eating her breakfast at the table beside the window when the phone rang again.</t>
  </si>
  <si>
    <t>                                           00 KENTUCKY BOURBON WHISKEY- A BLEND N^ Dislillcrs Products Cnrpwalion, N. V. 86.8 Piool 51% Kentucky Straight Bourbon Whiskey 49% Grain Neutral Spirit*</t>
  </si>
  <si>
    <t>                                           I     NEW WRAPPER    I LOAF* Thin sliced for Belter Sandwiches j</t>
  </si>
  <si>
    <t>                                           Chauffeur Battered By Police Who Say He Attacked Them                 Joincs D. Williams, listed as chauffeur lr. President Frank J. Nreiy of Rich's Inc., was treated' for lacerations about the head Thursday after he was reportedly arrested on charges of drunk and assault on Atlanta police officers. Williams, whose address was given as Norcross, Ga.. was placed un- 1 der $100 bond, police said. Arrest- I ing officers were listed ns M. C. Faulkner. A. L. Donald and J. \V. Carter. Complete details ? the arrest were not available at tin- timi' of this report.                 FEPC COMMISSIONERS HONORED AT MEETING                 PHILADELPHIA- )- Five 1 members of the fair employment practices commission which includes a Negro, Dr. Tanner G. Duckrcy, were honored Thursday nt I'ne annual dinner of the Council for Equal Job opportunity nt its headquarters in ihe Fellowship building. The meeting was sparked Ijy officials from the state of New Jersey who told of their success with non- under the new plan of Gov. Alfred E. Drlscoll. They included Joseph U Bustard, assistant commissioner of                 tion, and J. Margaret Warner, member of the state council New Jersey Division Against discrimination. From New York came John B. Sullivan, director of, public relations education nnd research. New York State Commission Against discrimination. Remarks were made by Judge Gerald L. Flood, chairman of the Philadelphia PEPC and G. James Fleming, race relations secretary of the American Friends Service committee who presided.</t>
  </si>
  <si>
    <t>                                           Help NAACP Drive</t>
  </si>
  <si>
    <t>                                           Rainproof Windproof Written f ''Rustproof* Fireproof /2^!^V Permanent Economical 47 Alabama St., S. W., Atlanta, Ga., WA. 8201 j "Quotations Without Obligation" CALL ROGERS W. POPE, Sales Representative, RA. 5976</t>
  </si>
  <si>
    <t>                                           TIM TYLER  N YOUNG                 FELIX THE CAT By Sullivan</t>
  </si>
  <si>
    <t>                                           NEW YORK--(NNPA)-- Officials of Xavier University in New Orleans reported here last Wednesday that in the school's 23 years of operation it has awarded a total of 1,428 degrees.</t>
  </si>
  <si>
    <t>                                           Two measures aimed at reinforcing Georgia's existing jimcrow statutes have been introduced in the State's. House of Representatives, and Senate which if passed would virtually doom the chances of any major baseball or football teams with Negro stars ever playing...</t>
  </si>
  <si>
    <t>                                           WE HAVE LQTSQfe Good Cars' and Trucks In Stock Prices and Ierms Are Reasonable Hugqins Motors '"3^west           'MA.S697.</t>
  </si>
  <si>
    <t>                                           Executive Committee Of Interracial Body Meets At A. U. Today                 The Executive Committee of the Georgia Committee on Inlerraclal Cooperation will meet today in the Exhibition Room of the Atlanta University Library at 10:00 a.m., it was announced by R. L. Russell, director of the organization. Registration will begin at 9:30 a. m., with a delegation from every local committee. Top Items on the agenda include election of officers and a program for the year 1949. An additional meeting for the benefit of those living in the southern part of the State will be held in Macon on February 18 at 2:00 and 7:30 p.m. Washington High PTA Meets at 7:30 Tomorrow Evening The Parent-!  Association of Washington High School will meet Wednesday evening, February 16, 1949. at 1:30 in the Activity Building on Hunter Street. All members and those desirous of becoming members are urged to be present. NAACP Heads To U. S. High Court With Watts Case INDIANAPOLIS (ANP) Franklin H. Williams, assistant special counsel for the NAACP, stated last  that the organization expected to file a writ of  before the U. S. Supreme court in the case of Robert Austin Watts, now facing death for the 1947 sex killing of Mrs. Lois Burney. Indianapolis housewife. Williams strongly emphasized two points on which the NAACP .was Intervening in the case: Ne- groes had been systematically excluded from the Marion County Grand jury for the past 30 years and that this prevented the possibility of a fair trial, and that the confession obtained from Watts came by duress and force.</t>
  </si>
  <si>
    <t>                                           NEW YORK -- To encourage urgently needed research into the heart diseases, Dr. Tinsley R. Harrison President of the American Heart Association, this week invited applications for fellowships and research grants in the cardlo-Vascular field.Grants are offered without...</t>
  </si>
  <si>
    <t>                                           WASHINGTON, D. C. -- The American Connell on Human Rights Saturday wired Chairman Carl Hayden and other members of the Senate Rules Committee to reconsider its postponement of action on revision of the Senate cloture rule to provite an effective check on...</t>
  </si>
  <si>
    <t>                                           BROTHERHOOD WEEK IN GA. PROCLAIMED                 Governor Talmadge hn.s today proclaimed the week of February 20 which includes Washington's Birthday Anniversary, to be BROTHERHOOD WEEK In Georgia, as part ot a national observance sponsored by The Natlonal,Cohfcrece of Christ ians and Jews, under the honorary                 chairmanship of President Harry S. Truman and the general chairmanship of Mr. Nelson A. Rockefeller The text of the Governor's proclamation follows: WHEREAS: Our liberties as American citizens derive from the declarations of equality and of inalienable rights set forth in the Declaration of Independence; and WHEREAS: The Declaration root* these rights in the only source be-  human whim or caprice, in Almighty God; and WHEREAS: It is accordingly                 that the people of this State remember from time to time the Brotherhood of Man under the Fatherhood of God as the only .sufficient guarantee of the blessings we row enjoy. NOW, ^THEREFORE, 1. Herman Eugene Talmadge. Governor of the State of Georgia, do hereby proclaim the week' of Washington's Birthday, February. 20 to 27, as a period of rededication to these eternal principles, and urge its observance, in common with the citizens of other states, as Brotherhood Week. IN WITNESS WHEREOF I have hereunto set my hand and have caused the seal of the 8tate of Georgia to be affixed on UUs eleventh day of February In the year of our Lord, Nineteen Hundred and Fortyoine,</t>
  </si>
  <si>
    <t>                                           Governor Talmadge has today proclaimed the week of February 20 which includes Washington's Birthday Anniversary, to be BROTHER HOOD WEEK in Georgia, as part at a national observance sponsored by The National, Conferece of Christians and Jews, under the honorary...</t>
  </si>
  <si>
    <t>                                           WASHINGTON, D. C.--(NNPA) The United States Court of Appeals for the District of Columbia last Monday upheld the column law, marriage of Mr. Phyllis C. Todd, a stenographer in the Republican campaign headquarters, and Dr. John G. Todd, a physician of Kansas City, Kansas.</t>
  </si>
  <si>
    <t>                                           Corner's Jury Rules Slaying Of Unruly Prisoner Justifiable                 After listening to the testimony' of eye-witnesses to the slaying of James Daugherty and a statement by the investigating officer, which were" presented during an inquest held Monday night, at Hanley's Funeral 'Home, the Coroner's Jury retured a verdict of "Justifiable homicide." The victim was shot. /Thursday night in front of 273 Auburn Ave,, and died early Friday morning. According to the testimony of eye-witnesses, Patrolman Claude Dlxon II did not fire on the unruly                 prisoner until he resisted  and slashed him with a knife In conducting the Inquest, Fulton County Coroner Ed Almond called on key eye-witnesses to testify, before the Coroner's- Jury, and after a statement by City Detective J; W Ellington, who made. the. official police ; Patrolman Dlxon gave his. version of the slaying:' V rv The Jury also viewed Uie body of the deceased and- listened 'to a  given by the physician who e*.  . body at Orady Hospiai. ^The jury charged by Coroner Almond and retired, and; returned} a few minutest later." The" foreman read the' verdict of "Justifiable homicide."                 Applicants Urged JTo File For Police Openings '"T. SutherlandfPCTspimel Director of the city,' announced Monday that his office is accepting ap1 plications for police, jobs. The Dlrec ..tor $aid .the- application.: schedule .will remain open until' Saturday, October 30. Minimum requirements for applicants include: Age- limits from 21 to 30 years; : -school graduates* or persons .with- 'equivalent', .education; good moral character and of sound -physical health. Mr.;. Sutherland said currently there is one vacancy, in the Negro police division,.-</t>
  </si>
  <si>
    <t>                                           UK Kyle, BigBetlieT       ; Is Good Public Relations Man We are happy to pay our tribute, in this issue, to the new pastor BiK Bethel AME church Dr. D. V. Kyle. Having come to our city less than a month ago, Dr. Kyle is already  himself into the hearts of Atlantans. A week ago, he dropped in to make a personal '/i of $10 to the Cheer Fund in support of the needy ones. Then Thursday he came in with a check for $15 as a contribution from the church. That is good public relations which, in public life, means more than dollars and cents in building goodwill. Thank you, Dr. Klye, as well as your good congregation. We shall keep our eyes open for any opportunity to serve you or your church whenever the call may come. The following contributions were received Thursday: bishop R. R- Wright, Bishop, Sixth Episcopal District, AME church $ 20.00 Big Bethel AME Church Dr. D. V. Kyle, pastor 1500 South Atlanta Methodist church Kev. A. S. Dickerson, pastor 5.00 Mr. Harmon G. Perry Photographer I-00 Mr. and Mrs. J. D. Brothers 74G Jctt St. N. W 1.00 Mrs. Jullu Brothers 740 Jett St. N. W 1.00 Mrs. MatUe Roberts. -180 Kennedy St. N. W 1.00 Colden Dream S S Club Mrs. Rachel Johnson, pres 2.00 Mrs. Willie L. Roberts HO] Edgewood Ave. N. B 1.00 Kpicurean Social  Saving Club Mrs. L. M. Robinson, pres 5.00 Mr. .1. T. Carlton, employee of Atlanta Dally. World I. 1.00 Mr. Horace C Collins Ml Asfiby St. S. W 10.00 P. M. Council Eastern Star Mis. Carrie Jefferson, pies. 2.50 Miss Jufi'nUa Bowman 5-12 Highland Ave. N. E 5.00 l.eMas Jewelry Co.  7-yy P'tree St. N. E 10.00 Fishers Jewelry 14 Marietta St. N. W lO.qO First Defense Social and Saving Club Mrs. L. Jordan, pres 8.00 Alcaiser Community Club H. L. Lewis, pres j.00 Mrs. H. L. Lewis 258 Piedmont N. E .-1.00 Previously acknowledged V. $1,116.77 Today's contributions 95.50 Grand Total ?1212.27</t>
  </si>
  <si>
    <t>                                           MEMPHIS. Tenn.                 RECEIVE ZETA SORORITY                 Four LeMoyne College co-eds are I recipients of Zcla Phi Beta Sorority's (our- .scholarship awards These worthy young ladles arc honor students from two of Mem- phis' most popular high schools, I                 Booker T. W.- and Hamilicn. During their studies at, LeMoyne College, they have maintained a   record. I Reading left to  Paye Geny                 try, freshman from Booker T. Washington. Bernice Fitzgerald, sophomore from B. T. Washington, Verdie Lee Joes, .sophomore from Hamilton ,and Mary Margaret Reason, freshman, from Booker T. Washington.</t>
  </si>
  <si>
    <t>                                           Head Coach L. C. Baker and his capable assistants, Coach R. C. Robinson, Wm. Puckett, H. S. Powell and Leroy Hambrick held heavy contact to a minimum, Monday as the Booker T. Washington High school Bulldogs continued drills for their showdown battle With...</t>
  </si>
  <si>
    <t>                                           Morehouse And Fisk Clash In Homecoming Battle Today                 Coronation Ceremonies To Add Color To Heated tilt                 By JOEL W. SMITH                 A gridiron rivalry }vhich began in 1906 flares again this afternoon, when the Morehouse College Maroon Tigers; and Fisk University Gold and Blue Bulldogs collide in a homecoming battle, at Herndon Stadium. Kick-off time will be 2:30 n.m.                 A banner homecoming crowd is expected to be on hand to see the traditional SIAC rivals pair-off for their thirty-third gridiron encounter, as well as to witness the impressive "Maroon and White Day" festivities. In the thirtytwo games already played the Morehouse and Flsk  have really baited  other around. Morehouse has won twenty two contests; Pisk eight; and two games were tied. ON THE AIR LANES The game will go on the air lanes over Radio Station WEAS (1010 Decatur). with Sports Announcer Ben   giving the play-by-play. FOOTBALL QUEENS TO REIGN OVER FESTIVAL Reigning over the colorful grid classic will be attractive Miss Ella Mae Gaines, of Atlanta, "Miss Maroon and White"; and her lovely attendants, Misses Muriel Yvoiuie Gassett, also of Atlanta; and Joan Rosemond DeGazon, of New York City. Then there will be the smartly attired fraternity queens. Headlining the half-time features will be the "Coronation Ceremonies." Her Majesty the Queen will j be crowned by Rev. A. L. Lowry. outstanding Morehouse alumnus. Other homecoming features will Include the pre-game Homecoming Parade,' (the weather permitting) and the superb performance of the crack Morehouse College Band. fourteen' Seniors"". end grid careers Fourteen Morehouse seniors will end their grid careers today. This croup includes James Slalck, James Gambrell, Edwin Thompson, backs; Johnnie Floyd, John Hyler, Damon Peters, ends; George Brown, Samuel McKinney, Marcus Williams, Curtis Jackson, Clarence Littlejohn, guards; Capt. Reymonde Odom, Samuel Richardson and Henry Woodard, centers. Head Coach Jack Adkins' galaxy of fast and clever running backs #111 include: Andrew Johnson, Nashville, Tenn., quarterback; Leonard Breda, Alexandria, La., Leroy Hadyn, Ownesboro, Ky., halfbacks, and Willie Fleming, Shelbyville, Ky., fullback. Up front will be John Franklin, Chattanooga, Tennessee; Talmadge Smith, Oscar Burton, Nashville, Tenn.; Steve Harris, Bristol, Tenn.; Capt. Charles Brasfield, Demopolis, Ala.; Joe Carr, Memphis, Tenn., and James Mayes, Decatur, Ala. Head Coach Frank L. Forbes will count on smooth-striding Harry B. Smith, of Birmingham, Ala., to touch off the Morehouse  Thompson, also of the MagIng punch. Then there will be 1c City; Lawrence Boone, Newport News, Va.; and Charles Cary, Plainsfield, N. J. Key man on the defense will be George Brown, St. Louis, Mo., and he will be ably supported by Capt. Raymonde OUom, Gadsden, Ala.; Duke Foster, Detroit, Mich.; Clarence Littlejohn, Gaffney, S. C; Curtis Jackson, Orlando, Fla.; Marcus Williams, Bainbridge, Ga.; and John Hyler, Tuscumbia, Ala. PROBABLE STARTING LINEUP FISK Pos. M HOUSE Mayes LE Foster Carr LT Brown Burton LG Littlejohn Brasfield, (c) C Odoin, (c) Harris Rft Jackson Smith RT Williams Franklin RE Hyler Johnson QB Thompson Breda H B Smith Haydn HB Boone Fleming FB Cary OFFICIALS: B. T. Fowlkes (Atlanta Unlv.) referee; W. J. Moore (Talladega) umpire; H. B. Thompson (Bluefield) ; J.                 H. Moore (Morris Brown) field Judge.</t>
  </si>
  <si>
    <t>                                           A gridiron rivalry which began in 1906 flares again this afternoon, when the Morehouse College Maroon Tigers and Fisk University Gold and Blue Bulldogs collide in a home coming battle, at Herndon Stadium. Kick-off time will be 2:30 p.m.</t>
  </si>
  <si>
    <t>                                           AROUND ATLANTA                 KK CONV1CTK1)                 Dock Johnson escapee from h county rock , was  a -to- year sentence in Fulton Superior court Tuesday on four counts of robbery and was given an additional 12-months- when he pleaded Riiilty to the  .                 Johnson, along with seven  convict*, was alleged to have              arid  Iwo guards ill thr. rock quarry al Cleveland St.. and Stewart Avenue. The guards said the eight men  a dump truck ta Hapeville where it was abandoned nnd n couple wns ordered from their car at gun point. Seven of the^men were rounded up. shortly after the break and ' additional terms,  was U\e lnst of the prisoners recaptured. At the time of his escape court _. said he was serving a 12- sentence for robbery: LAWYERS INDICTED A Fulton county  Jury indicted two prominent white Atlanta lawyers on bribery charges Tuesday In  was described as an attempted nx-wlth an assistant solicitor in a ense 'involving receiving stolen goods. The lawyers were (Continued on Page 2. Col. 2)                 Around Atlanta (Continued from Page One) James R. Venerable and Hubert C. Morgan, with offices located at  Hunter Street, S.W. The Joint indictment charged that the two attorneys offered bribery In the amount of $500 to Asst. Sol. Jesse B. 8 to "influence the opinion judgment 'and behavior in discharging. his duties!' in cases of receiving stolen goods against a white junk dealer, Emil Rothschild. City detectives who worked on the case against Rotschild said four Negroes were arrested 'in the larceny ring whereby cotton waste material reportedly stolen from Southern Mills was allegedly sold to the white dealer. Three of the" Negroes were convicted for their: alleged participation in the larcenies, It was disclosed. The accused conspirators were listed as Charles ^Henry Adams, 26, of 703 Meldrum Street; W. .Dorsey and Jesse Dorsey, of a Humphries Street address and James -Holloway, of 378 Whitehall Street. Rothschild was indicted on 14 counts, it was reported. CONVICTED* FOR* LOTTERY Among lottery cases heard in Fulton criminal court Tuesday three persons were convicted: .They, were Miss SUsie Baker and Eddie Baker, who received four months and Otis Brown, who  12 months. ACCIDENT REPORTED. William Williams, of 210 Elizabeth Street, N. E., was reported -to have suffered lacerations about the face Tuesday When a  in which he was riding collided with a. trackless trolley on Hunter Street.' Reporting officers said the rear of the trolley was rammed by the truck when the former stopped to pick up passengers. f t INDICTMENTS RETURNED A Fulton county grand 'jury returned indictments against the following persons Tuesday: John H. Austin; for 42 counts of forgery amounting to approximately $1,000 and three counts of burglary. The Indictment showed that all of the checks In question were cashed at liquor stores. The alleged                 ics took place within a period of a month. Jimmic Blount, for assault with intent to murder C. P. Maddox on last December 18 by shooting him. WUHam Thomas Carter, lor bigamy, alleging that he was married to Mrs. Florence Carter during a subsequent marriage to Miss Dorris Welch, of 55 Whitehall terrace. Paul Fannln, for automobile larceny. John Mqjntosh. for eleven counts of burglary. Establishment said to have been burglarized included: the residence of W. M. Vincent. 573 Spencer Street, S. W.; the W. S. Holladay residence, 450 Simpson St. the K. R. Owens residence, 434 Simpson Street. (2 counts) 681 Magnolia Street, the residence of T. R. Grimes; Atlanta Laundries, 873 Hunter Street; and the following dwellings. 434 Jones Avenue, N. W.; 562 English Avenue; 97 Ashby Street and 848 Mayson Turner Avenue. David Williams was Indicted jointly with the defendant on seven of the counts. James E. Reddick, for burglarizing the establishment     C. W. Page, 1520 Sprint Street, N.W.</t>
  </si>
  <si>
    <t>                                           Dock Johnson escapee from a county rock quarry, was meted a three-to-live year sentence in Fulton Superior court Tuesday on four counts of robbery and was given an additional 12-months-sentence when he pleaded guilty to the escape charge.</t>
  </si>
  <si>
    <t>                                           Clayborn Still SubjectToTrial                 LOUISVILLE, Ky. (ANP)- Bishop J. H. Clayborn of the African Methodist Episcopal church, although reported to be cleared of charges brought against him. Is still subject to  by the Council of Bishops meeting in Washington, D. C, Feb. 23-25, It was revealed here this week. Bishop George w. Baber, Detroit, who headed the jury, said that Bishop Clayborn had not 'been cleared by the Jury. The correct finding, he sold, read, "Bishop Clayborn was r.ot without fault." Bishop Clayborn had been charged with forgery, fraud, and maladministration of funds.</t>
  </si>
  <si>
    <t>                                           MAT BnlNS CIVIL SUIT IN VOTER SLAY ING                 Attorneys Explore Possibility                 Suit Would'Be Brought In Behalf Of Nixon Widow                 NEW YORK- Although acquitted of the slaying of Isaian Nixon. 'J8year-old Negro veteran v.%0 insisted on voting In the Georgia Democra- t.Ir primary, the two white brothers j who killed him may yet fnca a civil suit, Thurgood Marahall, NAACP lawyers, are exploring tlie                 u.v of bringing such n suit In behalf of Nixon's widow Indicted by the Grand Jury oi Montgomery County. Georgia, M. A. Johnson was freed after a Superloi Court jury in Mount Vernon returned a verdict of not guilty. Jr.vin .Inhiuon .indicted as an    ;? r the murder, was released without trial following acquittal of hi* . Nixon was killed a low hours after voting in Ihi1 .state Democratic primary ot Sppicmber 11  from whites not to do so. Ho hail born active in urging; oi'.ioi Negroes to  in the primary. The Johnson  wont to his home and  him in the present of his Aift and . The Georgia Stat? Coiirorenc? or ' branches, on -i!. of Mrs. Nixon, employed W. A. D.. an attorney of Dublin, (la., assist in the prosecution. The N. A. A. C. F. has also been asked to      in i.he (\~ro ol the family  consists of      widow and 10 c.  . of which is not yet a year old. The family will lx removed from Montgomery County us soon as an available place can be found for them elsewhere. Mr. Waiden reports.</t>
  </si>
  <si>
    <t>                                           NEW YORK--Although acquitted of the slaying of Isaiah Nixon, 28- year-old Negro veteran who insisted on voting in the Georgia Democratic, primary, the two white brothers who killed him may yet face a civil suit, Thurgood Marshall. NAACP lawyers, are exploring the...</t>
  </si>
  <si>
    <t>                                           BOX OFFICE OPEN ,~-BiiKSBes-SE_ ~\    v1p f ENTIRE WEEK  . Porting Feb. 28th T#in/FD MAT-       WJ  nnm     THEATRE T*   New Stage Production of Show Boat UjT ^Vfl^ 'I JHMf ICI" I$MI '~IIHnHI1 2" ^SHSSfflx!^! MAIL ORDERS NOW! I '/              ^ I  * Mil ,           I ~*ise*j3Xf^TXZFx2     I for  of your tickets. I *SEflMMS?^^~ I'Mlk i check Plyiblt Tovrcr Thttfrt I     :eJ. I Ortftra filled Immcdlitcly. I Flrii Section M.SO V J All ScaU Unrexrred HUlllSBHHi TICKETS ALSO AVAILABLE NOW SAME PRICE SCALE 3 fey. 0,1, Mf\ If I A Un M    M.MM. Mtr. 10-H-U \Jf\           Mar. 11</t>
  </si>
  <si>
    <t>                                           %* Mrfeclly QftlatcU THE HALF CLAMOUR, Whet  t li Ithgth     wint, tht' JESSIE KARE Hdl( GUmoar fiu ru ur     . A* you te*, It  tl the crown of the hud ini)   down th* blot Yob tan' weir ll at an  er any      joa 'lik*.  Il U IS I* 20  long). $10.00 % SEND NO  ItWD  Of YOUR BAIR PAY POSTMAN OR DELIVERY! Jessie Kare  PRODUCTS JOT ? AVENUE (SUITE 905) , NKtV  If.'*</t>
  </si>
  <si>
    <t>                                           IT S BIG NEWS! WHEN WE CAN OFFER YOU SUCH VALUES AT SUCH LO W PRICES jt V% 10 PIECE WALNUT POSTER BEDROOM SUIT INCLUDING- Vanity, Chest of Drawers, 4 Jfc ^1 fl% #% Poster Bed, Matching Bench, Springs, Mat- j M K    tress, 2 Pillows, 2 Boudoir Lamps. W W V t -EASY  BED-9xl 2  RUG get OCCASIONAL CHAIR,occ.rocker AU 3FqFrTHESE A Sofa during daytime and a Bed at night, in choice of colors- The Rug is full size with  which     ^^k 45 g\ am will grac* any home- The Rocker has six coil springs V^ ^B#M (1 % seat In  of colors- easy living when you rock Jl ~'I  4' ~*~1 in this choir. ^r w -EASY TERMS9X12 FELT BASE RUG $9.95 $44.95 MIRROR DOOR CHIFFOROBE $34.95 1-5ft ELECTROLUX  $89.50 -EASf TERMS25% DISCOUNT OFF ON ALL HEATERS MAXWELL FURNITURE EXCHANGE INC. "Everything For The Home" 168-170 Decatur Street, S. E. WA.2398 We Are Out Of The High Rent District-Can Sell You Cheaper WE BUY SELL AND EXCHANGE</t>
  </si>
  <si>
    <t>                                           Ca. Prison Authorities Say Mrs. Ingram Is Well                 NEW YORK Officials of the Oi- 8ln1   Board ot Correction?, in response to a wire from the Na-  Association for the Advance- ment ot Colored People, have infor-  d tho NAACP Hint Mrs. Rosa lee' Ingrain Is In satisfactory IumIUi I mid Hint in the opinion of on  physician she. Is able to do tlie duties "of a light nature" which ure assigned to her. Thin Individual was examined                 by Dr. D. M. Silver ol Richmond! County on January 21. 1949." states I lie communication iron) J. B. Hatrhett. assistant director of the mate Board of Corrections. "In his opinion she is able to do the not j mal work required in her duties at j ihat institution which is of a light j . He states to us that there is no heart condition apparent; that she has shortness of breath at times due to being overweight, which condition is brought about, by the (act that she Is n (Continued On Page 8, Col. 4)                 Ga. Prison (Continued From I'age One) hearty eater." Tlie NAACP wire, prompted by reports that Mrs. Ingrain had been suffering recurrent heart attacks, i urged immediate medical attention for the 41-year-old widow, serving a life imprisonment term for the self-  Maying of n while .</t>
  </si>
  <si>
    <t>                                           WASHINGTON, D. C.-- A two day Institute on Social Security will to offered by the Howard University School of Social Work Founders Library at the University on Friday and Saturday, February 11th and 12th.</t>
  </si>
  <si>
    <t>                                           White; Negro Leaders Probe Housing Bill                 Real Estate Dealers Hit By Proposed Threat                 Endeavoring to rear)) a peaceable solution to the acute housing tension In the Moeley Park vicinity, a committee of Negro leaders conferred with a group of white, representatives of the community Tuesday and eyed plausibly the establishment of an unofficial                 boundary line to separate white and Negro residents. The Negro committee, comprising C. A. Scott, of the World; Prof. 0. L. Harper, president of the local branch and Warren R. Cochrane, Executive Secretary of the Butler Street YMCA, conferred with "a  of approximately eight whites in a conference that was presided over by Mayor Hartsfleld. The conference was held at the request of tho Mayor following a series of demonstrations by white residents   ( (the community who protested the migration of a Negro minister. Rev. W. W.               , Into the section during 'the weekend. Two other demonstrations were conducted at  state Capital before Oov. Talmadge and ai. the City Hall before  Mayor on Monday. BOUNDARIES SET Although It was the"4 concurring opinion of -Ithe -Nekro';  that ^Woaa serve as *thf Western boundary and that the section of Mozley place between Chnppcll Road and Chlcsmauga Avenue serve- as the southern" boundary, the .Negro leaders made it unmistakably clear that the  of Negro home buyers would rest with the purchasers themselves. They explained, how.ever, that there Influence would be exerted toward Negroes adhering to the unofficial boundaries. At the outset of this conference, the Negro leaders took resentment ot qualification of white representatives with the explanation that lr wns the agreement that' neutral person* make up the committees.  on Page 3, Col. 6)                 White; Negro (Continued from Page One) They claimed such wns not the  .~moni; tlic white committee. TO CAM.  The members of the white com-  said they would  a meet- j ing with white residents of the community to see If sufficient funds could he raised to buy back two or  homes purchased by Negroes beyond the "borderline." Meanwhile, Governor Tiilmndgc i has recommended that the State Real Estate Commission revoke the licenses of real estate dealers selling residential property in a white neighborhood- to Negroes. His '- was made to Leo Griff!", of Savannah, who is chairman of the commission. The Governor is said to have conferred i with the attorney general on the 1 Icpal aspects of such transactions. The results of the conference were r.ot disclosed. Ij. C. Pitts, n spokesmen for Real EsliiLe Commission of Georgia said brokers found soliciting sales for the purpose of selling to Negro property buyers in white neighborhoods would be faced with complaint, charges.</t>
  </si>
  <si>
    <t>                                           Endeavoring to reach a peaceable solution to the acute housing tension in the Mosley Park vicinity, a committee of Negro leaders conferred with a group of white representatives of the community Tuesday and eyed plausibly the establishment of an unofficial...</t>
  </si>
  <si>
    <t>                                           IMPERIAL W Hirqm W* Walker Maite hy Hiram Walker Sons Inc.. Peoria. Illinois. Bletuicil whiskey. M proof. 70'V ^rain neutral spirits.</t>
  </si>
  <si>
    <t>                                           L** ^Jjjjjjjjl That Really Makes Sense Yes, it s easy to understand why     Coffee is America's favorite by millions of pounds. Many who switched to     Coffee from other coffees of comparable quality are saving as much as V2tf a pound.* And because it s always bean-fresh and Custom Ground exactly right for your coffeemaker, it, tastes better, cup after cup. Try it, today! i ^ IkCI ftC    ^Ellorh^^ffi^ Mild and Rich and Vigoroua vLs^ll ^^^^^fi.'"/''.,'^ l-LB. yi/\ 1-LB A*~** 1-LB. 'AC ^^H^H ^"^^^^^^H^^^^^^fl^QjaBUS^KMV 1$ Are Bvbh Greater on I and $-  , Purchut%</t>
  </si>
  <si>
    <t>                                           North Carolina A T Aggies Have Formidable Line To Stop Kentucky State Baqks In Vulcan $awl                 DAVID KITHCART No. 18, L. E.                 ?s;.:~siNi.!    !S*6S*^~*i5!~'"s: f ~'s? ROBERT PARKS No. 37, I. T.                 ISAIAH OGLESBY No. 30. L. 6.                 HORNSBY HOWELL No. 39, Center                 SHERWOOD THOMPSON Noi40, R.                 JOE WILLIAMS No. 53, R. T.                 MILTON JOHNSON No. 42, R. E.</t>
  </si>
  <si>
    <t>                                           CHICAGO--(ANP)-- The task of rehabilitating the city's "worst tenement" on the south side is pro-greasing rapidly under the guidance of County Treasurer Louis E. Nelson and City Building Commissioner Roy T. Christiansen, according to a report made to County...</t>
  </si>
  <si>
    <t>http://search.proquest.com/docview/490871049/</t>
  </si>
  <si>
    <t>                                           BATES, Mr. Nathaniel--of R. 279 Memorial Dr., passed Dec. 25. Funeral announced later. Haugabrooks Funeral Home.</t>
  </si>
  <si>
    <t>                                           World  Imr Nonbf Eutyt Mwdk;, U 111 likm An. Utmhtn: 8N8- - ANP W. A. SeeM n, rowder-Publlsher, Anf. 5, 1RM, to re*. 7, IMt X     4c4 Am. 5 192S; Became Dally       U. 1MB Telephone: WAlnnt ltM. M6  Entered in Pott Office at Atlanta Oa, a* second claw mall under the Act of Congreta, March 13. 1878 0. A.  Editor and OeaenU Maiumet 8CB8 RATES BY MAIL: J; Vatfy: 1 Yt*t-4l2M; 6       -t6iO; I Montlu- i I- Stiruiij Only, I Tear- H.S0; Month*-4 M i OuOil Tear-fSM; 6 Montha-9325; FArdco: 1 Tear-~7M 8                   By Carrier- 2Se Weekly THE ATLANTA DAILY WORLD is an Independent newspaper, - Urlan and noD-, printing news absolutely  and cup- porting those thing* it  to be to the Interest it 1U  ana  those things  the Interest or it* . TBK WORLD expressly repudiates responsibility for return of unsolicited picture*, manuscripts, etc., unless stamps are sent. Address ALL COMMUNICATIONS to and make CHECKS payable to ATLANTA DAILY WORLD, rather than to individual*. THE BIGHT TO VOTE "The  to ?ote most be open to all oar   of nee, , or creed-  Ux or artificial restriction* of any kicd. Tho  we gat to that  of political equality, the better It will be Cor the  a* a whole," .IN D. 8OO8.</t>
  </si>
  <si>
    <t>                                           Mi GABARDINE MILITARY COATS $35 and $45</t>
  </si>
  <si>
    <t>                                           V Smma^m Vftj^^__.^, Wm1hm\9'bi  r  Ilial  ver Drisiiti'iien w ^K^bV^^^^       AP^SCUilli* mK^ri C J fro"v     - (!o1" l'a1"'1 1 ^RfA^B ft 10J-Oz. ^ ^4f  ly Colonlnl- Take ~'0llr Riwi'"1"  Jlill Can ill JJ. WtW^'     \ of  1 lhpr        Wemi ^_J^B#W^^^^         ,sv Appiv           """1K         ^~ I JUICE Hk6  Goid'Lobei 45* TAKE HOME A DOZEN! wPO^ mho mi-mow rom-r Ill VFI.VF.KTA PAStl-'nl/.i:   l K     1111111 j- "J^O SEEDLESS %~            Cm. $~   %M 1H l5-0x. ~.TP 1 a 1S HsHHs ^^^P ^1 m J  UIM)    MIl.VC! -'.(Ii.m: I  VEM.OW h:i:i:sio\i r^SofiN'^ I PESCH  MU! 2    H  t*ii ?cr alaskan chum    Ili f \    #~~SCS 1  c.n 33c S Hlfl ASdl^f III B I ub 15* I SWIFT PRE1MI i2-  . 49c 2*1 H V lp'''""   imr SEsT8r*1* 2 B-ir5 27c Can    Ik m^ t Hni"iS"o crackers Lb 29  GA MAID DILL ^fc T ^UbwT^^a\ 1 SHOBTENIIffG 4Ie ^ICSMill^S V H ** 1 SUmSBI^S 2    ISt 22-Oz ^E-c l:   h..~ J9  i krispy Mb.Pi,. age Jaf n M^ PU CRUST Pk9. 17c CORNED BEEF HASH    W^fe Complete Variety  3 d.~ 29c No2 **    fc'' r/w\ FINEST QUALITY SWEETHEflRT b., 10c Can ~*S              . SWEETHEART 2 b.,, 27c ARMOUR VIENNA ill  H MATERIALS  ioc SUlfSAGE   PRICES AT IS?!81r91 "~'Mc No./  A( i^ *        C/tee.'/t        ///st i/eers ^Ml^       Pfeasati/ T^ior/we /.a*te a/ (  (.~ 1      ARMOUR STAR WHOLE. BUTT OR SHANK END   1   FANCY SELECTED PORTO RICAN I HflMS 5f 9 1 Yams 5 -33* i  CHOPS Lb 69c  CAUf. Rei- *?B ~} ^*A1CvHOPS 69e chuck   =P BEflWS tinder. 2 u. 35c SPARE RIBS' 59c Roast    59c IS FRESH ONIONS green 2 Bch. 17c   i GROUND BEEF Lb 49c Hi          large iu.cv $ 23  ?"o?, ^ Ni GRAPES FANCY CAL, EMPEROR 2 Lb, 2SC  jj SLICED bacon Lb. 79c HOOSBj^~Ss BROCCOLI fresh and green Bch. 2Qc CHUCKROflSTu.69, c   H *~2~*  US   ' ,3 Lb' 1 5c colon-mi. i-Binn Steak Lb 77c    PEPPERS large, green beu 2 Lb. -%lt mm mk  steak Lb. 95c      TANGERINES fresh fla. 2 Lb, T* H T-BONE 1  15C ^P OCEAN-FRESH SEA FOODS Steak Lb. 77c U. S. No. 1 BAKING     Pint O5C Pint /3C '/K ST 0 R Bjfc^^"'"1'"8' K1!AFT S-I KS.  ~~'~1 Iflpliy I Perch Fillets lb. 35c   n\S$\ ^k^^Bt^*^^^ I^B 00 Ili'i^^ ^^^k/ I Spanish Mackerel lb. 42c ^~"Trao^^Sli'i1 ff8 PSuj ^7t j  ci^-^^^f^S'</t>
  </si>
  <si>
    <t>                                           -A-DAY                 "Ncv don't you go quoting me to I s mywife!"</t>
  </si>
  <si>
    <t>                                           PHILADELPHIA --(ANP)--Ending a two-day trial which attracted overflow crowds to Quarter Sessions courtroom in city hall, a jury of six men and six women acquitted Josept E. Brinkley, sociatlite-teacher for the killing of his brother-in-law, Eli McCrimmon, in a family...</t>
  </si>
  <si>
    <t>                                           It's Refreshment And It's All Value .'..~..~-~.~r  . AUtnottxr Of the coca. cola company by THE ATLANTA COCA-COIA  COMPANY 0 1949, Ih* Coca-Colo Cam^mf</t>
  </si>
  <si>
    <t>                                           HONOLULU--(ANP)--It all started when a local newspaper writer, wrote: "Chicago's Japanese population, which numbered less than 400 in the prewar years, now has reached a towering 20,000. And they are in the midwest metropolis to stay."</t>
  </si>
  <si>
    <t>                                           The Weather Cloudy and ; .</t>
  </si>
  <si>
    <t>                                           SHARES NCNW CHAIRMANSHIP -Mrs. Harper Sibley. President of the Nntionnl Council of Church Women nnd civil rights champion,  co- of Nnlionnl Council of Negro Women's Membership Enlistment Campaign.</t>
  </si>
  <si>
    <t>                                           HOLLYWOOD-- (CNS)-- Deep in the heart of Hollywood something new has been added during the past few weeks to a scene that changes every day and is as confusing as a three-ring circus. Janet Collins, a tall, sun-tanned and charming dancer, a product of...</t>
  </si>
  <si>
    <t>                                           :'I^1^^=:^^^/ SVU ~*re-    Beef Chuck A'JrM ft ^K^^vF^^i IVmturmiiv TfQmmiU*     Up NOTHING BEATS NATURE /^fc^X Bcc1    3g9    M FOR AGEING BEEF! flE* SIRLOIN j t-BONE COLONIAL 15S^SH P^CpS BFBl OR CLUB DDinc ^T^ 5^K* Time. Bnd time alone, can bring f .^^Sm.^^. Colonial Pride .j KKlut /a^'Bl^HBl      quality beef to tbe peak of tender, f ^^HaUB^L^k I bo""mn Colonial Pride BONELESS  r*-V*S flavorful perfection! That's why all I BB^BBB^M 1 "VAC A ^6 Drtliun IK^BBKZSBl $f*$S Colonial beef la  aged tol K^m^ MW V3 ROUND XUvR*^2flH #3  make it tender and delicious.!. ^BV^iBl in,- IR \f.n\  -SBB ^*   bringing you natures own good-1. ^~BBr Wlnnrr     "U Winner Qualilu W^hI j**s.* ness in every cut %  V BC O"VC Q)ti ~"A J2i Colonial's beet comes from tbe W J Lb- c#' D3 \~ PVV*  s finest herds. It's corn-fed, ^L. W ^^^L \^^^^B S.^~i top-quality, government-inspected. ^k ^^^fV^TO ^H  i*:^ Whether you re buying a thrifty  lV BONELESS BEEF rAN-BEADY  WM j^~V- .LT  PLATE OH  KB I- i^^^^t^^^^k STEWING BEEr 27c H feii-' CS Fiarudn i\     /M^M^$     @A made     ,, anp g0LP-     ^S GRAPEFRUIT 1  j^^ Mi GROUItfD BEEr 4 H r;-.V^-' TWMl*- Wi^^^^^^^^l  COLORED 8 BflB j?--v WW.A^^Al K'-/XZotOOl  JK  u, .35c H9 L"~- s*~ /WzZm^' *n*iU/UMj ^f gold colored roll  fel No. 2 I C I 22Z'   0102222* I MARGARINE ib. 43c n\^A\* ^^^F^~ ^b ^^B^^^ Bfl % V^ I mf ft*** E*  *o .Df Alii B^^B^^B^^B bBv^bI ^AfiC bBv^bBJ  j MUhLLtH If arl*Ainf BflBBBB g^l "TT I f FANCY DRIED BABY I MACARONI 2  0x. 23c   PACKER S LABEL CHUM S V^JV H wW 1MW V  Ma "il Cm* 1    ^i^BS    SALMON t..,49c LIMA  E      S?TCO!*T No'21^ Mc ~^cl sweet mixed sizes V BAKE y/~7H VLb. 1 EC v WONDER RICE 3-lb. Pk9- 47C R^B P^ GS PEAS 17C. to* 19c TOMATOES! Cello Ab# 1 JjSJSgl "JSL.-- ~%m H P PREMIUM tb. 25c fancy dried large crust' Mix"' I9c SILVER LABEL MILD, MELLOW f lif B VSPSMlC V ARMOUR S 8 iSB S COFFEE ib.r.fl40c          ^~ DEVILED HAM 3* 19c Wi    KRAFT MACARONI AND 8E /P THEM 1-Lb. bO C  S J*?'*"" 9SI B DINNERS 2pk, 25c Xi^c*2~'   W .d-o,^ 2Ic H MILD AMERICAN  OIL 4Ol. Bo*. 31C BBS CHEESE 41c fancy dried peas vets brand  bV ^^P ASSORTED GELATIN DESSEBTt BUHVllVIICf DOC FOOD 3     25C E^^l III JELL-O 3      - 25c Illinvllu SILVER cream s-or. 23c 99   *^ ASSORTED PUDDmoS nirU IM 1 Lb 9J A SOAP POWDER  BbS g ROYAL 3p*.-25c         c...o 1 V SSffJST'S0 ^   MOTHERS SALAD NEW IDE l0.. Pk9 30C B^B S DRESSING 33C FINE FOR COBBLERS-EVAPORATED H ^P GAUZE toilet PEACHES Lb      35^ Y BUKf^^i^^^BP^B ^^B TISSUE 2 15C SUN.FIPrENED EVAPORATED BpQiBwPVpVV^PWfiiH BBh OUR PRIDE REGULAR I RBBf VC g-Ol On. 21( I WSWUMmfi^   in. i i if. Smm*  BBB  ILb.  1JC 8 8 jgW^^-^     BBl B Strawberry raisins     -      23^ ^ H ^~^S. SfNSWEET MT.DR M SI7/B BWilj5*l^*""^^"^^"^^l bV^bV Preserves prunes .-^4ic       M        LARGE SIZE I T*       \ fOR ADDED  BBJ S i-Lb. ^OC PRUNES Lb.   . 27c f TtS^J NUTRITION! ^H yfP^ft^_-^~^~J-rp^p^pjM^                RICK, CREAMY CHOCOLATE I S R %M l9 ~^H MB^^ DROPS Lmo,  i  i        H H ECONOMICAL, 1 *~0  chocolate        , S 9VtllT H M nutritious! l-f J  ^2 25* Bm^9 91e  nil 2 Cam ^ B^Bfll 8^~ CELERY  HEART 2 $t*IH tt 111 Uh. E Afi KSi IH 152^?"  lb:    - 2 1 i I DOC FOOD 2 on. 2 c H    9 SQUASH young yellow 2    . *oc  laundry soap BBS ^9 BEAMS tender green 2 Lbi. 29c Shortening  csm 8c  M H  ONIONS 2 ich, 25c I OCTAGON 2 cM 1   HI  I YELLOW ONIONS 3 c.iio 13c I JEWEL ~~"0T I5c bW BBM ~..-JTT I Mif"" III OCTAGON 2 15c  H BB^BhBb Kiln Bn^k ii^Bk. Illtll DISHES Bb^b^mB ^H y. S. No. 1 TOP QUALITY ,1 1-Lb- 99* DB0T    . Pfcg. 29c H9 BBH flit Ctm  Illlll *~at romn BBH  j BAKING POTATOES J ^T I Sf3S?L, 3Oc H^ BBS w*gL S.C*~ft 5-Lb*. ^^*~!^e"--'-''--5BBBw. .' I^^B ~^c M^     ^^    ^^i^B^     1 SOJlP I9c Hi ^^^^lil^H^^~~~^~~liH[^^^^^H^^^BN^B^BV^F'^^BVA^BV^BV^BV^BV^BV^BVlBTlBBBlBNVJBflB^BNf</t>
  </si>
  <si>
    <t>                                           Mil -.4N Kill" .    li.M.I. i "SIMiINC  COnS" I -ONK  aoi:xt.~"  .l.Umi.y Un'l BROWN i.  irv        jr\(;i.i: tt lr^l             O.ME ON OWI1OVS"  Tiir-c MpmiuiI'it* "I AM. T.\Nl"i" TKRKIFIf" vitl. Muntnn Mortrlnnil t  SKA  HARLEM LAST 11AVS OF .I.1 Cliarl'i STARRETT also i i SKA UOl'XUS LINCOLN "CROSSED " with Johnny Mack BROWN and CirNTLKMAX JOE PALOOKA"  Ino ^. KOVAL "KIT CARSON" Jon HALL  cni.Mr. *OR's - j STRAND - OF THE LASH" with Llfth LaRue v and I "STAR PACKER" with John  j  ja.mks "bides \ ij</t>
  </si>
  <si>
    <t>                                           In a scathing attack upon the proposed regional plan of education for Negroes, Attorney James M. Nabrit, secretary of Howard University, Washington. D. C., Sunday afternoon of this week before a capacity Men's Day audience at First Baptist Church, Lauderdale...</t>
  </si>
  <si>
    <t>                                           In Today's Acute Shortage of Aged Whiskies COMPARE BACK LABELS AND YOU LL BUY SCHENLEY From the world s largest reserve of quality aged, American, pre-war r whiskies, Schenley continues to ^BBl give you the same rich measure       I^B^             ^HHGQtt^K^^vV     hold in your . The T^^^M^BMByigniP^*^ MM rich measure 'of   '~\  nd T, MK ^^^B^^^   ^X v-  3h^BB that baa' made millions agree: -ff^^^Sm^i Join the million*  9 mild. Mendlg Sthenky-/ to your  ^ i *RARE PRE-WAR QUALITY-BLENDED                     8                  ^^SH</t>
  </si>
  <si>
    <t>                                           Atlanta friends of Mildred Elaine Wardlaw, only daughter of Mr. and Mrs. Charles H. Wardlaw of 825 Fair St., S. E., were both happy and disappointed when they learned last week that she was to be married Saturday in Philadelphia. They were happy indeed to know that her approaching marriage and greatly disappointed that she is not coming home to be wed.</t>
  </si>
  <si>
    <t>                                           ^^H^^^ lOWer BrlCe Meet  our , mate! Meet / whiskey! Ito exciting bou^i^^^H^^ than MIV Othfir Mayflower- the smoothest all- quet its rich amber color its A^   *"a" ""J w*"Wr /Bourbonyou'veevertanted. Ught body. its mild, mellow flavor KpM Kg-Name Straight ^V^^tl^l ^SS"=S I^^^Sjj- Whiskey you can-buy!. SS^ T?^ S3 lit iOB: II 80 PROOF, ALL STRAIGHT WHISKEY. US^df ^Se 7 W^ STRAIGHT =J. j \^ LIK BOURBON WHISKEY ^r;^':^ i v^HB^^^^^'  J The   Whisket Diotlunc Comfant op Ahkkica, Inc., Nrw York, N. Y. s L^(      *        ^~ppp^*Pi*Pi' f      f                 -i_     ji^ _ri        .   .~.~!~ j- w _pw' ^^3o*lC^^^rTfc. -^Mdf^^-^M^^aiB^f^r^^^f</t>
  </si>
  <si>
    <t>                                           For Bad Colds Take  On Sola At Leading Drug Storei</t>
  </si>
  <si>
    <t>                                           IN MEMORIAM                 IN MEMORIAM- In  memory of our mother, grandmother and sister. Mrs. Annie Uunnigan Cothran. who departed Hits life on February 15. 1948. "Sad memories still linger in our hears For one we loved so true." Mrs. Daisy McKinncy. daughter; Mr. Elder Cothran, son; Mrs. Omie Morgan, sister; and Mr. Ester Dunningan, brother and grandchildren.                 IN MEMORIAM                 In loving remembrance of our dar ling Little Miss Margaret Hall, who passed .away suddenly Feb. 19, 1948. Soft and bright the stars are shining, Sparkling over her lovely grave. Where lies the one we loved so dearly, Whom we tried so hard to save. Miss Margrel Hall, mother. Mrs. Lucile Hall, grandmother two aunts, one uncle.                 IN MEMORIAM                 Ill  of our dear mother, Mrs. FYancPs Kuwaitis  thirteen years ago passed with heartaches untold. Mrs. C. E. Rogers Mrs. Minnie Edwards, daughters.                 IN MEMORIAM                 In loving memory of our dear husband, and father, who departed this Ufe four years ago in Detroit, Mich. We shall never forget you. Mrs. Hennie Cooper, wife Mrs. BUlie Harden, daughter Mrs. Susie Broadnax, daughter Pastor and members of the Henry Street Church of God.                 ELDER W. L. COOPER</t>
  </si>
  <si>
    <t>                                           Any effort. to jimerow Negro gens in the Armistice Day parade and the Christmas Carnival parade will be fought with -all of the might of the NAACP" members of the Birmingham Branch pledged in their monthly meeting last Thursday night in Masonic Temple.</t>
  </si>
  <si>
    <t>                                           LOVELY COMPETITION FROM ARK STATE Miss Bobbie Jean Jackson, beautiful Arkansas State College coed, has been entered  competition for the coveted title. "Spirit of Cotton," in connection with the 1949 Cotton Makers' Ju- . The talented Miss Jackson is the daughter of Mr. and Mrs. N. P. Jackson. 825 Columbia Street, Eidorado, Arkansas. Both of her parents arc prominent in the field of education. Her fattier is principal of Washington high school, Eldorado, and Mr*. Jackson, mother                 a popular teacher in the public schools of her community. Miss Jackson sings contralto In the college choir, and Is active In the dramatic society and YWCA of the institution. Her bobbies are leading, basketball and music. Butler Henderson U the college sponsor of Miss Jackson, and is confident that his gifted and talented entry U a "sure winner." The "Spirit of Cotton" win be selected  in Memphis at the Annual Jubilee March 22nd at Ellis Auditorium, i</t>
  </si>
  <si>
    <t>                                           WASHINGTON, D. C.--(ANP)--Urging Negro and white farmers of the south to prepare to make the best use of mechanization, Secretary Charles F. Brannan said in an address last week that there may be close to a million tractors in the southern region within two years.</t>
  </si>
  <si>
    <t>                                           To Conduct Final Rites. For Arthur Wright Today                 Funeral services for Mr. Arthur Wright will be held this Thursday afternoon at 2 p. m. from Friendship Baptist church with Rev. M. H. Jackson, pastor officiating. Burial will be in South View Cemetery under the direction of Cox Brothers. Mr. Wright was a native of Greene County, Ga. after moving to Atlanta, he was employed by the Railway Express Agency and worked there for more than 25 years, until his retirement in 1947. He was also a member of Friendship Baptist church and served in va1 rious organizations of the church. Mr. Wright was very friendly and made many friends during his life time. Surviving him are his wife, one brother and several other relatives. Mr. Wright passed at his residence, 599 Magnolia St., N. W. Sunday after a brief illness.</t>
  </si>
  <si>
    <t>                                           Cutting down on sugar, and brushing the teeth immediately after meals are twp sure-fire weapons against, tooth decay, according to the State Health Department's division of dental health.</t>
  </si>
  <si>
    <t>                                           Dr. A. F. Harris Foot Specialist and Maisenr Now at 383 Auburn Ave., N. E. MAin8716 THE T. T. T. BARBER and BEAUTY S1IOP Is eligible to give "On The Job Training" to veterans. Madam J. HI. Jones, 192 Auburn Avc. CY. 95C3. Fruit Cakes Layer Cakes Pound Cakes Place Your Order Now Call UNIVERSITY BAKERY AM. 0811 LA. 5322</t>
  </si>
  <si>
    <t>                                           SPECIAL FRIDAY SATURDAY LIVE CHICKENS DRESSED WHILE-U-WAIT FRYERS lb. 35c Cut Up Fryers Buy The Pieces You like-Wholesale Or Retail OPEN ALL DAY WEDNESDAYS Cagle Produce Co. 195 EDGEWOOD AVENUE</t>
  </si>
  <si>
    <t>                                           Civil Rights Ruled Out In Air Force Bill                 WASHINGTON (INS) The House passed Tuesday a bill authorizing a 70-group air force in the face of certain opposition by president Truman when efforts are made to appropriate money to build up to that strength. The overwhelming vote 395 to 3 indicates that air power advocates led by Rep. Vinson (D) Ga. will be successful when they ask for at least BOO million dollars for the expansion program. The Budget Bureau, which reflects White House thinking, recommended to Congress that no specific number of groups be mentioned in the legislation. The bill also authorizes a peak strength Army of 837,000 men which compares with about 61)0.000 at present. The measure started out simply to give the Army and air force a legal limit, to which it could expand in an emergency. The Navy has had such statutory strength since 1946. House approval of the 70-group bill came after rejection of a civil rights amendment sponsored by Rep. Marcantonio, which would have denied weapons contracts to firms discriminating against Negroes in hiring workers. AH Ndn^dx^aid LiquorContrabdnd- Cook Attorney General Eugene Cook  Tuesday that any non-        whiskey is contraband in Georgia and can be seized. In a letter to City Editor James Bellows of the Columbus Ledger. The Georgia State Official said that the only exception to the law concerns whiskey carried through Georgia in Interstate Commerce.</t>
  </si>
  <si>
    <t>                                           NOTICE! Tlie minimum age of the whiskies in every American blend must be pointed out i A SECOND LOOK shows that, even with the nation-wide shortage of aged whiskies, the whiskies blended with fine grain neutral spirits in today s THREE FEATHERS are 5, 6, and 7 years old!* FIRST LOOK f^sS^ A I S^IISr: I The       Inhel  1 Symbol of Quality WlEE ^I 1 WSi-usw* I   1U "~e      The front label U 70UC I **-*u*..      \ I  Zj^S_T- Jp^ Hlihklm in  . ^RARE BLENDED WHISKEY. 86 Proof. The  ! * in this product are .five year* or more old. 3SK Thrpe F(.(1           to give  whiskey. 65R grain neutral spirits. 12X  5 you ful!).      ,,al)(. w),;^;,.,. Comyears   M. 20% whiskey 6 years old. 351 whiskey 7 yearn  M. e  J(.fore yOU  H1yi Thrrr IVatlnrn               , Inc., New York, N. V.</t>
  </si>
  <si>
    <t>                                           PI, AC (IK                 The U. s Dcimrtitient.   f Asrl- culture   " hopper?    the billions     expected in wide " of the nation this year ond. hi the present time, '^everything  to th\~ worst." The crop  posts  been on the Increase  1947 nnd are expected to be  bad In eastern Montana. Wyomtqn and Colorado, in western Nebraska. Kansas and In Texas. Outbreaks are also held possible in nearly every other state vest of the Mississippi, except in the far northwest.</t>
  </si>
  <si>
    <t>                                           NEED SANITARY SUPPLIES CALL LEWIS CHEMICAL CO. 704 McDonM St. Wa. 2658</t>
  </si>
  <si>
    <t>                                           With the year fast coming to a close, some of Atlanta's well known clubs have mailed bids to their gay dancing parties. Adelphi members will celebrate their eighteenth the Magnolia ...</t>
  </si>
  <si>
    <t>                                           EXHIBIT OP DISTINGUISHED AMERICAN NliOROES- New York. N. Y.- A tribute to  .American leaders was held lit the New SSchmil of Soclnl RcKCiirch. fi(~ Wr.sl. !2th . Riilli Br;ill,                 -. es.\.  the exhibit to the c.ni'.e nf Inienaiial and  .s)    . I., lo R-Obsi- the busts are Brvn J. j Hovdc. president of the New Srhool; Or. Cliaiininy H Tobias. .or     tin.- Phrlps-Slokcs F'lii'.l                 :\:v.\ ;i N"'.v Krli'i'il Trustee: and Mis. Br;i!l Tin- l)ii:;ts sire of 'L. t') R.1 J;' Riibiiison,  star: Msiry McU'od Bolhunc.  and prr.. National Counril r.f Nocrii WiitiuM) and Mr.                 bins. 'Keystone -j".</t>
  </si>
  <si>
    <t>                                           NAACP Drive Swings Into Fall Blast Here This Week                 Workers Seek 10,000 Members And $20,000                 Mv V. W. C..EA                 Several  enthusiastic volunteer workers arc ready l.o      forth tomorrow with u sure-fire determination to   10,0(10 members in the Atlanta Rraiu-h, National Association for tho Advanccm^it of Colored Peo))le.                 Till'  campaign, budgeted at. $20,000 sets a history -making  for the local chapter of the organization thai lia.s proved itself to be jthe most influential voice and the most, powerful defender of I he Negro race in America. Th* unprecedented high goal was set, in the words of Atlanta Branch President C. L. Harper, "to fight the evil forces of intolerance that arc on the march in Georgia." Flagrant violations of human rights, lynchings. police brutality, the Talmadge vote scheme, and g:-oss discrimination against Negro  children in Atlanta, compose some of the indecencies that hove Georgia Negroes steamed-up; according to Col. A. T. Walden, general chairman of the great n  and financial drive; to a point where they, are willing to "WJii'k-.',- rind - tb TKilld V" stronger NAACP. SEEK BETTER SCHOOLS Of the $20,000 goal in the .general campaign, $5,000 has been earmarked to fight inequalities in educational facilities in the Atlanta Public School System. An inline-'  suit is planned by parents of Negro children. Tiie parents, members of the Citizens Committee on Fducational Opportunities, are serving ns workers in the N. A. A. C. P. drive. Another far-reaching move, which successful campaign will make possible for the first time in Atlanta, will be the employment of a full-time, paid, executive secretary, to handle the affairs of the local NAACP office. Members point out that the work of the organization j can be Increased tremendously with a full-time executive. The general membership this year has been increased to $2.00. Dur- Ing the four week period of the drive, beginning on February 7, Daniel E. Byrd. NAACP Regional Director from New Orleans. La., will direct the activities of the campaign from headquarters set up at 28 Butler St., N. E. TIic campaign telephone is -WAinm. 3536.  LEADERSHIP Working with Attorney Walden a.s Co-chairman is Mrs. Geneva Haugabrooks., local mortician, who will directly head tho house-to- house solicitors. The executive committee of the Atlanta Branch, NAACP of which J. H. Calhoun. local realtor, is chairman, was so impressed with the extreme need for n large "defense  and fighting fund," that it set out two weeks ago to raise $10,000 even In advance of the general campaign. An "advance gifts" committee was quickly organized. Ready response from duty-struck citizens hud brought the advance contributions near the $8.000 00 ((' On Paff Pol. 4)                 Workers Seek j (Continued From Page One) mark Saturday: leaders of the committee were free in their predictions that they would pass their $10,000 quota' over the week-end, when members of the advance gilts committee  make their final reports at a noon luncheon at i the YMCA Monday. All leaders, workers, and those who would like to add their efforts to this great campaign are culled to the first report meeting at the Butler Street YMCA Tuesday .ing, 8 p. m. Mr. Byrd, the campaign director, has emphasized that at. least. 100 additional volunteers wii; be needed to contact 10,000 prospective members.</t>
  </si>
  <si>
    <t>                                           Several score enthusiastic volunteer workers are ready to go forth tomorrow with a sure-fire determination to enroll 10,000 members in the Atlanta Branch, National Association for the Advancement of Colored People.</t>
  </si>
  <si>
    <t>                                           Atlanta JlliikWwld ED^~N  1, J. till 1  %0%0  L^TT^V^    7 j V XJJi-JL^M. .//NeWs While Published Every Morning Except Monday  s ^ews"  21, NUMBER 200 ATLANTA (3), GEORGIA, SATURDAY, MARCH 26, 1949 PRICE  CENTS jm.m^.m m n i</t>
  </si>
  <si>
    <t>                                           McRae, Ga. -- The Twin City High School Boys Basketball team defeated the Lumber City team last-week with a score 24 to 8 in Lumber City. Mr. Henry Coleman, captain led with ten points and Bobbie Washington led with four points for Lumber City. The Twin...</t>
  </si>
  <si>
    <t>                                           What you are and what you become depend upon you, your thinking, your hopes, your character, and your volition. Others may teach you physics and chemistry and mathematics and...</t>
  </si>
  <si>
    <t>                                           I THE MAN WHO CARES j $: I j C) if you care what they I I  nt. think of your taste.. j { and you haven't any^ waste ......^I-JM^ 1 You'll be careful I X^-v to order with       : I  White Seal Blended Whiskey j The Man who Cares says Y?' j 0 WITH CAM FOR MEN WHO CARE j y Can  Bros. Distilling Co., Inc., Bnltimo^ Md. m. . 86.8 Proof. 72  Grain Neutral Spirit!</t>
  </si>
  <si>
    <t>                                           DUCKETTS For XMAS i UNIONS $2.29 I Trousers Corduroy *4-y8l  Jacket  *21'95 SHOES $4.98 Dungarees $2.29 Boys' Dept. Basement See Our TOYS DUCKETTS ARMY- STORE. I 90 ALA. ST. I</t>
  </si>
  <si>
    <t>                                           Mark Feb. 17 on your Calendar Don't Miss The PANTHER FROLIC! NEK1) SANITARY SUPPLIES CAM, LEWIS CHEMICAL CO. 704 McDaniel St. Wo. 2658</t>
  </si>
  <si>
    <t>                                           PM I PM p m pm piii  FOR PLEASANT MOMENTS 4 Nat'l DlstUlers Products Corp., No Increase In Price New York, N. T.; Blended Whiskey, 86 Proof. 70% Grain Neutral Spirits.</t>
  </si>
  <si>
    <t>                                           The following persons were patrons of the Atomic Bowl Game sponsored by the Butler Street Y. M. C. A. Their names came too late for publication in, the Souvenir bulletin for the game.</t>
  </si>
  <si>
    <t>                                           ^ World '~HUM) Ktmrj * MM.,, jit Aataro MMkens gNB-- ANT W. a. Seat* a PMUder.PnMlsher,    . 5. . to re*. 1, UM 'MW Aa* 8, 1M#: Became Dal*. Mareb U.  Telenhane: WAlnnt MM 14-       in Post Office at Atlanta (S), Oa, m  el*m "f" under Um Act or Oongrew, March 1~. 1 7  u A. HfcOTT BdHor and Oeaetal Maitayr 8DB8 BATE8 BV MAIL: Oallyi I rear-~12  ;       -    ; S        -U4* Satwtfar Only; 1 7ear-  4M; Month* jTw CMwda: Teat-IS^*; Montha-ASJES; VoMgn; 1     47JM    *              By Cnritr-Zie Weekly THE ATLANTA DAILY WORLD 18 an Independent newspaper,  tanan.and non-       , printing news   and nip porting  .lt  to be to the  "4 1U reader* ant opposing    the  of Ito . THE WORLD expressly repudiates  for return of P"*"'l-             ,        .-    , etc,  stamp* axe sent. Adores* AIX COMMUNICATIONS to and make        payable W ATLANTA DAILY WORLD.         to Individuals. THE RIGHT TO VOT*^ "The right U vate nut be open to all out    i . ar -  tas or artificial restrictions of any kind 1 hr Mioner  e get to that basis  f  ), the better It  U1 bt far ittr  as a ." - D.</t>
  </si>
  <si>
    <t>                                           CAN BLACK-DRAUGHT HELP AN UPSET STOMACH? Yes, Block-Draught may help an generations. If you are troubled upset stomach If the only reason   have an upset stomach Is be- Utc, headache, upset stomach,  or constipation. Black- , physical fatigue, , the friendly laxative, Is ness, mental haziness, bad -r usually prompt and thorough when and if these symptoms are due only taken as directed. It costs only a to constipation then see what penny or less a dose. That's why it Black-Draught may do for you. has been a best-seller with four Get a package today.</t>
  </si>
  <si>
    <t>                                           To all our friends we v/ish the mer- JpS J  Merry Chrisimases arid the {' happiest ol Happy Nev/ Years. 11111111 K I SAM CARROLL S j I DEW DROP INN P 11 Ashby Street, N. W. i I CHICKEN SHACK Q2 2086 Simpson Road    I ANN LINGERIE SHOPPE 11 Ashby Street, N.W.  j f M MR. AND MRS. SAMUEL CARROLL, Proprietors jfc I</t>
  </si>
  <si>
    <t>                                           Mrs. Anna White Robinson proved a charming hostess on Tuesday afternoon when the faculty of David T. Howard High school assembled in the school cafeteria which was festively decorated and where chimes were echoing from the orchestra giving a welcome feeliing to the teachers.</t>
  </si>
  <si>
    <t>                                           It is a dreadful moment for a woman when she realizes that her hair is thinning, the burls lacking luster. Such a sad state of affairs can come to anyone because the vitality of the hair is dependent to a certain extent upon the general health of the human machine. It must...</t>
  </si>
  <si>
    <t>                                           Amateur boxers participating in the Annual YMCA Boxing Tournament at the Butler Street YMCA gave a large audience of cheering fans a wealth of knockouts, knockdowns and fisticuffs as the semifinals were held Wednesday night.</t>
  </si>
  <si>
    <t>                                           LOST POCKETBOOK MAN S BROWN BILLFOLD CONTAINING DRIVER S LICENSE, KEYS, SOCIAL SECURITY CARD AND PAPERS. A REWARD TO FINDER E. J. Scott RAymond 2503 ADDRESS 1102 FOUNTAIN DRIVE</t>
  </si>
  <si>
    <t>                                           BASSE TERRE, Guadeloupe, -- (NNPA)-- The Caribbean Commission is proposing 100,000 West Indians be transferred from overpopulated Caribbean islands to the underpopulated British mainland colonies...</t>
  </si>
  <si>
    <t>                                           Lincoln Budget To PproJvo Inrrease                 LINCOLN UNIVERSITY. PR. j Governor James H. Duff recom- mended an appropriation of $225.003 for Lincoln Uiflvers'tv in his budget Klven to the Pennsylvania Legistature this week. This sum represents a W$ In- creasy proposed over the amounts   in the last Bleonlum. III return lor the grant from (he: Commonwealth. Lincoln University provides tuition scholarships for I qualified Pennsylvania boys. If adopted bv tlie. legislature, Governor buffs Lincoln recommendation., will mark a 100"3- Increase of state grants to Lincoln during the two years of the Duff administration. At the same time the  of Pennsylvania scholars aided has increased proportionally.</t>
  </si>
  <si>
    <t>                                           Democrats Meet Tonight At Y.                 The executive committee of the' Citizens Democratic club of Fill ton County will hold itn Important session this evening nt 7 o clock at the Bugler Street YMCA. Every member of the committee Is urgently  come  help In  which arc designed for the benefit of the entire membership.</t>
  </si>
  <si>
    <t>                                           "LET US remember, Spence," said Poirot, "that as you said just now, we are back where we started. That is to say, the Cloade family are back where they started. Robert Underhay died in Africa. And Rosaleen Cloade's life stands between them and the enjoyment...</t>
  </si>
  <si>
    <t>                                           Try Again!                 Try Again                 "Slap Happy" Race Klan Story Looms As Pressure Relief                 (Special to The World)                 CONYER8, Qa.-(SNS)- Rockdale County Sheriff W. L. McCart said here Wednesday that In questioning Can Brown and his sister* i ln-law, M(m OoUle Mae Brown, the; I claimed to have been merely "having fun"; in the so-called "Colored Ku Klux Klan" assault udom anoth- 1                 I er Negro couple. The Browns nre currently jailed on assault and battery charges, theh bonds fixed at $750 each, the Sheriff related. A grand jury will probe the charges on Jan. 16. Their ar? rests followed warrants allegedly sworn out by the assaulted couple, Tobe and Mrs. Idn Kelly tenant farmers In Rockdale. The Sheriff claimed the Kellys had  that the Browns invited them on 8 ride a few nights ago where In they were taken out of the car toy a group of Negroes who beat them with gun butts. The group is alleged to have been going after some Christmas whiskey. CONTROVERSIAL CIRCUMSTANCES Controversial circumstances clouded the Incident. Although the Sheriff said the Kellys' white landlord, Bennie Farmer, told him the assaulting group was dressed lr. robes, Mrs. Annie Kelly, mother of Tobe Kelly, declared her son merely claimed that the group acted like Klansmen. She stated repeatedly and emphatically that her son did not say a "colored Ku Klux Klan" had assaulted him and his wife. Reports claim ithe Kellys were accused of gossiping about the Browns*. When asked if there was any  deuce to substantiate a "colored Ku Klux Klan" being involved in the incident, Sheriff McCart said he was told the group was dressed in dress es with rags over their faces. There, were no reports on other persons.beIng arrested in the affair. NEIGHBORS SCOFF AT REPORT I Several Negroes questioned tn and around :the vicinity where the ali  assault took place, scoffed at the speculation that their rural brothers of color had banded themselves in to a Klan group. A white family of farmers (Contlnued On Pare 6, Col. 4)                 "Slap Happy" (Continued From Page One) ing In the vicinity where the Kellys are said to be tenant farmers denied any knowledge of such an occurence. Moreover, they stated that                 the names Billy Farmer, Tobe.nnd Ida Mae Kelly were foreign to them. A survey of previous happenings In Hockdale County revealed' that Klan activity has been  here, but the participants wons all white and followers of the ^Fascist principles of white supremacy,! protection of white womanhood, upholding segregation of the races, racial purity, and opposition to  unless pure white, Onf.v a few weeks ago did the Rockdule Klansmen, parade through.' a Neg ro community and' were assailed by white ministers who  Fulton County officers who actively engaged in the motorcade.</t>
  </si>
  <si>
    <t>                                           CONYERS, Ga.--(SNS)--Rockdale County Sheriff W. L. McCall said here Wednesday that in questioning Carl Brown and his sister-in-law, Miss Dollie Mae Brown, they claimed to have been merely "having fun"; in the so-called "Colored Ku Klux Klan" assault upon...</t>
  </si>
  <si>
    <t>                                           OPEN UNTIL 8:45 EVERY NIGHT UNTIL CHRISTMAS EVE CHRISTMAS SALE FRUITS, NUTS AND CANDY ENGLISH WALNUTS Ib. 399es doz15c CHERRlls 59c Mixed Nuts I b. 29c I BROKEN PECANS Ib. 29c Stick Candy Ib. 19c MIXED CHOCOLATE CANDY Ib. 29c D R P S Ib. 29c 2 LB. JIM DANDY 5 I.B. BAG GRITS 15c Com Meal 25c 4-LB. CARTON PURE LARD 79c MEDIUM EGGS doz.59c  Ib. 35c 2 LB. ARMOUR BA-Chedda I LB. WELCH S CHEESE 89c Grape Jelly 23c 12-OZ. ARMOUR K-OZ. CAN TREET can 49c I SALMON 35c SLICED BACON Ib. 43c Por8c Chops Ib. 45c^ COUNTRY STYLE Fat Back Ib. 19c Sausage lb.J3c 4 TO 8 LB. AVERAGE PICNIC Ib. 39c</t>
  </si>
  <si>
    <t>                                           Kenny Carter, 106 Ibs., won a unanimous decision over Kenny Williams, 109 lbs.</t>
  </si>
  <si>
    <t>                                           j^, *Jef 4(0IJEmik \wK[BACK IN ATLANTA! Spot Bottle! Every drop Ja W McBOSTON^  B truly Straight Bourbon WhU-  BOTTll? I  mild K J^lth*"" Jl priM It  loo good to b* K, X^^r ;~l !RM.                 7 ^RAIGHr ^tM F^uI.~or., ^^^^j IMi Whlik.y It 3 Ytart Old 84 Proof  Sk/~~^~^             Brother* DUtlll.rl.. Im. ~[^1'~- JmWKM FULTON DISTRIBUTORS, INC. I 485 Stephens St., S. W. Atlanta, Georgfa</t>
  </si>
  <si>
    <t>                                           In Cartons, PURE Ocoan Fresh CROAKER. LARD, Ib. 20^ FISH, Ib. 16c GRADE "A" FRESH i FftHS IN CARTONS 54C Cl?V73 DOZENS JHt Frosh Table Dressed Choico FRYERS 55c LambRoast,lb.27c Reody-To-Cook  T PREMIUM MALLOW  FLOUR $1.65 Armour's Sliced BREAKFAST Bailey's SUPREME BACON 53c COFFEE, Ib. 47c Sugar Cured LI). ARMOUR S DELICIOUS WEINERSjb. 39c TENDER STEW MEAT,lb. 21c</t>
  </si>
  <si>
    <t>                                           Here's todays best buy!     *jm proof Jm Bottled in Kentucky r^^iBI HUNTER Blended Whiskey ^jl^ Hunter -ViUon Dutillinz Co., Inc., ^^*  ' I Louiirille, Kj. Blended \       , 1 Q^4^  11*' I 92 Proof. 60% Grain Neutral Spirit*. ^~^?*%~5 I</t>
  </si>
  <si>
    <t>                                           Eccentric Mrs. Kathie Cloade aceks ... aid in determining whether or not one Robert Underhay and died in africa during the war, as reported. Her sprit guides" telt here Underhay is allve, ... says. Heantime Lynn Marchmont, back from war. learns of her rich Uncle Gorrion ... death in a London...</t>
  </si>
  <si>
    <t>                                           Atlanta To Be Host To United College Fund Alumni Groups                 Atlanta, O;i.. will be the scene of. [he third  conference of the National Federation of General Alumni Associations of Colleges in Lhc United Negro College Fund, set1 for Friday, Saturday and Sunday, February 18. 19 and 20, It was an-:  by Dr. F. D. Patterson,                 President, of Tuskegee Institute and President of the Fund. James: E. Stamps of Chicago, Federation President and a member of the board of the Fund will preside at the three day program which will be  by the National Alumni officials of the 31 private  colleges and universities participating and the presidents of the 17 Inter-Alumni Councils. The theme of the  will be "expanded alumni support of education for today s and tomorrow s gen eration." Meetings will be held at1 Clark College's Davtuje Auditorium. Among the visiting speakers will be Dr. Benjamin E. Mays, Prcsi- dent of Morehousc College, and Dr P.; aiid, representing the! Fund. WUllam J. Trent. Jr., Executive Director and Randall L. Tyus, Field Director. Playing host to the visiting alumni from all over the country will be the Atlanta Inter-Alumni Coun cil whose president. Dr. E. C. Mitchell, Dean of Morris Brown                 Icge, will welcome the delegates on j Friday night nt a reception In the dining room of Atlanta University. Musical interludes throughout the three day conference will be provided bv the choirs of Atlanta University Clark, Morehouse. Morris Brown and Spelman Colleges. The National Federation ol Gen- eral Alumni Associations,, whose! purpose is to ii rouse and maintain maximum interest of alumni in support of the United Negro Col- lego Fund which helps their alma maters, held its first meeting in I Chicago 1947 and lust year con- vened in New York City. Serving with Mr. Stamps a* officers of the organization arc Dr Mitchell. 1st Vice-President; Rev. O..B: Cheek, 2nd Vice- President; Miss Naomi K. Johnson, Secretary: Mrs. ;Bettle Ann Artis Johnson, As-  Secretary; and Dr. W. j c . Treasurer. i .The member colleges and -  of the Fund include Atlanta University; Benedict College, Co- . S .C; Bennett College, i Ureensooro, N. C; Bethune-Cook- man College, Dayton.: Beach, Fla, Bishop Col. Marshi.:' Texas; Clark College. Atlanta; Dlllard Uni i . New , La.; Fisk Uni , Nashville, Tcun.; Gammon I Theological Seminary. Allanln: Hampton Institute, Hampton, Va.; Johnson C. Smith University. CharKitte, W. C; Knoxvillc College, ^lc, Tenn.; Lane College. ^Q^  ^m;^i^  9^      8(v.' McmplHSi Tenn.! Lincoln University Lincol. Pa.; Llvigslon College, Salts bury, N. C: Morehouse College, Atlanta: Palnc College, Augustu, Georgia; St. Augustine's College, Raleigh. N. C: Spclmtin Collear, j AllanU;           College. Talla- dega. Ala.: Texas College. Tyler, Texas; Tillotsoii College. Austin. Texas: Tougaloo, Tougaloo. Miss.; TusKegee; Virginia Union Unlvcr- . Richmond, Va.; Wiley College, I Marshall. Texas and Xavicr Uni- . New Orleans.</t>
  </si>
  <si>
    <t>                                           Atlanta, Ga., will be tile scene of the third annual conference of the National Federation of General Alumni Associations of Colleges in the United Negro College Fund, set for Friday, Saturday and Sunday, February 18. 19 and 20, It was announced by Dr. F. D. Patterson...</t>
  </si>
  <si>
    <t>                                           EZZARD CHARLES IN NEW j YORK Georgia-born Ezzard Charles, outstanding contender for I the Heavyweight Crown left vacant j by the retirement of Joe Louis, ar- i                 rived in New York this week to dis1 cu-.s with promoters a title bout to determine a new heavyweight king. Charles first saw the  of day i                 at Lawrenceville, Ga., later moving on to Cincinnati, Ohio. Mr. Charles looking trim and able registers at a                 3 Hotel. (Keystone Photo).!</t>
  </si>
  <si>
    <t>                                           "Fabrics of all Kinds" I DRESS MATERIAL f Slipcover- Upholstering K THE MILL-END STORE I</t>
  </si>
  <si>
    <t>                                           IN THE CONGRESSIONAL filibuster that is now under way, this great nation is standing at its Armageddon. President Truman was wise in asking for a showdown; for the postponement of the vital issues involved will not help matters. These issues must be fought to a finish...</t>
  </si>
  <si>
    <t>                                           Moscow moves to protect Soviet brides wed to .ers. Army to measure stratosphere winds to aid weather forecasts</t>
  </si>
  <si>
    <t>                                           Training under the Bill raises most of today's questions from veterans. Answers are obtained from the Veterans Administration and published in this column by The World as a service to our veterans.</t>
  </si>
  <si>
    <t>                                           See  House Slippers for every member of the family You'll find   in every ,       n4 color in Doviion'i Basement at low, low . Com* down, or uh thg coupon  and do your Christmas (tipper buying early. A. Royptl Scufh or  . Scuffs is white, , Ufhl blut, win*, nd and pink. Opera I*     , ni. royal Mat. '"~4.9. 1.99 B. Dmty Skinnir't Solin Main with fur wHir, *   trop and Cuban hitl. Black er rtd. 4-~. J QB C. Dirrchl* Wadtid Saria r^Onoy. MaxiM* Itatfttr tak. Blotk, Htht blut. ltd.      4-9. A and C width*. ~.98 D. Tap Grada Fait Evtratt with  tip. Outalda      ,  tola. Oxford and blut. Stiti 4-9.' 4 29 E. Mtn't Mt optra with hard tola tad      . Blue,      . Sfett 6V4 to 12. I^Q F. Childran't Itothtr . Plaid Unad. Blut, brown, ni. Siit* 8V4 H larta I. 2,29 G. InftM Zlpptr BottiM in warn . , aad pink. Kit) 1.39 Bassmant Shot Department ^H^^ DAVISONS BASEMENT See  House Slippers for every member of the family You'll find   in every ,       n4 color in Doviion'i Basement at low, low . Com* down, or uh thg coupon  and do your Christmas (tipper buying early. A. Royptl Scufh or  . Scuffs is white, , Ufhl blut, win*, nd and pink. Opera I*     , ni. royal Mat. '"~4.9. 1.99 B. Dmty Skinnir't Solin Main with fur wHir, *   trop and Cuban hitl. Black er rtd. 4-~. J QB C. Dirrchl* Wadtid Saria r^Onoy. MaxiM* Itatfttr tak. Blotk, Htht blut. ltd.      4-9. A and C width*. ~.98 D. Tap Grada Fait Evtratt with  tip. Outalda      ,  tola. Oxford and blut. Stiti 4-9.' 4 29 E. Mtn't Mt optra with hard tola tad      . Blue,      . Sfett 6V4 to 12. I^Q F. Childran't Itothtr . Plaid Unad. Blut, brown, ni. Siit* 8V4 H larta I. 2,29 G. InftM Zlpptr BottiM in warn . , aad pink. Kit) 1.39 Bassmant Shot Department ^H^^ DAVISONS BASEMENT</t>
  </si>
  <si>
    <t>                                           a b a a d n h n There Is No Substitute I for Quality! I We offer you a Superior Quality Pain* at a fair price Again we say This quality paint CAN- NOT BE SOLD FOR LESS. I HIGH QUALITY OUTSIDE WHITE I PAINT j I $A.28 IfreE 4" Paint Brush! I ^m' wBT For a limited time we will give free II ^m Qsli a 4- paint brush with the purI ^m. chase of five gallons paint. I I SEMI-GLOSS ENAMEL A 55 ALUMINUM PAINT ^99 t: FLOOR DECK ENAMEL Lzm. SPAR VARNISH  GAL, m 1 WALNUT OIL STAIN sai. 99' RED ROOF BARN PAINT eat. M" MAIL ORDERS FILLED PROMPTLY GEORGIA ARMY STORE "YOUR DOLLAR BUYS MORE AT GEORGIA ARMY STORE" I 320 Peters Street, S. W.</t>
  </si>
  <si>
    <t>                                           !         ^ j Hnnter-Wllson Distilling Company, Blended Whiskey, 92 Proof. 60% I Incorporated, Louisville, Kentucky, Grain Neutral Spirits.</t>
  </si>
  <si>
    <t>                                           Donald W. Mitchell, assistant professor of Government at Rutgers University envisions the future of higher education in America as one of gloom and dark forebodings. Writing on the Crisis in Higher Education in the current December 11 issue of the Nation magazine, he says that few persons realize the gravity of the financial crisis now threatening higher education. He points out that:</t>
  </si>
  <si>
    <t>                                           JONES SYNDICATE HOTELS CALVIN JONES FERNANDA JONES HOTEL HOTEL LOUISA GWENDOLYN 107 Church Street 722 W. Monroe St., 4-9861 Jacksonville, Fla. Jacksonville, Fla. ROOMS From $1.25 Jacksonville's Finest Our Prices Are In Reach of Hot and Cold Water In Each Everyone- Our Motto, Is to Room. Please. DINE and DANCE Cuivi.i Jones, Manager Fernanda Jones, Proprietor       May your Yuletido be enjoyed with i'^J1) 9 od ' good  and good t^^l/'i $$ friends. Mme. C. J. Walker Beauty Shoppe }0~. y$t? Mrs' Eslelle Phinazee Mrs. Lillie Gresham i'/'V i w^' Bozman, Proprietors 'ssi sl 330 AUBURN AVE. $ i^K ;S CYpress 9787</t>
  </si>
  <si>
    <t>                                           S ^J^Spfe^ MANISCHEWITZ ^f^^^BHHBpM AIMIvRICA'S LARGEST  lWf "    ?f? SACREMENTAl WINE M*'M)M?^f^RTl*'lUT l EnJoy Manisclicniiz Wine ^/) ^w I serve it proudly on every- oct. 'i Wl'^^T/^N^^Z--.* . It's Heaver Ifs SwrelV*"\~lG====H()     -- /cl  r. ...It's tastier than ANY  :\m^C-i wi"c you ever drank. iH^BiL-a^^^^ra     T" MANISfllBWtT/. 1 V Ml ( ~'INE and  c tor yourself     II. i      ^^SflBMHn^3^ and  by more people than any olh_2^3at^^^       S^^^^ cr wine, of Us type. n^-TiyiiiitseBiwifi! I FAVORITES!             18~.  f :t I -fc BLACKBERRY A--.-~'- Produced and Bottled by the Monarch' Wine Co., Inc., Brooklyn, N. Y.</t>
  </si>
  <si>
    <t>                                           HOWARD STUDENTS HONOR MISS READ-Spelman College President, Miss Florence Read honored by the Honor Students Committee of David T. Howaid High School with a bouquet of red roses at the                 Honor Day Exercises held at Wheat Street Baptist Church on March 16. 1943. Reading from left to right: Back Row Standing- Vernon Jordan; Johnny Jones; James Pittman: Barbara Boozer; Valencia                 McChnton. Front Row, Principal Charles L Gideons: Mildred Powell: Miss F. M. Rend: Marilyn Davis; Ruby Tolbert; Marion Jones; Arthur Brown and M. R. Austell.</t>
  </si>
  <si>
    <t>                                           Marcuses Extra Size Shorts SPORT SHIRTS Worth $2.00 Cross - WAp gabardine sport Ik g^ VI Fine count cotton sol- M% W    h Th,c ,mos! ifc id color fabrics with ^~ifc popu]*r J*~ at, tJ* tappers, to size 50. Q_W %JF present $7.95 and I' $8.95 values. Now JACKETS 50% Wool Anklets Values from $8 to $15 SPORTS SHIRTS HANDKERCHIEFS Many of these arc of California origin, Regularly 30c to SOc Eacfl where no detail is spared. Some have -edged ^^,^^^^ Whites Colors ff* g* and pockets. etc.^#mtf J N0W U J^ Choice colors worth % W 09  om $5 to S8.  H^ 6 FOR DRESS SHIRTS PAJAMAS Uot of 225 whites and fi^ A More than Were Now colors. Values from 2^ V %~ 1        g-J? ~**g TIES Pure Fur Felt Hats C9  419 eft Vainaa Pine nationally known brands like Fen- I *z and *z.5O values {on CJub ow*Colony  Merh Ac. I ^K Mr A ().v worth from jm g\ I 2. ^^ $7.50 to $12.50 3/B"J.J I fcor  Fcr fey^ "Hi - Grarmcnts in AARfl 'I VQ-R wva-\ i *j (hLs fine group- %3 B  vv! were made from fabrics ordinarily  y ^V WB I flf ij used in our popular made-to-meas- ^L M^ B H I lire department. They would have 1 absolutely sold for from $45 to SG5 I if processed in the manner or ig- l!)   ^^i!'AU^'i'i. 1 inally intended instead of having     ^a^^^9^^^^. 3 Values $19.50 to $27.50 T WHTmTTm''T57T?f^trT?^?' ^ 3 Beautifully tailored of all- $^ 95 62 PEACHTREE BT. I wool materials. Latest designs M^jt Thru to Broad 1</t>
  </si>
  <si>
    <t>                                           Babylon Is Not Dead''                 (By JOHN HENRIK CLARKE FOR ANP) No, Babylon is not dead, i I saw Babylon yesterday, In the grinning face of a red-cap In Pennsylvania Station And later in the movements Of a dark girl s body, in a cabaret. And only last night, I saw Babylon Preaching against race hatred From a step-ladder, on Lenox Avenue, No, Babylon is not dead I heard Babylon when a dark girl sang"; "I'm so glad my troubles won t last always." Babylon is in the oppressed race "Rising  the yoke of oppression Perhaps Babylon did sleep for a while, But Babylon never  is the day of Babylon's awakening.</t>
  </si>
  <si>
    <t>                                           TtM TYLER                 LYMAN YOUNG                 FELIX THE CAT                 By</t>
  </si>
  <si>
    <t>                                           0LtuS^7x^s8p Millions rely on i^. 1^-JI^BlJ Morollne. 1 ts //^mL^; t^w name guarantees /i*fn!^/ highest quality. //     ^5H/ Big jar only 10c. J fj3'~  !    -m</t>
  </si>
  <si>
    <t>                                           REFRIGERATION REPAIRS DAV OR NIGHT SERVICE I.Amar 0546 NlfliU. Sundays. Holiday*. Cnll UAymnnd 48110 UAymoitd 1854 W. C. THORNTON, Mgr Service Department</t>
  </si>
  <si>
    <t>                                           We write this column today feeling full well that we are living in dangerous times-- times when the Negro is Making last big bids for freedom. As surely as the sun shines, the Negro is going to win his full freedom in America, but not without some more blood...</t>
  </si>
  <si>
    <t>                                           DEATHS                 JONES, Mr. Willie of R 403 Pulliam St., died suddenly December 2. LAZENBY. Mr. Allen of 63 Griffin St., N. W., died at the residence December 3. FREEMAN, Jr., J. W., of Talbotton, Ga., passed away suddenly Dec. 3. TURNER, Mr. John B., of 311 Glenn St., passed at a local hospital Dec. 3. THOMAS, Mr.. Eddie of .543 Strong St. N. W., passed away' suddenly Dec. 3. WORTHY, Mrs. Alma of 401 Thurmond St., N. W., died at the residence Dec. 3. NASH, Mrs. Delia of 450 Crumley PI., passed Dec. 2. WILLIAMS, Mr. Clark of 491 Millers Alley died Dec. 3. DUNN, Miss Albert, passed away at her residence, R. 328 Lyons Ave., Dec. 3.</t>
  </si>
  <si>
    <t>                                           Death Sentence For Youth Is Commuted                 'flic death  imposed  16-year- Willie James Edwards, of Athens, Ga.. was commuted to life imprisonment by the Stale Pnrole Board Thursday. T)ie commutation was granted because of extenuating circumstances leading up to he crime and because of Edward's I . Ho hnd been convicted for killing another boy about his same ,ngc.</t>
  </si>
  <si>
    <t>                                           For Bad Colds Take On Sole At Leading Drug Stores ii</t>
  </si>
  <si>
    <t>                                           IbulovaJ Holloway Jewelers M W 172 AUBURN AVE., N. E. M</t>
  </si>
  <si>
    <t>                                           SAYS UN INEFFECTIVE PEACE INSTRUMENTALITY                 WASHINGTON  Climaxing ii series of radio discussions on the V. N. las'. Sunday evening, Dr. Ruyford W. Logun, chairman, department of history, Howard university, termed the UN, us now constituted, an Ineffective Instrumentality for the preservation of world                 peace and challenged any responsible person to public debate on the subject. Speaking over the facilities of Washington's WWDC and , Dr. Lognn -oul thai too many Americans sincerely believe; that the U. N. tun prevent another war. Dr. Logan asserted: "I make the flat assertion that it cannot. More than that, I challenge any responsible person who holds tile contrary view to public debate." Dr. Logan offered to take the negative of the subject, "Resolved, that the U. N. possesses the power to maintain International peace and security and to promote effectively  rights and the fundamental freedoms for all without distinction as 10 race, sex, language or religion". Further he suggested that such a debate be held at Constitution hall, in Washington and that ihe net                 I'eetls from a nominal admission I* designated Jor  charities. VAll.VRF. LIST. In his commentary. Dr. Lr.gan compared ilie UN with the ill-fa oti League of Nations and listed the failure or the ,laiter peace organization in the Greek civil war, the Dutch-Indonesia tiff. Palestine, the Southwest. Africa trusteeship dispute and the matter of disposition of the former Italian colonies. In previous broadcasts. Dr. Logan, who is billed by WWDC, as "America's newest radio commentator", has discussed various aspects of the UN charter and its role as a preserver of universal peace. Last Sunday night he initiated a new series of talks on the UN through which he proposed to give an analysis of reasons why the UN cannot achieve its major objectives as it is now constituted. Dr. Logan is heard weekly at W\V DC during the period 9:45-10:00 each Sunday evening. It is believed that he is the only Negro news commentator on the air, who interprets general subjects of national and international interest. i</t>
  </si>
  <si>
    <t>                                           WASHINGTON -- (ANP) -- Climaxing a series of radio discussions on the U. N. last Sunday evening, Dr. Hayford W. Logan, chairman, department of history, Howard university, termed the UN, as now constituted, an ineffective Instrumentality for the preservation of world...</t>
  </si>
  <si>
    <t>                                           I XM AS CASH I I 5 DIFFERENT PLANS I 3 Months 6 Months 9 Months To Reppy IS I $10 ^$200^1 % SIGNATURE FURNITURE AUTOMOBILE ffi m ENDORSEMENT APPLIANCE M H CO-OP FINANCE THRIFT CO. ,% 146V4 Peachtree Street, N. E.    KV. ATLANTA, GEORGIA c Si WA. 7715 WA. 7716 S</t>
  </si>
  <si>
    <t>                                           s THIS IS, THIS IS: a hansom a The most   a a Victoria you  ver tasted, do landau 0 A wonderful . I" I a The Perfectly Balanced Blend ANSWERi that1* blended with ViaOOIA care for men      care. ANSWER: The Man who x, k^ T3m 1W. Cares Specifies  White Seal  WITH CARE FOR MIH WHO CAM Carstair* Bros. Distilling Co., inc., Baltimore, Md.  WHISKEY. 86.8 Proof, 72% Grain Neulrol Spirit*</t>
  </si>
  <si>
    <t>                                           pa  1 _~~F^'8r $3.00 . n mm in \WfBBMBi rAQ(t tor W^~    CLUSTER f^J^^gp'* $8.50 "idi^^^H^ f,-~^!wHJ^^^ V m THE HAI.F CLAMOUR, When it in Irngili you want, the JESSIE KARE Half Glamour fits your      . As you sre, il fastens at the crown of the head and hand* naturally down the back. Vou cum wear it    an upsweep or any  you like. (It is IS to 20  long) ..310.00 5BND NO MONEY) SEND SAMPLE OF YOUR HAIR PAY POSTMAN ON DELIVERY Jessie Kare BEAUTY PRODUCTS 507 FIFTH AVENUE (SUITE 90S) DEPT. NEW YORK IT. N. Y.</t>
  </si>
  <si>
    <t>                                           Fresh Meaty NECK BONES 2 25' Fresh Meaty SPARERIBS ib. 39' Edeemere SLICED  39' Mild HOOP CHEESE   . 39' Aunt Jemima GRITS 2 boxes 29C In Heavy Syrup CRUSHED PINEAPPLE NO. 2 CAN 25C l(. Tall Can SARDINES 16C No. 2J4 Can APRICOTS 14' Mimosa No. 2 Can PEACHES 10' Blue Ribbon" LEO... ib 29 World's Best COFFEE u.356 Ms-I-b. Can SALMON 27' ^^^Striclly Fresb^^^H ^V Grade A ^^H V LARGE EGG8 ^B 53c doz.   39c ib. A A PURE LARD ^H ^^4 ib. on. 69c^^H CAPITOLA OR BALLARD S FLOUR 10 1* 95 BAKERY DEPT. SPECIAL! x REGULAR 8-INCH LAYER CAKE 7Sc VALUE 69e REGULAR 7-INCH l LAYER CAKE 65c VALUE j 59C SPECIAL I BLOOMING AZALEAS 3 m  1.00 MED. GARDENIA -BUSHES 50c WE ALSO HAVE 2-YEAR-OLD FIELD  ROSE BUSHES</t>
  </si>
  <si>
    <t>                                           The Rev. R. Julian Smith, Pastor of the Grater Mount Moriah Baptist church, corner of West Fair and .Ashby Streets, stirred his ever-pending congregation at two services Sunday. The noted divine captivated his two vast audiences with such dynamic messages that...</t>
  </si>
  <si>
    <t>                                           Bible Society Committee To Meet Bible Society Committee To Meet                 The executive committee of 'the   of Universal Bible Sunday will meet today at 8 P.M. it the Butler Street YMCA. All  of greater Atlanta and  of the committee are urged meet to aid in completion of the . This will be the final  for the program, ' to officials. The executive committee of 'the   of Universal Bible Sunday will meet today at 8 P.M. it the Butler Street YMCA. All  of greater Atlanta and  of the committee are urged meet to aid in completion of the . This will be the final  for the program, ' to officials.                 Interracial Unit Meets Dec 17 The Pulton County Interracial Committee will hold .its annual meeting on the work of the committee. Speakers will be Dr. Nut Long, Southern Regional Council; Dr. George Mitchell, Southern Regional Council, Dr. R. L. Russell, Georgia Interracial Committee; Mrs. W. B. Sudcleth, Atlanta Council of Church Womeij: Mrs. Marion Taylor. YMCA and Dr. M. L. King, pastor of Ebenezer Baptist Church. Dr. George E. Clary of Savannah, Oa., is chairman of the group. Other officers are: Dr. Forrester B. Wash ington, vice-chairman. Atlanta; Dr. J: McDowell Richards, second  ; R. L. Russell, state director; Mrs,. Herman Heyman, secretary; L. 'D. Milton, treasurer, Atlanta; and Mrs. M. E. Tilly, field worker/Atlanta. Interracial Unit Meets Dec 17 The Pulton County Interracial Committee will hold .its annual meeting on the work of the committee. Speakers will be Dr. Nut Long, Southern Regional Council; Dr. George Mitchell, Southern Regional Council, Dr. R. L. Russell, Georgia Interracial Committee; Mrs. W. B. Sudcleth, Atlanta Council of Church Womeij: Mrs. Marion Taylor. YMCA and Dr. M. L. King, pastor of Ebenezer Baptist Church. Dr. George E. Clary of Savannah, Oa., is chairman of the group. Other officers are: Dr. Forrester B. Wash ington, vice-chairman. Atlanta; Dr. J: McDowell Richards, second  ; R. L. Russell, state director; Mrs,. Herman Heyman, secretary; L. 'D. Milton, treasurer, Atlanta; and Mrs. M. E. Tilly, field worker/Atlanta.</t>
  </si>
  <si>
    <t>                                           QUEEN OF THE N. MARDI GRAS AND COURT Miss Genevieve Bowles, who reigned as queen of the original Illinois Clubs 49th annual Mardi Gras ball in New Orleans. This club was organized in 1895 and has given a ball every year except war years. With Miss Bowles were sixteen other debutantes ns follows: Miss A! then D. Rotizan. first maid: Miss Vera L. Williams, second maid; Misses Evn DcSpenza, Greitn Waggnor, Rosemary Dieudonnc, Ethel                 L. Stevens, Gloria Jefferson, Ethel Cassanaj-e, Ruby Collins, Margueritte T. Brown, Naomi Phillips, Marlene Luinas, Delores L. Dunn, Bettic C. Hamcs. Barbara Juge and Irmn Phillips. Mantle hearers were Carrol Cib- bolet and Josepha Martinez. Members of the club included President Dr. Taylor Segue, Dr. B. V. Baranco. Herbert W. Collins, Dr. H. A. La- j motte, Ernest Antoine, Maxwell Comineaux. Levi Johnson, Sanders Badie, Dr. C. H. D. Bowers, Arthur                 Brooks, Dr. Raymond Baranco, P H. V. Dejoic, Rollins Demesme, Clif- ton H. Denson, Dr. N.R. Davidson, Victor L. Chauvin, Carl Duvignea, Dr. H. Engan, Hubert Ellis. Bobbie Francis, Richard Hamilton, John V. Harris, W. yi. Harris, Lucius L. Jones, Willis Mishore, Dr. A.' E. McDonald, Dr. HE. Robinson, C. W. Taylor, Thomas Watson. Hon- orary members included Wiley J. Knight and Raoul J. Maurice. Photo by Celeste.</t>
  </si>
  <si>
    <t>                                           M Atlatita j^^iid- C,~S*  Bj^Jsl Published Every Morning Except Monday  f  s      " IIJSSIlBSi Volume 21, number i98 =  Georgia, Thursday, march 24, 1949 .CEHft. ~'~~**I-S?-J</t>
  </si>
  <si>
    <t>                                           Loomis Gets New Trial On Count                 Homer Loomis, Jr.. former braintrust of the Columbians. Inc., who wns convicted on two  in the Fulton County Superior Court, was granted a new trial on charges of usurping police power,- Fridny, by the Georgia Court of Appeals. LoomLs was sentenced to 54 months for three counts on this charge, but the Georgia Court of Appeals ruled that the Fulton Superior Court erred in refusing to grant the ex-Columbian head a rehearing. The Court of Appeals refused to reverse his conviction on charges of inciting riot, ruling that Loomis" absence from tile alleged scene of violence does not prevent him from being a principal in the ,</t>
  </si>
  <si>
    <t>                                           NEW YORK -- (ANP) -- The feminine projected Afro-Arts Bazaar Inc., an establishment here will sales imported items from Africa, the West Indies, Haiti and South America, was announced this week Beakers, of Afro-Arts Bazaar are Etta Moten the singer and Estelle...</t>
  </si>
  <si>
    <t>                                           4 Year Old All Straight Whiskeys    OLD TREASURE H a** NEW LOW PRICE! Im STRAIGHT WHISKEYS l^BP 86 WOOF OLD HICKORY DISTILLING CORPORATION PHILADELPHIA. PA. YOUR DAY TO SAVE )2*OZ RAMA 14OZ BOTTLE TOMATO APPLE JELLY 12'/*' CATSUP 13' DlSSlliT 1H SYRUP m PEACHES a 19  Btaekeye Peas 9C ASSORTED HOMESTYLf PRESERVES'- 15C SUGAR a 43  V.4-0Z. CAN FANCY FILLED CANDY* WMeat2'~15  EASTER EGGS 39^ SOtt: HObf 411. CARTON CHEESE O9'  62' NO."a CAN PLANTATION TOMATOES 12'/2C oleomargarine^ 24 c *       %A Af"   FANCY MESSED AND DRAWN W!iS^J5l FRYERS 43' BACON ENDS  1 9' NECK BONES 14</t>
  </si>
  <si>
    <t>                                           Armed Services Unit Informed Air Force Plans To Integrate Personnel                 Forward Looking And Progressive Aim Told                 .WASHINGTON. 1). C. (NNPA)- The President's I Committee on Kquality of Treatment and Opportunity in the Armed Services was informed during its two-day meeting here last Wednesday and Thursday that 'the United States Air Force has worked out a "progressive and forward j looking" plan for the integration of its colored and white i personnel, it was learned last Friday.                 Efforts at confirmation of this report, which fame from reliable .sources, were unavailing. The only comment thai Air Force officers would make was that  was no .such plan "at present." The plan calls for abandonment of the Lockboiime Air Force Base nil reassignment of personnel stationed there to other units Indiscriminately without  10 race or color. II also c:i 1 Is for co:ored and white personnel to occupy the same barracks and use the same mess halls  nd recreational facilities. According to reliable reports, the plan was not worked out because of any altruism on the part of the Air Force but because of "budgetary considerations" which made It desirable for the Air Force to got rid of units operating at an ineffective level and using nearly obsolete planes. The 32d Fighter Wing at Lockbourne -fell Into this category.  REPORT The President's committee was  about the plan at its first session last Wednesday by Eugene M. Zukert, Assistant Secretary of the Air Force and, according to reports details of the plan were given the committee the next day by Major General R. E. Nugent, director of personnel planning, _..   .the Alr.VI Force  Sta"ft. Colonel Benjamin Davis, Jr., commander of the 332d Fighter Wing and of Lockbourne Air Force Base, is believed to have given the plan his blessing. He had been here, for approximately two weeks work- ing on the preparation of Air Force j data to be given the committee. At the close of the . he                 took off for Port-au--Prince, Hani, and will be gone for about ten days. He. is vacationing. If the plan Is carried out, It is believed that Colonel Davis will be given an opportunity to attend the Air University at Maxwell Field, Monrgomery, Ala., preparatory to assignment lo a staff position at the Air Force headquarters in thn Pentagon. According to reports, an announce  of the plan was ready lo be made a day or two before Uie committee.  by Charles H. Ptihy. former Solicitor General of the United States, saw President Tinman last Wednesday before  its first meeting that after noon. At the request of the army, the announcement was held in abeyance to give tlie Army a" opportunity to bring Its policies on the utilization of colored personnel on a par with those of the Navy find the proposed policy of the Air Force. It was predicted that Defense Secretary James Forrestal will prob ably coordinate the racial policies of all three services and maKe an overall announcement, but if he does not do so within n reasonable time W. Stuart Symington. Secretary of thh Air Force, may } AiroFows-. :Mfe Forrestal has only general direction and control over the Army. Navy and Air Force, and the secretary of each department is responsible for the formulation or policy in his . According to reports, Mr. Royall ir still ambitious to be governor of (Continued on Page 5. Col. 6)                 Forward Looking (Continued from Page One) Nortih Carolina and, -while not I averse to the abolition of segregation in the Army, he will not move to that end of his own accord. If ordered by the President or Mr. Forrestal to end segregation in the Army, it is said, Mr. Royall  carry out the orders.</t>
  </si>
  <si>
    <t>                                           WASHINGTON, D. C.--(NNPA)-- The President's Committee on Equality of Treatment and Opportunity in the Armed Services was informed during its two-day meeting here last Wednesday and Thursday that the United States Air Force has worked out a "progressive and forward looking" plan for the integration of its colored and white personnel, it was learned last Friday.</t>
  </si>
  <si>
    <t>                                           Appeal Decisions; In Okla., Texas                 OKLAHOMA CITY- An appeal to      United States Supitnif Court from a federal three-judge cowl  upholding segregation uf (i. \V. McLuurin al the University of Oklahoma was filed here this week by Tliurgooil Mifrshall, special council for tin; National Association for the Advance ment of Colored People. The case will ho  in the Supreme Court in the Spring of this year                 McLaunn wus admitted to tlie University's graduate school on a completely segregated basis on Oct. 13, us a result of u federal court decision ruling the state s segregation laws unconstitutional insofar as they prohibited enrollment of Negroes in the University for courses not otherwise available in state-supported                 institutions. The .same court Inter j failed to grant an Injunction re- ; the University from seating McLnurin in an anteroom and otherwise segregating him from white students at the institution maintaining that the State is com- plying with the Fourteenth Amend- j munt in providing him "equal" fn- (Cunllnucd un I'age. G, Col. 7)                 Appeal Decision (Continued from I'~kc I) . A writ or  in the case ol Herman Marion Sweatt, who was denied admission to the University of Texas law school solely because he is a Negro, will be sought from the U. S. Supreme Court, and NA ACP attorneys anticipate I hat review of this case, before the highest court will probably be simultaneous with argument of the McLaurln appeal. A third higher education case, that of the denial of admission 61 Mrs. Ada Lots Slpuel Fisher to the University or Oklahoma law school. Is again  before the 6 Court of Oklahoma and may be argued before    -U. S. Supreme Court at approximately the same time as the cases of Mctaurin and- Sweatt</t>
  </si>
  <si>
    <t>                                           OKLAHOMA CITY--An appeal to the United States Supreme Court from a federal three-judge court decision upholding segregation of G. W. McLaurin at the University of Oklahoma was filed here this week by Thurgood Marshall, special council for the National Association for the Advancement of Colored People. The case will be argued in the Supreme Court in the Spring of this year.</t>
  </si>
  <si>
    <t>                                           ^^)J\i I ^#f fen s Accurate! Durablel PlastU and leather strap. Multfc, colored illustration of   a^ Captain Marvel on dial. T?f The youngster! will be proud of it! "c On* Year Writfw Guarantee Cuo.oni.i t.viti  ind Mlitloli In 40  V   ( Ikl   !!'     tint  kuk. iii M.W  n HHin  1U Mil     ii -~~</t>
  </si>
  <si>
    <t>                                           MADAM EVA 25C- READING-25c World's  tt^^V^MLsiiiiiifl palmist. After ^JA ~^Vt^^^^^H your problems Co LIJoVl^^HI Mi dam Era a net l^BTl I l^^^^B husband or wife x\* ^^1 and come at oner. ^fl \V U7 ^^^1 Office  0 a. ^B \\V/ ^^^H m. to 10 p. m. ^H A^ul ^^^^m daily and Snndny. ^^L TV* ^^^^^^R ta." Be sure to ^T ^^^^^M take the Inman Yards Street car. Please aik the car con* doctor to let you off two stops on     other tide of Kin* Plow Co., Atlanta. Ga</t>
  </si>
  <si>
    <t>                                           ATLANTA S NEW YEAR S DAY GAME! THE PUNCH BOWL HERNDON STADIUM ^.IZ1^ BOOKER T. WASHINGTON HIGH Student Advance 75 VS' BOOKER WASHINGTON H!QH Tll^KHlPP HlllH \        HIGH I           I1IWI! VW    * SATURDAY, JANUARY 1 1 949 2:00 P.M.</t>
  </si>
  <si>
    <t>                                           LEADERS PLAN PROTEST OF PROPOSED VOTE LAW                 No Retreat On Civil Rights, Truman Assures Press Agents                 President Also Pledges To Stand By Other Measures                 MY I.OUIS .                 WASHINGTON, U. C. (NNPA) President Truruuu made li cleat Ittsl          thai tie included Iiib Wliolt civil rights program in HU state of the Union message which lie  to Cuiigresb la person on Januo'rv S. i                 The question arose In connection I will) ihe omission ut a specific re- 1 terence to -rule tor the District ut Columbia in the stale of Uie Union message. When u reporter remarked uv vhe President's press conference lust Thursday that there was some disappointment, in Washington because ot Mr. Truman's., failure to  home-rule for Lhe District ol Columbia, Mr. '1'  ho had included his civil rights message or January   , 10-11) In his slate ol the Union Message, and he- thought, .the subject was thoroughly covered. The President explained that his civil rights message was referred to iind made a part of Ills message on Uie stale.of the Union. In hi.s civil rights message. Mr. Truman asked Congress for  establishing u permanent commission on civil rights, a joint Congressional committee on civil rights. :ni(l 11 civil rights division in he Justice Department, lhe  of existing Federal- civil rights law, u Federal  law, .~      .iPi ot5Pysil..i;.9r^-ll1-e. right io. vote, e  ,      fair employment- practice' commission, and legislation prohibiting      I:. I discrimination In interstate travel. IIO1MK KUI.E 1). In addition, the President asked Congress to provide home-rule and .suffrage in Presidential elections for residents of the District of Columbia, statehood for Huwail and Alaska,, a greater measure of self-government for insular             , equal opportunities for residents of the United Stales to become naturalized citizens, and settlement, of evacuation claims of Japanese Americans. By his statement lust Thursday, (Continued oil I'iirc (i. Cut. 4)                 No Retreat ICnntlnurd from Page 1) Mr. Truman renewed in his state of the Union  all of these recommendations simply by referring to his civil rights message  nd sayIng he wished to report those recommendations without .specifically enumerating them. Mr. Truman also told reporters that he would stand behind the recommendations of the Veterans Administration with respect to cancellation of twenty- hospital pro' jects and reduction of the size of fourteen others. Included in the hospital projects recommended for cancellation was u 200-ued all-colored veterans _, which had been approved for construction at Mound Bayou, Mississippi, over the repeated protests of several  colored organizations. Asked whether he would disapprove any of the cancellations recommended by the Veterans Administration. Mr. Truman said he thought the VA's survey of its hospital program was accurate and correct and he would stand by those recommendations. The President's declaration Is significant because it had been reported that the Mound Bayou project had been listed for cancellation for bargaining purposes and that I: "would be restored to the list of projects which are to be built unless the VA can get approval for a predominantly colored hospital a: Nashville, Tennessee.</t>
  </si>
  <si>
    <t>                                           WASHINGTON, D. C. -- (NNPA) - President Truman made it clear last Thursday that he included his whole civil rights program in his state of the Union message which he delivered to Congress in person on January 5.</t>
  </si>
  <si>
    <t>                                           WANT AD INFORMATION CALL WALNUT 1459                 .^.'.~;rm.r"..'rn lfi!SES</t>
  </si>
  <si>
    <t>                                           COOK SAYS HE S STUMPED BY NEW VOTE LAW QUERIES                 A probable forthcoming constitutional test of the legality of the newly-passed Voters Qualifications Law has silenced Atly. Gen. Eugene Cook from attempting to answer any questions flung at him by Georgia election officials.                 He based the reason for his refusal to answer questions on the measure on the fact that he did not draft nor review the bill at anytime while the recent General Assembly had it before them. Negro leaders had contended at that time the measure was unconstitutional and In conflict with a three-Judge Federal Court ruling on Alabama's infamous Boswell Amendment.                 i The measure reportedly advocat- 1 I cd by Governor Herman Talmadge I to "stop bloc voting" requires re- I registration and the ability to "read or write" the 'Constitution, but offers a list of. 30' questions In event the prospective applicant 1b unable to read or write. i The bill was prepared by Alex I Weaver of Macon and sponsored I by administration 'leaders In the I General Assembly. i Atty. Oen. Eugene dook said the list of questions pouring into his office on the vote measure has become so voluminous' that if he and his staff attempted, to answer them they would have to discontinue their present work. "While I do not contemplate any (Continued on Page 6, Col. 4)                 Cook Says (Continued from Page One) attack on uus legislation on constitutional grounds there is the possibility of such action being instituted which night compel me to defend It. Cook wrote Dan Dunwody, Bibb County Tax Commissioner, "Should this happen, it probably would be embarrassing and a breach of propriety had I released a series of personal and unofficial opinions to local officials." "Frankly, this legislation is so comprehensive and suggestive of conflicts and differences of opinion that we could not contribute anything to a uniform application and administration of its provisions by releasing a written personal or unofficial opinion," Cook told Dunwody. "No county official would be bound by my views should he or his county attorney disagree."</t>
  </si>
  <si>
    <t>                                           A probable forthcoming constitutional test of the legality of the newly-passed Voters Qualifications Law has silenced Atty. Gen. Eugene Cook from attempting to answer any questions flung at him by Georgia election officials.</t>
  </si>
  <si>
    <t>                                           HbV "^Tmbm^- 'V ^^r ^B N^mK^hB^~SEv Ee9B ^B Enjoy rich and mellow Dad's Old Fashioned Root i^4 ^g^y          H Beer. Treat the whole family at big savings. Get a f i"^J ^S5*?^r^~ H H full quart of creamy topped DADS for only lc \tm W^^    . D$fi0f S I ^m- with purchase of 6 bottle carton at regular price. ^Hj       !!^i^i' 89 ^B Ask your dealer fer DAD S while this big sale isor^^^ i^^^***^ H H __^^^^^^S^fci^B^^^' SALE ENDS MIDNIGHT H ^H IVm^BM jB^BH^v IBbMBk^' iP^SS^ and         Counties only. ^BJ ^H y^EKfyU^* Gdm%Jtk%O^^~im^to. lf  w Jont DAD S is the  ^B i BB^ \0^^^^Jt^ *Tb^^^^^iwHm  ^iMr tou t%~ef tumi! BBJ H ^^^^0g^$t^^^^^OAO1S ROOT BIER BOTTLING COMPANY B Wl ~^^^^11^315 NORTH AVENUE, N. E. ATLANTA PHONE: HEmlock 2718"1*^^~W</t>
  </si>
  <si>
    <t>                                           FUNERAL NOTICES                 LOYAL. Miss Rosa Mill!- ITIcnds ;ind relatives of Mrs. Bertha Ixjynl. Mr. Charlie Loj'nl, Mrs. Ro.sn L. Todd, Mrs. Olii Smith. Misses Inez. mid Adline Loyal, Mrs. Nettie Mao Hollis, Mr. and Mrs. Ed Loyal, Chattanoogn, Tenn.; Mr. and Mrs. Robert Lee Loyal. Mr. and Mrs. Floyd Todd arid family, Mr. Robi ert Lcc Todd, New York City: Mrs. Lena Todd. Mrs. Mary Smith, Cleveland. Ohio; Mr. and Mrs. Johnnie Smith, Cleveland, Ohio; Mr. Lcroy Todd, Detroit. Michigan: Mrs. Annie Crnwlcy mid family, of Chicago. III., arc invited t'~ attend Ihi; funeral or Mis:; Kosa Mae Loyal today at 2MQ o clock at Auburn Chapel. Rev. William Holmrs Hoi- tiers ;. Interment., l. Cemetery. HauHabrooks l-' Home. In MEMORIAM Dedicated to the memory of our beloved employer, Mr. Johnson S. YouiiK. who departed tills life, January H, 1946. Left to curry on your, work Established by your hand We cherish ench idea willed And do the best we van. Your many kind, unselfish traits I You showed, day after day, Will  in treasured memories That will never pass away. EMPLOYEES OF YOUNG S j BARDER AND  SHOPS.                 IN MEMORIAM in memory of my dear , Mrs. Mary Dobbs. wlio passed1 one yew  , January M, 1010. "We loved you b\it Oocl loved you best." Sadly missed by Mr. James Mitchell, .son. Mrs. Flossie Avcry, sister, Mrs.  Lee Kent, . Mrs. Oclnvlc Jonos and grund children.</t>
  </si>
  <si>
    <t>                                           ALL ARMY BOXING TEAM CHAMPS Eight, of the 10 members of tilt; Thud Army Boxing Team, recently awarded the All Army Boxing Team Championship are shown here with Ll. Gen. Alvan C. Gillem. Jr., commanding general. after receiving Third Army Certificates of Achievement for their record in the boxing  held                 recently at Fort Myer, Va. Two members of the team won the national championship in their weight class. Those in the picture are. left to right., SiU. Lawrence .Jones, winner of the Army-wide Middleweight championship; S(U. Leland II. Pillen, Cpl. Ramon Ancho, Jr.. Pvt. Bernard A. Donnell. Jr.. winner of the All Army Bantamweight                 Championship: Gen. Gillem. Lt. Ray Teja, coach of the team. Pvt. Marshall Clayton, Pvt. Malcolm Davis and Pvt. Jose M. Galaz. Two mem.~is in ihe iL-nm were unable to attend the ceremonies which were held in the Third Army Commanding General's office at Fort MePherson.</t>
  </si>
  <si>
    <t>                                           THAT WINNING SMILE A i hourly victory mimIc       face- of J:    ; H.in- i left i ;i!    Eur.riu' Willuim.s  :i.s lli y hold tlv. championship i- von ^~.v  Morris Brown CoIIokc Pmplp Wol- i  :it Hie Ititii Aumuil Sonthi:ri: j                 In'c:;it(~ Athletic Conference    ;rii.     -ii! :iL Tuskfyro InstilulR l;ist. Sului'tlay. The Piirpl.- Wolverines edged the Tu. Institute Golden Timers f)S-54 to win tlio *                 i Robinson Photoi</t>
  </si>
  <si>
    <t>                                           IT IS GENERALLY conceded that the 80th Congress did very little for anyone, including itself, but it passed one piece of legislation which is already of vital concern to veterans and will be of even greaten concern as time goes by.</t>
  </si>
  <si>
    <t>                                           Atlanta JSJSfe World EDTN ^^x**^ ,,,,~..(   /^   "News While I Published Every Morning Except Monday IHs News" I VOl!~ME_21' NUMBER 230 ATIANTa" (3), GEORGIA, SATURDAY, APRIl 30, 1949 PRICE FIVE CENTS rr, *m ,-m. *   nr</t>
  </si>
  <si>
    <t>                                           ANNIVERSARY SPEAKER- Dr. Mclvin H. Wntson, of Morehouso College, will deliver the final  sermon of Ebcnezor Baptist Sunday morning. This observance marks the 63rd anniversary of the church and the nth year of service of the pastor. Rev. M. L. King. A son of Ebenezer Baptist Church. Dr. Melvln H. Watson, will deliver the final sermon Sunday morning of the dual anniversary celebration of the church and pastor which has been in progress .for tho past week. Mount Zion Baptist Church, of which Rev. J. T. Dorsey is pastor, will furnish the afternoon program at Ebenczer at 3 o clock. At the evening service the four choirs of the church will present, an evening of song beginning at-* o clock. Dr. Watson, a graduate of Morehouse. College has taught at Shaw. College, Dlllard University. How-, ard University, and at present is Instructor of Christian Theology at. Morehouse College. He has served as assistant to Dr. Howard Thurmond In the Interracial church of Snn Francisco, California.</t>
  </si>
  <si>
    <t>                                           MR. HENDERSON MAKES MOST VERSATILE PLAYER AWARD- Roger Henderson, prominent local real estate executive and n loyal friend of David T. Howard School is shown presenting a $65 18- Elgin watch to Htirry Hatcher who was chosen as the "Most Versatile Player" on the Rambler squad during' the 1948 football campaign. This is nn annual award. Mr. Hen- derson s interest has been Interwov- en in life of Howard High and the                 progress made by the Ramblers under Head Coach T. Herman Graves, rated as one of the best young coaches in high school circles. That is why he has adopted this policy of presenting an award to the most outstanding athlete. His wife. Mrs. Ida Henderson has also given trophies to girls find boys at Howard High for outstanding work. Last year the Blue and Gold Ramblers chalked up nine straight victories on the gridiron.</t>
  </si>
  <si>
    <t>                                           BLENDED WHISKEY. A proof. 70% (rain  . (W   49.Sc*~~*.Corp,N.Y.C.</t>
  </si>
  <si>
    <t>                                           UF.V. GEO. W. DANLEY NEW LOCATION- Rev. Oeo. W. Danley, able mnn of God, lakes this opportunity to Inform his many patrons and friends of his new locution. He is now  470 McDanlei St.. S. W. His phone number is AL. 3123. Hours: 9 a. m. to 11 a. in.  3 p. m. to 7 p. m.</t>
  </si>
  <si>
    <t>                                           WASHINGTON -- (ANP) -- A vicious plot to overthrow the Haitian government was revealed here last week by Joseph D. Charles, ambassador from Haiti to the U. S.</t>
  </si>
  <si>
    <t>                                           Father Of Wor!d i Employe Dies In Ensley, Alabama                 Robert E. Johnson it. announced b.te Tuesday that funeral services for hi.-, father wil1 held Sunday. April 10. at Mt. Arm Baptist Church Hiisley. Ala. Mr. Johnson. Sr parsed  Sunday morn:ne April 3, at the fr.mily residence in Ensloy Pneumonia was listed as the cause of his       . Mr. Johnson. II. an Atlanta Daily World employee, ii- to Atlanta Tuesday. Hi-  ill return to Birmingham late this week for funeral rites The .Johnsons reside at 1R15 l'.uh Ktri-ei. West.. Ensh-y. Ala.</t>
  </si>
  <si>
    <t>                                           According to the latest reports from Phoenix, Ariz., Leroy Wellmaker, celebrated Atlanta southpaw may land a contract with the World Champion Cleveland Indians. There was no official confirmation from the Indians' training camp at press time. Wednesday, but important...</t>
  </si>
  <si>
    <t>                                           Amy Mallard In Humiliation By WELBORN VICTOIt JENKINS Come stand a while within (.his Crowded Courtroorr Tense with a Ilumiin Drama, now pi acceding. And view will] nip you  and Stricken Woman Swooning In Helplcwness with None to Aitl her: Denied the Benefit of one {Jinall Kindness. Or Charity of so i- "Christian People Permitted . to recover from Mental Shock, like nny Common Convict: Forgotten . her kinsmen "Frll nt Yyrcs:" Thnt others si in red the "Blazing Hell of D-Day"; For Nnughl could be Remembered at this Moment Except the Taste of Cultivated Hatred! Intimidated. Brutalized and Badgered- Held up to Biting Scorn that Clashed the Spirit-. Browbeaten there before n Hostile Jury Subjected to the Vilest Inquisition- Till vety Faint. Exhausted and Bewildered By the Inhuman Prodding of Tormentors. She Screams and Falls. Sobbing and Hysterical. And  Unconscious, to Ihr Unhiillnn-rrt Flow.</t>
  </si>
  <si>
    <t>                                           1 J Weather I Considerable cloudiness and mild, with scattered light showers.</t>
  </si>
  <si>
    <t>                                           Garvey Followers In Litigation                 NBW YORK ) 'livo . or the old Mareu.s Onrvcy movement nrc Involved In litigation over title to the . Universal African Natlonnllsl Movement. Inc., mi organization Incorporntcd under New York Stnte  Inst August. Benlnmln Gibbons, who termed himself president of the movement, filed suit in Supreme Court to  James R. Lnwson and five other Hnrlcmltcs from holding them selves out as members of the or- Knnlzntlon and operating under Its nnmc. An injunction  wns  to restrain In Lnwson and his followers from picket Ing the opening session of the United Nations 'General Assembly at Flushing Meadows but wns denied. Lnwson and his followers, however, were cited to show Cause why they should not be rest mined from using the nnmc of the . In his answer to the citation, Lnw son countered by asking the court     enjoin Gibbons from representing himself us president of the organization or using lt,s name and  to require him to account for funds which he is alleged to have collected mid Inter deposited with nn '/. known ns the Ourvcy Club.  TO NAACr NORTHAMPTON, /. A fourhundred dollar contribution to the fortieth anniversary fund of the         ) Association for the Advancement of Colored People was made this week by the Smith CollrRo Service Fund, coordinator of all the fund-raising drives on the Smith Campus.</t>
  </si>
  <si>
    <t>                                           -GRAND  COUNTRY CLUB WILL OPEN FOR BUSINESS SUNDAY, MARCH 6 Doors will open at 13:00 noon and close at dawn. Come out and swine and sway by the sweet music of The Five Kings of Rhythm Band Each and every one invited- We eater to private parties. The things you wish for will be there located at )A SPEEDWAY (Formerly Anderton's lak*) For Information call VErara 2114 WAlnut 516 ATwoad 1997 Or LAntar .9868.</t>
  </si>
  <si>
    <t>                                           U. S. Court Takes Carolina Party Membership Case For Decision                 Case Argued In Richmond April 8                 RICHMOND. Va. -~NNPA). The United K:.;it'-s Fourth Circuit Court nf Appeals took under advisement last Friday llu- question of whether the Democratic party of South Carolina can set itself up ns a private club will membership restricted to white persons only.                 The case was argued last Friday. It came before irw court of ! by officials of tho South Carolina Democratic party from a decision by Federal Judgp J. Waties Waring of the United States District Court, at Charleston, South Carolina. In a bristling opinion, Judge Waring held thai certain parly rules set up to determine the qualifier- tion of party members were design- ed solely to exclude colored voters from participation In Democratic primaries. WARING HUI.INfi Democratic primaries are     "true, realistic diction" in South Carolina and rules depriving color- td persons of their right to participate in the selection of officials are violative of the United States constitution, Judge Waring ruled. The ease taken under advisement is  of David Brown, a qualified voter of Beaufort, South Carolina, whose name was stricken in 1948 from the Democratic voting list in accordance with rules restricting membership to white Democratic who believe in the party principles and requiring every voter in the primary to swear that he believed in race segregation and was opposed to fair employment practice legislation. Brown asked the Federal court at Charleston to enjoin state and coun ty Democratic officials from enforcing the rules' which had been adopted at a State Democratic convention earlier In 1948. Judge Waring issued a temporary Injunction last July, which enabled colored voters to participate in last year s Democratic primaries, and a permanent injunction last November restraining Democratic party officials from enforcing the rules in question. CLAIM LIMIT RIGHT Attorneys for the party officials named in      suit argued last Friday that the Democratic party has a right to limit Its membership to those in sympathy with Its principles, which favor race segregation and States" rights and oppose FEPC. They claimed further that primary elections are not a part, of South Carolina's general election machinery. Another argument was that Judge Waring had not disqualified himself in the case because of personal bias. The roots of the case go back to 1944 when, upon the recommendation of Olin Johnston, who was then governor of the State, the South                 Carolina Legislature abolished nil stale laws ? the conduct o$ party primaries and left such 10Kiihiiion up to the Democratic parly itsell. This measure was designed to keep colored voters out. of the Democratic primaries.</t>
  </si>
  <si>
    <t>                                           RICHMOND, Va. --(NNPA)--The United Suites Fourth Circuit Court of Appeals took under advisement last Friday the question of whether the Democratic party of South Carolina can set itself up as a private club with membership restricted to white persons only.</t>
  </si>
  <si>
    <t>                                           li .I/\L B I ft h MM Jfc I /     ^9 MBKsSts H          turno II       WAlKtB J0~~.)Ut II       * M*de by Hirtm        Son* Inc..      , IllinolJ. 86 proof. ~^            Blended. . The   In thll   ie 4 ^^^^^^^E^H^B^P^ jtt;~   94.                  .70                  . ^^^^^P^^^^^^^^</t>
  </si>
  <si>
    <t>                                           Daughter Of Civil War Fighter Passes, Age 93                 l'.V MARK                  r '.f a .s Civil wn" fi hS'.T  ;il tilt; age Of SKt last mid iv   after li.'  J0- i i- :,'i:n:',:s of sleeping: sickness. .~.:iic!i ;ii! lily elided In her . i;  ':i Davis, who had lived at T.'Y  :. here for 38 year0  v her, in Salem. N. J.. to Mr. -ivi Mi-.. Benjamin Sullivan. Sno v.i^ ih;; youngest of seven  II rf v.liom nre . Mr-. Davis, well known  In tilth Philadelphia, operated a  fur many years. The place .as  by employes of  Refining Company and . It was here that Mrs. ;)! then Miss Sullivan, tnel her ^, Pete Davis, :i steward on t merchant ship.  AKRO.4D During those days, a steward                 could take his wife along on his trips mid Mrs. Davis went abroad several times, stopping in ports like Calcutta, Singapore, Hong Kong, Shanghai nnd Yokohama. For the first nine years of marriage, the Da vises were childless, ihen one night 55 years ' us the Elissa Bnbcock." a merchant ship lolled about in the Delaware breakwater, their first and only child was born. They named her Mable. Pete Duvis camp in from the sea for keeps and took a job with Sprecklts. He (lied 40 years ago. Mrs. Davis never remarried.</t>
  </si>
  <si>
    <t>                                           PHILADELPHIA--(ANP)-In a meeting attended by delegates representing 156 chapters from all over the country members of Zeta Phi Beta sorority, Inc., gave out scholarships, elected officers and socialized at the group's 27th annual boule here last week.</t>
  </si>
  <si>
    <t>                                           fK* NEW WRAPPER I I LOAF Fatuous for Tender Texture II</t>
  </si>
  <si>
    <t>                                           ~"E ALLEN HOTEL AND GRILL ONK OF '8  HOTELS 60 ROOM8CAFE- IN BACH ROOM-BATH 8 A ROOM 2610 W. Madison St. Louhvllle u, Kentucky Tel. CYprcss C628</t>
  </si>
  <si>
    <t>                                           About tour mouths ago I had a miracle to happen to me, and if you think that I'm spreading it on a little, when I soy, A MIRACLE, then you've never been lifted from the depths of despair and worry, as I was.</t>
  </si>
  <si>
    <t>                                           LAFF-A-DAY                 ("Yon said 1 could go to' the , and Mom  Md I couldn't. 10 t guess that leave* thr deciding      up to me."</t>
  </si>
  <si>
    <t>                                           Dr. Forrester Washington Television Speaker Tonight                 Midway Television institute of Georgia will hold Its second graduation exercises nt Shnw Temple' A M. E. Zion Church. Tuesdny evening Apr. 25, nt 8:00 P, M. The graduation address will be delivered by Dr. Forrester B. Washington, Director of Atlanta University School of Social Work. Mr. Thomas Favors, wlio maintained the highest average during the  will deliver the class erecting*. The school Is also having "Open House" to-day from 2:00 P. M. until ft:O0 P. M. The public Is Invited. I There will be a demonstration In Theatre Television. Mr. Thomas                 I Porter, a graduate of Midway Television Institute, and an Amateur 1 Rndlo Operator will demonstrate to the public the operation of an Amateur Radio Station which he built himself. Tlie members of the graduating  receiving certificates In "Radio Servicing" are: Orovcr Benjamin, William Carnes, William R. Clark, James D. Elliott, Thomas W. Wilson, ~'ohn M. Prazier, Thomas Favors, Homer Hardy, Jr., islah Harris, Lee Homer Hardy, Jr., Isaiah Harris, Lee William Johnson, Herman Lee, beon S. Martin. William McCoy, James E. O'Daye. Ralph Render. Clyde Roby, Jr., John W. Btarks, and Phillip Thomas, Jr.</t>
  </si>
  <si>
    <t>                                           IN MEMORIAM                 MIIS. LOUISE JACKSON                 MR.  JACKSON                 MKS. NANCY                  In loving  urn- departed j loved oiH s wlm p;is:.i il one year I :-.yo, March 7. Your deaths were certain and you didn't have chance to say, . A lovely star I  over t'.ip graves of our loved i ones we loved. Goodbye, but not. for. ever. May peace be to their ashes Mr. and Mrs. Arthur Brown, Mr. LeRoy Young, and Grandchildren.                 IN MEMORIAM MRS. SALI.IK ) IN LOVING MEMORY of our denr mother, Mrs. Snllic Burford, who passed away two years aco. March 7, 1047. We  you 'slowly fade nway. We could not keep you here. Wilh aching hearts we  to part with the one we loved so dear. Misse.'i Ijcna and Willie Burford. Duuglilaiv. Mr. l''r;ink Burford, Won. Mrs. Millie Holomon. Sister. Mrs. yam Biirford Berry Mrs. 1'Viiiiccs Bulord WusIiIdklon. Mrs. Lutilc Wright, Granddaughters.</t>
  </si>
  <si>
    <t>                                           WANT AD INFORMATION .....un. .~~jRS?i.st:.fl?7 ulla50     .r?!.)   CALL WALNUT 1459                 tia* lor aw ua mu"~/ *T.~"~V 11.. I  }~ SI {i.Ii                 i * {I* El</t>
  </si>
  <si>
    <t>                                           HH^B[Rr3 JET^m t JL CA JL JH. 1* C^B# ^TJ^^^-J^^^y"^^ JL M* ^~^L "Mews While WBSmmmSsmk Published Every Morning Except Mondav  s (slews" **^l*~~iS" VOLUME 21*~NUMBER 250 ATLANTA OiTGEOROIA, TUESDAY, MAY 24, T949 PRICE FIVE CENTS ^*r^_;_~__*;.^_f^_^.^!^</t>
  </si>
  <si>
    <t>                                           TO SEND AIR FORCE TO HAITI- WASHINGTON, D. C- The U. S. signs an agreement to send an Air Force Mission to Haiti to help train their army. The agree ment, similar to numerous others                 In  between the U. S. and other American Republics, was signed at the State Department by Acting Secretary ot State Robert A. Lovett (left) and Joseph D. Charles, Ambassador ot Haiti                 (INP.)</t>
  </si>
  <si>
    <t>                                           Preaching at the morning worship hour at Wheat Street Church Sunday will be its pastor, the Rev. William Holmes Borders, who hus chosen to speak from the subject, "Running By Grace." Special guests at, this service will be the members of the graduating class...</t>
  </si>
  <si>
    <t>                                           MEED SANITARY  I  LEWIS CHEMICAL CO. 704 McDanitl St. Wa. 2658 i</t>
  </si>
  <si>
    <t>                                           WADLEY, Ga. -- Mr. and Mrs. Robert P. Jordan were the dinner guests of Mr. and Mrs. Plummer on last Thursday evening.</t>
  </si>
  <si>
    <t>                                           ALBANY, Ga. -- (SNS) - Of deep interest to a host of friends through ... South Georgia is the announcement today by Mrs. Carrie Broyles of the marriage of her daughter. Carrie Ellis to Mr. Edgar J. Martin on Friday, Dec. 31. 1943.</t>
  </si>
  <si>
    <t>                                           Fulton Countians Approve Bond Issue                 A new day loomed (or Pulton County schools Tuenday whcn. approved a 5*00,000 bond issue for the construction of new schools.                 A mall turnout of voter* in 36 precincts overwhelmingly endorsed the bond  wlm 9J08B persons  to the polls. Only 1~\ voted         the  which won 4-1. A  at      was  to give t!ie Board of Education the "green light." More than 47.-J40 voters arc  in hee                 county. Practically all of he 33 prr'.t.i-ts save substantial majorities for the bond. One precinct had a 1H-I0 I tic I THANKS EXPRESSED J. C. Sheler. president of t\ui BCarcl of Educntitm. expressed the thanks of t:ie Board of  iori. for the confidence of the      ,.i Cour.ty voters Jn approving the 'j'~nd 1    . He said the Board expected    i take .\teps at an early dale t') vI ahead with the sorely-needed  program. A large portion of the bond issue I will 40 towards the construction 0! a new high school for Negroes :ind the Improving of other, schools. More than 14 new buildings -\rr         and additions will be  to 12 others. Either new schools or additions to existing ones will Inbuilt in every section of the county. The new issue will add 1 mil: to the taxpayers bill, or $1.00 per thousand of valuation. The tax digest pn which this estimate Is cal-  contains *126,000.00 of prop- 1 erty values.</t>
  </si>
  <si>
    <t>                                           A new day loomed for Fulton County schools Tuesday when voters approved a 5,000,000 bond Issue for the construction of new schools.</t>
  </si>
  <si>
    <t>                                           Here's Cure For That Pyramid' Fever Easter Monday B, R.  ProsfMils Silas Green Chorus Beauties Greatest SILAS GRttN  ^1^7 Easter Monday April 18th 8:30 P. M. City Auditorium j F i T BONE WALKER II RED "Bewildered" MILLER I I Joe LIGGINS Wynonie HARRIS llj KING COLE TRIO APRIL 27 h MAY 5th J MAY 17th i JUNE 12th</t>
  </si>
  <si>
    <t>                                           Deaths                 PORCH, Mrs. Mary Roxie of 021 Myrtle SI., passed January IS. . Air. .lumen of :i!~9 Magnolia SI., N. W..      .Inn. 10. BARTLETT. Mr. Waller of 498 Fnir St.. S. W. passed recently. DAVENPORT. Mr. Tsnac of Smyrr.n, Ga., passed at Ihn residence SHOCKLEY. Mrs. Dovlo of 48G SUmewnll St., passed at si  hospital Jan. 19. ALEXANDER. Rev. G. E. of 29!) Pme St.. N. E..  at a local      ) Jan. 19.</t>
  </si>
  <si>
    <t>                                           ASSOCIATE PASTOR--Pictured is the Rev. Taschereau Arnold. religious editor of the Atlanta Daily World, and wed known evangelist. who formerly pastored Greater Mt. Calvary Baptist Church, Commerce. Georgia, where his success as a pastor was unusual to say the</t>
  </si>
  <si>
    <t>                                           Tells of Red Plan                 A FORMER Michigan  (or the Communist party, Willinm Odcll Nowell () is shown In United States District Court. New York, where he testified nt trial of eleven U. S. Reds, charged with  overthrow of the Government. Now u Federal employee, Nowell told of Red plans to establish n separate Negro nation in the South to "facilitate" a revolution throughout the United State*.</t>
  </si>
  <si>
    <t>                                           NEW YORK--(NNPA)--One of the difficulties which beset those who fight racial segregation was well demonstrated here last Thursday by members of the cast of "Anna Lucasta" when informed that their show would be picketed during its engagement thin week at the...</t>
  </si>
  <si>
    <t>                                           WANT AD INFORMATION CALL WALNUT 1459                 Imutiou':!.'.'!:.'!!!!!!!.!!! ire mi                  IBS</t>
  </si>
  <si>
    <t>                                           The City Recreation Department will sponsor a Rope-Jumping Contest, Box Hockey Contest and a series of "self-testing" activities Friday, February 25, 1949, Washington Park at 2 P.M. In case of rain the activities will be held at Central Community Center on Mitchell St.</t>
  </si>
  <si>
    <t>                                           Alphas Hold Regional At Daytona Beach, Fla.                 MEMPlirS. ''"01111.                 (SNS)                 'flu- Southern lU gional Confer-!  of Alpha I'ht Alpha Fraternity I lone,  Bench, Pin.,                 wns held lit Uuthunc-Cookmnn ColThls year s Conference stressed the theme "Itutnuu Rights The. Tnsk nt ," unit wns presided over by IJr. Jnme.s A. Colston, President of Qeoniln Stnto College nnd newly elected Southern Vlcfi-Pmlilent ol Alphu Phi Alphn. Oilier Ndtlonnl O/ present included, Attorney Uelford V. \mv/son, Wiishlnctou, 1~. 0.,  Pi evident: Uunniu U. Drown, Ohlcngo,  Secretary; Dr,' 11. Council Trcnholm, President, Alubiimii Stuto Touchers College, Montuomery, Director of Educntlonnl Activities, mid Memphis World Editor Ia-wi s Swtnelcr, Memphis, Tonn., K(lilo]-ln-Cl)lcf  f Splilnx ,    /.liu',   of Alulin Phi Alphn.                 I President Hichard V. Moore of I Bcthune-Cookman College also took nn active part In the conference. Oilier highlights Included a special Enster message by Dr. Harry W. Roberts of Vn. State College, Petersburg; u  of welcome by Dr. Mnry McCloiui Bclhune, President.-Emerltus and founder of BoUiunc-Cookiiinn College, mid panel discussions on various aspects on the theme by Conference delegates who were present from  nil the states comprising tile Soutlieri Jurisdiction. Climax of tlie 3-day meeting way (he public program Sunday , ii t Die College Auditorium, with General President Lawson a.s featured speaker, tie also gave a radio  over one of the local stations, Sunday morning, ? the historic developments  achievements of the Fraternity over a - period. Greetings were extended by representatives of other Greek-letter Societies. A  to these greetings- was given by Editor Swingler on behalf of Alpha Phi Alpha. The social  Included an Alpha formal; a dance by the Pan Hellenic Council; a beach party, and several luncheon affairs. Next year s Southern Regional Conference will be held at State College, Ornngeburg, South Carolina, with Beta Delta Chapter as Urn official host. The General Convention will br held In Atlanta, On,, December of this year, rt will mark the first time within 12 years Alphas have held their National meeting in the deep South.,</t>
  </si>
  <si>
    <t>                                           The Stint hymn Regional Conference of Alpha Phi Alpha Fraternity lege, Daytona Beach, Fla....</t>
  </si>
  <si>
    <t>                                           %. Dura ^OWv* S4-95W!TH X-*' CASE 3 WAYS TO BUY rm^y or MAIL THIS COUPON NOW       ill ~:i,Nairn  \.l-lf 1 HI'   :.~" I I CO.li. i i ('  .\l;::i: I;.-. .M:nn-\ .nl N.iiit nf I ;t ;i!inrr ViMrcss I'lii'iir BELL JEWELRY COMPANY 205 MITCHELL STREET. S. W. Laundry And I Dry Cleaning 1 I'.oil dt ' -i' U is I In* motto of TKO I KW1S LAUNDRY I fl.; Pick-up mi Monday delivery on M .1 Hours Ser\-ice On fl^^^ TED LEWIS Launderers Cleaners 7IM McDANIEI.  WA. 2658 -UP STATIONS-: 550 FKA^ER STREET LA. 4816 552 T ATX ALL STREET. S. W. Expert tint Cleaning 407 Glenn Street, S. W.</t>
  </si>
  <si>
    <t>                                           Wilberforce Degree                 MEMPHIS, Tonr..                 (SNS)                 William H. Townsend, Jr., will receive the Bnchelor of Science Degree from Wilberforce University In June, nml will do future graduate work nt Columbia University, New York. A product of the Memphis City Schools, Mr. Townsend Is the son of Mrs. Myrtle Garner, 958 Mississippi Boulevard. Both mother and  on are members of the Metropolitan Baptist Church. Mr. Townscnd has many undergraduate attainment sand an excellent record in the College of Natural Science, student government and extra  activities at the University. He served both his junior and senior years as Biology Laboratory Assistant and has a major in Psychology and Education.</t>
  </si>
  <si>
    <t>                                           NEW ORLEANS, La. -- (SNS) -- A well-balanced Southern University Track and Field aggregation chalked up 69 1-2 points to edge Xavier in their Annual Dual Track and Field Meet staged Wednesday at Xavier Stadium. The dull Rush "tied with 57 1-2 points.</t>
  </si>
  <si>
    <t>                                           Texan Offers Vote Curb Amendment                 WASHINGTON Ti'Stilymu In sup pmt ill his resolution to nmi iul the United Stale Cunstitiitioii by . ill.-   system, lli pri M  Ed Cmsselt il)., Trx.) fici lv adin.tti d  Iho main - of his proposal w:is lo  Iho power ot  Nocro                 ITS. Wilder 1 Oosselt resolution, the present rule by which each Mate east-.     electoral votes for President and Vice-President as a unit would be revised to permit a division of ilu- electoral votes In propor1.011 tu the number of          votes cast for the respective candidates.  There arc enough Negroes in New York City, "lien voting In bloc, to determine huw the entire  vote of I he State of New York is cast." Representative Gossett charged in testifying before the House Judiciary Committee. Similarly, he charged that there are enough in Philadelphia to determine, the result of an election in the State of Pennsylvania: enough in Detroit to perhaps decide the vote of the State of Michigan: enough in Chicago to carry the Stati of Illinois." His plan, the Texan contended, would eliminate the Negro as a "-of-power" factor in presidential elections. It was because of the power of the Negro vote, he said, that both parties adopted civil rights planks in their platforms. He described  as "a dangerous and radical proposal" written into the party platforms at the behest of Negro voters. AMENDMENT .D An amendment to the Gossett resolution, proposed by the National Association for the Advancement of Colored People and Introduced by Representative Clifford R. Case (R. N. J was rejected by the House Committee in an executive session cc April a.</t>
  </si>
  <si>
    <t>                                           WASHINGTON -- Testifying in support of his resolution to amend the United States Constitution by abolishing the electoral college system, Representative Ed Gossett (D., Tex.) freely admitted that the main objective of his proposal was to curb the power of northern Negro...</t>
  </si>
  <si>
    <t>                                           MR. AND MRS. J. A. BRITAIN, of Ashby Street, well-known Atlantan, celebrated their 25th wedding anniversary with a reception and a grand family reunion on Dec. 26. Present for the occasion were all but four of the wedding party of twenty-five years ago.</t>
  </si>
  <si>
    <t>                                           To Meet Af Daytona July 31-Aug. 3                 "Chain Of States" To Bo Presented                 By Mrs. Gusto n                 MONTGOMERY. AIh -'    -, l lu. ii: -r '.v:iy lov the 1040' Mi- mi Mine; nl tin- Soulheas- li i i I'l'lcciillon cf Cdlncd Wonit'ii*. i :,i Mi \~r In Ii) ill Brlhiinc-Ciink- j in. i '- ;n Unvtonn Ilc:irh on .lu v 'II Ann M Acrorcllm; Hi  d  Mrs M. Ci. (i;:ird                 ut ,  lire-:     111" s  Al.   :     , Florida, Grornin, Mis^l* 8      ,  Carolina. Sdulli C'ardhi". Tf:in f.  ntl Viriiliil.i lire  prl to  .1 nei   of tin* ini-cl will bt; I lie  ut Mtali"." 10 tw-  Cl rfl    , .".lr:. A  l  l.i;lim of Hll'lilKiKl.aiii. i Illinium 11/ the   'Mil-  1 i-   over $125 will  1 hi; "Heitll;i I. Jolmwjii"  :          iri-;Ulent of (lie .vt.- lie- ci. d "MI-3 Kdiillii'a.." AMiilit'i Ii-Miiip will   ? tin- "St.ile      ) Owik"  uy Miv- Alln? (1. Mlrkt-lr- ci[ WPM. Pilllil Hfili'Jl. f u 1 1 l:ilc will i ~)lli'  l '  li v.lll  . uf V,hul '.s  on III LI1.1L .tali' lilt*   i I'.sUni!   e ui win 11 prl/i-. Tl NIOIt ;*         1 Tin1  program  by. Mrs. Kiilr M. Muck, of TiiskPijcc .     . will  thr work ol Ihc  women who lire !  In Dip  of Ilic fo- (Irriilrd )^. Tin- f.  presidents arc (~:j..c il In Ijp  Alsibainu. Mrs I It. C'liiiipfiiilri, Tuski'gpc In-  '. O'-'. Mrs. DoIIIr Alex- f;l)Vr, Atliillla;^MISHlS5, Mrs. V.' Williiiin:. Oak'lev: Norlh CaroIfiuli inish. 1'Jnrlinin. 1 'in j1! ia. Mrs. Muinit' Klelils T'ii-i'.vt in .'.sei'. Mr;. I'miif**1.1 i',-n:c. N'.':  Vli'KlltkH. M.s.', (! Hliaipr. Pi'tprsliurd.</t>
  </si>
  <si>
    <t>                                           MONTGOMERY, Ala. --(ANP)--Plan are under way for the 1940 ... meeting of the Southeastern Federation of Colored Womens ... to be held at Bethune-... college at Daytona Beach on July 31-Aug 3 According to information from Mrs. M. G. Gaillard...</t>
  </si>
  <si>
    <t>                                           (i M. ; Prop. MAlh 86{~7 Muggins Motors WE BUY AND SELL GOOD USED Cars, Busses Trucks 385387-389 W. Peochrroo Street, N. E. At Alexander St. ATLANTA, GA.</t>
  </si>
  <si>
    <t>                                           DAILY CROSSWORD                 1. Kpochii 3 Tropical tree 9. Stop 10. Notion 11. A napped, tanned akin 12. Holding device* 14. Sounded, a goose 16. Turkish title 17. Neuter pronoun 18. Anhlold  (Her.) 21.        22. Funcrnl pile 25. CTiln whisker 27.  cl  for coffee 29. Mflk/Iah .11). MotlirrlcAH       .t.l. Raine Mi. (' jn .17. Miiis of Junction  Hlfltfi .) 40- Charge fur  42 Tnlcntcd     A mockery  8.  Clock  SO Mnn'nnnme ai.IiMch ti i City (Nrv DOWN t flight* 2 UPRirtx                 3. Help* 4. Abrupt 8.       H. KUflD 7 Hlver (.Sib.) 8. Glrl'n nickname 11. Water  13. Rational 1C. L/,       Ing point 19. River In Chile 20. Jolly bont 23. Floor covering 24. GoridcftK of discord (Gr.)                 26. KixNiJap l 28. Born .'10. Remove,  r a hat 31. Mountain nymphs 32. Droop in the middle 34. Method or painting on ( piaster 35. The rise and fall of oceans 38 A bishop s headdress 41. Silkworm 43 Companion i (archaic)                 1           '~       44. Tllln till plait 46 Is  47 old  (archaic)                 1: _ii_ i I" i v/Zt^ 62s. ^llll in ii 4/ M I-. ""ZlMWZZ Illllfcllli I" 1"                 DAlliY (WVPTOqUOTIO- Here's how work It: A X V    Ml A A X K In I,ON V K I, I. W (nir Irtlir wmpl.v  for another In tin* example A b      the three l/n. X for llic two O's. rte. SiiiRlc Iptlrrn. . (lie length and formation of the words air all . Knell  tile code Mlor* nre different. A Cr.Yptogrum (Jiiotallon    IJ MM II T 11 J N C V 1, II J .1 C I) U M M. A T I' I. T MliXC .1 B 7. M II A IIO-DP I.X M (JG Yrslcnlii.v's Cr.            :    IS  AND BltlUIIT. ANO MY     THOUGHTS DOTH CH1SKK .</t>
  </si>
  <si>
    <t>                                           Three full choirs of approximately one hundred voices will sing in "An Easter Evening in Song," at the Providence Baptist Church 659 Larkin Street, S. W., Sunday, April 17th 1949 at 7:30 p.m. The Senior Choir. The Young People's Choir and The Youth Choir will be...</t>
  </si>
  <si>
    <t>                                           DON'T MISS IT!! TODAY! j t j FIRST ANNUAL PUNCH BOWL     *C TODAY! JAN. 1st-- 2 P. M. I TUSKEGEE HIGH VS. WASHINGTON HIGH BABY GOLDEN TIGERS BULLDOGS A0VA^ SAt* Herndon Stadium    * BIG AFTER-GAME NEW YEAR S, DANCE TONIGHT 8:00 P.M. I MAGNOLIA BALLROOM ADM. 50c I</t>
  </si>
  <si>
    <t>                                           ANDREW sighed. He felt distinctly inadequate in his present role, but he had to try to straighten out Carol's ideas if he could. He said slowly, "Everybody makes his own technique, I suppose. But I do know that for most people happiness comes when they have...</t>
  </si>
  <si>
    <t>                                           IBy7tK)MAS Jefferson FUnnagan "UL^^dl (Gone But Not Forgotten) Hold pioneer of a vanished day, Queen of an '.H race: % Thy comrades since you went away Still sve thine earnest face. The stalwarts of thy class are gone The learned early free: !j j! And you were left. her* all alc ne: The last leaf on the tree You carried on from old A. U. "ti: J That rich tradition she Laid on her hallowed sod and dew i In cherished Liberty! Looking back we .see thy tracks j Golden glittering wicks i Plowing from lamps on bended backs In the spirit of 70. 1 Atlanta's brave Alumni how "*~$ As U\e review comes down T^ ^'f'' '"r*''s r c'' "Pon  Drow. r^ Of pretty Cherry Brown. "*~V:~g?- Thomas Jefferson Flannagan</t>
  </si>
  <si>
    <t>                                           CAN BUCK-DRAUGHT HELP A LOST APPETITE? Yes.Blaelc-Draughtmayhelpalost If you an ^""*g"   j  if the only reason you have toms as Ion of appetite, headache,                     . upset stomach, flatulence, ^  UpiuEn. 6lack-       ,- .the fatigue, , mental had- friendly laxative, to usually prompt ness, bart breath and U thaa i Sd  when  J-  are due only to  It caste only a penny or less  then- see what BrtackdSii.%    why It haa been Draught ^ do f or you. Ctrt a a best-seller with four generation* package today.</t>
  </si>
  <si>
    <t>                                           The Atlanta Citywide track and field meet between Class AA high Schools will see, in action George Washington Carver, David T. Howard and Booker T. Washington thinclads this afternoon at 3:30 P. M. at Flamer Field.</t>
  </si>
  <si>
    <t>                                           Weather Showers anil mild; scattered showers in afternoon.</t>
  </si>
  <si>
    <t>                                           Civil Rights Legislation Still May Be Passed --McGrath                 Democratic Leaders Express Optimism Over Measures                 WASHINGTON (ANPi- Passive or civil rights  In this session of congress Is not lost ,  to Democratic lenders In the senate.                 i Sen. J. Howard McGruth of Rhode Island, Sen. 8cott W. Lucas or Illinois, and Sen. Hubert Hum*  of Minnesota, nil were optimistic un the passage of sonic types of civil rights .s. The greatest hope for n lnw Is  a kind or omnibus bill which would establish two civil rights . - of congressmen, n nd the  r appointed by the President. Sen. McOrntli heads the Judiciary committee which Is holding hearings on this bill. It would establish a 14 committee of seven senators and seven representatives to be known ns the joint congressional committee on  rights and a      man commission on civil rights appointed by the President. This latter committee would , nn annual report to the President. NO KNI-' I  Neltlirr of these committees would Imve nny enforcement pow- ers. They would be empowered to study the question, but no power to conduct hearings. Sen. Humphrey Is proposing a statute to .set up a civil rights commission which would have .i and hearing powers. Both this bill and the omnibus bill could have com  members chosen on n sectional basis. Tlic omnibus bill is being promoted very carefully. Supporters are (Continued on I'agc C Column 3)                 Civil Rights (Continued Troni I'ajp One) seeking approval of southern senators In advance Id order to avoid a filibuster. Speaking of tlic possibilities of civil rights bills passing, Sen. Lucas was optimistic. He sold that Ills party was determined to see  civil rights legislation succeeded. He declared. "I Intend to continue the fight for civil right* that tight has been brought* to a successful conclusion." Blaming Republicans for the failure to stop the filibuster In the senate, he said, "I hope the Republican leaders will redeem themselves In the future, and will no longer try to evade their share of the      for the enactment of this vital legislation.</t>
  </si>
  <si>
    <t>                                           WASHINGTON --(ANP -- Passage of civil rights legislation in this session of congress is not a lost cause, accenting to Democratic leaders In the senate.</t>
  </si>
  <si>
    <t>                                           W'' YC-\ 7/ /^N Now     con 9'vo rfr.ab,  gray hair look years younger W^^^k  COLOR YOUR HAIR THIS EASY WAY 3  *~~^MF HV.~:W]MJ1  and  . known and      for      JO Z^/'S Ml _~^y. Veorl- Your        will      your mon*/ back II you r* I* I. V^ I      on .   at yo ir  L_^ ^BktaalJ         or buy          at ony                     V *^P^I^^^    or *. \S^^^^" Coupon i      nly V\ dirt      on . 2\VunBlMr II       doM     havt Urltvtt,  f 1.2$ WimUbM  25  Ftd. lax        lo ^^"S^ S3- w\ Laneuse hair ^</t>
  </si>
  <si>
    <t>                                           CHAMPIONS GET LETTERS AND SWEATERS- Players on the Morris Drown College basketball i tarn were awarded letters and sweaters itt a banquet last week: The event honored the team for                 tlie -4'j SIAC tournament : ui Tuskcgce Insli-. Here they are pictured aft-cr .he presentation.  to  Put r.an Davis, G. B. Hannon, Kenneth                 Rcclci, George Muiclock, James Fircb-acc. Jmut's su-, Franklyn Aycrs, Uomilri SpciiL-c. Throdon- Benson, Eiisjem- Williains, Charlie Parkor, James Bair, ami John Clair.</t>
  </si>
  <si>
    <t>                                           CLARK HITS HIGH C"- Musicians and coeds gather around us i Aaron Cook, . readies for a high    ' to set oft rehearsals i for "The Panther Frolic'4 to be pre- j I  in Atlanta's City Auditorium, i                 February IV. Clark College Build- ins and Endowment Fund is I i;o .ity ol Hie fim---  .Oon. Croup includes:  i  '"fi. Eliiinp PiU-p. Inez j Kughpj:, Jimnitn MarshnH. Ji\ss.i-                 li., Mildred Browner. STANDING,  left. Kiod Cox, Jenif; IliiKsvll. HiffiN Tufkc'r, Cook Vir* ji i i;~ Wir .!   . Tlioma.s Howard  Mir:nvi Wnllon.</t>
  </si>
  <si>
    <t>                                           A.tld.ntd.*c^i^Bm.\^)rlcl edition ^w^y^ ~..^,v^~/LJ^ "News While Published Every Morning Except Monday i.        VOLUME 21, NUMBER 239^ ATLANTA (3), GEORGIA, WEDNESDAY, MAY 11, 1949 PBIf.P FIVE CENTS _mt ..-r i</t>
  </si>
  <si>
    <t>                                           APRIL 18th was an eventful day for Mrs. Lucy Cherry this was her birthday.</t>
  </si>
  <si>
    <t>                                           Hinton Warns Leaders Not To Lose Touch With Negro Masses                 Exhorts Atlantctns To Militant Crusade For Justice                 V. W. .KA                 Mllltnnl, crusading Jnmca M. Hlnton. South Cnrollnn NAAC1* , revealed for (Ho first time Monday night that he was  by n carload or Klnnsmen.  "you re the n r who wants to Ret colored people Into Charleston . aren't von?"                 South Cnrollnn Negroes  been urging equal educational , mul  demanded entrance Into Charleston College. Introduced by c. A. Scott ns "the man who hn.s done most to gain civic rights for Southern Negroes" nnd it "fearless, sincere, race lender," the Insurance executive Inunchcd into a vigorous, roundly  speech. He, told the Atlnntn NAACP audience, "Next time I fact; Kluns((' on 1'ago 4 Column 4)                 JHinton (Continued From I'agc Our)  or  persons, I'll  fi/sl and ask questions last" Hlulon, niin Is 11 minister,   the    strange coming from a minister 01 the gospel, bul he declared, "Oot helps those who help 1 lie advised all Negroes to lie  In protecting their homes. The NAACP head who Is tin official of the Pilgrim Insurance Company was abducted by a  ol while persons, believed to be Klaii members, on lust April 21, and carried 10 miles out from Augusta il his pajamas during n injuring  A quick  sounded over tlu I  radio station was heard    the abductors and Iliry hastily pul 1 Union out of the car. 1 ion kok ii;aiii.i;ss . Illuton declared Ilisil there I Is n Job for every   who is unafraid. Tim people win me best, filled lo do the Job ol gelling equality      the Negro, he , arc (he ones wlm do Iciisl The business and professional men nnd women, the ministers,  .s, .should provide ii militant fearless, leadership, for the Ncgrc masse*. The crusading minister stated thai "a miracle" saved his life from what he believes was tin Intended lynching. In telling hit story, he  that he was pushed out of the abductors' auto and Inlet picked up by a bus us he walked along the road in his night clothes wringing wet. It was n miracle, he believes, that he was not harmed Within one hour after he reached home safely, FBI agents were In his home to Interview him.- An NAACP secretary In Columbia Soutt: Cnrollnn had hoard the broadcast and Immediately had called NAACP attorney Thurgood Marshall In New York City who in turn notified U. S. Attorney General Tom Clark In Washington. FIJI agents hud asked the Rev. Mr. Hlnton not to disclose information about the Charleston College statement of Ills abductors for thirty days. ClUTICIZIvS I. The race leader, whose  In Atlanta was in connection with the monthly meeting of the Atlanta Chapter of the NAACP criticized Atlantans for having only 24,000 registered voters. "As great as It Is," he declared, "it is nothing  the fact that there Hie more Negroes of voting age who arc not registered." He lauded South Carolina ministers for raising $20,000 in their vote fight. He  the  lenders for not  brought, suit,  the Tnlmadgc  bill, nnd for not having backed any young people. In seeking In enter Georgia School of Technology or Die University of Georgia,  his , he reiterated, "there Is u place for a man or woman who  3 ! Cowards may go North, bul we who choose to stay here must be leady to fight lor out right s!" AUDIT KliHOLUTIONS The  chapter meet Ing uat. held In I hi' Central M. li. Church. Member.-, adopted resolutions following Rev. Minion's speech,  Congress to pass the public housing bill now under consideration: commending Attorney General Tom Clark for the Investigation Into the recent Alabama Hoggings, and askIng n .similar probe Into a corgi a lynchings and Intimidations; asking Congress to pass tin mill-lynch bill this session; and a resolution  Rich's department  on ihc constructive racial advertising policy of the store. Chairman or (lie NAACP  Monday night was Rev. It. T. Newbold. Prayer was offered by Rev. l.- a Allen, na. of. (he church,  selections were rendered by Mrs. Geraldlnc Moon, Mlso Oracle Beavers, mid Mrs I. PuJlins. Prof. c. L. Harper, President of the  chapter, gave  and nev. j.-k. . benediction.</t>
  </si>
  <si>
    <t>                                           Militant, crusading James M. Hinton, South Carolina NAACP head, revealed for the first time Monday night that he was abducted by a carload of Klansmen, because "you're the n--r who wants to get colored people into Charleston College, aren't you?"</t>
  </si>
  <si>
    <t>                                           MADAM EVA 25e SPECIAL READING 25c ^          World's ^rl '~liB^H Palmist. Ml^^^H After you  "IT^Ifll suIt a"  ~*V 1 1 ^^^D come with your \CPr!^~ ^H a n d see ft'' H *\I( mBL you oet rf;~B 4HI If you      husband or wife trouble, be sure and come at once. Office hours 9 a.m. 10 . daily and Sunday. 1015 W. Marietta St., N. W. Take the  Yards Trolley Bus. Stops at the door. NEED SANITARY SUPPLIES I CALL LEWIS CHEMICAL CO. 704 McDonlal St. Wo. 2658</t>
  </si>
  <si>
    <t>                                           I Health Of Atlanta Negroes Shows Marked { Improvements                 Tho health of Atlanta Negro citizens Is approaching the standard of whites. This fact was established Wednesday by health officials by figures showing that 1,826  of white and Negro races were examined in tho roundup and that each race averaged 36 percent defects from all causes. In the 1948 roundup a total of 2,005 students were examined. Forty-seven percent of tho Negro children had defects while only 29 percent of white   defective. A total of 541 defects were found among tho 1,477 examined for  into tho 41 elementary schools and 126 defectives out of the 349 Negro  tested for entrance to 10 Negro elementary schools.</t>
  </si>
  <si>
    <t>                                           Property Jeopardized By Lack Of Fire Protection                 KY MARION K. JACKSON                 The lack nf Negro fireman and the ' (if .IIre . outside the Ncki*u communities  placed In Jeopardy hundred: of  dollars worth of property lti the Dixie, Hills and Hunter HUM "*'"                 Prgpcrly owners In these areas arc not only fearful  the  of existing fire stations from I their homes. Inn worried about wnt- j or  mid .sufficient water pies- Mirn to combat flics. There Is only one fire  to  residents of Dixie Hills and It li located at B17 Hollywood Roitd. Centerhill. Only four fire stations, lire maintained by Fulton County Since the Atlimtn Hre Dcpnrtmcnt  docs not cross the county line to serve Fulton County. 11  fire could be n '. NEW 1).OI MENT Hundreds of new homes have gone up in Dixie Hills In the past lew years. A new development                 I Aikun Village-has Increased Uiu population .s. At the. mo- i  ])lan.s are being studied for n .s housing project in the Kiinc area. Muny Negro property owners have built, pretentious homes in this, area. Many apparently have forgotten that the Lincoln Memorial Country Club which Is located In the same area, has burned down twice in recent years because of inadequate fire protection. LEttAt.LV  Recently the E. D. Rivers School binned clown leaving several hundred school children without facilities. This dramatized the lock of adequate fire-fighting equipment in the county and the failure to loi catc fire stations in strategic areas of the county. In Atlanta, a fire station is sorely needed in the Booker T. Washing ton High School area. An All-Ne- gro unit could serve the Washing I ton Park area, the million-dollar plants of Clark. Morchousc, Morris j Brown. Snolman, as well as the At- lanta University system. i no hi:ci:nt  j At. the same time many churches j and  arc without protection. No recent survey has been made     water mains, pumps and :1Iit warning stations in       section  Hunter Hills with Dixie Hills A seventy-nine year-old woman recently lost her life at Scott's Crossing as fire swept an - eil apartment dwelling. The Fulton County Fire Department used 800 j feet of hose to reach the burning building. I Atlanta is m dire need of an All- Negro - unit. It is chare ed that fire stations are always placed outside the Negro community and when built near them nrc lo cated In borderline areas. I Likewise Fulton County could de- I  to the taxpayers in the Humor Hills and Dixie Hills area j that this needed fire protection ser- vice co-.ild be provided by members ol the Negro nice. Charleston. Louisville, and Nash- i villo. already have Negro - units. Many  cities of the South have had them since the Ci- vil War Atliuita and Fulton County should take the leadership In providing Ihlt (CuiUlnuril on Cage 6 Column 31                 Property j (Continued From Pate One) essential sen-ice by immediately appropriating funds for the building of additional fire stations and opening up  service rolls to Negro fireman, ^+t</t>
  </si>
  <si>
    <t>                                           The lack of Negro fireman and the practice of locating fire stations outside the Negro communities have placed in jeopardy hundreds of thousands dollars worth of property in the Dixie, Hills and Hunter Hills sections.</t>
  </si>
  <si>
    <t>                                           LITTLE STANDS IN WAY OF OKLA. U. ADMISSIONS                 NORMAN. Okln (NNPA1 All Mtul  In the way of I he admission or Pleven colored (students to the University of Oklahoma In the decision of the slate  of higher education,  If the requested  urc  ul Langston University.                 CVuallllcMtlon of thu students for  has   chucked. The university hits thirty-three  but Ilifi transcripts of (he oilier  have not been thoi  checked. "if Hie students nro ( they will In;  for the . .session," Or. GroiKn Ij. Cross,                 versity president, wild. All n[ l.lit* applications Imvc been turned over Id Oik state  to determine if the courses are offered at I/. CKItTII'llJATION Programs nut  at, I ji Muslim University will be certified to the University of Okliilioitui and Oklahoma A. and M. College as colored students apply for enrolment, Dr. M. A. Nasli, chancellor of the state regents for higher education, 6 ld last Monday. Nasli said the regents will not nv. u  certification of .s, but will certify them as applications are received and the fields of study outlined. "A definite decision will be reached before the enrolment deadline June 18," Dr. Cross declared. The new law stales that colored students must attend class in a different room or at a different hour. "The University has  a :  me attorney general," Dr. Cross added. rive students are  for undergraduate work, three, for work leading to a doctor s degree and 25 for muster s work. a. \V. McLniirln and Orpheritn Daniels are already attending the university. Mrs. Mary Weaver was admit ted but did not enroll because of "financial difficulties."</t>
  </si>
  <si>
    <t>                                           NORMAN, Okla -- (NNPA) -- All that stands in the way of the admission of eleven colored students to the University of Oklahoma is the decision of the slate regents of higher education, determining if the requested courses are offered at Langston University.</t>
  </si>
  <si>
    <t>                                           The Morris Brown College baseball team defeated the Morehouse College Maroon Tigers 5-3 Saturday at Herndon Stadium behind the five-hit pitching of Lefthander Richard Phillips.</t>
  </si>
  <si>
    <t>                                           Thinclads from the Atlanta colleges will leave the city today to compete in track and field meets in Alabama and Tennessee.</t>
  </si>
  <si>
    <t>                                           Housing Expediter To Authorize New Units                 WASHINGTON (INS) Housing expediter Tighe f. Woods announced today 24 decontrol actions in six stales  cling 17,985 registered remal units. i    ; new decontrol actions were the fourth of a series five to be  1i"5  week. Hit- entire series will  more Ihan 100 decontrol action-, involving about 1 40,000 rental units. Barkley.~ Scheduled. Aflacon Speech MACON, Ga. (INS) Vice-President Alben W. Bark- j ley Ihursday night telegraphed the Macon Chamber of Commerce lhat he will be unable to deliver aii address scheduled for Friday night. The vice-president ~.~ that failure of the senate lo complete action on the European Recovery legislation makes it impossible for him to leave Washington. j</t>
  </si>
  <si>
    <t>                                           U 'tl M ^f/tjP; v^V^V^'XC^^^^P*  FJ j[jj      j"  1$^;; $^t!~M^ '-':X\\ Pl^ wf^^l cutters RMiyled /IbISI H  k==~" ^#V''ir^~^ with brand now, ly8T^^ WS^y;;/ri'^''^m ^Mw^f- \~"::*T\'T -(y^^'r^t ;}^l^Wim bunt- in convent- III u III v ^Mr^''-^'-'? -~TWX ~?~~$''$'* 'C ;~l v'-^ ^% -?^'l/s ^^^^WS^^S     ' Powoml b y llj I         cook better because they ^V'; ~\1 I Ij Ifw* ^f,1 fell i^{ f'^'^'hAm^M ^^^^^^Jv -;'i ill have exclusive Concentrator burners. 6 mod- Y^^WJJ, I K v P# a \S wL lC rr.vV^^~$ ^"^^^^~^^^^~K  Ih  from apartment .size to big, divid- V$*  ./. M g^ 1 M f# t-t^wS ELECTRIC RANGES . mo y,~~ i .iii^. jf-c .-%', ,V, -M A I ^s r '^~~m( models  2 completely  ranges Dolivorod for as little as $11.00 DOWN p V 7~\ f;iiV /f?~ I  V ^?,-fV^^ featuring 'Tailored I feat" and Tele-Switch      ^^~'~i:~^y^'-r,y\-^~^-'-^^      - "=-' -i'--~ p^ ^^^^^i^^*^^ Donveredforosli,,loas$29.00,DOWN,; WATER HEATERS ] T^J $??  i^'^^   ?~~~;;?' ^^Vl H^^'^^r^' W r-r7. -~  and tai.ie-to,, designs. M, ~^,;0,^cV^ il^ee ^^ff :fc^ WX^il.^ -another :No,   -    1 1  ~^^~:H:^i#*^vip!W?iW^M^o^fe^Yi#^^W^^ l   ^ Delivered for as little as if^^' V'    xi$*--Wk _Bl W-... W ^1 $8.78 DOWN ^!^^"^'^^" AA  P WASHERS Tf'^, lK_A_BHfl0Bi  4!^*V ^r*^ I_f%^- M^ml  f3^l^ You can Avash 9 pounds of   jn 7 1^ B% All fP II Ui'fkMii. minutes with a Norge washer. See  ( ^^^^^^^.^~ V^-1' ^A  t tf^tf^H H It IIVJbI ^iX^'m washing action up-down-ari d-? 'link- ItKA g^ ~%Plr 1^ %?*M type transmission; balloon-roll wringer"; -anti-; (j^^^^^^^^^^^^^l^^^^^ f ^%t% j\ #\f     i^"1" i K 05^ e'^^' Delivered for os little $10,60 DOWN ^her^ 5^^^V" -'v" ft* *H" ^"V "'ll^f \_Lj!-X^i_J^'3    ^t  WBIhI^^^j^H^ The new N^^^Wnshc^ KBP}^ -^^^^^^ktm^^i HOME HEATERS -vY:'?- r':l  s' needs. It lets you wash, triple-rinse MHmJSifc^ ""'/% ^^^WM1 5 models any one of which will complement-" ~"~'~A. and fluff-dry over 18 pounds of clothes at one ^^- '  v-K^*?     ^\, v ~-U l %$!$m room appearance. Use leas oil;, r. .e time, automatically. Takes up no more floor space        3*^ Jkm^^Xm^wk hf*tl l2'?^ to x?5'000 BTU's per hour. Buy j^,,, Installed for only $34.00 DOWN l^***, "r.^ K!*f,^LZ'j.-^Lt --~~-*J.~-  '--~</t>
  </si>
  <si>
    <t>                                           SfW^^^^W Sawnqs on to You f -M if I I^M^''' '^^H^^^^X 2 OLD MAMMY CONDENSED CHICKEN I 4C^~fc ^'/'-^P^^^S^Sf SOUP No-2 10 c I ^^^^^^H W^'w^^^mili STOKElY CAT5UP )4Oz Bot *7* V ^^j^^^^^^^^^^^~^^^^^^^ j KRAFT * ot i.i 59* ip PlPI Zhfal^IuJr hbp^w w T ^L j KRISPY cracks ?}  . pk9 15p  p Ilil GIANT SIZE 24-OZ. SANDWICH LOAF 18c 1  No 2 Ift^ B 4 JrJb*Bl9 Can JliW   P 1/ n.vi t.o ion i - our kidk Bz%% Wzljzm SSG'gWlSBJT BS*r8BC1 Lb    '13C "N. hoi  ould   ^p ^^S s^.i s.. ^K.^vmi-o.. X ufc MARGARINE 41c IMi Crcacked Wheat lo,,, 15c Jnfe H %%%gfi ('~ii.~i:i.n-s I AVoitlii-oric : A ^mJS WORTHERWf 3 Rolu 25c {^P KffliSlW Btettd 18 L^1 1^0 I         ^  CKl:AM OK 'I-OMATO ^P  MM  c.ir.s!: on ::-    or I   ^V^  SOUP 2 C.nt 25C ^H Round Rye     16e I WAfll """1"^ n m* V .M.....V MA,,.S,,N  TO  RY"KRISP  Ox. Pk9 2jC   p AH jj^esh r Koills 1S* f,,,^!^ w     9 mm SSttsntowarfflear buns 8-oz .Pk,i5c  ^~i1'"^5 ^a^^ Ewry     ^p ^H     'f$9 Whm You Shop The Colonial Wuy- wB ^^yg^^aLy     f Ifa i il^Hii i fi^   i S^ eve brand cleansing m%; M Sun,,, IProsso'l an*        I J S U E S M J- JeweU Famous W. Ga. Ftyers u. 61c I A LOW. LOW PRICE! 150 ZmW MM wL  BEET 45  f  ;t 31 c p CHUCK roast 49* 1 waffle mix  r 27*  1 f PORK RO/12T 55 PUrE  33 i A  BEET 27  I PRESERVES Z 39C ^^41 AUMOi:ifS  BRAND JP%~V i-      ! g SLICED b^cqn 49  sss^ ,,.,ta ^w  I     "      Seafoods K SAUCE 2 No 2 c.n. 29c 4 tk0(V Naturally Tender Sirloin ...\m,h IS i.abu:   :      3.Lbf. V#5 ^^0 err UK mackerel Lb 35c v PEiIS 2  -2  -~~ 1^     STEAK LLb-35c -OjPVb19c amours m W*m Coloni.1 P.ide I Winfiw     'ty ROE SHAD Lb 33c  IT MIX VIlFFT WxP WM foe ABC ''K'"1" I BISQUICK 40-oz. 49c   p u.. 69 b OJ FILLETS Lb. 33c ggg; Cw. 29c no.. 45^ ^^^f^^H MARGARINE i m COCKTAIL E^pl .r-v.rJS,   fi iin TEA Cbeen Cabbace^~ ^P PRICE! on. JV I I FIRM HEADS *m W_ ^p   I OLD-FASHIONED *T 9 " 3 Lb. 13c ^JT^    ? CHOCOLATE       jic B %Nry i;m.:N.lo,pE,, SIAJbAV JH^ mm  beef stew 2.0.0, 63c m ?iSc.   15c 2^. 19C uM wmm m0^M%0m^   -b s W$ VAIMBVArC Lh 21r ^K^ Wm el 23 ^CELERY 2 Stks t3c    0 til w PAtMOLIVE 2b-~.,25c Jg .so. ...ako  BCAl^S ~^p t.de-s in- Piiuiouvc 2 17c POTATOES     35c 22c W '~; mm "llll; su :fA A# mixed choice  i ^Kl ^P iil 1. p G soap B" 8t m Gladiolus Bulbs fancy  M A A#  p^ 23c Pko ol 25    - i AJrI'llEa WS ^P 30  .L9..PH 29c "^HfcW .Jib*/ Jm</t>
  </si>
  <si>
    <t>                                           Deaths                 CARTER. Mr Riifu.; Lot- G77 Smith SI.. S. W.. died April IB HARRIS. Mr. Wl'.lii- of 180 Mildred .St.. S. W.. p.-i.ssed April !G at l-lu; Vrl'.Tali.s Hospital. Tllj-kcuv'1. Alabama SIMS. Mr Ocnii'KC Casey, of 807 Hunt n- Hi.. N. W..  April I(~. GARVIN. Mi-. Kn:rl  April 17. PHILLIPS. Mr. Henry, of 349 New-  K)rf til.. N. W.. died   )til !7 Mi COY. Mrs. Martilii. of 249 AMiby Ki... S W. died April 17. BI.. Mr. Yriunt! W..   I I..i. fi;i pii.s-ird April 17</t>
  </si>
  <si>
    <t>                                           YOUNG ..IKT AT JKI't'KHKON CITY, Mo. Htmli'lUs from Hi IiIkIi M'li'jul.s hi Mx si: nl '( tin- [ annual Inter.                 .'.1 Press Workshop ut I,tn- f.' UnivtM.'-lly i.Mo.i Srliool of J.  ( llt  Week, M:iy  llic IntcrhclioUislic I                 Press Association and elected IsaLclli- IiViurln second from light, j second row), Junior, Hooscvelt, lilt;h i  U;uy, Iiuliiina president. I</t>
  </si>
  <si>
    <t>                                           Tuesday Wednesday The BARON 252 FORREST AVENUE, N. E. Summer SPECIAL Ice Cold DRAFT BEER He A     AHi A  L'~~t i 1 40 ft 6s!.</t>
  </si>
  <si>
    <t>                                           The dull and gloomy surroundings of the bleak, ramshackled cabin were brightened a bit by the warm glow coming from the two little wood chunks which blazed in the open fireplace around which the little Ingram brood was hovering when unexpectedly visited by four women from the National Committee to Free the Ingram family.</t>
  </si>
  <si>
    <t>                                           i^et^u^ ITCHING. St/m/     i^^^a^ ^^~^   J^^^^L ^nte^M^ ^^^^k^^J^^H^^^^. -bumps (blackheads), acne, pimples, eczema ^^v^ GENUINE 1 simple ringworm and ugly broken out skin ^-~~~~(~Bl M h I  caused. .Black and White Ointment is   1 ~,Tfl VaNdMIHITFI soothing and antiseptic, \ aids in healing. ^JWL\  ^ a* 1W II I B LI So.why suffer such discomfort any. longer ,with- ^   7. t., dut.Help. Why be miserable yourself and ^~ ashamed to.bq around others. You can got renl T m 6 relief like thousands of  people" have! Yes, ^^j^1 begin using Black' arid! White Ointment today. T^"l"lllll'\ 25c, 60c and $ s.v   6 sUre that you buy the F6   *~n cle,a.n.1/"? bee..lui* pne end only BW and. White Qintmwt today.            and  skin     .</t>
  </si>
  <si>
    <t>                                           \ NOW! t f* A M AITOHl) KOR  OK PEFECT8 HOLLYWOOD BTyi.K Ilrgnnllen Of Age, Type Of Skin Or ITi- Hlrraiiihc* N'oncit AKercd I I.lpl Thinned. Kncrn Lifted Ream, Wrinkle* Itomnvcrf.... Hot Ilrllln fie. moved In Amazingly Short Tim*    (~ Ilcduccl... For Further Information Writ* 600 W. 13B Bl. New York 81. N. Y.</t>
  </si>
  <si>
    <t>                                           CLOPTON, Roxana (Mother), of 850 West End Ave., S. W.</t>
  </si>
  <si>
    <t>                                           FUNERALS                 COSBY, Mrs. Lizzie passed at the residence April 8, 1649. Funeral will be announced later. Hanley Co., Bell Street.</t>
  </si>
  <si>
    <t>                                           NEW YORK, N. Y. - The Sugar Ray Robinson-Kid GeldInn fight June 17 at the Polo Grounds has been virtually canceled as a result of n television war between fight manap,ers and Madison Square Gar den.</t>
  </si>
  <si>
    <t>                                           NEW YORK, May 5 -- Commissioner A. B. Chandler's statement that Manager Leo Durocher was summarily suspended because of the "possibility further incidents" was today termed a "grave reflection on Negro American baseball fans" by Walter White, NAACP...</t>
  </si>
  <si>
    <t>                                           The State Committee of the Peoples Progressive Party of Georgia, Larkin Marshall, Macon, and Rev. C. T. Pratt, Dalton, Co-Chairman, Saturday issued the following statement on the April 5 tax referendum...</t>
  </si>
  <si>
    <t>                                           NASHVILLE, Tennessee, March 17, 1949. March 17 marked the birthday of the lady from Chattanooga whose name will go down in history along stile of such great figures as Harriet Tubman, Nora Gordon, Mary Church Terrell, Mary McLeod Bethune and many other Negro...</t>
  </si>
  <si>
    <t>                                           Jackson Writes About NNPA Convention                 II V  JACKSON                 WASH1NOTON, D. C. -(SNSlWoiild you bo Interested In a few convention notes picked up while tills writer  the  oi the NNPA convention hero.. Few or women journalists were in  There was n  full off in publishers from the                 Dec]) South ..Alabama was represented by only ono  EimiieU King, son of the Rev. D. King Was spotted here. He said Hint he was .studying engineering at How nrd University Mince Jones, a   employee, w aved from his mito ns he passed convention  nt Carver Hnll..Brenkfn.st last Sunday morning with Earl mul Odell Roper Pulton D. Matthews and his wife, Ada threw hand shakes at a Saturday night get-to-gether at the home of Mrs. Addye Crump Stlnnctte.... Addye onoe worked for the Blnnlnghaht World.. Or. Ralph J. Bunche was unable to attend the annual NNPA banquet when weather conditions prevented the  in which he wns riding from landing His wife telephoned about this from New York during the banquet. Or. Bunche sent two telegrams explaining the incident. Ono was due to be delivered the night of the banquet and the other the next day. He Indicated that he had big story  Jim Crow encountered by him at Raleigh. N. C, was his plane was finally grounded Lynching and Kluxcry In the South have been the subject of almos* every conversation. One from Alabama or Oeorgla Is constant In demand to "tell us about It" In these two states Washington and                 New York newspapers  featured .su  demonstrations with screaming headlines and gruesome pictures telling of the horrors of the South.. Walter White. June 19 In the Sunclny Herald Trl- bune, hns written a blistering article on  subject. Moss Hylcs Kcndrlx, one of the founders and original sponsors of Negro Press Week, is here in the Nation's Capitnl working with NEA and promoting two radio programs together with doing occasional   writings. Bernard Milton Jones, another of the NPW founders Is pastoring In Texas and V. Trcnlon Tubbs, formerly with tho AfroAmerican, the third member. Is recuperating from tuberculosis in Arizona, Kendrlx . Negro Newspaper Week was first sponsored by Delta Phi Delta a journalistic fraternity which sprung (Continued on Page 3 Column C)                 Jackson (Continued From Page One) up In 1937. nnd hns now Just  become Innctlvc. Delta Phi Dcltn started the  of Negro Newspaper Week, according to Hcndrlx, hi 1930. The NNPA took It over in 1042 nnd began to promote il In 104-1. Kendrlx promoted It, he says, In 1343. The project wns  In (ho hands of Ernie Johnson, a public relations counsel In 1949. Kenrirlx wns due In Atlnntn today to deliver n ,        before the  meeting of the PTA  convenes nt Morris Brown College, Atlanta, On. Sunday morning I listened to n  sermon by the . Smallwood E. Wllllnms, pastor of the Bible Wny Church. His message wns n mixture or civil rights  and Christian teachings. He boasts that he started on a street corner and used a fire plug for his pulpit. He Is understood to have the largest radio audience of any other air minister. It Is said that his gospel program wns      )cd by one Washington  station because It disturbed the thinking of too many of Jim Crow status powers Hint be. His church Is Interracial. He Is heard over Station WOOP. I am told  he owns considerable stock In this . He Is   to own n beautiful bench-side . a yacht nnd n mansion. I had an opportunity to see his church.</t>
  </si>
  <si>
    <t>                                           WASHINGTON, D. C. -(SNS)- Would you be interested in a few convention notes picked up while this writer attended the meeting of the NNPA convention here.. Fewer women Journalists were in attendance....There was a noticeable fall off in publishers from the...</t>
  </si>
  <si>
    <t>                                           Easter Sunday was celebrated highly at our Church Sunday morning at 6 a. m. We had Sunrise Service with a wonderful sermon by the pastor. At 9:30 a.m. Sunday School hour. At 11 o'clock morning worship, sermon by the pastor. At 3 p. m. the Sunday School...</t>
  </si>
  <si>
    <t>                                           FIVE DIE IN CANADIAN MINE RIOTS                 rWO WRECKED  CARS (top) bare mule testimony to the Merce struggle lhat ensued tn Asbestos. Canada, when 200 police sent by the Government to ,ake over the town, fought a pitched battle with sinking Johns Manvllle Co.. employees. Five miners were killed and 180 placed ,,     arrest before the police finally took over Below, special police                 "Wcort"  striking miners. ^International 5          )                 i^^^Hi</t>
  </si>
  <si>
    <t>                                           Move To Reconsider Klan Bill Killed By 79 To 31 Vote                 In ;i desperation move to unmask the infamous Ku Ktux Klan of Georgia. Rep. John Oreer, of Lan- u-r. one of the authors of the Ku Klux Klnn bill saw the  ol      fade into nothingness ;\v the House voted 79 10 31 Friday :~.ot to reconsider the measure. The Hoiu-r Thursday voted to table tho bill indefinitely, but as the body convened Friday. Representative Greer  d thin it be reconsidered The House refused, thereby definite- 1 ly  the bill for the remainder of this session. The measure prohibited the wear- w.f of masks and hoods on streets, i highways and other public ways, j and banned meetings, demonstra- 1 . and exhibits on private pro- I perty without the permission of the owner. Although it did not mention the KKK by name. It Is generally believed to be designed to hit the I un-American KKK whose main tenets, are upholding white supremacy, protecting pure white womanhood, maintaining racial segregation, states rights, racial purity and opposing foreign immigration except pure white.</t>
  </si>
  <si>
    <t>                                           Salisbury Police Seek "Shoot-Run" Motorist                 SALISBURY, N. C. Salisbury police are hunting for a "shoot and run" motorist who shot a  Negro girl in the ley Friday. The girl and her companion said they were playing near  Salisbury-Moresville Highway when the sniper drove past in a pickup truck. The  told Deputy Sheriff Lee Hill that tho driver of iho truck shouted to its other occupants: "Wolch mo shoot into those kids and scare them."</t>
  </si>
  <si>
    <t>                                           LONGER KAiR Uio HY-  and TAR HAIR POMAOt. It li an Aid lor , thin, BroaklVig-aff Hair and Itchy .  or Manay Back. Ily-Beaulo Hair Droning. 3   Hr- Pronlng Oil 33 C Hy.~~ou!o Skin  lie Hy.~~    Holf JUK JOt     Mod and Woman Any Ih(~~       fond $~.2O A9*nl* Wanfod HY- CHIMICAl COMPANY i IN Un     . L       iu^J.       i</t>
  </si>
  <si>
    <t>                                           s i;\   :n i\ ms fields Acting Ciwiinnnn, Division of Hnsic Sciences ili' ^^MkSI^^^^P^BI nnd Profossorof Biochemistry, Mchnrry Mod-  V ^BBBBanBilnPgfill  tiX ITS MKLnzfflgh       -COLAl f^) Iffij^tu Far out- of the rest for quality     a \f^^^^ I M^slJ nnd ~~'~~-     'a Pepei-Cola! ExtraI *2, l^lJl**' \l^H Ml^l 1 ^^^3  Pepsi gives you two full I ^TS" A*~m5^  ilia I 5***vo*~ glasses in tho big, BIG - 1 lil'^^ lim ini Sp^Hfey ! Yot, there s no finer cola at 1 in then* (     hr IjlHI   *JdM ony price! Take home a carton 1 ^~un!lr-^        * ^SS^^           m 8UB8</t>
  </si>
  <si>
    <t>                                           The Eyes Of The Lord Are On The Just (Raprint by ANP from (life Mnrch i*~ue of "The. Sign" it Catholic' ^Me, published  n Ui)ioo CUy, 'N. J., By the Pftftftionist Fathers) If Ma^ hm( (~een of  (now Would Christ have looked on her with scorn? No, not my Lord lie  for llie -skinned too Kiii-h lash; Bach thorn. Ami if u  Vori'.      I'ffcreil Him u vcM Would He Iwve left It       7 No,  Lord 7" lie weighs not . 1ml tlip soul And ^ tht vo. 1 y T And when the Host 's -d     .t of 1*1 nek Does Heaven  nml '.lot adore? No. well it Allows A priest; though dink, hac chunked the  And God Is  as oner .</t>
  </si>
  <si>
    <t>                                           ~~}'~ ~'      i ~"1   l*',A will,    ilh       l,jl.,l to (KrKlMI lr,     -Ilk mt^iI^nij^o.  in      J f^Jvl^ tl. J---I/ Jr.. HlM 'Ti1:, j:?:;l Cf VStO'S u,    il (. in4  h(,l       n,     nh       .l Tall C:in Sardines. 2 for 25C 2  )/. Wilson Tripe 39C   Mayonnaise 35C EGGS Doz. 39C I'rlild or Allmny SAUSAGE Lb. 29 Ulark lyr.l PEAS Lb. 9C RICE.. 2 for 25C No. 2 Graiiofruit Juice 3 for 25C I'ltll III. Sued SYRUP 2 io[25c 20 Tall Cm "Hllff'S Vejr.Soup2 lor 25  No. I (ihi Scott Hominy 5  No. Can Morris  Okra 9  ll.li. Nl'MAll) OLEO 23C U()/. HUNTS CATSUP. 2 for 25C lull Can SALMON. 39C \o."2Vi"        .I.'S PEACHES. .21C AUNT JKM IMA GRITS 2 for 29C 1 lib. Csn Hl'KlTS Pork Beans 9C MEAL 5Lbs 25  My-T-Puro Flour 10 Lbs 89  25 Lbs S219</t>
  </si>
  <si>
    <t>                                           Chicago Sisters Who Attacked Principal, Fined $125 And Costs                 _(ANP)- The two sisters who attacked th0  and b teacher at the DSugtasX mentary school herb last week because their brother Norman OhlldES1 .1' Wnl            suspended iron tho school were lined $126 and  Jury court. TJie Judge          y?.img W0 '"'Bht.be put under police supervision for a  or moro. Mrs. Junnlla , 24, was fined $25 and her sister, Bernadctte Chlldrcss, 18,  100. Tho charges  Ilio , Mrs. Anna Child ross,  dismissed for lack of  of Intent. Norman, seventh grade pupil, wns placed under supervision of Juvcnllo authorities. The teacher and principal Involved were Mrs. Lillian Smith nnd Fonrose R. Llddcll, respectively.</t>
  </si>
  <si>
    <t>                                           K Bfflt.~!lig*B?   *'*~:1!' ~*-~fP*~lJ.1f?TT' T." WPf!  MAIttl. KNK1I1T Slstrr Itasrttu         . ^l:til:         ' Knlglit, Atlanta's nun Juaiiltu ..  Itcrording Star.  iui-st Stiir. plus On1 Mclctonr Cins))i-I SliiRers  (lit- Slur     )I Spiritual Sin/jeo In  Kf^al sl   pri  Athiut.i, TucsUiiy  April 12. s::in i'. m. ut mi: t:lTY Al'DITOUlll.M. Advance $1.25 at Box $1.50 Tlckfls on . now usual  A It. H. I1KAMON I'r.-- .</t>
  </si>
  <si>
    <t>                                           NEED SANITARY SUPPLIES CAM. LEWIS CHEMICAL CO. 704 McDartltl St. Wo. 2690</t>
  </si>
  <si>
    <t>                                           ST. LOUIS--(INS)--The St. Louis Cardinals put together a four-run seventh inning Thursday to break a tie and beat the Brooklyn Dodgers 6-2 before 28,807 fans.</t>
  </si>
  <si>
    <t>                                           The New York Cubans defeated the Louisville Buckeyes 12-1 Sunday at Ponce De Leon behind Pat Scantlebury who limited the losers to 8-hits in going the route.</t>
  </si>
  <si>
    <t>                                           Cleveland 001 100 000 2-0-0 Washington 000 100 012 4-8-2 I'niilxli, Lemon 8 mui Ilrgnn Harris, Scarborough 0 and Wclgrl, Evans. -Clcve Gordon 4th; Wash Coau 9th (1 on). Winning Vltclier-Bcarborough  -l..</t>
  </si>
  <si>
    <t>                                           Louisville U. Student Council Opens To Negroes                 LOUISVUiE. Ky. (A N P) The university of Louisville Student Council took an unprecedented move' here Friday when it admitted to membership the Louisville Negro Municipal college. According to Max SpJcJer, council president, the college will have four representatives on the body, all with voting privileges.</t>
  </si>
  <si>
    <t>                                           IN MEMORIAM                 In ~.:u\  (if Slilrlny Byrcl I  piis. away April -19, 1047. "((iiir Inn. nor forgone)!." j MM. ANC) MRS. I.. H. BYnH AM-~ FAMILY.</t>
  </si>
  <si>
    <t>                                           Atlanfa^^fe World Membewj 8N8^NNPA--ANP-4lNB w. A. Scott n,                  , Anf 5, 1R8,    . T, UU Vtuded An*. 6, 1928} Beeaine Dally March II, 1TO Telephone! WAlnnt M9 UM Entered in Pott OMIce at Atlanta  3~. Oa, at second  mall under the Act of OongTeM, ^arch 13, 1878 O.A. Editor  nd Qenentl       ti ~^M 8 BATE8 BT MAIL* DaUn 1 Tear- ~!2.00  6 Month*-~6.50t       -SjM Saturday Onlyi 1 Tear- 14.50 1 6 Montli*-  2    Oaaadat Year- 15^0; 6 Month*-~3JJ5; Porelfnt 1 Year-  7M m             RaUi By Carrier- 8Se Weekly THE  DAILY WOULD U an Independent newspaper,  and non-, printing news absolutely  and sup porting those things It believes to be to the InUreat ol Its readers ann opposing those things against the Interest of Ita readers. TOE WORLD expressly repudiates responsibility for return of . j JlSjures, manuscripts, etc.,         are sent. Address ALL COM  to and make CHECKS payable to ATLANTA DAILY WOniiO, rather than to Individuals. THE RIGHT TO VOTE Thy  to vote  he open to all our citizens Irrespective of face, color, or creed- without Us or artificial restrictions of any kind. The sooner we ret to that basis of political , the better it will tn I     (he country u a whole." -FRANKLIN D. . 1 I</t>
  </si>
  <si>
    <t>                                           Cancer is a curable disease if it in treated early. While still a localized growth, it may be removed surgically or destroyed with radium or X-ray. If however, it is permitted to grow and invade neighboring tissues, treatment becomes increasingly difficult. Successful therapy...</t>
  </si>
  <si>
    <t>                                           Asiinv "Oircen Dolphin Street"  l*   TURNEIl Van ' eighty-one HrOII.CRS" with . WAYNE DICK TRACY  "~.   " Will! JO1I.V  NK "IIH K  " II A It 1,1- M "VT. i\P.\" with JOHN  LINCOLN  MAItNKXK" "AI)VKNTUItKs'"6p HII.VF.RADO" KOVAL. I. KICItM " Wllll   alia SKA IKU1NDH 1)        (i  TRAIL" ROYAL        )</t>
  </si>
  <si>
    <t>                                           Top recognition in clothes designing was accorded Mrs. T. M (Dorothy) Alexander, at a recent Fashion Conference held in the Sky Room of Hotel Theresa, New York City.</t>
  </si>
  <si>
    <t>                                           WASHINGTON--(INS)--Franklin D. Roosevelt Jr., officialy became a member of Congress Tuesday and lost on time in visiting the White House to pledge support of President Truman's entire legislative program.</t>
  </si>
  <si>
    <t>                                           Late News In Brief                 Tax Repeal On Oleomargarine Indicated                 WASHINGTON (INS) House  test vote indicates approval of legislation  Federal Taxes oh Oleomargarine. =</t>
  </si>
  <si>
    <t>                                           -Do you suffer distress from v  WEAKNESS With IU Nervous, t a.,. jJ9 i Highstrung Feelings? ^^    3B      ? Dom It make jou feel ^RSiiiMMk-'M^M . cranky. . weak, a T2t4FP^m$ESmmB bit moody-  t such times? Then to ^S^l^VvpBVnF try Lydte E. PlnUuim's Vegetable \r2E^~m^LX,'^'Mr a Compound to  such  ymp- W*?*P^^^X^~iiM torn* I Women by the  \'Tft2S2^^^^?!l^B^ Have reported  . /^~~^BSiei^^H^te Plnkham's Compound ta  bat //i^BWBEBl'mBI Doctors call a  . Mfc^Si^W has a grand soothing  on     i^H^^^(B@^HnWE^^H Ta^^g^y-^SSa^.01^: f^^^P^nHI pound  build up           I                   .              I C/    . jSr"~   '" .l All . I *"8B Of Llf "7 Monthly Female Pains SSH^f'/fe Plnkfcam'a Ootnpound la   a A,/        ?,   *~-     to  monthly I  ucfc    ?~['~~~uSd T.^-^lur %l cramp*, headache,         . /oi- Mi!j'2'~            '7 -when due to  tune- l^___j"~ t"~PQBc /     ? I  monthly . I</t>
  </si>
  <si>
    <t>                                           New Double Duty Jable" Water Heater                 CHICAGO- Ice  and hot water do not mix- yet Mrs. Patricia Andrew* is happily serving  favorite dessert from the double-duty electric  heater Installed as a work surface to  efficient use of space. Hotpoint engineers have designed the new heater so that its cabinet and working surface, built into her streamlined  kitchen, remains at room temperature. Builders acclaim this type of modern space savins; equipment as step toward housing economy. i^__</t>
  </si>
  <si>
    <t>                                           %~r?=l'M FREE Of THE 8/=F ~^^~   !W DO If! LAUNDRY and DRY CLEANING SERVICE WE      UP AND DELIVER PROMPTLY 8-HOUR SERVICE ON WET WASH EXPERT HAT  TED LEWIS LAUNDERERS CLEANERS 704 McDanlel Streef WA. 2651 5S0 Frat  r Strapl U. 481 6 552 Talndll Street, S. W. 407 OUnn Street, S. W.</t>
  </si>
  <si>
    <t>                                           MADISON                 A1ADISON. O;i. The Moon- llah! Heavenly  buys I rendered :i program at Clarke I Chnpi'l fi. 'Church .Sunday, J   ) by Mrs. Alene Mnilin. I i Mr. : Mrs. Culeman and daut-h lor. spi iii .Sunday with Mrs. Alene Mar! in. Mrs. Klolse CopelniKl  March HI Kunrriil was  it I t lie i Holliiml Spring Churrli. I</t>
  </si>
  <si>
    <t>                                           '^^^lo make a supper si^er Jg3BBB%$ serve real southern biscuits made with WHITE LID Mill! He's so proud, he wants to bring all his friends . f-iAnd     meal is company-fare when  are '~PHmMmEfl^frr golden-brown , made quick, and easy and i-T^SS^t r oh-so-good with White Lily Flour. Good cook-- on /^M/ White Lily. The dependable uniformity menu-. -ii .1 ^J^J^^p/~~ success. And it is enriched for extra nourish^, -i.          , /W if z4~^M PI"!" or ENRICHED TO OWE 6-WAY ISOVliiSU ME'iT '^~B*~j% #f self-rising ^^^ ,^^t^L c"fl 0Cl n1'"- (more or less) I . salt ^H^SijB^ ^^P^^^^ Sift dry ingredients with flour, mix in  , add sweet milk ^JH^^\ ^^0vS^ ar"^ ma ce '    ^irm l - Knead until smooth :md rather stitT. ^k '^~Kt^^P using  flour if necessary. Roll out U inch thick, cut with small ^^ElP^^ cutter. Stick several times with fork. Place on baking sheet, leaving space so sides will brown, bake in quick oven until brown. J. AllIN  COMPANY, KNOXVIlli, TINNISSIt- M  of llic South's finest Soft Wheat Flour</t>
  </si>
  <si>
    <t>                                           Virginian Accused Of Killing 4                 UAMIjKT, N. C.-(ANP)- James1 DIkks, who Is l){ widely sought on ;i triple murder charge In Norfolk and another of shooting n  Tuesday of last week was (it I II eluding Ills searchers on Friday afternoon. June 3. Though a wide dragnet had  set for the outlawed man from Norfolk, officers were completely at a loss to pick up any valuable clues us to his whereabouts The :ili--old Norfolk Negro, who had  working at the Navy yard as a truck driver, Is wanted In connection with the fatal shooting of his wife, Mrs. Ruth DIbks, 35, and their two sons, James Jr., six ami A.fonso, four on May 27. The Ktinmnn shot Patroi'man Bex A. IIowoll, 20, In the mouth on Tuesday, May III, when the latter sought to  him on the Norfolk triple Klayliif:. There was no definite word where the mimed man was as late as Frl- day   there had been two reports Uurltif! the week  Kent  -.s on nn Investigation In widely          (l .s. None of the tips  any results.</t>
  </si>
  <si>
    <t>                                           WANT AD INFORMATION u % Cn  RMOiifnoluilfled M count             ~*  * m*     . CALL WALNUT 1459 ASK FOB CLA8 AD DtrABTHBTT      1     4 nu*        to all   Initial a *. uai for  *oa BundftT InHriloiu: v.                 FliMrBsB l*c                          Intertlaai    B*~ 1  UiiritoM IH wn</t>
  </si>
  <si>
    <t>                                           Born To Mr. Mrs.: .1.  l Nasli,  HI  Oleft\-.fSi{.~..fe, ;W.. Diiifg'filer, KnthPrlifc. PJ. Moore. Jr., 885 Ashby. Circle, Son,  ., III. ,I! U Dyer/ 702 Jot I, SI,., K W.. Boil, Joliii Ptanklln. A J. HH1. -Jr.. 881 Dnimrnpml ni-., Soii', Kurt Anthony. It-. O.'Maiks, 31B AnRler Ava, N. 1?.,  ptr.'i Jncquellkie. a s. . 07  (fv3i..,,N. w.. Dlr. '. R A NfcMiolmel. MO Stonewall SI../S.' W.,-blr. Linda Diane. II. RlQC,iO12 Deflota St., N. W., Ol.r. Patrlclo.'Elalne. W. Srnarr. 505 Robblns St. S. \y..';Soih; 'Alton. JE. -'Jackson, 14-B           St. N. '\y., Dtr. Ann.</t>
  </si>
  <si>
    <t>                                           Socialized Medicine Discussion At Wheat Street Tuesday Night                 A public meeting In which Uic pros mid cons of President Trurmm's socialized medicine program will be discussed will feature the opening Tuesdny of the 5Gth anr.ual three-day meeting of the OeorCli State Medical Association.                 The mass meeting will be held at Wheat Street Baptist Church, beginning at 8 o clock. Dr. Paul B. Comely, professor of preventive medicine, Howard University, and  medical director of Freedmen's Hospital, Washington, D. a. will be guest speaker. His subject will be ~'Socialized Medicine in America." Dr. Comely is expected to present the Truman view on socialized medicine, as Introduced into                 Kress for legislative consideration u-ry recently. The speaker is well  by his training, expert*  and connections to discuss the vital topic on public health. He lj a member of the United State* Public Health Association, executive officer of Oallingcr Hospital, WaphIngton;a consultant for the Infantile Paralysis Foundation, member of the American Student Health Association and the Medico Chlrurglcal Society. The clinical program has been veil prepared tor the state association meeting. On May 4 and 5, 1049, the following guest speakers will appear be(Contlnurrt on Page 4 Cnlnmn 3)                 Socialized Medicine (Continued From Pngc One) I fore Cloorgln's largest medical group: I Dr. Kclley Brown, Gnstro--~ i  nfid Acting Chairman of the Dep. of Medicine, Howard University; Dean U. Hugh Wood  Dr. j. c. M., both of Emory University, whose lectures will bear on Internnl medicine. Dr. Asa Ynnccy, Chairman of Surgery at Veterans' HoEpltal, Tuskesec, Alabama, a member ol the American Col'. of surgery will present the surgical program for the visiting doctors. Dr. J. n. McCain of Emory University will  speak</t>
  </si>
  <si>
    <t>                                           A public meeting in which the pros and cons of President Truman's socialized medicine program will be discussed will feature the opening Tuesday of t h e 56th annual three-clay meeting of the Georgia State Medical Association.</t>
  </si>
  <si>
    <t>                                           A model of a proposed redevelopment project of Atlanta's old fourth ward area, principally the section known as "darktown," will be exhibited this week in the Urban League Offices in the Herndon Building.</t>
  </si>
  <si>
    <t>                                           NEWFOUNDLAND, Pa. Mrs. Ethel Balslcy, 66-year-old grandmother, was drowned In a futile attempt to save her 0-year-old grandson, Lawrence Hadden of Honesdale Pa., from drowning. While no one saw the accident officers believe the youngster stepped Into r deep pool while  In the Paupack River nnd the grandmother drowned trying to save him. Citizens Demos Club Officials Meet Thursday Members of the Georgia AssoclaHot. uf Citizens Democratic Clubs will be the guests of the Citizen). Democratic club of Fulton County, in a one-day closed session here tomorrow. The , scheduled to begin at Uie Butler Street YMCA at 10 a. ni., has a two-fold objective. Tliey will consider first, way s end means of making an all-out assault upon the Voter Re-registration Law; and second, they will form  who will  the 100 odd clubs throughout  to go to Washington and ask for the passage on an n:. bill from this session of the Congress. All members of the Executive committee of the Citizens Democratic Club of Fulton County are expected to attend this meeting tomorrow and help make plans for achieving these two goals.</t>
  </si>
  <si>
    <t>                                           NEED SANITARY SUPPLIES CALL LEWIS CHEMICAl CO. 704 McDaniel St. Wo. ?65B</t>
  </si>
  <si>
    <t>                                           TODAY S THE DAY TO TRY IMPERIAL PRE-WAR QUALITY     HIRAM    WALKER jg[ HUara V"~    A SoriJ Inc., Peorii, III. Dlemlrc] . 86 . 70% B'~m I  spinet.</t>
  </si>
  <si>
    <t>                                           When Skin Torture Drives You Mad! Try clean, powerful, penetrating Moonc's Emerald Oil. The very  application should give you comforting relief and a     short treatments  you that you have at last found the way to overcome the intense itching ami distress. Moone's Emerald Oil        mid simple to use promotes healing. Ask any Rood '~t for Moonc's Eincrali'l Oil. Satisfaction or  hack.</t>
  </si>
  <si>
    <t>                                           PHILADELPHIA--(ANP)--Barney, 31-year-old dash star for more than a decade, was declared a pro on New Year's day by the Amateur Athletic Union for accepting gifts including a home from fans just before Christmas.</t>
  </si>
  <si>
    <t>                                           Don't  lima  un- fgl Ml IT^^^          ^P known  when  Mn- I H I I B^w.^B J J'l J ifl( Inrlnl Cropnrntinn cnn rIvo men k ^V^^^^^^^i^^^^Kr quick, mire . '1'horn U "till ^^^^^^^^^^^^^^^^H^^HR?V no fuller acting or IwMer homo g31        !!!OO remedy for inat*       ml                    ^^Cv^'  on the . Ho got (SCO ~^^^^^^~~~IV^O^O^. and gat quick relief*  W^^'JW *~"v</t>
  </si>
  <si>
    <t>                                           BAINBRIDGE, Ga. -- Among the former Bainbridgeites visiting back home for the holidays were Messrs. Abner G. Smith, Louisville, Kentucky; Jerry Harvey, New York City; Sherman, Philadelphia; Mrs. Annavleye Badley and son, John, Petersburg, Virginia.</t>
  </si>
  <si>
    <t>                                           AMERICAN              MARKS PAN AMERICAN DAY                 PAH AMERICAN DAY WAS CELEBRATED IN WASHINGTON with u number ol important speech.*  a . of the Coun.il ol the-        .lion of American States. U. S. Secretary of Stnte Uenn Acheson.  " the group, likened the Itio dc Janeiro treaty for mutual defense In the Western Hemisphere to the North Atlantic I'act. This photo was taken as Ambussndoi Knrinuc V. Corominas of Argentina president c the Council WM         . Shown (I. to .se) are: Kufncl . Honduras: I'oul C. Daniels. U S-   Cost,i Hico; JoHqulu A. Sola/.ar. Domu.ican ; Jose A. Mora. Uruyuny; Joseph V Chui Us Jloltl- Sr. of Stute Dean Acheson. U. S.; Knriciue V. Coromlnns. ArKentiiin; Uuls Quintanilla, Mexico KcllxNielo Del Illo. Chile; Isn.nel -Arevnlo, Guatemala; Juan Kellx Morales. Paraguay; v. A.."...,i; \/..  .i-i..ii I'.-.- Alfonso Mosi-oso. Kcundor; Atilono Ciirnevnll, Venezuela, and Hilsebrando                 Act l*o ly T IJ r w zl 'iVi e 'u!i''ct l n u"took  in the I'.m American Union HuildiiiB. (/^l           )                 m</t>
  </si>
  <si>
    <t>                                           BE A NIGHTHAWK! LISTEN TO ZENAS SEARS' "DIGGING THE DISCS" WGST, Mon., WotJ., Frl., 11 P. M.-MidniolH ASHBY ST. AT HUNTER</t>
  </si>
  <si>
    <t>                                           NEW YORK--(NNPA)--That history-making speech of Tom Young, president of the Negro Newspaper Publishers Association, before the American Newspaper Publishers Association at the Waldorf-Astoria Hotel was a feather in the cap of Ernie Johnson, who...</t>
  </si>
  <si>
    <t>                                           A high peak was reached here Wednesday in the attendance record upon the Passion Week services, being held daily from 12:15 to 1 p. m. at the First Congregational church. So also was the sermon, delivered by the Rev. E. D. Bryson, pastor of the Linden Street CME...</t>
  </si>
  <si>
    <t>                                           Asnnf "N.\Ki:n  with n. MT/.c.i;n.\        Slil'KIIMAS' -ONB  TOHI.R Of I..V Wllh I1ORIS KARI.OIK And ' "      HAlOtttS Of  CITV  "lt\KOTV Wllh JOHN  . .MOtlNTM^RlUKS AC1AIN HARI.RM "Tilt .I.W wiih ORKr.oRY ri:cK Also SCARLET IIOIlSt'.MliN I I. "PALKfAfK" wiih  : Ms*  tl,~~l ()  "PAI." with non      : Also  (             6 "DtEr VALLEY" W.ih .D.UiF CLARK</t>
  </si>
  <si>
    <t>                                           Knjoy 8 art Hftf^ ProUetlaa lB#l t^ND install lESi Tnbin Burglar JlltEfm) 1 MA.S30S ^^^^gj  WltLIAMfl, RettrMrDtaltve. Rftjmona 9383.</t>
  </si>
  <si>
    <t>                                           Qy/te whiskey for men w/to- Me  faced Men wlio tire  places always know what ( re gelling. Tfiey kr)OW      Melrose Export gives Iliein more of those     =5rr* 4rare 5, 6, and 7 year old whiskies* y^\ P*~[S ~*'''*'*'$' *RI  U/ M Pf00' 35^ st/     ^~~*~n. 65% grain   12%   7 mn oN, B% U14-JlULU TIlllOlU-l  Uaight wbi?   6)    oia, ?   rt/  5      cil    '    3 Cwnpaa/, inc. BartigBrcJEV</t>
  </si>
  <si>
    <t>                                           Listen Tonight                 FREDDIE EVANS THEY RE ON THE AJR AGAIN Freddie Evans. Recording artist for RCA Victor, and his trio will bo heard each Saturday night over Station WGST, as guests of the All National Gospel Hour 11 to 11:30 p. m. E. D. Crockett, Manager.</t>
  </si>
  <si>
    <t>                                           Some mon, and many women, seem to enjoy lamenting about their sensitive skins. It la as if this affliction gives them a sort of social distinction. The girls bawl about cosmetic CMS, tell how they have tiled this cream and that, and nothing happens. The men dill...</t>
  </si>
  <si>
    <t>                                           \^^y ZZ\\\ T^'lf'/l fRESH WELL FILLED CROWDER *^W^T^ (~~~P :TS\_ T^*^~7r   \t cur nation s lending puckers hi  r"  %Mir^J^5 sK^^ar.-rK.JSs Onions 3."* -33c    1  II, A i^GpMOlCrV^ Friendly Colonlnl Store. m I ^^^B \S?       Kv. u. Biondod F,-c s J^ Toiwialocs' Lb S3,; I fl?^^ I  Cocktail 'I corn""'"T 4 2^A^P I  TEMPTING FRUIT SALADS V #% EnflllSll PEAS 2 lb*"l C)tf^ ^L \^*^mk        , TASTY APPETIZERS Wo. 1C9$ VM.W.  11INO J*" Tf9Tftf*W*\~wip VmffiA DELICIOUS DESSERTS Can ChefflGS l*~ '~  .~ U!lS!f4ln^P MoriiKlts mi:i i.ow M.AVOKiui. i SMALL TENDER GREEN ^S^^^^ mk Salmon I! 55* % ^oT;s Sn^    %%Z%M SI. OK ll.tl.VI-S IN  SVKUr-PWWiV T   J?~~ ass,,,,,ki, ,  ,~s ,.tl;,:Z,    57c j     1S?J1E^ 2 3^3JC I     Jssaakett     2 C 23 ^8""" u.43c I ^^   .I.II-K whom:  4 J,ol S Have A p 111 Swiit Frem T 45* l\ ,7^ jj S' "'"  ' H  HOl.Sll.M-S  KAMI ISI.AMI I j AHMOUSt 2iOt ~**C "   II 1'AlHl V^^ fl Ps- r 17*             fl Asparagus ^49'      *%%%~ ~!S FANCY HAWAIIAN ,1 fi  2'4Ox.     OliVOS 71 ^*C 3^^ WM           "~ c.. 35* Ml rsS KiSis a         -Mc ~~% 2 cans 29^  PEANUT 29  K ^p I  INSTITUTE svm-r ^p ^p langs sweet mixed ?-          'S 2 '3 27(i a A WttMWMW I "*^   , w DVT VCU *% ~(~% Wmm m***. I \C Or*  i*   *alfi a l2i-~*-   " dfi*0 22-Ox.  I  07 VO^lZ^** *X)~ VII OK  IIAIANtKI* %%M wM  T^~~f 1 OG rooD 3 I6Ql      25c WILSONS FLAVORFUL I M I I MSf^SilS- ~-%~~~  I 12-Oz A*** I 3O DAYS' TRIAL PETER PAN 35C Wk 'M -,^I__jJB55i^ cat roop 2 a ay, p Armour*     ,rSli,~a ^M T E /S ^PS^ W Ml va ^n i lLb Pkg I 1Lb pk9   * 1*5 ^P p. Mcscon }~ 47* nm 33c s 630 p MEAT IiOAF tb. 49o^M?* TEA "i*7     M VkwI ii:Nin:it n.Mi cut        .i  JBmC j A^rC  m\  Tr^ir  m 5   4rrF ilb Pl9 ilb pkB m I   t.w as 1,1, A ~-b ^590 7/v,' 2     IVORY ^p ^^i I  S MAR (I.AtORII.I. i*  T V V JT V ^ ^HP w^ SAUSAGE MbR.ii 49c a.   ,.,,  5 N.  JKit'O 3 30. 2gC     j Lfl0 Pk9 ^P W. ROAST 53  bSy^sTSn: 12c 29c WB f' R5B STEAK ib. 7S0 A sta-flo 320,23c CABn p; NATURALLY TENDER SIRLOIN OCEAN-FRESH ^^fc SWIFT 2 3} 39c q^ f 8TEU ST"33:1 .g^ I PKL^p; w""^ . 35c!/ Z5  12  DUZ fet^ Lb fifiS "-b. K1V L^ Mod. Pkg. j lg,. Pkg WWt W0ML ^v W /i EVKElf  UN  TICS ALL V (. ATt I Att^ j 2^0</t>
  </si>
  <si>
    <t>                                           Southern Klan Reported Out Of Business                 COLUMBU8, Or.- (INS)- The original Southern Klaus has, to all Indications, evaporated. This was the conclusion today of at least one Columbus business concern. A Columbus package delivery service disclosed It had tried without success to deliver n Columbus city directory addressed to the organization. Lamented operators of the delivery service said: "We Just can t get In touch with anybody who will admit any part In tho organization." The directory was part of a shipment ffom a Nashville, Tenn., firm. The original Klans have been charged by Ocorgla Ku Klux Klan Dragon Samuel Orccn as being an outlaw Klan group.</t>
  </si>
  <si>
    <t>                                           APPLEBY FOUND GUILTY OF GORDON S MURDER                 ],OS ANC1KU5K- lANl l A Jury of seven   five pu ii ( Wiillun Applcby unlit v of l!w murder of the  Wulter \j '.Jordan  his , Verlner. Monday morning after  In (UadUick five hours. H  lift- Imprlsonmcnl. i hn victims, Die   of the well-known l.os Anu^K's attorney Waller I-. Gordon Jr.,  found (Irowiu'il. their .s ImviiiK hern Mibnu'it'.cd under whUt In lld lr  on the * of I'iIi. 10.                 They with Imth IkimikI and unused. Tlin      !.f had benn ransacked and over $2, in Jewelry iind money taken. Appleby wus . two  Inter upon Iniarmution given  by Ills 24--old wllo, I'nrlhcnlu. Diirlnu ihc .  Htnrtcd May 2. Apnlcby  !c(1 not BUllty I " ' '~Ihimiitcd'     ''BgfttAst him when proprietors of two pawn shops -d him and his  IU. lif-lnt! the two  whu Imrrpwcd  on  Jewelry Identified as lii lorn-lim to tho Gordon:;.</t>
  </si>
  <si>
    <t>                                           ATLANTA DAILY WORLD *t Published Every Morning- Except Monday, at 210 Auburn Avenue Members: SNB NNPA ANP INS W. A. Scott H, Founder-Publisher, Aug. 5. 1928, to Feb. 7, 1M4 Fonnded Aug. 5, 1928; Became Dally March 13, 191* Telephone: WAlnut 1459 H6  Entered In Post Office at Atlanta (3), Oa., as second class mall under .the Act of Congress, March 13, 1879 A. SCOTT Editor and General Manager SUBSCRIPTION RATES BY MAIL: Dally: t Tear 112.00; 6 Months 96.50; 3 Months 13.60 Saturday Only: 1 Tear $4.50; 6 Months 12.50 Canada: Tear *5.50; 6 Months 13.25; Foreign: 1 Tear S7.50 Subscription Rate* By Carrier 25o Weekly THE ATLANTA DAILY WORLD is an independent newspaper,  and non-par}Uan, printing news- absolutely  and supporting those things it believes to be to the interest of its readers and opposing those things against the interest of Its readers. THE WORLD expressly repudiates responsibility for return of unsolicited pictures, 'manuscripts, etc:, unless stamps are sent. Address ALL COMMUNICATIONS to and make CHECKS payable to ATLANTA DAILY WORLD, rather than to Individuals. THE RIGHT TO VOTE "The right to  must be open to all our citizens Irrespective of Race, Color, or Creed without tax or artificial restrictions of any kind. The sooner we ret to that basis of political equality, tbe better It will be for the country as a whole." FRANKLIN D. ROOSEVELT.</t>
  </si>
  <si>
    <t>                                           RECENT DAYS have seen the United States, citadel of democracy. assume the role of leadeiship in the Atlantic pact, which may ... World War...</t>
  </si>
  <si>
    <t>                                           Cook Charges "Iron Curtain" In Georgia                 , On- ((ins))- Attorney General Cook- considered a potential Ouborniitorlal Cnndldnte  Snturdny night that "an Iron curtain" exists in Georgia- "behind which operate certain factor Urn have the same vicious results of those obtained In Hussln."                 Cook made his declaration In a speech Saturday night before the Junior Chamber of Commerce State convention In Augusta. He listed the "Iron curtain" factors as: political hysteria; creed and diabolical political personalities; the Ku Klux Klan. Cook declared that Oeorgia has chosen many officials "on their capacity to provoke hysteria by the use of prejudice, hatred and factionalism." SUGGESTS ABILITY The probable 1950 Gubernatorial j Candidate suggested that Oeorgia should elect officials on a basis of j "ability rather than showmanship." In his slap at the Klan, Cook declared: "Unlike the reconstruction days, wo of the south today have a strong legislative, executive and Judicial                 government which has and will continue to clothe public officials with  constitutional authority to govern the people well. To yield to any organization the prerogative for exercising police power without constitutional authority is to plead guilty to an indictment that our entire system of government is politically bankrupt." The Chamber of Commerce, meanwhile, endorsed a resolution requesting the State Legislature to pass laws banning masks in public places.</t>
  </si>
  <si>
    <t>                                           AUGUSTA, Ga--(INS)Attorney General Cook-considered a potential Gubernatorial Candidate charged Saturday night that "an iron curtain" exists in Georgia "behind which operate certain factor that have the same vicious results of those obtained in Russia."</t>
  </si>
  <si>
    <t>                                           SURVIVORS AND VICTIM OF CRASH                 STEWARDESS ABOARD the twin-engined airliner which crashed oft San Juan, Puerto Rico, with 81 passengers and crewmen aboard, Judith Hale (top, left), Binghamton, N. Y., was among the 28 survivors in the tragic accident. Co-pilot aboard the craft, Alfred Cockrill (tcp, right), Albany, N. Y.. a former Navy pilot, was reported killed. Below, 14-year-old, Antonio Santos, one of those rescued, is questioned by MPs on return                 fl                 to Son .Yuan. Ills father waa one of the  victims. (International)</t>
  </si>
  <si>
    <t>                                           NEW YORK -- (NNPA)-- Job placement.of coloral workers are Expected ti reach a new high as a between the National Urban League and the United Stated employment</t>
  </si>
  <si>
    <t>                                           Ml J3.49 CHIGNON PAGE BOY CLUSTER (BRAID $4.49 x-S?~v 29  2-85 *4.49 Iwhy PAV      /".^Ht^\,~~ PRESSING OIL  nd $t Curl- Wi  you our BEST OUAUiy L-  PWj'"r" N FREE wmi  OROCp. Ivgmtn hair that         .i your ^ft^riff r I,., g^fT^r^^ do and vat ll 10 natural looking. H. K. COMPANY DEPT.~76,~BOX 2163, 'RICHMOND, VA. ^^^0tS^^^"^^^S. R P 1 M A R T I  ^sf(*^^l^Hiliii^</t>
  </si>
  <si>
    <t>                                           VILLA RICA, Ga. -- Sunday was pastoral day at Mt. Prospect Baptist Church. Rev. P. H. Head was in the pulpit at the usual hour and preached both day and night. Mr. B. Jones and friends of Stockbridge were guests of his brother Mr. and Mrs. Eddie Jones last Sunday...</t>
  </si>
  <si>
    <t>                                           Trenton Six Appeal Slated ForMafy 16                 NEW YORK-- The Surpcino Court of the Stale of New Jersey has put the cii.sr ot the TrAHou Six on its  for  on Monday, Mny 10. Jolm Rogue, former Asslstnnl U. 8. Attorney General, who lin.s been  by the Civil IHrIUs Congress, will represent                 three of the six convicted Negroes In Hie hearing to Uo held beford chief Ju. Vnnderbllt and his associate Justices. 'Hie CRC has  engaged as as co-counsel for this Important case [our of the country s outstanding civil liberties lawyers- Earl B. Dlckerson of Chicago, Enmnuel II.' Uloch of New York, nnd Solomori Ciolnt and Clnrcnce Talisman of New Jersey. Wllllnin L. Patterson, Executive Secretary pt the CRO,  11 member of the New York H;ir wlio was a key  in the  tn .save the Scottsboro boys, Is  counsel in the caso. In I Mo appeal brief which  battery of eminent lawyers  to the Jersey Supreme Cpurt  to the oral argument, It. wns contended that the conviction of the xlx Negroes was a gross  of Justice nnd the Supreme Court was urged to rovers* the lower court which had BCtUencrd the men to death. The CtvU Rights Congress^ has charged  thu men have been (Cnnttmuil on I'iiro 1 Column i)                 Trenton Six i (Continued from Page One) victims of a vicious frame-up. "The case of the Trenton Six Is an attempted lynching- northern style- by men In court robes and police uniforms," reads a brochure put out by that organization. "It Is the law that supports Jim Crow. It Is the way the law maintains segregation. It Is the government s answer to the American Negro's striving for freedom and dignity."</t>
  </si>
  <si>
    <t>                                           NEW YORK--The Surpeme Court of the State of New Jersey has put the case of the Trenton Six on its calendar for argument, on Monday, May 16, O. John Rogge, former Assistant U. S. Attorney General, who has been retained by the Civil Rights Congress, will represent...</t>
  </si>
  <si>
    <t>                                           HIGHLIGHTS OP THE  FESTIVAL Firsl- were loud in their  of  presented by Tennessee State Southern University and Kentucky Stnte lit the thirteenth annual Southern                 Association of Dramatic and Speech Arts festival which recently convened -at  Col7egc. Scenes from the winning  nro shown liere will) other  from the four-day confab. (Iioft to rli;ht,                 toph Scene from the winning piny Man in tho stalls," Tennessee State. The Scconrt- winner "If Men Plnyed Cauls As Women," Southern University. Scene from the , "For All Eternity," present                 I'd by Kentucky Stntc, which won third-place honors, (). A tenso moment In "Candida," the Ihrec-ur.t production dono by Uio host,  Cortege. Other pictures show visiting directors nnd officers of tlio organization.</t>
  </si>
  <si>
    <t>                                           WASHINGTON, D. C. - Three women are in the United States from Mexico and one each from Brazil and Uruguay to learn about the status of American women as homemakers and...</t>
  </si>
  <si>
    <t>                                           TODAY S THE DAY TO TRY IMPERIAL PRE-WAR QUALITY     j mad* by JJ^L. HIRAM      I WALKER 111 Mtdc by Ilirtm Willccr Sons Inc., , Illinoii. Ulrndtd whiskey. 86 proof. 70%   spirits.</t>
  </si>
  <si>
    <t>                                           Atlanta Welcomes Masonic Grand Masters Tuesday                 High Figures Of Prince Hall Masonry Coming                 The Cirutid Musters' Conference ol Prince Hall Masons will begin here Tuesday night hikI extend through Thursday May 10. Top figures In Prince Hall Masonry will come /roin 40 grand lodges In ll-e United States, Canada and Lihcria. It will mark the. (list time the                 Terence hns been held In the Southeast. The CifoiRlu jurisdiction, John Wesley Dobbs Grand Master, will be host to the conference. A special session of the   lodge has been culled to help welcome mul fete the  guests. Tuesdny night at Wheat Street Baptist Church a \nib\\c meeting will be held nt which time Mayor Williini B. Hnrtsllcld will officially welcome guests to the Gnle City. Ofllclnl meetings will be held in the (C'diillniii'il mi I'agc 0 ( m                 Atlanta Welcomes (Continued from Page One) Masonic Temple. Local Mitsonlc and civic leaders also will Join In welcoming the fraternals Tuesday night. Atlnntans have several events to fete the Masonic leaders. A barbecue, banquet and sightseeing tour to                 Tuskegee are Included on the social agenda. A souvenir program for the meeting will welcome guests and list Rlacjw of Negro business here. Attorney C. R. Richardson, of RicHmpncl,, ; is president. of the  .Masters' Conference. ,Attornej Amos T. Hall, of' Oklahoma, Is first vice president; Morris J. i Hicks, of Boston, second vice prest. dent; Dr. U. Key, of St. Louis, Mo. treasurer; J. \V. Dobbs, of At- . .secretary;, C. V, Wilson ,of Lynchburg Va., 'assistant secretary i and William M. Newby of Prnnsyl- , assistant secretary, i</t>
  </si>
  <si>
    <t>                                           The Grand Masters' Conference of Prince Hall Masons will begin here Tuesday night and extend through Thursday May 19. Top figures in Prince Hall Masonry will come from 40 grand lodges in the United States, Canada and Liberia. It will mark the first time the...</t>
  </si>
  <si>
    <t>                                           MADAM MINGY A GENUINE PALMIST AND TRUK ADVISER !~0c Complete Heading 50o Without asking a single question   n^i^B she will (ell your secret B^I^H . and lmw (n gala BS^^B them. Gives never ^l Ing advice on health ^H-Tffl Iotc, influence, money EfcS_B matters, business, 1 n fcT\k*B fact- and neatest an1 m billons no matter what your problem may be. Stop brine loser, change your luck. O.-iin the things you want most In life. Sec her today as this  low price may not be ex- j tended. 40 years experience ten { years in Atlanta is MADAM  S guarantee to you that no better rending or faster results oan I be obtained nt any price, anywhere. I Reading dally and Sunday at 10 a.m. 'Ul 10 p.m.- 662 McDonoagh Road.NK. across from Federal Prison.' "Tdla? Pryor Federal Prison car to END of line.</t>
  </si>
  <si>
    <t>                                           AN NIK I.Al'KA JOHNSON                 nr/rrv -                  ( W1 Plt- ure t. Miss Annie' f. Johnson, who won * "Miss Vino City for 10 HI" contest and r. Betty Ciinol Mc-Crackcti. wlio was n  U i. lu UI recently at Vine City Uutillst , Rov. J. If. Oitnle), pft.sto)-. The  U'lis sponsored by' Hev. Thsfhorertii Arnold In connection with ihn Jubilee Rally which ended Sunday. Doth  contestants worked hard In drive.</t>
  </si>
  <si>
    <t>                                           WANT AD INFORMATION CALL WALNUT 1459 Sb:"" I!? V fi K? ISU Baas Si fe</t>
  </si>
  <si>
    <t>                                           Hot Weather Getting You Down? Here're Hints On Holding Own                 WASHINGTON- (ANP) "Hot i weather bothering you?"                 "Don't put all the blame on the temperature of the humidity," says the United States Public Health {Service in a statement issued . The article explained "It may be your own failure to live sensibly In the summer that makes you feel uncomfortable.' "Like your automobile, your body has a cooling system that must be treated with care. Evaporation of perspiration ia the principal cooling device. To maintain comfort, see that the cooling apparatus functions at top efficiency.' The Public Health service suggested that the following suggestions will help your cooling system to do its Job: 1. Eat . cut down on the                 steaks and heavy pies. Eat more fresh fruits and vegetables. If light meals leave you hungry, nibble on crackers or fruit between meals or at bedtime. 2 Drink more water and fruit Juices. To replace water lost thru perspiration, your body needs extra fluid. This does not mean, however, to drink more coffee, tea or alcohol I 3. Eat more salt. Take salted nuts, crackers, salt, tablets or plain table salt In water. White-collar workers, however, usually get enough salt with their meals. 4. Dress lightly. Heavy clothes hinder the circulation of air necessary to maintain the evaporation process. Remember, too, that light (Continued On Page 4 Col 5)                 Hot Weather (Continued from Vngr. Our) colors or white  to deflect the sun s rays. 8. Take it easy. A fast game of ' overheats the body. Swlnir.lng Is the ideal summer exercise but don't overdo it. 6. Take extra baths. Soap and water wash away accumulated wastes on the skin and leave you feeling refreshed. 7. Get plenty of sleep. A good night s Test makes the next day s heat easier to take. If your room s too hot. use an oscillating electric fan to keep the air in circulation, but keep out of its direct draft." Further information to help you feel your best in hot weather is found in the1 Public Health Service's leaflets on 'Sunstroke', 'Swimming,' and "Hot Weather Comfort." Single copies may be obtained without charge from the Public Health Services. Federal Security Agency, Washington 25, D. C.</t>
  </si>
  <si>
    <t>                                           WASHINGTON-- (ANP) --"Hot weather bothering you?"</t>
  </si>
  <si>
    <t>                                           No Racial Restrictions In Immigration, NAACP Urges                 WASHINGTON The admission of immigrants from the British West Indies and other Caribbean islands to the United States on a non-quota basis was urged this week by Leslie Perry of the Washington Bureau of the National Association for the Advancement of Colored People In                 before the Senate subcommittee on immigration.                 Mr. Perry's testimony was presented at hearings on H. R. 199, a bill which seeks to repeal present racially discriminatory provisions of existing immigration laws by providing that "the privilege of becoming a naturalized citizen of the United States shall not be denied or abridged because of race or sex." Calling it a source of regret that this "otherwise salutary measure" contains a provision "which seriously reduces immigration from the British West Indies and other nonAmerican Caribbean islands." Mr. Perry  out that under proposed changes immigration from British colonies in this area would be reduced to 100 persons per year for each of England's nine island possessions. This would permit entry of 900 persons per year, as opposed to the 2,858 West Indians who entered the country during the year 1947-48 under the present law. Declaring that the West Indian i immigrant has shown great "industry, thrift, intelligence, and unflagging loyalty to democratic ideals," Mr. Perry asserted that a reduction of quotas at this time would be a major loss to both West Indians and Americans. "We urge," the NAACP spokesman declared, "that all such colonies and dependencies situated in the Western Hemisphere be accorded the same non-quota status as is presently enjoyed by the Latin American republics.'* -GET REGISTERED TO VOTE-</t>
  </si>
  <si>
    <t>                                           WASHINGTON -- The admission of immigrants from the British West Indies and other Caribbean islands to the United States on a non-quota basis was urged this week by Leslie Perry of the Washington Bureau of the National Association for the Advancement of Colored People in...</t>
  </si>
  <si>
    <t>                                           NO SH0E)~n repair}^ [Check all your shoes, Stop in today. LINCOLN SHOE SHOP i I 908-A HUNTER ST., S. W. GEORGE S SHOE SHOP 462  ST., S. W.</t>
  </si>
  <si>
    <t>                                           ^. muj Pi Reflection of Perfection ^ Yes, perfect pre-war quality in every bottle of Seagram's 7 Crown. Pleasant to refleet on, isn't it? Even  tu ah joy! 0#y Smgvatn'*  Sure- o/~  * -c//fa ~~*/$/? SEAGRAM S 7 CROWN. BLENDED WHISKEY. 86.8 P100I. 65% Grain Neutral SpiiiU Seagram Diitilleu Corp Cl.      Bldg., (I. Y. r</t>
  </si>
  <si>
    <t>                                           CARD OF THANKS                 The  und relatives of the laic, Mrs. Ophelia Urler Outhrle wishes to  Its many sympathetic friends for their words of condolence during the illness und death of our love ones. Especially thanks to Nurse Brooks und the Maternity Ward Stall for their very efficient service rendered, and to the many i friends, institution and organizations that gave beautiful florals and Hanley's Company, Morticians. MR. AND MRS. HENRY DRIER, parents. CPL. ROBERT . husband.</t>
  </si>
  <si>
    <t>                                           PUSH FAVORABLE HOUSE REPORT OF FEPC BILL                 Republican i Converts Join Powell Effort                 Committee To Meet Friday To Read Measure                 WASHINGTON. D. C- (      Passage of fair employment practice legislation was virtually assured last Thursday when two Republi-t cans joined one other Republican and eleven Democrats in indicating their intention to vote that  House Education and Labor                 favorably report the Powell bill against race and religious discrimination in employment. The two Republicans converts to FEPC are Representative Carroll D, Kearns. of Pennsylvania, and Harold H. Velde, of Illinois. Representative Walter E. Brehm, Republican, of; Ohio had previously Indicated bis support of the legislation. i The Education and Labor Committee will meet Friday to read the; bill in its entirety. Members insisted on doing that, said Representative John Lesinskl, of Michigan, committee chairman, "and that Is what we are going to do." After rejecting a motion to table the report of the subcommittee, which held hearings on the bill,' the committee last Thursday voted to receive the report. STEED MOTION The. motion to table the         mittee report was made by Representative Tom Steed, Democrat, of Oklahoma. It was rejected by a vote of 18 to 7. The members voting to table the report were Representatives Graham A. Barden, North Carolina; John S. Wood, Georgia; Wingate H. Lucas, Texas; Hugo E. Sims, South Carolina; Tom Steed, Oklahoma, Democrats, and Thurston B. Morton, Kentucky and Wlnt Smith Kansas, Republicans. The committee then voted, 19 to 6. to receive the report. The same members, with the exception of Mr. Lucas, voted against receiving the (Continued on Page 4 Column 1).                 Republican (Continued from Page One) report. Mr. Lucas voted for the motion. Commenting on the commitment of Mr. Kearns and Mr. Velde to vote to report favorably his bill. Representative A. 0. Powell, Democrat, ot New York said: "It' means that PEPC is in. The Republican leadership cannot now go back on their votes. Up until that vote (to receive the report) we did not have them. With Kearns and Velde Joining Brehm, who has been with us along, we now have fourteen votes; The Educational Labor Committee consists of twenty-five members of which nine are Republicans. With full attendance, thirteen votes are required to report out a measure After the bill is reported favorably,- it still has to run the gauntlet of the House Rules Committee. If that committee refuses to give it a rule making it a special order of business, Mr. Lesinaki said he will exercise his prerogative as chairman = of the committee, after a lapse of 21 days as required by the rules, and call the bill up for floor action. ADJOURNMENT SEEN Without a rule, It cannot be brought up on the Rouse floor until the latter part of August. Congress may be adjorned by then. The subcommittee report, which the full committee voted to receive emphasizes that the Powell bill has as its purpose "equality or' economic opportunity." The report, a voluminous document, said: "Because we all subscribe to these objectives, it should be possible to approach this problem without political partisanship." The enactment of federal fair employment practice legislation. It is pointed out in the report that both major political parties and their presidential candidates in the last election were pledged to enactment ot PEPC legislation and both Democrats and Republicans                 have introduced bills In the House and Senate to carry out these campaign promises. "It is the hope of this committee," the report, "that this unanimity will make possible a bipartisan approach to the problem that will result in speedy enactment," of the Powell .bill. FORBIDS BIDS The bill forbids discrimination in all stages of the employment relationship from the initial step of recruitment to the final step of discharge. It would make It an unlawful employment practice: 1. For an employer to refuse to hire, to discharge or discriminate against an Individual because of his race, religion, color, national origin or ancestry, or to utilize recruitment agencies which practice such discriminations. 2. For a labor organization to limit, segregate or classify Its members in such a way that would deprive or limit any individual s employment opportunities. 3. For an employer or a labor union to discriminate against any person because he has opposed any unlawful employment practice. The bill would create a fair employment practice commission of five members, who would be appointed by the President and confirmed by the Senate. Members would hold office for five-year overlapping terms and receive $17,500 a year, except the chairman, whose salary would be $20,000 a year. The commission would be empowered to prevent unlawful employment practices by the Issuance of cease-and- orders. First, however, the commission would be required to Investigate the sworn written charters of aggrieved persons and seek the elimination of the practice complained of by conference, conciliation and persuasion. Cease-           orders would be legally enforceable only after they have received judicial review.</t>
  </si>
  <si>
    <t>                                           WASHINGTON, D. C.-- (NNPA) --Passage of fair employment practice legislation was virtually assured last Thursday when two Republican joined one other Republican and eleven Democrats in indicating their intention to vote that the House Education and Labor...</t>
  </si>
  <si>
    <t>                                           PBoD^(I);)ina/er/ glass Jm BEER(8  MADAM EVA 25c SPECIAL REAPING 25c ^    ^H WorU'a ^r .K^^Hest Palm ut 1-flj "lt^^^l nit aU other*   *   1 1 ^^H come with your B^   /*^^2 Madam En vl( ^^B YOU GET BEhnsband or wife , be rare and come at once. Office hours 9 ajn. 10 . dally and Sunday. UU W. Marietta 8t, N. W. Take the laman Yards Trolley Boa. Stays at the door.</t>
  </si>
  <si>
    <t>                                           LAFF-A-DAY                 ~"Muat be ."</t>
  </si>
  <si>
    <t>                                           Miss Hilma Green captured the votes of the judges and the hearts of all spectators Friday night at the Magnolia Ballroom to win first place honors at the Third Annual Shrine Bathing Beatuy Contest sponsored by Nabbar Temple No. 128.</t>
  </si>
  <si>
    <t>                                           1. Choosing the right course in life is no easy task, but it can be found by moving thoughtfully and not too fast.</t>
  </si>
  <si>
    <t>                                           CHICAGO--(ANP)--Two women stars in their respective fields, commanded the admiration of hundreds of citizens here last. Sunday when the Chicago Metropolitan Council of the National Council of Negro Women and a group of individuals, headed by Miss Lena...</t>
  </si>
  <si>
    <t>                                           The callous lynchings of Caleb (Picky Pie) Hill, a 28-year-old colored man, by a mob in Wilkinson County, Georgia, was generally denounced last week by the press of the nation.</t>
  </si>
  <si>
    <t>                                           n, Everybody enjoys -V ^BEER "Better buy the 'ease     'S TIME TO SHINE WITH THE SH/NE THAT  it has a hard-wax finish + GRIFFIN HACK  TAN OX11OOD</t>
  </si>
  <si>
    <t>                                           Gospel Singing Sensation Here July 28                 THE  Concert and Radio Artists Atlanta's newest sensations in Gospel and Religious songs, will appear in a concert, Thursday night, July 28th 8 P. M. at the Zion Hill Baptist Church, Rev. 1. M. Terrill, pastor McOaniel and Georgia Avenue, Southwest. General admission 75c; Children 35c. (Adv.)</t>
  </si>
  <si>
    <t>                                           ^SBBt ^ 3    1B-I I ^^ jj 25 ib. iao $2 19 we r i r i d u pi. 'JL. Cc nfl        8:30 P. M. C 10 WkO 95o iBd* ffe EH iH A )-NI2W  S 2S     AS $219 ic8 or ShWr' Hoasi Lb 53 H Hi lO^A PAim Sw     choice branded a m r IB P iy4 # 5 1 '0,:re9,5fo SL-o'-Lean Bacon 24'/*' H BP^ PURCHASED) FROM 5oO' ^M IB WC n    m i 1H ernest c.  Jw CATSUP % Fresh Canadian Croakers Q Yes, Sir! We're going to  this Now FORD WUV ^~~~w^^^* gOJ  i- BB ^P YOU CAN REGISTER  DAY! STORE HOURSt P-orli MJlnm Cliritnn      H Everybody over 16 . of 090    2X* 8 00 A. M. TIL U -30 P M. Kr  wSII I'leOIUIII  Lb.  V^^ 11 ?~i: 0T C^ ^^ ffl "Ji i^^B V/  fl         ^^P^VvOC r ^*!Zy \?y^ JkM M^ A w ^^m *w I I ^^J s 7 ^HBaH New Red Bliss Potatoes     ^i A R ^maxwell house or  supreme H e      i  s COFFEE  b 45C HP *% Ac Distilled Vinegar 10c Matches 3 Boxot 10* H 1 Mew Crop Yellow Onions i ^^1,T 1 12 Qg. Mops 29' H 3 14C m 74C % SUPER SUDS I ^V ^jOu C  a v TAIL 1 R#* *C LO f KQ ^A ^HHh TiTBMIrM WLM A fc,^ OS  /"Illl *?jr ^^^H Pj Fresh Butter Beans m Pie Cherries ~?j 39c  8 Tony Dog Food</t>
  </si>
  <si>
    <t>                                           President Robert H. Alexander, over the college of North Little Rock, Arkansas, delivered a stirring message to the guests of the Turner Theological Seminary Banquet on Tuesday evening in the Dining Room of Morris Brown College. President Alexander's Mother was...</t>
  </si>
  <si>
    <t>                                           ST. CECELIA VESPER SPEAKER TODAY-- The St. Cecelia Children's Choir has been very fortunate in bringing Ito the public renowned speakers and men who give evidence of being the potential leaders of tomorrow. The speaker for the May Vesper Hour will be</t>
  </si>
  <si>
    <t>                                           1. Safety first practices always bring contentment to all who daily follow them without any resentment.</t>
  </si>
  <si>
    <t>                                           Weather Partly cloudy with .          .-. In * pm- this ).</t>
  </si>
  <si>
    <t>                                           ANGELIC GOSPEL SINGERS                 Singing "Touch Me Lord Jesus" and many others in a religious concert Monday. July 18, 8:30 P. M. City Auditorium presented by the Echoes of Zion Singers. Admission Advance $1.00. At Box $1.20 -(Adv.)</t>
  </si>
  <si>
    <t>                                           CUT RATES PAINTS AND WALL PAPER PAINT $1.49 GALLON AND UP MITCHELL SUPPLY CO. 139 MITCHELL STREET.</t>
  </si>
  <si>
    <t>                                           BATON ROUGE, La. -- (ANP) -- Negroes were in political power again here last week when the American legion sponsored Bayou Boys' State convention held sway at Southern university.</t>
  </si>
  <si>
    <t>                                           NEW LOW PRICES ON COLGATES PALM OLIVE- PEET FAMOUS PRODUCTS SUNDAY MONDAY TUESDAY JULY 24 25 26 f^^i^~    ^nH^^^^^^^^L Reg. ^1 1 1 1 1 i 1 1 k J S^^^L Size           ^^k 3 FOR I ^J i I LI I A I I m m 9^^^^ Bath ^^^^^^^^^~^^^  ^H9(9 2 FOR ^W^MvW^^K 3 FOR  -l1!^^ 23c LIMITED SUPPLY \1\ s9t^u^/ BAR ^~AL**  2~/ UMIT6BARS .25 Pt. Alcohol -tO .25 Jeris Hair Tonic, bottle qq 1.25 Jeris Hair Brush both for 1 Qt. Cook Kill and Sprayer 1.19 1 Qt. Petermans Discovery, Kills Bedbugs, Ants, Fleas .59 Madam Walker Hair Grower .49 1.95 Ladies Hose 15 Denier 51 jg Gauge (Dupont Nylon) .60 Nadinola Bleach Cream Ai .50 Ipana Tooth Paste Colgates Dental Cream, .59 ECONOMY SIZE Scott Toilet Tissue 2 For .25 Southern Toilet Tissue 2 For   5 ironing Cords With Switch -89 Prophylactic Hair Brush   0" 1 Qt. Y and M Mineral Oil  49 Hair Pins 2 For .15 Bobby Pins 2 For .15 5 Lbs. Petroleum Jelly 1 '00 Hair Nets 2 For .15</t>
  </si>
  <si>
    <t>                                           TODAY S THE DAY TO TRY IMPERIAL PRE-WAR QUALITY Ly mot/e by jK^L. HIRAM jSj i WALKER j       by IlitJtn Wjlkct Sons Inc., /, .v. Ltlcndctl whiskey. 116       . 70%   .</t>
  </si>
  <si>
    <t>                                           Pitching Mainstay For New York Cubans                 , T.Min.  SNSt A  Momiihlim. Kvunk (Wnin l onr.scm will be * for tlio  Stm-R when they  the  niM      Stmilivy. June fi. it (aln bill hi Miulln .Sl:ullum.     will stint :a 3:16 m.</t>
  </si>
  <si>
    <t>                                           MONTGOMERY, Ala.--The Alabama State's Hornets are drilling for their opening game with tough Bethune-Cookman College on September 24 down at Daytona Beach, Florida.</t>
  </si>
  <si>
    <t>                                           C/ * bHh? hcma or cor  closing* rony good  , Prlvol*,          Leon Sarvtu Leans $20 lo $2000 COM MUMMY Vpan.~ Investmenf CORPORATION ROOM 909,  I1D9. tl ALABAMA STREET, S. W. Ultphon* MAIn 1301</t>
  </si>
  <si>
    <t>                                           Late News In Brief                 Abraham Benjamin Conger, New Federal Dist. Judge                 (From Intornutlonal Nowt Service)                 WASHINGTON Appointment of Abraham Benjamin Cougar lo the newl/ Federal District Judqcship in Guoi'( v/us confirmed Thursday by the Sonato. I ho now          'p is for Ihti  district (Macon) of Georgia.</t>
  </si>
  <si>
    <t>                                           THE DEATH OP Associate Justice Frank Murphy removes from the Supreme Court bench a liberal jurist who always sought to advance the cause of human rights end see to it that every individual charged with an offense was convicted only after due process of law.</t>
  </si>
  <si>
    <t>                                           CARLOAD OP . Jackson's Inc., electrical appliance dealers at 185 Auburn Avenue N. E. last week received a whole freight .carload of electrical refrigerators to meet, the demands of local  s reputed to be the lar gest .-owned .appliance  in- the country, Is now under renovations which will make the                 cation one of the most modern and beautiful. In the picture are: ( the con Salesman Mortimer Cox, Willie Moon, and Johnny B. Poole; On ground left to right: Edward Harris, J. B. Butler, Murray Mizell, Reaves Palmer, Marion Arm-, strong, Rufus Hicks, Willie Scruggs, Charles held* Remus Johnson 'and George Allen.</t>
  </si>
  <si>
    <t>                                           RBV; GEO W. DANLEY REV.' GEO. W. DANLEY wishes to j remind his many' patrons and I t  that he is still on the job for j God. Rev. Danley's name is known from the Atlantic to t.ie Pacific.; Oceans. Let Christ be the solution to your problems through Rev. Danley by faith In God. Location: 310 Aurburn Avc, N. E. 71-B Yonge St^ S. W. Phones Alpine 3356 Alpine 0100.</t>
  </si>
  <si>
    <t>                                           Published      Morning F.xe?pt Managf, si 2iO Ar.tara Artana Member*: 8NS NNPA ANP INS W. A. Kcatt II. Founder-Putilljher, Aug. 5, 1928, to Feb. 7, 1934 Founded Auk. S.   2~; Became Dally March 13, 1932 Telephone: WAInui 1459 1400 Entered in Post Office at Atlanta (3). On., as .second class mall under the Act of Congress, March 13, 1870 C. A. SCOTT Editor and General Manager SUBSCRIPTION "     " Dally: 1 Year $12.00; W Months $U.5O; 3 Months 13.00 Haturduy Only: 1 Year $1.50; 6 .Months $2.50 Canada: Year $5.50; 0 Month* $3.25; Foreign: 1 Year 17.50 Subscription Kates  Carrier 25c Weekly THE ATLANTA DAILY WORLD Is an Independent newspaper,  and non-partisan, printing news absolutely  and  those things It believes to be to the Interest of Its readers and opposing those things against the Interest of its readers. THE WORLD expressly repudiates responsibility for return of unsolicited pictures, manuscripts, etc., unless stamps are sent. Address ALL COMMUNICATIONS to end make CHECKS payable to ATLANTA DAILY WORLD, rather than to individuals. T1IK HI                "The right to volo must be open to all our citizens Irrespective of IUte, Color, or Creed without tax or artificial restrictions of any kind. The sooner we ret Ib that basis of political equality, the better It will br for the country as a whole."  I). ItOOSEVELT.</t>
  </si>
  <si>
    <t>                                           WANT AD INFORMATION CALL WALNUT 1459 .B     per tin* 8      oni lij Sir S!</t>
  </si>
  <si>
    <t>                                           A proposal that a public campaign be conducted to raise $750,000 for a Negro Hospital has been made by Mayor Watkins Overton. The suggestion was made in a letter from the Mayor to H. W. Hirsceimer, president of the Memphis-Shelby County Community...</t>
  </si>
  <si>
    <t>                                           Beautiful teeth, perfectly formed. and show white, arc a dazzling contribution to good looks. Dental science has stepped along so rapidly In the last few decades that there is no reason--if the balance in the checkbook permits--why anyone should have uneven, broken...</t>
  </si>
  <si>
    <t>                                           ANNOUNCING THE OPENING OF FREDERICK S CUSTOM TAILORING Phone AL 5552 1 Frederick's Custom Tailoring 755 Fair Street, S. W., May 31, 1949. People of Atlanta, I Atlanta, Georgia. -Dear Friends: We are proud to inform you that we have more than a* thousand samples from which you may Select your suits. Wo give attention to ladies' and children s work as well as men s. If you have your own material, let us make It up for you. 'We 'do rewe , altering, and repairing. We' special- izo in the new invisible mend which knits most obvious tear so that It can hardly' be detected.' For -your convenience, laundry and dry cleaning may be left at Frederick's Custom Tailoring. Come in soon and let us serve you. Cordially yours, FREDERICK P. . P. S. Dry Clednlhg and laundry done by Walls exclusively.</t>
  </si>
  <si>
    <t>                                           START YOUR OWN BUSINESS CHILE-CON-CARNE Full Instructions How to Start CHILE PARLOR. Mexican Rocipo for Making Chilo -Coo Carno, Bnchilndas, Hot Tamajes and other Mexican Dishes. PULL INSTRUCTIONS with a supply of ingredients for w S2.OO We supply pure Mexican in.   UenU.ftic6      on    . W. CHILE SUPPLY t'O. P. BOX 106 BOX Central Annex. Dept. S.   r.l. N. V.</t>
  </si>
  <si>
    <t>                                           Bipartisan Approach To FEPC Legislation Urged In Congress                 Seek Listing For Civil Rights Bills                 WASHINGTON.' 13. C- (NNI A) A bi- approach to fair emp. practice legislation with Dnnooratlc and Republican londi-r'.))ip in both Hie House and Srnato ; their forces was  by several  of Cont'.nss lust Wi'dnesdny.                 Testifying !n  of .such loi;         before a House Education  ii:d Labor subcommittee, headed by Representative Adam C. Powell, of Now York, enator Irving M. ives Rfpubllcsui. of New York, who sponsored the Ivcs-Quliin - in employment lnw In Now York State, urged t'.iat support vs of civil rights legislation decide I'.ie order In which thoy wanted civil rights bills brought up for consideration In the House and senate. Senator Ives said hitherto there has been a "haphazard approach" wade on civil rights legislation with one group  PRPO. another r.nti-poll tax, and another - all .'y and I never concentrating their efforts on one measure, nt a time and thereby providing Congress with more ef- -lvc support. "I am convinced of the need for legislation of this nature at the na-  level," Senator Ives told the I committee, adding: I,AST KUI. "The United States of America furnished the last bulwark [or freedom In the world. Without equality I of opportunity a basic 7 of i freedom U destroyed.'," Ho  that "There Is no room in America for second, class citizenship". Hither wo lire united In Ideals nnd purpose and example, or ours Is union In  only, term by resentment and dissension among  minorities In conf'.lct with whatever majority may bo In the ascendancy nt the moment. "To those of us who constitute i tho .ito  majority is given tho tusk of translating our lofty Ideals and '/es Into n living reality." Senator Hubert Humphrey, uc- , of Minnesota, expressed the opinion that the leadership of both '.he House and senate should bring I PEPC legislation to the floor at the earliest possible lime. "The Democratic party cannot kid the American People," he said. The American people  that tho Democratic  lins a majority in Congress, he stated," and If we do not have a majority, let us say so."  OH  Asked by Representative Richard M. Nixon, Republican, of California, i sub- member, whether !i Ijolleved PEl'C legislation could be passed l)i the Senate where It would most, likely run Into a southern filibuster, senator Humphrey replied that, there  rc enough votes from northern nnd western states to break a filibuster. Senator Humphrey said many of his friends continuously  the blame for failure of tho Sonate to pass civil rights legislation on southern colleagues. He pointed out (Continued on 1'age 4 Column 3)                 Seek Listing (Continued from I'ago One) Jmt the  number of Senators from Southern Stntcs, opposed to such legislation, Is twenty- two Declaring  civil right legislation Is n bi-p..snn matter, the Minnesotnn asserted Hint there live enough Democratic Senntirs, who nre not from the South, and enough Republican Senators, If northern and western Democrats and Republicans would form h . to break a filibuster and pass PEPC legislation. Senator Humphrey emphasized the Intimate interdependency between the solution of our human re                 l. problems In our own communities, and within our own nnt.ona: boundaries, and our major  task of building  and decent nnd peaceful relations between the peoples of the world. "If we are going to export . wy better get tooled up for mass production of It here at j homo," he said. "We must deal with Justice nnd mutual respect and good will with our , If we are to qualify as decent citizens of the world." Representative HeJen Oahtigan Douglas. Democrat, of California, told the committee that she believed the initiative In getting FEPC legislation enacted should come from the Democratic leadership Inasmuch as the Democrats Bre In control of Congress. She added, however, that It was not a a partisan matter and both the Democratic nnd Republican leadership should  their                 forces. Even If II cannot be passed, she s. "a sincere effort should be made on the part of those people who went lo put H through so that the voting public can see where members of Congress stand."  RPase   I Mrs. Douglas, who is the author or one of the bills the committee Is considering, sola FEPC legislation ts "designed to protect the right of nil Americans to earn a livelihood at i any trade without discrimination because of race or creed."                 She contended that surely this right" -must be preferred over the nrld principle of states1 rights or to be more accurate, the principles of ' wrongs. For what rights nre l- In our opponents' pro- i - the  of states to    eople from finding Jobs because of their color? If this were not h wrong- Instead of a states' ^this Issue never would have arisen."</t>
  </si>
  <si>
    <t>                                           WASHINGTON, D. C.--(NNPA)--A bi-partisan approach to fair employment practice legislation with Democratic and Republican leadership in both the House and Senate mobilizing their forces was advocated by several members of Congress last Wednesday.</t>
  </si>
  <si>
    <t>                                           Strikers Back -To Work Terms Rejected By Co.                 ATLANTA. ISNS) The drill i;!;i Power Company  thumbs down TluirMliiy oil n pru1 .1 js:i 1 by .: Alhmlu trolli y i iicr.itors to  their dispute:  wni;cs    to .                 Jcs.i- Walton,  of the At.alUn ~[t-ail]~ of (he API. AimiN i:.im:i(    Hired Cur Workers,  tin' I .-UK)        drivers  lni cli.mlcs voted  y Thursday      return to ( Jobs for u CO-day settlement period. C. H. McManns, president of the Gioir.la Power C'ompnny, flatly                 dared: 'Tin; company cannot accept It." MciManus asserted that the Union "has proposed  now     end (lit? strike." Up continued: "Our  to the union still si ami- a .1 .se of four cents an  on top of tin1 present         (! WHgu scale." 'I'hi! union Is asking u 15-cenl an hour wane Increase. Tlie drivers are presently paid $1.31 nn hour McManas said the union demand* would bankrupt Hie transportation system of Atlanta. Ho declared It would enst one million, 500- dollars. 't wo members of the union were seriously Injured when temporary stands collapsed during a meeting of the trolley workers this . Several others suffered lesser hurts. Komi' HlKJ.OOO Atluntans as well"  is .vs concerns  been  by the 12-day-old-.. Atlautaus also learned (fiat the transit .strike may last another week. Jt"ss;~ Walton, union chieftain. Is reported to  engaged the Auditorium at the University of Georgia. Atlanta division, for May 21- A week trom Saturday. When asked  the Auditorium reservation, Walton said there was no significance In the date, as It was merely tentative. He said ho asked for the Auditorium for o:ie day next week, and was Informed Saturday was the only date upen.</t>
  </si>
  <si>
    <t>                                           ATLANTA, -- (SNS) -- The Georgia Power Company turned thumbs down Thursday on a proposal by striking Atlanta trolley operators to submit their dispute over wages and working conditions to arbitration.</t>
  </si>
  <si>
    <t>                                           Funeral services for Mr. Ben H. Townley will be held this Saturday afternoon at 2 o clock from Friendship Baptist Church, with the Rev. Maynard H. Jackson officiating. Burial will be in South View Cem. under the direction of Cox Brothers. Mr. Townsley, is a native of Atlanta and at an eariy age, lie and his father ran a Shoe Shop on Broad Street. Later he went into the Real Estate business, where he remained until ill health caused him to retire. Mr. Townsley was a staunch member of Friendship Baptist Church, A member of the Deacon Board and                 other Church organizations, he was former President of South View Cemetery Association, and Secretary of Chestnut Hill Cemetery Association. These positions he also held until his health failed him. Mr. Townsley made many friends during his life and was loved by everyone that knew him. Surviving him are one sister, Mrs. Ray. of Jacksonville, Fla., a niece, Mrs. Ella Emerson, a nephew, Mr. Travis Johnson, both of West Palm Beach, Fla., a son in law, Mr. Euel Biggers, a very close friend. Mrs. M. Patrick, and one cousin, Mr. D. A. Townsley.</t>
  </si>
  <si>
    <t>                                           NAACP Urges Special Session On Rights Bills                 NEW YORK- Announcement by Senator Scott W. I., majority lender, of the administration s de-  to abandon all welfare nnd civil right* legislation for this session of Congress "comes ns h great shock to millions of American No- ," Hoy Wllklns, assistant sec-                 rotary of the Nntlnnnl Association for tin' Advancement of Colored People,  In n wire to  senate lender. In tho name of the millions of Negro citizens "who voted for tho President and his parly last November on I lie strength of the Plillndelpliln platform and the promise!* of Mr. Triimnn himself," Mr. WIN   the Truman administration "to call a special .session of Congress this summer for tho purpose of acting upon civil rights Icgisla- I tlon." TEXT OF WIRE The complete text of tho  to Benator Lucas follows: Your announcement that the administration has dropped all welfare and civil rights legislation for Ihls session of Congress comes as n shock to millions of American Negroes who voted for the President' and his party last November on      strength of tho Philadelphia  and the promises of Mr. Truman himself. No one expected support for the Truman program from the Dixiecrats. Tho  between Hepublicans and Dlxlccrats was certainly not expected. But the faintheartedness and outright defection of some liberal Democrats was not anticipated. Tho session began with the senate not, only refusing to uphold the Barklcy ruling on shutting off filibusters, but adopting a new rule                 which abandons democratic processes no,;' establishes government by (. Umviniiig or unable to halt adoption or measures which make a forthright civil rights program practically Impossible of attainment at this session, administration lead* era  to support antl- amendments to housing and (~( bills. Now comes open abandonment of tho whole program for this session. Mr. Truman still Insists, as of May 25, that he Is for his civil rights proposal s and will continue to press for them. Tho Republicans, who share tho blame for tho failures in this session, Insist that tho now filibuster rule Is a bettor ono than tho old, that civil right* bills can be passed under It, and havo challenged the Domocrat* to bring up such legislation for a test. Wo  call upon tho Trumnn administration to call a special session of congress this summer for Mie purpose of acting upon civil rights legislation.</t>
  </si>
  <si>
    <t>                                           NEW YORK--Announcement by Senator Scott W. Lucas, majority leader, of the administration's decision to abandon all welfare and civil rights legislation for this session of Congress "comes as a great shock to millions of American Negroes," Roy Wilkins, assistant...</t>
  </si>
  <si>
    <t>                                           Truman Fires First Gun For Demo Congress Control                 WASHINGTON President Truman asserted Thursday that his Labor Day addresses fired the open ing sun in the Democratic drive to  control of Congress in the 1950 elections.                 The president also told his news conference that he may go to New York to aid former Gov. Herbert H. Lehman's drive to defeat Sen. Dulles (   in the Empire State's special election. Mr. Truman's statement was seen as bolstering interest in the forthcoming balloting which will follow a nip-and-tuck campaign bewteen Dulles and Lehman. Political experts have predicted a close election. DENOUNCES PEEKSKILL The chief executive denounced as  the PeeksklU, N. Y. Riotini;  veterans Rronps nnd                 Hher citizens and the supporters of -winK Negro singer Paul Robcrion. The president also: 1. said that the government is doing everything possible to head off a threatened strike on the Missouri Pacific Railroad. And will continue to exert pressure to halt an industry-crippling walkout. 2. Announced that he has selected former envoy to Egypt Stanton Griffix to be ambassador to Argentina, succeeding James Bruce, who lias declared he wishes to resign. 3. Asserted that the Mexican oil loan negotiations will soon be resumed. 4. Said he has no intention of withdrawing the nomination of Carroll Switzer to be a judge for the federal district of Iowa despite the bitter opposition of Sen. Gillette (D) la. The nomination has been  the senate for some time.</t>
  </si>
  <si>
    <t>                                           WASHINGTON -- President Truman asserted Thursday that his Labor Day addresses fired the opening gun in the Democratic drive to retaing control of Congress in the 1950 elections.</t>
  </si>
  <si>
    <t>                                           BnJor Son JlfWAra^ Install IRj^^IsrJiI MSH , Hep. BA. 9383</t>
  </si>
  <si>
    <t>                                           P^ Published Every Morning Except Monday jj. j$ News" 9S^mm^^mm volume 21 number ^ia Atlanta (3), Georgia, Thursday, june 2, 1949 price five cents f^ J</t>
  </si>
  <si>
    <t>                                           A 25-year-old man was admitted to Grady Hospital in a critical condition suffering an eight-inch laceration on the left side of his throat and another cut about the head, police reported Tuesday.</t>
  </si>
  <si>
    <t>                                           WAVELAND, Mississippi -- 138 women from 18 Methodist Conferences covering a large section of the United States, met at Gulfside Assembly here in the annual Central Jurisdiction School of Missions, from August 8-14.</t>
  </si>
  <si>
    <t>                                           Atlanta          Piklfcbet Every Moraine Except Monday, at 21* Aakna Anmm Members: 8N8 NNPA ANP INS W. A. Sect* n, Foonder-PobHiher, Ant. 6, U2S, to 7, UM      An*. S, ISMS Became Dally March 14, IMS Telephone: WAinat 1458 MM attend in Port  at Atlanta (3), u second daw maU under the Act ot Congreaa, March U. 187  a A, 8COTT Editor and Oeseral Uanacer 8UB8 RATES BX BiAnH     : 1 Year  12.00; 6 Months %0M; I Month* UM  Onlr: 1 Tear $4J0; 6 Months  M Canada: Tear *  ; 6 Months 1325; Foreign: I Tear VIM Subscription Bates By Carrier 25c Weekly THE ATLANTA DAILY WORLD is an Independent newspaper,  and non-partisan, printing news absolutely unbiased!? and supporting those things it believes to be to the Interest ot lta readers and opposing those things against the Interest of its reader*. THE WORLD expressly repudiates responsibility tor return of unsolicited pictures, manuscripts, etc., unless stamps are sent. Address ALL COMMUNICATIONS \i, and make CHECKS payable to ATLANTA DAILY , ratbag than to individuals. THE  TO VOTE The /Ifht to vote must be open to aU oar citizens Irrespective of  ace,      , or Creed without tax or artificial restrictions of any kind. the  we *et to that basis of political equality, the better It will be fw thc  as a whole."  D. ROOSEVELT.</t>
  </si>
  <si>
    <t>                                           JEAN WORTH IB BACK IN THE CITT Palmist and Psycnle Calls Tour Name, Ask* No Question* g--^,-^..--- This lady does     -^^H not .flatter .you, LsH I *l*sw9 she tells you UXe  tH"^-^bs1 BhouM be. For \      e v e r y trouble m. Yjrsal there la a remedy ^^~t\ JH and In most cases,  your reach If' you only, knew how. for while Ignorance may sometimes be bliss, It la folly of the most dangerous sort to be Ignorant of the problems of love, marriage, business and speculation. Not to know Is to suffer. Knowledge U Power- Ifnoranoe U the cause of all evil. This lady warns you gravely- she suggests wisely- she explains fully. She Answers All Questlons. Know Thyself and find success and happiness. No one in trouble turned away. This lady has- helped' thousands and she can and will help you. IMS BANKHEAD AVE, M. W. AIsekU Park       Os*    Angus? Street</t>
  </si>
  <si>
    <t>                                           MAJOR LEAGUE  Boston Red Sox 3 Detroit tigers 0 Boston Braves 12 St. Louis Cardinals 4 Brooklyn Dodgers 4 Pittsburgh Pirates 3</t>
  </si>
  <si>
    <t>                                           NAACP Seeks Action On Fla. Violence                 Attorney General, Other Officials Wired By Unit                 NEW YORK- A second request that members of the mob terrorizing the Groveland. Florida, area be wrested and prosecuted was made ast week by Madison S. Jones. Jr.. administrative assistant of the National Association for the Advance' ment of Colored People.                 Iy the NAACP was assured by Frank Wright, assistant to Governor Puller Warren, that National Guard personnel were assigned to patrol the Groveland area. '7 Earlier In the week, press accounts of continued violence against Negroes prompted the NAACP to wire Governor Warren urging that the Guardsmen, who reportedly had been dismissed from the area, be returned to duty 'to protect lives and property of Negroes of that community." At the same time Mr. Jones- dispatched a message to Attorney General Tom Clark, request ing an investigation of the riots "to ascertain whether federal violations have occurred." WIRES TO CONGRESS Further pressure for action was made by the NAACP in telegrams to Senator J. Howard McGrath 'D.-R. I.), chairman or the Senate Judiciary Committee subcommittee on civil rights, and Representative Emanuel Celler (D.-N. Y.), chairman of the House Judiciary Commttee. The wire to Congressman Celler noted "the interest of the committee in the matter of mob activities in the Stnte of Alabama" and urged the committee to investigate the Groveland situation. Both committees were also urged to report favorably on and press for adoption of pending civil rights legislation. Assistant Special Counsel Franklin H. Williams of, the NAACP learned In a telephone conversation with Mr. Maceo W. Hubbard of the Department of Justice, that the Department is awaiting a report from the Federal Bureau of Investigation, which is already on the scene. In the meantime, the NAACP Is (Continued on Page 4 Column 4)                 NAACP Seeks (Continued from Page One) conducting an independent investigation of the current Florida reign of terror. -GET REGISTERED TO VOTE-</t>
  </si>
  <si>
    <t>                                           NEW YORK--A second request that members of the mob terrorizing the Groveland. Florida, area be arrested and prosecuted was made last week by Madison S. Jones. Jr., administrative assistant of the National Association for the Advancement of Colored People...</t>
  </si>
  <si>
    <t>                                           Local Deaths                 NEAL, Mrs. Bessie, of 748 Pelham passed July 28. HULL, Mrs. Hattie of Conyers, Ga. passed July 27. DAVIS, Mr. Sweet passed at the residence. ADKINS. Mrs. Annie, of 803 Playlane, N. W.. Apt. 187 passed July 28 in Cincinnati. WORTHY. Mr. Georgia passed at 274'/, Harris Street, July 28.</t>
  </si>
  <si>
    <t>                                           Bailey Theatres ASHBY "  POWDER RIVER" And "DEVIL OX WHEELS" EIGHTY-ONE "WILD FRONTIER" With AI.AN LANK And " SAID" AlMi  MR. M  BLAZING ACROSS THE PECOS" With CHARLES STARRETT And "STKlXfiE CONFESSIONS" Alsu LOST CITY OF THE Jl'NGLE HARLEM SON OF THE HAD MAS" With LASH LA Rl'E And "DKAfJ-"       18 MR. M ItOI.L. Till'NDER. ROLL" With KLD RYDER And " OF RIX TIN TIN" Also TEX  ROYAL TEXAS PANIIANDLt" Wilh HARI.ES STARRETT And Bt:      LOCKED DOO1IS" STRAND "GHOST TOWN IAW" II llh RICK JO.VFS And "BOWERY BOMBSHELL"</t>
  </si>
  <si>
    <t>                                           TIM TYLtR By Lyttifeft Ystfr^                 FH.IX THE CM, By Sull.van</t>
  </si>
  <si>
    <t>                                           RE-ELECT JOHN T. MARLER Representative Of ALL The People Councilman 4th Ward September 7 HIS RECORD IS CLEAN HIS RECORD IS PROGRESSIVE HIS EXPERIENCE IS</t>
  </si>
  <si>
    <t>                                           Rumbling Fire Engines Arouse W'side Sleepers                 Urgent siren screams and the boisterous rumble of noisy fire trucks jolted sleepy-eyed residents of Atlanta's westside from a deep slumber around 2 a. m. as a sudden blaze swept through a storeroom on West Hunter Street. At least four fire-equipped trucks from surrounding communities were summoned to the blaze, which damaged two beds, a dresser and about $150 worth of clothing to be sold at a rumage sale. Mrs. Amelia Aiken, owner of the storehouse located In the rear of a two-story building ftt 896 Hunter Street, S. W., believed that the fire was caused by a prowler who gained entrance to the storehouse. She said she had left the door open before and caught prowlers sleeping in the storeroom. There is no immediate fire protection accorded the West Hunter area, but fire equipment was speedily summoned from other areas. I The fire was brought under con- trol shortly after it broke out; at 1:58 a. m.</t>
  </si>
  <si>
    <t>                                           Kidnap Charges Held Against Brothers                 WASHINGTON The justice department Friday announced the arrest of two Missouri brothers wanted for kidnaping an Arkansas Negro and revealed that the pair may also be charged with Peonage. Attorney General McGrath identified the pair as Frank and Chester Brown. He said they were arrested by Federal Agents in Hermondale, Mo., on a charge of kidnaping Robert Lee Talley. McGrath said testimony before a Federal Grand Jury in Little Rock alleged that the brothers abducted Talley Sept. 6 in Mississippi county, Arkansas, and took him to their farm at Hermondale. Talley escaped from the pair and  old Federal authorities  the alleged kidnapers beat him unconscious before the trip. He said they wanted him to work on the Brown farm. McGrath pointed out that the Lindbergh law provides the death penalty for kidnapers who harm their victims. He said the civil rights section of the justice department is also considering a Peonage charge against the two farmer-, in view of the motive for the alleged crime.</t>
  </si>
  <si>
    <t>                                           "WHAT were you saying you would do just as we came in, Deb?" Tim Grant persisted.</t>
  </si>
  <si>
    <t>                                           4 GRANDCHILDREN IN                 Butte, Mont.. Mr. and Mrs. Don Cronln became grandparents four times with eleven days recently. The four cousins were all born at  same hospital.</t>
  </si>
  <si>
    <t>                                           ASHBY -BADLANDS OF DAKOTA" EIGHTY-ONB FORREST "MARK Of THE LASH" With LASH LA RUE Aai "8" Aba  Or DEATH VALLEY HARLEM " 8" With   And "8 CONQUEST" AIM  MOUNTED BIDES AGAIN LINCOLN "MARSHALL OP AMARILLO" ( Chipttr) ROTAli "COME ON COWBOYS" With   And "Ana, SHOWERS" * "ARIZONA "</t>
  </si>
  <si>
    <t>                                           MADAME BROOKS AMERICAN PALMIST First Tirne Here Without any question this remarkable lady * your life from Infancy to old ace.        and facts. Gulden you to success* happiness. Causes  and happy marriages. You will find her work educational and convincing. Sbr Js the seventh  born with double veil, removes bad luck, fives lucky days. etc. Hours II A. M. to 9 P. M. Daily and Sunday. Permanent location tilt Stewart Avenue S. VV. Take trackless No. II Ijkcwaod- Slcwatt Arenue.Gel off at Stewart Ave.walk south on Stewart blocks, look for hand on  with my name on top.</t>
  </si>
  <si>
    <t>                                           The new senior high school in Macon, Ballard-Hudson was opened for the first registration of students on Monday, September 12. This school has been proclaimed by many leading educators throughout the South as one of the best school plants in the region, comparing...</t>
  </si>
  <si>
    <t>                                           H rk M H *T i ^1 IB SALM0NjE49c ORANGE ADE   P*pal*    R. F. BRAND ^^T ^^M 5'i-OZ. CAN h!~c     hash ~^25^ f medium 1 2 fo, 25C HORMEL S MINN. I PRUNES 1 PEACHES 15C CAN SKINLESS ^^^^^^^^"^^^T^ BEECHNUT WIENERS W^ 8OZ- ^B CHEWING 35  I '*1 6 ^g?"M19c I APPLESAUCE! Ce'*~n 64c SMALL, TENDER I I i^""^"^"" ; ai  m  VI in m 4-LB. CTN. REX  LEAN 1 7*AC A Pure Lard tb 31C H^J i^B 64  PI A II n ALL 1O-LB. SACKS ~%^\t* h I I I 1 1 K CAPITOLA. OBELISK UUC I LU U II MY-T-PURE, PILLSBURY ^9^7 W ring Va CAN ^MBI QUART BOTTLE WHITE ^^.^^H TEXIZE TUNA W BAKERY DEPT STARCH f  G-Ke VALUE 1 ftc I BAR CAKES I AU QUART I m 1  I          I clorox k 49  J SLICED BACONl 16c  37/2I</t>
  </si>
  <si>
    <t>                                           WE HAVE THEM! FIELD S RECORD SHOP New and Used Records Come In -Bring Your Friends 177 Hdgew/ood Ave. WA. 259G</t>
  </si>
  <si>
    <t>                                           While we were walking down the street the other day we ran across our good friend, Brother Billie, and we were mighty glad to see this most worthy "man of the cloth," who is doing what he can to help Push his people up the ladder of Progress.</t>
  </si>
  <si>
    <t>                                           Three Nurses Assigned To Walter Reed Gen'l Hospital                 WASHINGTON, D. C- Captain Ruth N. Faulkner of Monroe, North Carolina First Lieutenant Helen E. Templeton of Trautman, North Carolina and First Lieutenant Oracle V. Roberts of Shelby, North Carolina of the Army Nurse Corps recently reported to the Army Medical Center here to assume duties at Walter Reed General Hospital. Captain Faulkner entered the service in July, 1942 and has served at Tuskegee Air Force Base for six years as surgical ward nurse, assistant chief nurse and principal chief nurse. Prior to entering the service she was superintendent of nurses at North Carolina State Sanitarium, McCain, North Carolina. Lieutenant Templeton joined the Army in 1944 and has served at Camp McCoy.Wisconsin;Fort Bragg. North Carolina; and Fort Dix, New Jersey. Before entering the service, she was a staff nurse with the Veterans Administration. Lieutenant Roberts entered the service in 1945 and also served at Camp McCoy, Wisconsin and Fort Dix, New Jersey before being assigned to Walter Reed General hospital. Prior to her enlistment in the Army Lieutenant Roberts was supervisor of surgery and medicine at the Richardson Hospital in Greensboro, North Carolina.</t>
  </si>
  <si>
    <t>                                           TO DILLARD- 'Julias Snmner wlU be professor \pf mathematics and physics in the Division of Sciences at Dillnrd University, New Orleans, next term, leaving the faculty of Michigan College of Mining and Technology, Sault Ste. Marie, Mich. He holds Bachelor of Science and Muster of Arts degrees from Boston University and a Master of Arts degree from the University of Iowa: also studied at the University of Oklanoma and has taug hi in the Department of Physics at UCI.A three straight summers.</t>
  </si>
  <si>
    <t>                                           BUFORD, Ga. -- The Athens Red Sox defeated the Gainesville Eagles 5-3 Thursday night at Bona Allen Park to win the Georgia State baseball tournament.</t>
  </si>
  <si>
    <t>                                           Universal Life Insurance Company will hold its dedicatory ceremonies July 7-8 at the new building into which it recently moved. The ceremonies will also celebrate the twenty-fifth anniversary of the Company.</t>
  </si>
  <si>
    <t>                                           JEAN WORTH im BACK tN THE CIT1 I'mtmiat and Paychlc Call* Toar Name. Aak* No Quratlntm Chin lad\ low i IHYIVjB DOt flatter you.   V 1-f.aVl te"* yu" i  B  5!j/^fj should be Foi V^ "^^Tf every *-  m. \f f-f t*1'18 a remed* ^^^^r* iii and In mait CS-" within youi . 11 you only knew how. fur while i Ignorance mity  be j bliss. It Is toll; of the must dan-'  sort to be Ignorant .if the problems of love, . - ness and             i Not to know to . Knowl  I* Power- Unnnuie* b      of all  Fhls lady warns yuu gravely- she   -she * fully She Answrrs All Ques- Uonh. Know Thyself  nd find success and happiness, No one In 'rouble turned *wav This Udv ban   and she can and will help yon.           *VR. W. Uwii Part Rl*rt</t>
  </si>
  <si>
    <t>                                           A battery of high church women will spark the observance of Woman's Day throughout the day Sunday at the South Atlanta Methodist church, Rev. A. S. Dickerson, pastor.</t>
  </si>
  <si>
    <t>                                           ATLANTA WANTS HONEST, FAIR-MINDED MEN IN CITY OFFICES! READ WHAT DREW PEARSON SAID IN HIS ATLANTA JOURNAL COLUMN ON OCTOBER 9, 1947. WASHINGTON MERRY-GCr-ROUND note the name in circle! AI1a/~i4*~~ I/I-- iM^lii/ *~4  Ii4      /*AHiiAHf lAn Drew Pearson Quote: "F. Lee Evans, City Councilman, Alleg6S Wait influence at MaCOn WOnVenilOn Secretary of Atlanta Klan Headquarters." By DREW PEARSON      ^ains and busses at state lines in order to overrate the U. S. Supreme Court on  FOP AND WIN WITH Washington. Oct. 9. i Jim Crow laws.  rv-"* AAl^ur  TODAY the Georgia Suue .ic Con- 1 Talmadge's boast is: "Gene always keeps vent ion . t-nos in Macon to prepare his promises." And no matter how far it ^H M^ m M M IA plans for Tah:u.aSes forthcoming  back iht         the- above-named H^II A      1 IB1 reign as governor ol Gcrigiu. In keeping Klansmen will help him keep them. IK' H    ^K I wMl with state tradition. Talm.-ir.i-e K opponents, H^ IS'li '~^V 'Ed Rivers and Jimmy Cnnniciuicl (the lat- Truculent Turtle's Freok Fire I I      %      ter actually receive:: a ^m^^^ Flight Commander Thomas D. Davies ~~^~M ^~m^ ^H larger vote than Tnl-  4lwP^^ I. and crew members of the Navy's Truculent madge) have surrendered If, y^H Turtle will make a detailed report to the Mlk Mife ^IBk ^1^ 'their delegates to Gene U    { Navy Department of a scientific - W1M mFm ^^1 ^^1 F^ ^^1 H^n and hf wilt, have com- msy* '*~J^    '    that  while their' ice- Austed Ul ,  ^ plete sway over the Do:n- r^'i"* t*""^!^ plane was (lying at 12,000 feet between ^^bI I II V ^^ft oi-ratic Party. k ii Rer.o, Nev, and Ouden. Utah. ll^JUUkll^V taking r,-: vantage u( L qf U j The propeller of the Truculent Turtle was ^^^Pl ^M that sway. Tnlmaoge has ^k i^B enveloped by a huge halo of "St. Elmo's had the brass to appoint ^mi%^Jr^m fire," an electromagnetic -discharge that re- .^..^..m.i !~~~~~~% as delegates the most ^   ^B  a greenish-blue. flame and Is four FllK Al IIFkwIAN-ATII WARlI variegated array of Ku H^ '^H times as bright as the northern lights. TUll  Iff I n  Klux Klanners Georg-.a '  "St. Elmo's fire" is not new to science. has seen in years. Tal- t,R..r;REF\ Its discovery dates back to the Middle Ages, Ci i#-/-     I cc  madge delegates who v.-ill chart the i\.f.:re .when the same kind of electrical slow was l'~  LtC  ~?       of the Derrorraiii- P;.rty read tike a observed around church steeples. f.M ^~oll-caH of the nightshirt brigade at Stone However. Commander Davies will report fountain. Here are t.y.v.c of then- that never before in his experience as a IFI% A All#l I Al  Dr. Samuel Green, grand dragon for Xavy  has an airplane undergone such  IN H 1 1 ll lv I" M,V i0"*'- A11 a freakish hazard..  IlLlI II  Sam Roper,  ^ of Atlanta Strange Neon Effect Klan No. 297: attends meetings In his police SmaU fingers of lhe blinding electrical uniform: former head of the CeorgiaBu- flame darted up inside the bulletproof wind- XA/~~~ ac PAID TH AM THF  P  TnvpSt,    ^       :'w_ shield, not inside the cockpit, but inside the WILL BE PAIR TU ALL I Mt KtUKLt f- ~-m- i very  itse]ft creating a strange neon at . Commander Davies disclosed In a lj L i.L* U:~      ;/~ r\r I preliminary report to superior officers at Me nOS nothing in HIS  Or ;v '-:-*'Uy r-i-~e, the Navy Department. UT:" private record to be ashamed of, -~.v i i "jt made our hair stand on- end for a L*~J V^ '~i- '  ?t\t C^e^f while." Commander Davies reported to OT TO hide. \j ..:r, ;!ti!!v;. Klaai friends. "Of course, I knew that we were t ,.p,,-   r6- sa^   because the gas tanks were well pro-. ~^ic i-...! jf.-:.-'. r.:.:,'l  w.'l wn ~,W- I i"side .the plane, but if. hard to be ED A All/1 IN DAni^CDO :-:~Y:\ t--:      As s rc^?/ "he objective when you "are up in the clouds T       A ~_J  1 KIJ ll-llt K v.,.- .,v,-,.(i i, *~Mb?~. -/the at    *t  n a cockpit and. something like I    UVUUkllV -.r.~ -i  wt his that hiU you." ,~   "of I Later, when the plane s windshield was -'l examined, no apparent damage had been WILL HELP' SOLVE ATLANTA S  aired done to the glass by the freakish incident.  ni-Lr J^lyl  KJf^   ^ty.^:-ci^ni         X***CM' 1 PROBLEMS, NOT CREATE THEM. ^^Ssi^^A^-1^*'  of AUnn.^ Klan               . M [f }- "K^ ^^ntsU a t\       SK SS ft S I THIS AD PAID FOR BY FRIENDS OF Ellis Barrett, county commissioner, at-V lm ^ , and       Hi ^""SJ I'   1anl , Attanta Po_ I *ould be easier to put Taft over it Dew* FRANKLIN RODGERS. i m n.~in ,,*~h VHn'    l fails in J* bid      '~-        .as  We           , attends Klan No. 1.  New 'York There are now two  ub- s JimmJe Helms, city detective, head \osa            ' which bigwig  make i PAID POLITICAL ADVERTISEMENT</t>
  </si>
  <si>
    <t>                                           Compared to the eyes or mouth, the nose holds a rather insignificant place in summing up the elements of pulchritude. It is neither condemned nor admired unless its size, shape and appearance intrude pleasantly or unpleasantly upon one's attention.</t>
  </si>
  <si>
    <t>                                           MADAM EVA 25c SPECIAL READING 25c  Worid'a crest-  or wife , be ante and come at once. Office hours 9 a.m. to 10 p.m. dally and Sunday. 1015 W. Marietta 8L, N. W. Take the In- J man Yard* Trolley Boa, Stops at the doof.</t>
  </si>
  <si>
    <t>                                           THE EVENING passed and the next day and they received no word. The agency, tailing to locate nim m Minneapolis went to work on St. Paul. on the faint chance that, with overcrowded hotel facilities, ne might nave been forced to seek accommodations in...</t>
  </si>
  <si>
    <t>                                           Atlanta JlltllAVdfld * Ever; Morning Except Monday, at 21* Anbarn Aw** Members: tiSH NNPA ANP OiS n. A. Scott n, Founder-Publisher, Aug. 5, 1928, to Feb. T, UM r*anded Aug. 5, 1928; Became Ually March U, 1MB Telephone: WAlnut 14   IU% K'llcred in Post Olllce ut Atlanta (3), Ca., as second dui mall under the Act of Congress, March 13, 1878 V. A.  Editor  nd General Htufei SUBSCRIPTION KATES BY MAIL: Dally: 1 Tear $12.00; 6 Months $6.50; 3 Months %UU But or day Only: 1 Year 51.50; 6 Months *2-5t Canada: Year {5.50; 6 Months $3.25; Foreign: 1 Year  7M Subscription Rates By Carrier 25o Weekly TifE ATLANTA DAILY WORLD Is an Independent -,  and non-partisan, printing news absolutely  and  Uiuse Uuiiiis It  to be to the Interest of Its readers and opposing those things against the Interest of Its readers. THE WORLD expressly repudiates responsibility for return of unsolicited pictures, manuscripts, etc.. unless stamps are sent. Address ALL  u, and make  payable to ATLANTA  WORLD,  'omi to Individuals. THE KKiHT TO VOTE "The  to vote  be open to ull uur citizens Irrespective of . Color, or Creed  lux or  restrictions of any kind. '1 he sooner we get to that  of political equality, the better it will be for tiie country an whole." FRANKLIN D. ROOSEVELT.</t>
  </si>
  <si>
    <t>                                           i ^^y y' 1 SENSATIONAL    GRIFFIN  i LIQUID WAX :  , $ VT^T'" JUST APPLY   r-d^ LET DRY! ffi^mp x Yuu'l 1 get a bright Bmm$ki sp*MiT "d.           ^ UP shine in a WmW**^ jiffy.       marks i 1  too Y' Special Griffin carton serves as I non-tip bottle' -r holder. GRIFFIN SELF POLISHING LIQUID WAX {</t>
  </si>
  <si>
    <t>                                           I Madam Eva I 25c  25c i ^ World'!   ifl^^^H you  l-} " othen jl' I I l^  wlth 7onr i ;ii ha** i/ or wife . lie mar  na  mr  t once. Office boon to .       and Sunday. 1 16 W. Marietta St. N. W. Tak* Uw        TaMU           .       at</t>
  </si>
  <si>
    <t>                                           DR. RALPH J. BUNCHE, INTERNATIONAL PEACEMAKER, will receive the Splngarn Medal, awarded annually to a Negro American for distinguished achievement, at the closing session of the 40th annual conference of the NAACP. The                 award will be presented Sunday afternoon, July 17, by Mine. V. L. Pundit, Indian Ambassador to the United States at a huge mass meetIng in Hollywood Bowl. Dr. Bundle is pictured above in his various activities as United Nations Mediator                 for Palestine. Top center, in pensive mood; left with Mrs. Eleanor Roosevelt, member 'of the United States delegation to the UN; right. Awaiting arrival of the body of his predecessor the slain Count Folke Bernadotte;                 center, In conference with staff of-  nt Haifa; bottom left. UN Mediator reports to Stnnton Grtffls, director ol UN relief for Pales- I tine refugees (left) and Secretary General Trygvc Lie; right. Dr. Bunche meets the International press.</t>
  </si>
  <si>
    <t>                                           S MADAME BROOKS AMERICAN PALMIST First Time Here Wilboot onr andiron (his remarkable ladr reveals  life from Infancy to old ate.  dates and facts. Qoldei too to success, . Causes spce. dj and  marriage*. Too will find  ork  and . h kis he.,5  born with double veil. Closed Tuesday Sunday? A- M. DM, a.d Permanent location S214 Stewart Avenue, s. W. Take trackless No. 11 Lakewood-         AvenucGel off at Kit".     .w;li  on Stevact 2 blocks.      for band on tUn with mr nimi</t>
  </si>
  <si>
    <t>                                           NEW YORK -(NNPA)- Muriel Rahn, soprano scored another triumph here Saturday night, July 10 in the title role of "Aida" before an audience of 5,000 at the Triborough Stadium on Randall's Island.</t>
  </si>
  <si>
    <t>                                           THE PLAY was a comedy, ... and brittle, in the spontaneously fresh characterizations there was no evidence of how many hundreds of nights these people had said the same lines to bring laughter and escape.</t>
  </si>
  <si>
    <t>                                           CARVER SCHOOL QUEEN AND ATTENDANTS- Miss Tuez Williams renter top, wns crowned queen of Cnrvpr Vocational School nt the font ball game with Spencer      Hchool Friday night, at Harper Field. Her attendants, left to right,                 I were Misses Rudena Thompkins, Mabel Allen, Betty Scott and Carolyn Terrell. Principal Bohannon crowned Miss Williams, who is a 12tli grade practical nursing student. Carver's first  was                 spirited by a gigantic and colorful motorcade which left the South Atlanta site, and escorted by motorcycle patrolmen, winding its way                 to [lie West Side field (Photo by Ad'ain.</t>
  </si>
  <si>
    <t>                                           DEATHS                 WOMBLE. Mr. Bartow passed at the residence. , Mr. Woodie, of 1249 Grape St. pased away at his residence August iO. NEWSON, Mrs. Mary, of 1044 Sims St., passed at her residence August 9. CALEB, Mr. Napoleon, 688 LarMn St., apt 464 passed August 10. PEAVY, Miss Maude, of Scott Crossing passed August 10.</t>
  </si>
  <si>
    <t>                                           CONTEST WINNER Mrs.. SUr sie Chapman, vice president of tHB Quien Sabes Social Club recently won an expense free trip to Detroit. In a popularity contest sponsored jft the De Rosa Social Club, Mr. A. IX Chapman, president; Mr. Frank JfrJohnson, secretary.</t>
  </si>
  <si>
    <t>                                           OBSERVES FIRST BIRTHDAY Shown here Is Baby Cassandra Aletha Peters, daughter of Mr. and Mrs. McKinley Peters of Atlanta, who observed her first birthday on Thursday, September 1. by attending a birthday party. Recently, Baby Cassandra was the winner a Baby Contest sponsored by Mrs. Essie Martin and her co-workers.</t>
  </si>
  <si>
    <t>                                           RETURNS 5              . J. Arnold, popular 'teal- estate broker especially in managing property for the ministers of all churches !n Atlanta. He has just returned Irom North and South. Carolina where he set up two brandies of the Postal Alliance.</t>
  </si>
  <si>
    <t>                                           Late News In Brief                 (From International Newt Service)                 Murder Suspect Gets Lie Detector's Test                 Negro John Stark Vanderbilt still faces a barrage of questions from Michigan and Georgia police Friday night about the unsolved mutilation murder of wealthy Michigan socialite Mrs. Lydia Thompson in 1945. The 37-year old Vanderbilt was arrested in Jefferson, Georgia, Wednesday on fraud charges. He began giving a graphic description of the murder in an apparent effort to divert attention from the fraud charge. A Lie-Detector test today indicated that Vanderbilt is telling the truth about the slaying, but police said some details of his story do not check with actual facts.</t>
  </si>
  <si>
    <t>                                           Tuesday morning, November 15, at 10:00 o'clock, Dr. Leander Asbery Pinkston, Atlanta, Pastor of the Travelers Rest Baptist Church and President of the General Missionary Baptist Convention of Georgia, will open the 79th Annual Session of the Convention with a special...</t>
  </si>
  <si>
    <t>                                           UNDEFEATED PRAIRIE VIEW PANTHERS- The Prairie View Panthers coached by Jimmte Stevens, are currently rated No. 2 in polls of                 undefeated football teams in the nation. The Panthers make their next home stand against Coach Eddie Robinson Grambling College                 Cigers Nov. 12, and plays Langston Jniversity as its Homecoming foe in Nov. 19. The Panthers record to late include victories over Snm                 IHuston, 27-0; Bishop College 13-9: Tlllotson 21-20.; Wiley, 28-7, and Arkansas State, 57-7.</t>
  </si>
  <si>
    <t>                                           Africans Hold A ces In Tilt Of Empire Over Colonies                 Threatening Collapse Bolstered By Native Labor                 BV A. 3. SIGG1NS                 LONDON .(     Dr. Zik (Nnamcil Azikewe), president of the National Council of Nigeria and the Sameroons. is in London again. The list time he was here, he had to  English. This time, he will lisa speak English; but if his  is not understood, the next time                 he will speak on African language. Why? Because Britain Is on the verge of an economic collapse and the only thing that is- her from-  - -"to- ' cheap labor. Sixty percent of Britain's exports consist of oil from the Middle East Borneo and other British-owned oil fields; rubber and tin from Malaya and Sisal; oil seeds and other produce from Africa; and equally' important, gold, copper, manganese. chrome, zinc, tin, asbestos and mica from South, Central, West and East Africa. Without African labor, every ounce f mineral and produce would be lost to Britain; and as surely as nite follows day, Britain and South Africa would collapse if Africans, Arabs, and Malays either staged a sit-down strike or demanded human rights, equal wages, and social conditions before working.  USEFUL American dollars are useful up to a point; but African bodies and souls have been  and sold too long and they are beginning to realize that they have themselves supplied the slave dealers with the wealth used to buy and sell them. Dr.  4lk and other Nigerian and Gold Coast leaders are joining with African, Arabia. Malayan and Chin(Contlnucd on Page 6 Column 7) I                 Africans Hold (Continued from Page One) eat leaders in the fight to secure human rights and they have behind :hem SO percent of the decent folk of the world. Britain is "behind the eight ball" and only the colonial peoples can save her. Soviet Russia is certain Britain will .se; so arc commonwealth leaders like Premier Chifley of Australia, so are the Germans, Italians, Japanese and other Europeans. So are the colonials, for they "hold all the aces today." If Colonial Secretary Creech-Jones tries to bluff them, colonials will play their aces and Britain will follow the other empires into oblivion. No atom bomb can save her from that fute, if  hold back; and no atom bomb is needed to destroy her she will destroy herself.</t>
  </si>
  <si>
    <t>                                           LONDON -- (ANP) -- Dr. Zik (Nnamdi Azikewe), president of the National Council of Nigeria and the Cameroons, is in London again. The last time he was here, he had to speak English. This time, he will also speak English; but if his message is not understood, the next time...</t>
  </si>
  <si>
    <t>                                           Detroit Lawyer Sentenced For Court Contempt                 NEW YORK, -(NNPA)- George I W. Crockett, Detroit lawyer who] was sentenced to four months in Jnll for contempt of court while defending two Communist leaders, j charged last Wednesday that the judge s action against him  brought on by his attempt to work Tor the interest of his client without fear of "judicial disfavor." Crockett said he and the four other lawyers for the Communist incurred w the disfavor of Federal Judge Harold Medina -when they challenged the legality of the "tok.en Negro jury system." Declaring that he had worked only in the Interest of his client Crockett, quoted the following passage from the Canons of Professional Ethics governing the conduct of lawyers: "The lawyer owes, entire devotion to the interests o{ the client. No fear of judicial disfavor or public unpopularity should restrain him from the full discharge of duty." He said his jail sentence was not ft surprise because he had seen the disfavor he had incurred In challenging the Jury system. But, he said, "If going to jail or being disbarred is the price I must pay for my adherence to the highest duty of a lawyer I shall' gladly pay the price."</t>
  </si>
  <si>
    <t>                                           While we were out walking the other day in a certain section of our city we came across our good friend, Brother Billie, who was busy making his rounds among the people he loves and is daily doing what he can to cheer them on their way in days of uncertainty like the ones we...</t>
  </si>
  <si>
    <t>                                           "WHAT do we do now.?" Donna demanded feverishly, when once again they were together around the tireplace.</t>
  </si>
  <si>
    <t>                                           Card Of Thanks                 The family of Mrs. Mareillsi Streets wishes to express deep appreciation for the sympathy and kindness shown during her recent illness and passing. We thank friends who gave flowers. cards, telegrams, use of cars and other sympathetic services, including that of Rev. Lewis Foster and the Haugabrooks Funeral Home. Card Of Thanks We wish to thank kind friends lor expressions of sympathy, florals, use of cars and other services rendered during the illness and death of Rev J. W. Adams. We also thank Ivey Bros, for kind  efficient service'. Mrs. Mary B. Adams, wile Master Robert Arinins, son</t>
  </si>
  <si>
    <t>                                           "MISS SOUTHERN" 1949 Baton Rouge; La. "BEAUTY and BRAINS" characterize Dolores Lemelle of Opolousas, La. Miss Lemclle was elected queen of the  homecoming celebration at Southern University. She will reign: at the                 homecoming game with Texas College. October 29. Miss Lemelle is a senior honor student with a major in Business Administration. She is a member of Alpha Kappa Alpha Sorority and is active in many other campus organizations.</t>
  </si>
  <si>
    <t>                                           SPORTS OFF THE CUFF -- If the Brooklyn Dodgers fail to cop the 49 National League pennant flag Alex Pompoz will pil his New York Cubans against the Jackie Robinson All-Stars this fall in post-season games. Atlanta University doesn't program a single athletic outlet for its 1,600 students. The sad state of affairs in the heavyweight ranks is illustrated by the pairing of Ezzard Charles against Gus Lesnevich for the championship August 10 in Yankee Stadium, Charles, a yet-to-be is matched...</t>
  </si>
  <si>
    <t>                                           i ^X Clcvelmid ft -JGOINGTo)D t it, Jm Ask the Railroad Agent to route you via B Between Atlanta and Cincinnati     m two THE SOUTHLAND ft jj fine trains THE FLAMINGO M lJ$ LEAVE ATLANTA UNION STATION DAILY For Jurlber information      'WRITE t CAU M fS3 Dlv. Pait. Agt. ''v Union Station Ticket Olflc* i^ UN Railroad 2 f  St., Atlanta j^M; 5~^j 101 Marltlta St., Atlanta TtUphonti WAInvil 16M rp; P LOUISVILLE NASHVILLE RAILROAD</t>
  </si>
  <si>
    <t>                                           NEW YORK--The United States Supreme Court has been asked to review a 4 to 3 decision of the New York Court of Appeals upholding the Metropolitan Life Insurance Company's exclusion of Negroes from its Stuyvesant Town housing project. A petition for a writ of...</t>
  </si>
  <si>
    <t>                                           Bailey Theatres ASHBY " cross" With  LANCASTER And .VE DE CARLO EIGHTY-ONE "TAR7.AVS MAGIC FOUNTAIN" With LEX BARKER Also FRANK JKS^E JAMES FORREST   LAST OK THE WILD HORSES" With JAMES ELLISON Anil "CAT CREEPS"  "FIGHTER SQUADRON" And "COMES MIDNIGHT"  EDDIE GREEN   ho  A-  JAMES .N ~(iAI.I.ANT .V" Wilh WILD BILL ELLIOTT Also FRANK 4 JESSE JAMES ROVAI. " YOU" IVith DANE CLARK Also MrSTERIOUS MR M STRAND 'CAY RANCHERO" With ROY ROGERS Also JACK ARMSTRONG</t>
  </si>
  <si>
    <t>                                           Film Forum To Be Heard At A. U.                 A series of film forums sponsored by the School of Library Service at Atlanta University will open at 8:00 p. m., on Wednesday, October 26, in the Exhibition Room of the' Library. Three African' films will' be shown after which a discussion will take . The films are "Toward True Democracy," which shows how a constitutional assembly was organized of the natives of Lagos nnd how the British were able' to develop self government among the natives: "New University," a film on the British University for Africa1 nnd "Maringu," which presents tha life nnd work of the people in a tea -growing village There will be no charge for admission nnd the public is  Invited. As an added feature at the forum, there will be on display an exhibition of African sculpture.</t>
  </si>
  <si>
    <t>                                           BE A NIGHTHAWK! LISTEN TO ZENAS SEARS' "DIGGING THE DISCS" WCST, Mon., Wed., Frl., IIP. M.-Miclnlght I; ASHBY ST. AT HUNTER</t>
  </si>
  <si>
    <t>                                           Holsey Temple Choir In Concert Sunday                 Promptly fit.  l o clock Smiibv afternoon, October fit), tilt; Chorus Choir composed of seven choirs of Holsey Temple CMF. Chinch will present the First Annual Stirred Concert. The Chorus Choir Is a port of the Music Depart  directed hv Mrs. K. H. Newhrni. Minister oC Music. Lovers of sacred music will especially enjoy the large number of  and arranged spirituals, gospel .s. hymns, and selections by modern composers, i The program is dedicated to the memory of Bishoo L. H. Holsey for i whom tiie church is named. Soloists for the occasion are Mrs. I Jean Couch, Mrs. Elolse Goodwin. Mrs. Edna Bolyton. nnd Messers. Ernest Kelly, Arthur Hester, and Nathaniel Morris. Serving as ouest accompanist is Miss Ann Wilson. There will be no admission to the program.</t>
  </si>
  <si>
    <t>                                           Missouri Bill May Die In Committee                 House Passed Bill April 26; Senate Continues Inactive                 8ON CITY, Mo.- (NNPA) The bill which would- end racial bars at the University of Missouri apparently Is going to be allowed to die In the Senate Education Committee.                 The bill to open classes to colored students at the University of Missouri for the first time was passed by -the House on April 26 by a vote of 100 to 8. Outside of one public hearing, the proposal has been lying dormant since it was referred to the Senate committee on May 2. Senator D. W. CJilmore of Benton, Mo., chairman of the Education Committee, said his group would not act on the bill before the summer recess and that In his opinion the measure would not be reported for action at any time this session. Mr. Ollinore said three committee members, who had agreed to vote to drop the racial bars at the University of Missouri had changed their minds since the swimming pool clashes between the white and colored youths in St. Louis on June 2. Their votes are necessary to get the bill out of committee EXCUSE ADVANCED These members, whose names were not divulged by the chairman advanced the excuse that the St. Louis disorders, which followed the city s attempt to end segregation at  playgrounds and swimming pools, demonstrate the "time is not rlpo" to relax Missouri's long-stand Ing policy' of separate schools for white and colored students. The chairman said the committee had virtually agreed previously to report the bill as it was first Introduced -In- the House. Tho bill would have restricted the admission of colored students to graduate and professional" 'courses of study not offered at Lincoln University here. A House, , however, would have* permute J colored students to enroll at the. University of Missouri and other . colleges without limitation.</t>
  </si>
  <si>
    <t>                                           JEFFERSON CITY, Mo.--(NNPA)-- The bill which would end racial bars at the University of Missouri apparently is going to be allowed to die in the Senate Education Committee.</t>
  </si>
  <si>
    <t>                                           Fresh and delicious apples are here--for Halloween and Thanksgiving, and for all the days before, after, and in-between--apples to add gaiety and color to autumn menus and to sharpen autumn...</t>
  </si>
  <si>
    <t>                                           UANIt HIGHWAY VICTIM Piml Ullls Kltld. dm  In the Tennessee State Collegians OrchcsIrn. who was killed recently when tho school bus In which t tig contingent, wns traveling was lilt by a trailer truck near Sheffield, Alnv Jiunes A. Welch, business manager of the College, also met  instantly and two other students were injured. A graduate of the Du Sable Hlfli School, Kldd resided -ut- 333D S. Stale Street, Chicago.</t>
  </si>
  <si>
    <t>http://search.proquest.com/docview/490891714/</t>
  </si>
  <si>
    <t>                                           Funeral services for Robert Robinson, who died Wednesday after a brief illness, will be held at 1:30 p.m., Monday at Big Bethel AME Church, Rev. D. V. Kyle, pastor. He was 76 years of age.</t>
  </si>
  <si>
    <t>                                           STATESBORO, Ga. -- Visiting here during the part week-end were: Rev. J. B. Bates with his wife. Mrs. J. B. Bales of the New Sanridge School; Messrs Ben Lewis with Mrs. Nadine Lewis and Miss Mardell Bulls respectively: Mr. T. J. Flanagan, Scout Executive...</t>
  </si>
  <si>
    <t>                                           Loescher Says Jim Crow Laws In Education Need Testing                 LINCOLN UNIVERSITY, Pa. (ANP) Dr. Frank Loescher, executive Director of the Philadelphia PEPC,  the members of the Institute on Racial and Cultural Relations melting on the Lincoln university campus to contest the con  of legislation                 ing segregation In education and employment, and pointed out that "the law is often used as a crutch." The real problem, he stated, "is the customs of the people, and it is with this that we must ultimately deal." Dr. Loescher cited the Fair Educational Practices act of New York as an example of what may be accomplished by  action. This act provides for investigation,  service, and penalty for violation in discriminatory practices in education.                 NEW AUTHOR Dr. Frank Loeescher who is the author or a recent book entitled "The Protestant and the Negro, "also pointed out that minority groups have a great deal of experience in in  relations programs, especially the NAACP. the Urban league, and the Philadelphia Fellowship House. Over 50 delegates- from religious, educational and  Institutions throughout the country are attending the conference, which his under the auspices of the Presbyterian church in the USA. Dr. William McConaghy, of Philadelphia, is director of the Institute, assisted by Dr. Hesse B. Barber, dean of the Ideological seminary at Lincoln . The conference will close n Friday.</t>
  </si>
  <si>
    <t>                                           LINCOLN UNIVERSITY, Pa.--- (ANP)--Dr. Frank Loescher, executive Director of the Philadelphia FEPC, charged the members of the Institute on Racial and Cultural Relations meting on the Lincoln university campus to contest the Constitutionality of legislation...</t>
  </si>
  <si>
    <t>                                           "Suffered 7 years -then I found Pnb mu brings amazing relief1. sayt Mr. M. W., Los Angela. Calif. Speed amazing relict from miseries of simple piles, with soothing Pazo*! Acts to relieve pain, itching ifu/3n//y-^sooth*3 inflamed- tissues lubricates dry. hardened parts- helps prevent cracking, soreness- reduce swelling. You get real comforting help. Don't suffer needless torture from simple piles. Get Paw /or (ast,, relief. Ask yow doctor about It. Suppository form  tube* with perforated pile pipe for easy application. Ointment an 4 SuppoitfvritlQ</t>
  </si>
  <si>
    <t>                                           ALL COLORED STOCK CAR RACE STOCK CAR RACES SATURDAY AUG. 13 GREER-LANDRUM SPEEDWAY TIME TRIALS 2:30 RACES 3:30 P. M. GENERAL ADMISSION $2.00 ALL NEGRO DRIVERS 18 of the Souths Best Negro Drivers have entered this race to give you the Thrills and Spills of the Nation's Fastest Sport. AUTO RACING. 8 la located on Super Highway between Hpartanhunt and GreemlUe.-S. C. Turn at the Caution -Light and follow signs. Cotapetttg la the- race     be George and Ben Mockle. Charlie 'Scott. Richard Klnes, JatSra Lacey, Decatur EsnreM, BsU Head.'             Boot's.  and Joe Dad/els, all of Atlsnts. Ga., arid many others of the nation s best drivers. Space reserved tor white spectators. For further Information, call Mrs. Louise Smith.. Greenville, S. C. 3-0626.</t>
  </si>
  <si>
    <t>                                           LAmar 6641 LAmar 6642 BEAVERS FURNITURE COMPANY We Buy and Self NEW AND GOOD USED FURNITURE 300-302 Marietta Street (In West Corner of Thurmond St.) Low Prices Easy Terms ATLANTA, GEORGIA</t>
  </si>
  <si>
    <t>                                           "FOOD THAT IS TRULY DELICIOUS Wines(^P^Beers THE METROPOLITAN CAFE</t>
  </si>
  <si>
    <t>                                           CLASSIFIED ADS WAN! AD INFORMATION CALL 7 \s\                 Cuil'fled       ''lkl1 UEPAaTMENT ail  III Georila and  re thr l I Inwrtlau ~,   err lib* j 3 Ioierlleni lie per  I                 Nolteet. Cle 1 4   r Urn. in* (01            ) *~.%  liv pfr liu "I             lie ptr lie Ktadcr TubUeUy 12c do Utt</t>
  </si>
  <si>
    <t>                                           In Memoriam                 IN LOV1NU MEMORY nf dear wife, mother, sister, and . Mrs. Bessie- Rivers OSravcs. who I left us 20 years ago. August 29, 1929. Mr. T. Herman Graves, Sr., Mr. T. Herman Graves, Jr., Mrs. Clara Rivers Ector, Mr. -Oakley Rivers, Mrs Julia Rivers McKiiuiey. Mrs. O'Neida McKlnney Mitche'i ?.lr-. Tnpofinrp McKlnncy Rr.-.ni ner.</t>
  </si>
  <si>
    <t>                                           Such  are made by VA without to the veteran.</t>
  </si>
  <si>
    <t>                                           You can make your dull, ^^^StaiH^^^^H dry, hard-to-manage hair **^)      ^^^B sparkle like diamonds! Use n,^H^H^^^H Pluko Hair Dressing and see ''^'~WHP JH^^BHUi how it brings out highlights. Ji^^IHE^ With Pluko your hair looks i  j^H^I^^^Hk softer, longer, silkier-be-   ^   ^  9    comes so easy to arrange. V^'^^ShI^^^I^^S^H \^$A      ^2M''Nb\ Amber, 25c. ^HH^^H^^^^^^^^^I</t>
  </si>
  <si>
    <t>                                           Atlantans ought to plot a real big homecoming for Georgia-born Ezzard Charles, who appears here September 12th. Don't let it be said that he came to his own "and they received him not" . Extra Point Club. meets Thursday night at Butler Street YMCA. Sportsmen you ought to be there Ill The Negro American League closes '49 ploy Labor Day .... Is there a rift in the Washington High coaching staff? If not then how come ho assistants on hand to aid coach L0. C. Baker? Morris Brown College...</t>
  </si>
  <si>
    <t>                                           The Southern Regional Council has sent out an appeal for southerners, white and colored alike, to invest $25,000 in the campaign to improve race relations. Dr. George Mitchell, the Council's president, announced receipt of contributions from about 15 interested friends, chief among whom was Dr. Howard W. Odum, well known sociologist of the University of North Carolina, who gave a provisional sum of $250, contingent upon 100 others to meet the budget appeal.</t>
  </si>
  <si>
    <t>                                           MADAME BROOKS AMERICAN PALMIST First Time Here Wltbual nnr   * laity reveals jour Ute from Infancy lo old sic.  dates and . Oaldei you in . . Caani Btf!dj und            . Vau will find her work education*! and . Bne    Ihf seventh  born  lih double veil, remote* bad look,  lucky     , do. Hnurn O.A. M. to 9 V. M. Daily and Sunday. l  location 2?M 8 *je. nuc. S. W. Take * No. II         - Stewart Arenoe.Oel      t Sltwart Are. south en Stewart 2 blocks, look (or hand on ilin wilb mj tuna on top. Madam Eva ISc SPECiAt  rM- *! , I'B't "fl  TH other. W\ I ^^HB came Kith you JT. ^~^'^~"1 If        * husband or wire , be awe     come at once. Office hour* 9 mja. f It . dally and Sunday. Mil W. Uuietta 8t, N. W. Ttkt the la. iwi       TrtUey Bu .1</t>
  </si>
  <si>
    <t>                                           BURGLAR BARsKiPH AND ENJOY SURE BH-ct1      1 PROTECTION pUK^S SOUTHERN WIRE IRON !WORKS Phone MA. 6885 441 Memorial Dr., S. E., Atlanta, Ga. NISH WILLIAMS, Representah'va RAymond 9383</t>
  </si>
  <si>
    <t>                                           Dr. Park Tancil Dies In Detroit                 DETROIT. Mich.                 )                 Dr. Park Tancil, 60, of Chicago and Washington, D. C. well-known dentist and medical officer of World War I, died at the Southmoor VA Hospital here' last Tuesday. He had been a patient here for several years transferring from Hines Hospital in Chicago to receive special medical care available at this institution. Outstanding as a dental practitioner, Dr. Tancil in the late 20\s in association with Dr. R. L. Chapman of Kansas City opened in Chicago what was then described as the finest dental office conducted by Negro professionals in the country. He was an officer In the medical detachment of the old 8th Illinois regiment and served In both the Mexican War and World War I with that outfit. He sustained an ankle injury which was the cause of his demise after spending the last several years at the hospital. His remains were cremated and buried in                 Arlington Cemetery at Washington. A native of Washington, D. C., a graduate of Howard University dental school, he leaves his widow, Mrs. Georgette Tancil, who had moved to Detroit, to be near him and two sisters in Washington, D. C.</t>
  </si>
  <si>
    <t>                                           Indictment Of Peekskill Rioters Lauded By Civil Liberties Head                 Mayor's Son Among 6 Held By Grand Jury                 Roger Baldwin Terms Indictments "Welcome Development" In Case                 NEW YORK (NNPA) Indictment of six Westchester residents Tuesday, September 20, on charges of attacking Paul Robeson follow* ers near Peeksklll September 4 was termed a "welcome development" last Thursday by Roger Baldwin, of the American Civil Liberties                 Union, and several others. However, they said "prosecution sf obvious lawbreakers constitutes only an indispensable first step toward vindicating fundamental liberties of speech and assemblage; Including the right to use 6  to travel to and from public meetings." In addition to Mr. Baldwin, the statement was made by Jonathan Bingham, New York Chapter, Americans for Democratic Action; Rabbi Irving Miller, American Jewish Congress; Gilbert Harrison, American Veterans Committee, Hen' ry I. Atkinson, Council Against Intolerance, and Roy WUklns, National Association for the Advancement of Colored People. The indictments against the six young Westchester residents, including the son of the Peeksklll police chief, resulted from the mob attack on Paul Robeson followers after his concert near Peeksklll on September 4. Three of those named In the indictment are teen-agers. During the violence 145 persons were injured as automobiles and buses leaving the concert were ambushed and attacked. Joseph A. Lillls, jr., 25, the son of Peeksklll's police chief, was Indicted for malicious mischief in that he allegedly threw a stone through i car window, a misdemeanor. INDICTEES LISTED The following were charged with felonious malicious mischief for allegedly overturning a parked car: William B. Williams, 20, Peekskill: Vincent P. Doherty, 18, Samuel J. Biordi, 17, Riverside Avenue, both Df Croton-on-Hudson- and David P. Miller, 16, Peekskill. Robert Lent, 30, Peeksklll, was accused of violating the Sullivan Law in that he allegedly carried a : knife on his person. No date was set for trial, mils was continued In the custody of his father. Lent was continued in 5250  and the other four remained out on $600 bail each. Because of their age, the three teenagers will be tried as youthful offenders. Another development last Tuesday was the disclosure by District Attorney George M. FanelU of (Continued on Page 6 Column 3)                 Mayor's Son (Continued from Page One) Westchester County that he will start presenting evidence concerning the riots to the regular October grand jury on October 3. Governor Thomas E. Dewey on September 14 ordered a special grand jury investigation, but Mr. Fanelli said that under the law there was no provision for such a panel unless he (Mr. Fanelli) were superseded. The prosecutor added that the October body will devote itself entirely to the disorders, it was expected that the September panel will be extended to take care of all other matters.</t>
  </si>
  <si>
    <t>                                           NEW YORK (NNPA) -- Indictment of six Westchester residents Tuesday, September 20, on charges of attacking Paul Robeson followers near Peekskill September 4 was termed a "welcome development" last Thursday by Roger Baldwin, of the American Civil Liberties...</t>
  </si>
  <si>
    <t>                                           Mrs. Mamie L. Thornton, one of Atlanta's widely known nurses died Tuesday night, September 13, 1949 at 10:30 in a local hospital after an illnesss of one year.</t>
  </si>
  <si>
    <t>                                           REJECT NEW ARMY POLICY, NAACP URGES PRESIDENT                 NEW YORK- (SNS) President Truman" das been  b'y the IttP  Association for the Advancement, of Colored People to reject the Army's now racial policy because It "does not abolish segregation."                 In a telegram to the President on October 'I, Roy Wilkins, acting NAACP secretary, : "It is now obvious  if this portion of your  rights programs is to be car- ried out, you will have to take decisive action well within your powers as Commander-in-chief." The text of the wire follows: j The so-called new racial policy of the. department of the army  September 30 does not1 carry out your executive order 9981 Secretary Gray admits that this policy does not, abolish segregation. Numerous hearings and conferences, ns well as the overwhelming experience of the last wnr have established  Uie fact that discrimination cannot be wiped out ns long as segregation remains as the policy. Secretary Gray's action amounts to a refusal to carry out your overall policy and the intent of your executive order. We therefore call upon you to reji-rt it. Both the navy and the air force have adopted policies nf ho segregation and the army                 Should dp likewise, it is now obvious TOat If 'this portion of your civil rights program is to be carried out. you will have to  decisive action well within your powers as commander-in-chlef. At the same time Mr. Wilklns sent a letter to each of the Association's 1600 branches throughout the country asking that t ney "make it known in their respective  that our young men who do not want to be humiliated by Jim Crow should enlist in either the Navy or the Air Force," branches of the services, which have adopted non-segregation policies. "In this period of voluntary enlistment," the letter points out, "our young men do not have to join the Army. They can serve their country with honor and dignity in the Navy or. the Air Force.</t>
  </si>
  <si>
    <t>                                           NEW YORK(SNS)--President Truman has been urged by the National Association for the Advancement of Colored People to reject the Army's new racial policy because it "does not abolish segregation."</t>
  </si>
  <si>
    <t>                                           Here's Gid Upton chuckling over what he s got. Gid U O.K. Nowheres Else SuchTastiness! When it comes to out and out tastiness, folks say it s got everything beat a mile. It'sour own Family's Recipe and we ve been distillers since way back in Grandpa Wilkcn's day! CfixiEkttgJu It's the . jl personal recipe       *il of our family. BLENDED WHISKEY 86 woof, nx  mutual . it' WllKEK FAMIlt CO., . IHD.</t>
  </si>
  <si>
    <t>                                           BIG TOWN                 By JAMES L HICKS                 NEW YORK )- Ocntiral Ike Elsenhower, who made such a terrific speech in Harlem  Sunday, says John Hunt, the colored sergeant who was on his personal staff during the war. Is now enrolled in Teachers College at Columbia University and is in the                 top 3 per cent of his class. Ike said: "And he  get there Just because he was on the Old Man's staff during the war either! We don't give grades like that at Columbiu." Incidentally, when Ike got thru speaking at the YMCA sponsored affair. Grant Reynolds, who is on tile Y's fund raising committee for Its annex, stepped tip to Ike and nicked him for a $50* bill just like that. Reynolds was on the platform with the General as were many other bigwigs, but the boys in the streets are talking about the way Rudolph Thomas and Lcm Foster of the Y drive snubbed Assemblyman Elijah Cramp and left him seated in the audience Instead. Thomas can t say he was not asked to make room for Crump . Some solid citizens made the request. It's not that Crump's snug would have added any beauty to the scenery on the platform but then, too. Dr. Channing H. Tobias, district leader Ray Jones. and Mrs. Ruth Whitehead Whaley will never win any beauty prizes either, and it seems that when you ore trying to raise $200,000 it ain't i smart to snub any one! When Ethel Waters arrived at Grand Central station and posed for pictures with Paul Lundigan, white star of "Pinky," one of Uie photographers asked him if he would put his arms around her for a shot. Before he could say a word Ethel said "He'd just love to. wouldn't you honey? He's been wait ing for that chance a long 'me!" The way Lundgan embraced Ethel made everyone believe that sha was right! George Lawrence, ex-editor of the Ohio States News, is in here stump ing for Ohio's Governor Frank Lausche, who, insiders say will be the next Democratic Vice Presidential candidate. George is on his public relations staff. The Uran League and other social groups should stop trying to hand folks that trash that they are  in politics. Lust week. Ed Lewis, head of the Greater New York Urban League levelled a blast at the .State Civil Service Department a Republicancontrolled group. He charged the department with being biased against colored people. You know where Lewis's blast was written and released to the press from? That's right -the Democratic headquarters of Mayor William O'Dwyer who is running for Mayor. George Strcator's byline has disappeared from the New York Times. If George would ever put down on paper the number of colored organizations who wrote letters to the Times and protested because he told the truth about their organizations, you would probably quit half the ones you belong to If a reporter doesn't say there were 6,000 at the meeting when there were only 200. and if he calls Mr. Fuddy Duddy's speech "dull" instead of "fiery," the smug officials of the organizations write his editors a nasty Int..                 A note of sympathy across the miles to Allen G. Davis of Akron, Ohio, on the loss of his mother.. Amia Belle Hill, the singer has one of ,the most unusual voices on Broadway. Her voice ranges from a ninth below middle C up to 2 1-2 octaves. She Is the only female singer around who requires a male understudy. Other women ctm t slug the low notes she makes. The lass being introduced around by Bertha Diggs at the Ethel Waters reception wos Mary Ellen Shwdd of Milwaukee. Wisconsin. and she stood the local yokels on their heads. But the sharpest thing at the reception was Algretta Holmes, who disclosed that she Is Ethel's godchild that she was reared by the famous star, and that she lives right here. The Rnlph Bunche dinner to be staged by the Omegas at the Hotel Pierre October 22 will be a sellout at 25 a couple with your bib and tucker. You can dunce afterwards. Dr. Bunche is n "Ape." Ede Williams of the Rinkey Dinks Club is back from a whirlwind trip to Akron. Ohio. The election of Samuel a. Hayncs as vice president of the Baltimore Newspaper Guild and the elevation of Ruth Jenkins to the executive committee made trade union history Of the total membership or 232 in the Baltimore Guild, less  15 voters were colored.</t>
  </si>
  <si>
    <t>                                           NEW YORK -- (NNPA)-- General Ike Eisenhower, who made such a terrific speech in Harlem last Sunday, says John Hunt, the colored sergeant who was on his personal staff during the war, is now enrolled in Teachers College at Columbia University and is in the...</t>
  </si>
  <si>
    <t>                                           H I ?\  ^~B ^^m              WB  III b^ *m.^% J Ww mm m-*--~~~W ~^Vfi VII g H Ask the Railroad Agent to route you via K B Between Atlanta and Cincinnati 11 B two f THE SOUTHLAND H H fine trains THE FLAMINGO    LEAVE ATLANTA UNION STATION DAILY HH Mv. Patt. Agt. Unlan StaHsn Tick** Ofllc* ^H^Bk L Jb N Rcuvoosl 2 Focsytn St*( Altonin s^9 H 101 Marietta St., Atbnte T*      *: WAInut S6M ^1 LOUISVILLE NASHVILLE RAILROAD</t>
  </si>
  <si>
    <t>                                           ON A RAISED platform musicians in gaudy regalia, the South American were playing, "For You. For Me. Forever More," when the maitre d'hotel drew out a chair for Deb at a small table against the wall with its brilliant mural of an...</t>
  </si>
  <si>
    <t>                                           LAFF-A-DAY                 "I have the same .trouble with my camera.'</t>
  </si>
  <si>
    <t>                                           Atlanta JillikWbrld * t. Morninf Except Monday, at     Anbar*      Mrmhers: BNS NNPA ANF INB W. A.  U VooDder-PnblUber, Auf. 5, 1928, to Feb. 1, 1WJ     4 4 Adc. 6, 1928; Became IJaUy March U,  Telephone: WAinnt H.     4* entered la Pent omce at Atlanta (3). On., aj    maj) under tbe Act of Congress, Matcn it.      0. A.  ^Editor and Qcueral          BATES tii MAlT:     : 1 Year J12.00; 6 Months $6.50; S Muntha M.M Haturday Only: 1 Yeftr JI.50; 6 Mualhn $2J#      4a:      *5J0; Months $3.25; Forc-ign: 1      fiM Sabscriptlon Rates By Carrier 25o WecUy I'Hi. ATLANTA  3 Is an Independent .  and non-partisan.  news absolutely  and sup purling Uiose  H  to be to the Interest or Ita readers ant jup i.sine .so tilings against the Inlereit of llg readers. fMK  expressly repudiates rt. tor return of iui* ^~'       , ..t5. etc.,  Kliuiipn an: .sent. Aililrc.v ALL COMUl.'NICAllONB u/ (MiU   payable to ATLANTA ? WORLD,        to  1HK K1 1O VOTE  ihr i If lit lu vote must be opi-n to all ..ur /inx Irrespcrtlvr m n.m**.. , or Creed without tax or artificial restrictions of any kind. Hit-  wr get to that basin of political , the better It will be for the country as a whole." UtANKLIN U. HOOSEVtLX</t>
  </si>
  <si>
    <t>                                           TIM TYLER By Lyraah   *                   FELIX THE CAT By Sullivan'</t>
  </si>
  <si>
    <t>                                           COVINGTON, Ga. -- The Good-fellows Social Club was entertained Tuesday evening at the home of Mr. Marvin Hammonds on Usher Street.</t>
  </si>
  <si>
    <t>                                           BAtI ant a JfliikWbrld      ; Published Every Morning Except Monday    $" W VOLUME 22, NUMBER 56 ATLANTA (3), GEORGIA, TUESDAY, OCTOBER 11, 1949 PRICE FIVE CENTS</t>
  </si>
  <si>
    <t>                                           1U^^^*"^nSH^Rn U HOTi Ti V J g^gm_^^Hm^^HB  '*t i'l. B^ g ^. More friendly smiles arid More- GENUINE 1 SAVINGS on top quality. .So shop Buehler's every day 1 M and you, too, can have More meat Better meat for g your meat dollar. SELECTED-CENTER' CUf I 1 PORK CHOPS 59C FRESH GROUND- OUR OWN MARKET-MADE g PURE PORK SAUSAGE 49C FRESH GROUND TENDER S. FLAVORFUL' .Tender's, 'Juicy. '1 I lean   I beef steak SSXs? j^39c ^'59  ,~:tb-39   1 /S PRIDE- SUGAR- I PICNICS 41C I I 4--EVERy ONE 6           i 8 FftESH E6GS ,63C j N  GRADE- A- PAN READY 3-LB:' CAN f 1 PARKAY "FRYERS" crisco j 1^:25^ Lb-49C 79P I % 6-LB. WOOD KIT-WHITE SALT FISH I LAKE HERRING $189! g KRAFT S NO. 1- MILD AND CREAMY g DAISY CHEESE 43C g I ^TDeAl? PORK . 1 S1T CHITTERLINGS J^L I LEAN 2.LB. PAIL 1O-LB. PAIL HA^fW ~^-33C1 49C* $189 1.7C 1 I SWIFT S PREMIUM I LAMB SHOULDER ROAST 37  I tender; wilk no ^-b m I VEflL RO^ *TT (I</t>
  </si>
  <si>
    <t>                                           WE HAVE THEM! FIELD S RECORD SHOP Now and Used Records Com* In Bring Your Friends 177 Edgewood Are. WA. 2530 At home ..of you* favorite tavern TUNE IN  9:00 E.S.T. Another exciting sporting  brought to you by BALLANTINE ALE BEER BISTtllUTIO IT ASSOCIATED BEVERAGES COMPANY 708 HUMPHRIES- ST., S. W. AM. 4021</t>
  </si>
  <si>
    <t>                                           G. I. Insurance Dividend Forms Available Here                 Monday was D-Day for 284,000 CJeorgia veterans of World War II vho will share in the G. I.  dividend to be distributed by ;he Veterans Administration. A to;al of 2.8 billion dollars will be dis, throughout the country.                 Starting Monday, application forms for the National Service Life Insurance dividend were available at every post office, VA office, and veterans organization, according to Vaux Owen, VA Regional Manager. The application forms are simple to fill out, but there is a danger that some veterans may be careless in supplying necessary information, the VA manager pointed out. He urged all veterans to take a careful, second look at their applications before dropping them In the mailbox. The service serial number Item 4 on the form is particularly important, he emphasized. While hundreds. of veterans may, -have the same or similar names, no two have the same .serial number designation. Veterans should recheck the digits in this number with particular care before mailing their forms, he cautioned. Incomplete or erroneous entries on' the application forms only serve to delay payments, so it is to a veteran s own interest to avoid mistakes, Mr. Owens pointed out. There are nine spaces on the application form: (1) full name, typed or printed; (2) mailing address; (3) county: 14) service serial number; (5) branch of service; (6  birth date; (7) insurance number-this1 item is helpful but not essential if other information is supplied fully; (8  Va claim number, if a veteran has one; and (9) the veteran s signature.</t>
  </si>
  <si>
    <t>                                           Monday was D-Day for 284,000 Georgia veterans of World War II who will share in the G. I. insurance dividend to be distributed by the Veterans Administration. A total of ... billion dollars will be distributed throughout the country.</t>
  </si>
  <si>
    <t>                                           H BAILEE S SUPREME BALLARD or MAXWELL HOUSE I FLOUR COFFEE u 42c I LARD u. 16c ii  libs* *73c (in         H i i FAT BACK II 2 5 Lbs. $1.79 BACON 13 i ^c  I RADIO SPECIAL RADIO SPECIAL II FREE DELIVERY SERVICE I PHONE WA. 3698 I FREE, BAILEY SHOW TICKET I WITH EVERY $5.00 PURCHASE pan RADIO SPECIAL CHOPS 43c HAMS RADIO SPECIAL Z^IZ Half or Whole PORK ROAST 43c f)9    SWIFT S DELICIOUS Ikar %F WIENciiS     33c center cut SLICED ARMOUR-STAR HAIVl Lbl luC BREAKFAST -^--^-fc-. ARMOUR S BANNER BACON Lb- 53c SLICED breakfast [BACON 43c PET OR CARNATION MILK 2 Tall Cans 23C WE RESERVE THE RIGHT TO LIMIT NONE SOID TO MERCHANTS</t>
  </si>
  <si>
    <t>                                           A dismal point of the Arkansas River claimed the lives of three Negro children, two boys and a girl last week as the three youngsters swam in the muddy water.</t>
  </si>
  <si>
    <t>                                           THE GREAT TT COBB BEAMS UPON NEWCOMBE--Ty Cobb, form er baseball great, shakes hands with                 Don Newcombe, of the Dodgers p.nd I beams upon the greatness exhibited by the Bums' rookie. Bruce Howard, j                 f 9-year-old, who threw out the first ball in the first game, and Mrs. Cobb                 looks on. (Keystone Photo)</t>
  </si>
  <si>
    <t>                                           JACKSON COLLEGE S FIGHTING TIGERS- This is the terrific squad of the Jackson College Tigers that opened a successful 1049 football season with a 38 to 6 rout of Arkansas Baptist College In                 son. Long runs and tricky plays featured the Tigers' offense, and rugged blocking and hard tackling spelled out; excellent, linn                  (ANP).</t>
  </si>
  <si>
    <t>                                           GENERAL ADMISSION $1 .00 FOOTBALL!! F T BaTlTT STUDENTS -50*. HOWARD HIGH        VS. ATHENS HIGH SCHOOL "ATLANTA S DREAM TEAM"  THE CLASSIC CITY CHAMPS" 3:30 P.M. FRIDAY AFTERNOON HARPER FIELD</t>
  </si>
  <si>
    <t>                                           BUILD ON YOUR LOT We will build on your lot. Come in and look at our plans or let us figure your plans. We will arrange the financing for veteran or non-veteran. J. L WOLFE REALTY CO. 2191/2 AUBURN AVE., N. E. ALpine 1149 LAmar 3506</t>
  </si>
  <si>
    <t>                                           SOUTH BOSTON, Va.--(NNPA)-- Opposition to the sending of all colored high school pupils here to Halifax Training School in Halifax developed last Tuesday when patrons of the old Booker T. Washington School here filed a protest with the local school board.</t>
  </si>
  <si>
    <t>                                           NEW YORK -- (NNPA) -- The South has a one party system but it is not a political unit on anything except the racial question, V. O. Key, Jr., Texas-born professor at Yale University, asserts in a new book on the South which will be published by the Alfred A. Knopf...</t>
  </si>
  <si>
    <t>                                           n A V T A nn BAILEY S SUrKEME EtALLARD or .I.  SK FLOUR COFFEE 42c LARD u. 16c TABLE DRESSED I 25 tbs, ft 1.75 FRYERS u. 45e I radio special  TO COOK FREE DELIVERY SERVICE PrtONE WA. 3698 FREE BAILEY SHOW TICKET WITH EVERY $5,00 PURCHASE LEAN HAL M) 5FEU.4L p ARMOUR PORK STAit CHOPS u 43c HAMS ^P^ Ho!f.or,Whole CAKE MIX 21  T^c  .'.s ^H^ ^l^r WIENERS w 39c ssr '"T ARMOUR-STAB TlAJfi "ljl I sO BREAKFAST ___A__ armour s, banner BACON lb- 53c 8           BACON 43g PET OR CARNATION MILK 2 Tall Cans 23 C WE RESERVE THE RIGHT Ta LIMIT NONE SOLD TO MERCHANTS</t>
  </si>
  <si>
    <t>                                           AME Congress To End Today                 BY H.C. CARSWELL                 Ministers who have served African Methodism for a half century will be singled' out for special honors today at noon, in connection with the' final day of the AME Leadership Training Congress, now in progress at Morris Brown College. Bishop R. R. Wright, Jr. will be                 among that honored group and will receive a Gold Certificate. A highlight in the four-day Congress came Thursday night when an overflow crowd, estimated at between three and four thousands jammed the Joe Louis Gymnasium to witness the Statewide Musical, consisting of a 1.000-voiced chorus, gathered from the Metropolitan church choirs throughout Georgia. Prof. P. W. Sullivan and Prof. H. J. Purlowe, were Joint directors. Miss Annie M. Roberts acted as narrator. Another highlight of the Congress was the delivery of the prize-winning essay In the Statewide Oratorical Contest, broadcast over Radio Station WGST Thursday night at 8 o clock. Miss Annie Mercedes Roberts delivered the essay, which gave                 to her a $1,000 tuition scholarship over 7 other contestants. Others appearing on Thursday night s broadcast, included Bishop R. R. Wright, Jr. Miss Mildred Yearby, a second prize winner of S750, Carl Hunter, Miss Daisy L. Tilly, Mercedes Reid, Miss Lula L. King, Arnestine Smith, Daniel L. Jacob. The Congress will close this after-' noon with a special dedication service, with Dr. A. Wayman Ward, pastor of Big Bethel AME Church, Chicago. Awarding of Certificates will follow Dr. Ward's address. The Connectional Youth Congress bringing together the youth of the entire AME connection, scheduled to be held in Atlanta next August, was announced by Dr. S. S. Morris, head of the department of religious Education in the AME church, Thursday. World Editor Speaks Perhaps one of the most challenging addresses of the Congress delivered Thursday morning by C. A. Scott, Editor and General Manager of The Atlanta Daily World, who challenged the delegates and ministers to include in the program not "only spiritual but practical service to the general public." Presiding Biship R. R. Wright, Jr., introduced Editor Scott, and in a brief address called upon the (ConUnnwl on Page I) Colnmn 4)                 AME Congress (Continued from Page One) ministers present to take a general interest In their respective communities. The Bishop told his ministers to take interest in the people s health, education and in crime. He also cited the progress of African Methodism in the state during the past year. Editor Scott told the ministers service is the yardstick to measure the usefulness of any institution or business. The church has a challenging position in the community, he said. The church should strive to meet every need of the people," he continued, pointing out the need for a broader social program for the church." "If there is inadequate recreational facilities in a community why shouldn't the church give some attention to the problem?" he asked. The housing problem was mentioned and the speaker asked what would be wrong with a church with surplus funds investing in a  for its low income members. Morris Brown college was praised for its contribution in relieving the housing shortage. The annual Congress and workshop is being held at Morris Brown college.</t>
  </si>
  <si>
    <t>                                           Ministers who have served African Methodism for a half century Will be singled' out for special honors today at noon. in connection with the final day of the AME Leadership Training Congress, now in progress at Morris Brown College. Bishop R. R. Wright, Jr. will be...</t>
  </si>
  <si>
    <t>                                           Southern Conference For Human Welfare Disbands                 RICHMOND, Va. (ANP) I The Southern Conference for Human Welfare which held Its first session in Birmingham, Alabama, in 1938, was recently disbanded at a quiet meeting held here by eight leaders of the organization. No reason was given publicly for the                 action. The record of the Southern Conference for Human Welfare indicates that it was an organization to liberalize the south on economic and racial issues. The demise of the organization, leaders here say. is due to the necessity of shielding movements of this character while witch hunting is being so widely promoted                 in America. Conservatives also took note of the fact that there is another organization in the south which is pushing the program of the Southern Conference for Human Welfare. It is the Southern Conference Educational fund. This organization sponsored a meeting on civil rights in Charlottevllle, Va., last (Continued on Page 6 Column 1)                 Southern (Continued from Paje One) shrine of Thomas Jefferson, where adopted"16"1  n ClV" rights was DABNEY REACTIONARY? Virglnus Dabney, editor of the Richmond Times Dispatch, has been                 Stheedsr^ Uars over ^f the SCHW and the new organization, once considered friendly to Negroes and a liberal, Dabney has opposed every suggestion for the extension of democracy to American Negroes in the South since President Truman announced his civil rights program. Some leaders here now consider                 Dabney the most reactionary white newspaper editor in the south. They say he is proof of the contention that a liberal, is no good anyway except when everything is going on allright. Dabney, for example, once wrote an editorial favoring the abolition of jim crow travel on city buses, but when W. H. C. Murray suggested the fame thing for the state in the 1948 General Assembly as a civil rights measure Dabney gave Mr. Murray no support.</t>
  </si>
  <si>
    <t>                                           RICHMOND, Va. -- (ANP) -- The Southern Conference for Human Welfare which held its first session in Birmingham, Alabama, in 1938, was recently disbanded at a quiet meeting held here by eight leaders of the organization. No reason was given publicly for the...</t>
  </si>
  <si>
    <t>                                           Holsey Says FCA Helps Farmers Hold Their Land                 WASHINGTON- Colored farmers, like the other farmers of the nation, are being aided by the Farm Credit Administration in holding on to their land and in Increasing their net worth, says Albon L. Holsey, assistant to the president of Tuskceee Institute.                 Mr. Holsey, who is serving as parttime FCA consultant, made this observation in a report which he submitted recently to I. W. Duggan, Governor of Farm Credit, following a tour of farms in Louisiana and Mississippi. The tour was made by Mr. Holsey at the request of Governor Duggan for the purpose of finding out the extent of Negro participation in the credit services of the agencies supervised by FCA. During the tour, Mr. Holsey conferred with Federal Land Bank and 1 Production Credit Association officials, and v;sited several colored  families. Near Alexandria, La., he visited the 118-acre farm of Elijah Moore, who has been able to hold on to his land largely as a result of credit assistance he has received from his Production Credit Association. In 1942, two successive crop failures, the death of two' of his mules, and a mortage on his farm had Mr. Moore hard pressed. But his PCA loaned him enough to replace his mules, meet the payment on his mortgage note, and to make a crop. At that time, his net worth was only $2,700; today, it s In excess of $10,000.                 Another Louisiana colored farmer. George Flggins, was about to lose his farm a few yean; back when he shifted from cotton to potatoes with disastrous results. In other years he had demonstrated his ability as a successful farmer so his PCA extended him additional credit, enabling him to hang on to his land, return to cotton, and pay off his debts. In Mississippi. Mr. Holsey visited a father and sou team. Will Walker, Sr., and Jr., whose net worth now exceeds $50,000. The elder Walker i started out as a tenant farmer after dropping out of Morehouse college. He skimped and saved up to buy a Tarm of hb own. Finally, -.vith the aid of a Federal Land Bank, he bought 300 acres near Tupelo. Today, he and bis son own 770 acres. Last year, they harvested 300 tons of hay, 800 bushels of com, and 101 bales of .cotton. They own 22 head of . two tractors, two trucks, and a hay baler. In concluding his report. Mr. Holsey says that the Federal Land Banks and the Production Credit Associations are a great help to colored farmers. These agencies, he states, have assisted many farmers in need of sound credit aid based upon collateral and ability to repay. In addition to Mr. Holsey, FCA has a full-time Negro administrative officer. A. H. Fuhr. who spends a large part of his time in- the field helping to acquaint colored farmers with the credit services available through the agencies supervised by Faim Credit. l</t>
  </si>
  <si>
    <t>                                           WASHINGTON--Colored farmers, like the other farmers of the nation, are being aided by the Farm Credit Administration in holding on to their land and in increasing their net worth, says Albon L. Holsey, assistant to the president of Tuskegee Institute.</t>
  </si>
  <si>
    <t>                                           L-iVi is n i t i ii\ j MAYONNAISE 23C Smoked  ^^H FRESH Links v^f blue flate-s ^   EGGS OTc 17 World's Best /jrtc Lb. V We Reserve Right to Limit Sj Doi. PRIDE I UOrrEE I 1-LB. CELLO ^25!d'2r 3QC A LARGE UMAS Sia 27C NEW CROP ^i^^^~^^WI^^^^^^^~' Svf P ITi^l  59' ! 17  DOUBLE Q I 3.LB PAV I  CAI MiA^l Bi ^A.N EDGEMERE SALMON ^^~%^ fl on TALL CAN A  Jj SLI. BACON 39C %hO3,ii8 **ftc =s PICNICS 37C STEAK ~~^^^'^iBW PRIZE 0F  I6H" Wr "n our ^HH CAiicAfiF ^    iy BAKERY DEPT. ^ffl OHUiHOC -I 'BAR 1 2 lB BAG 59c 14.OZ. BOTTLE I j5V^5i. I HEINZ 1 CAKE I 15-OZ. BOX  KETCHUP I  AC I RAISINS 25* KZ*LS .^.Sc</t>
  </si>
  <si>
    <t>                                           GRADY NURSING CLASS Pictured are the thirty-six members of the September Class which Just recently entered Grady Hospital,                 Atlanta, Georgia, for a three year course in Nursing Service. These ; ladles hail from nine states including Georgia, Alabama,                 Ma, Mississippi, North Carolina Louisiana, Tennessee, Ohio and Pennsylvania.</t>
  </si>
  <si>
    <t>                                           The Pause That Refreshes And It's Only Five Cents ^/0 trade-marks mean the same thing,  UNDEt AUIHORIir Of THE COCA-COLA COMPANY  Y THE ATLANTA COCA-COLA BOTTLING COMPANY</t>
  </si>
  <si>
    <t>                                           FOR BAD COLDS TAKE On Sale At Leading Drug Stores</t>
  </si>
  <si>
    <t>                                           Says Enemies Had Made False Reports ToBoard                 Views "Reprimand" On "Over-Spending"; Alumni React                 BY CHARLES J. SMITH                 SAVANNAH, Ga. President James A. Colston of Georgia State College announced to a commencement audience of 1400 persons and 185 graduates Thursday that he had offered his resignation to the Board of Regents of the University of Georgia, effective September 1.                 It was submitted July 22. At the same time he branded as untrue previous newspaper report? that the regents were planning a probe of affairs at the college. He said when these reports were called to his attention while in New York he immediately contacted the one individual that would know of any .such move. "I called Chancellor Harmon Caldwell and he said he knew of no such move or of any being contemplated." Colston said. He  that, the Chumell.n said that no one in his office had made such a statement. No newspaper man has contacted me, either he said. President Colston termed previous newspaper articles as not being founded on facts. "I have the greatest personal respect for the 'writer of one of the articles. However, I think he was misled by someone who is seeking to harm the college," he said. "My life .My Administration and everything I do is an open book. I like probes If they are necessary, and I'm open for any investigation," President Colston told the awe stricken audience. INSTITUTIONAL CONCERN "My personal welfare is nothing, nor is it important. My primary concern is that of the college and I am concerned with its welfare," he said Mr. Colston averred that whatever has been done from time to time Sias been done in the best interest of Georgia State college, (Continued on Ptf'ge 8 Column 4)-'                 Says Enemies (Continued from Page One) its students and alumni. He further stated that in his     upgrade the college s  and facilities, he received        (1             from     the Chancellors and the Board of Regents in providing such funds as Uiey could, and (2) the faculty, students, alumni and friends of the institution in  and distant communities. President Colston reiterated Ills belief that someone Is attempting to harm the college and himself in an hour-long press conference following the commencement exercises. He told reporters that "false reports" or -report cards" sent to Hie Board of Regents played an Important  in his decision, "some sort ol machinery u organized against me and I can t work under such conditions," he declared. NGir CONSIDERING PROBE f J?\,     0sed that he had  n^J*6 mh Chancellor Caldwell Wednesday and the chancellor assured him that the regents were not planning a probe. However. President Colston did say that ne had been "reprimanded" by the regents for recent conditions existing in the college s financial status out that he felt that the reprimand has resulted partly from the "constant effort of some people" to point him out in an unfavorable light Throughout the interview he spoke open- and  and answered practically all questions asked by reporters. He gave the following version for the criticism in relation to the financial picture"As president of Georgia State college I am held responsible for of every one employed here. Consequently I am responsible for inefficiency of the comptrollers office However, neither the treasurer of the XJniv. system (Mr. W. Noyes) nor my self had been able to detect any error in the monthly reports until the close of the fiscal year. Upon finding that a true picture of the college s financial operations was not presented, I asked that Mr. Noyes come to the college. He came on July 19. However the Comptroller's resignation was forced before then and became effective on July 12," President Colston declared He also discredited any reports of wholesale firing of the faculty. Instead he said that only three persons were fired at the end ol the past school year.. and only because it was felt that they were not the kind of persons that should be teaching the students of Georgia State college. To his knowledge, the Board of Regents had not met since lie offered his resignation on July 12. President Colston plans to return to New York university to do further work on the doctorate level. WIDE SPREAD MOVES Announcement of his resignation resulted in widespread moves to get him to change his mind. Officers of the graduating class have written the chancellor and the Board of Regents expressing their faith in his administration. The faculty adopted a resolution to the effect. He has received numerous telegrams, letters and telephone calls from persons asking him to reconsider, and the Savanimh Alumni chapter has met on the matter. The following statement was                 ed by A. S. Bacon, president general Alumni Association. "We regret to the greatest extent to learn ot President Colston's resignation today. Since his coming, i Georgia State college has grown considerably in every way. We are trusting that the Board of Regents will make a thorough investigation j-nd will find no grounds whatever to accept his resignation. "We are sure all friends of  college will join us in hoping that the Board of Regents will deem it necessary to retain him. as head of the college in views of his accomplishment."</t>
  </si>
  <si>
    <t>                                           SAVANNAH, Ga. - President James A. Colston of Georgia State College announced to a commencement audience of 1400 persons and 185 graduates Thursday that he had offered his resignation to the Board of Regents of the University of Georgia, effective September 1...</t>
  </si>
  <si>
    <t>                                           Funeral Notices                 ELLIS, Mr. James, of 288 Deeatur Street passed away suddenly January 28, 1950. He was the son of Mrs. Lillian Stelis of Cedartown, Ga., and the brother of Mr. Charles Ellis. Funeral will be announced later. McDay Funeral Home In charge, 171 Auburn Avenue, N. E. GRASHAM. Mrs. Mallnda passed away at the home of her daughter Mrs. Adell Andrews, 507 Bedford Place, N. E.. Funeral announced later. Haugabrooks Funeral Home. WILLIAMS, Mrs. Anna-    72 Howell Street, N. E.. passed at her residence January 30, 1950. She wis the sister of Mrs. Tula Daniels and the aunt of Deacon Charles Harris. Her funeral will be announced later by McDay Funeral Home. I 171 Auburn Avenue, N. E. I In Memoriam In sacred and loving memory of our sainted mother, Mrs. Mary L. Harris, who left us Januury 31. 1947. Her memory will always be our Inspiration. Arthur F. Hurrls, son Bessie l.ee .s, daughter-. In Memoriam IN LOVING memory of our dear husband, father and grandfather, Mr. Hubert L. Thnmas( who departed this life nine       , January 31, 1041. Your face Is ever before us Your voice we cannot  Your smile will linger forever [ii Olir memory   : see you jj;t. Signed: Mrs. Mnrle Thomas, wife. Mis.s Albertu Thonms, Miss Elva Thomas Mrs. Juanllu T. Lyons, daughters. Mr. John Thomas Mr. William Thomas, sons Grandchildren. Deaths Mrs. Willie M. Elder. 270 Olmppe! Rand, passed January 27. Mr. John Thurmond, 330 Currier Street. N. E.. passed .Isnuiary 29. Mr. . Ellis, 288 Uecfilur St., passed . 2B. l. Freddie Brown, MmletlH, Cieorelii, passed recently. Mr. CJrndy Gurglle, I (Km .Smll.li Streei., passed January 2fl. Mrs. l.enn Mpft Anderson passed recently. Mis. Miilliulii Grusham, 507 Bedford Place, N. E., passed recently. Mr. Ivory Trammell, R. 313 Crew Street. Apt. 10, passed January 29.</t>
  </si>
  <si>
    <t>                                           Atlanta Negro Voters League Workers Hold Reception Tonite                 All workers of the Atlanta Negro Voters League have been invited by Attorney A. T. Walden and J. W. Dobbs chairmen of the League to attend a reception tonight at the Butler Street YMCA at 8 o clock.                 The reception has been termed a "victory celebration," following the ecent city primary election, In which practically all candidates who had been supported by the League were elected. The League organization was composed of an active executive committee, and some 700 block, precinct, and census tract workers, who "got out the vote" on election day, and sponsored educational mass meetings during the campaign. i The reception will be held In the I gymnasium of the "Y", with refreshments being served. Several hundred workers are expected to be present. J. H. Calhoun, who had been employed as executive secrtary of the organization during the campaign, will render his final report during the affair. The reception, Calhoun said, will he informal.                 "DRAFT WALDEN-DOBBS" Members of the organization,                 Ing heart from the cooperation of j Atlanta citizens during the election 'drive, have urged that the joint chairmen "head up" a registration movement that would be statewide in scope. Thursday they had started a "draft Walden and Dobbs" campaign to get the two influential leaders to accept the statewide responsibility.                 OUT RUN TALMADGE Political  nave pointed out that since the Georgia State i Supreme Court has upheld the Tal- i madge Reregistration Law, all voters will automatically be wiped off the books on January 1. The new lists will close next May 1, and since 1.200,000 citizens would have to be registered, it is almost certain that thousands will get left off. One observer pointed out that Talmadge supporters were already beginning to quietly get their followers on the new list, and that anti-Talmadge voters were asleep. They conclude that the faction that "gets there first with the most" will win the next .state election. Tiie "draft Walden and Dobbs" j movement is expected to come Into I the open at the celebration tonight.</t>
  </si>
  <si>
    <t>                                           All workers of the Atlanta Negro Voters League have been invited by Attorney A. T. Walden and J. W. Dobbs chairmen of the League to attend a reception tonight at the Butler Street YMCA at 8 o'clock.</t>
  </si>
  <si>
    <t>                                           The Georgia State Nurses' Convention meeting in 13th Annual session at Columbus, Georgia, September 23-24, had as, its theme "Nursing for the Future" with prominent nurses and physicians from over the state participating as speakers and discussion leaders.</t>
  </si>
  <si>
    <t>                                           Wfe^ffi=jj Published Every Morning Except Monday "NeWS White 8 NUMBER 154 ATI.ANTA (3), GEORGIA, SUNDAY, JANUARY 29, 1950 " CENTS</t>
  </si>
  <si>
    <t>                                           The President Indicates                 The President Indicates                 NO COMPROmlSE IN PROGRAM                 Reporters Thrice Given Answer On Rights Position                 WASHINGTON, D. C. (NNPA) President Truman thrice indicated Friday that he is I'nterUiininjr no compromise or. his civil rights legislative program.                 At his press conference last Friday afternoon the President was three times asked questions about compromising on his civil rights program, and each time he referred the ' to his special message to Congress of Fobrunrv J. 1!)'1S. recommending civil rights legislation.                 The  were prompted by reports earlier last week  .Soiitliern Senators were willing to compromise on civil rights legislation. fi-.'. to such reports, a reporter asked Mr. Trinmin whether lie would entertain 11 .simi lair  practice Kyislalioti. Tin: President replied that     ideas mi fair employment   hud been very clearly .-ft out in his special civil rights message and lie advised the reporter I" read that message. In his civil rights message Mr. Truman asked Congress to create a lair employment practice commission with "authority to prevent. discrimination by employers and labor unions, trade and professional associations, and government agencies and employment bureaus." The Administration's bill. now pending in both the House ana , would empower such a commission issue cea.sc-and- orders and apply  to federal courts (CnnlimiMl on p/ipe 8 Column 4)                 Reporters Thrice "Vinllniwt from Pa'p     ) 1  i*-i- enforcement. Later in the conference the Presiclt-m w:is risked whether he hart any f-mi-ny-!;' nn the .  by Senator Richflrcl B. Hi i sen. Democrat, of Gooruia nu ~-M v'-'hts /on. j NOTHINfi OP COMPROMISi: Mr. 'Irumnn replied  I if did I oi" r)!i''l')  )i.'   xii'!r;r;li'(l i-!sr and  Him1 l-:- I'oni'ii- imi-f wir. in his civil r 'his iiip-;s:iKi'. .^~n-'iiir Ifii-i-rll h:is lii-cn n--il     willing In L-.se on -' :mri inli-i-)-i'~ lii\ !i-t'i I :i Mon hut unyielding on FKPf. in- lni-'i .si.lon      Preiicl.-nl w.i-. fi-ViM  i- hi.v l.wn  i'''Vi!ins itll:;U.CI". uli i- right. (~lli-.-.j ti--n nif-mi Hint, he will not  -.ilit i-     '-. Mr. Ti-  thai Hip    )'  Hii.s . read hU civil        message. He said I'.ai ire- sot out. Just what he wanted nn c-iv l . He  added Hint that was all the comment he cared to make on the o:"'~-t;nri of compromise. A  of  Southern P  moci-nts last Wednesday met in -e if SetlPtor Harry F. Ryrd, P- * rf VM-e-nin. to map :i fight on the FEPC bill which Is' on f c Senator ca endar, and which S"- Scoit W. Lucas, of Illinois.     Maioritv Leicler. has ?aid he in p.iK'~ to nil] up in mid-February.  fepc .Afver tlio    ';n2  RuskcII to d reporters th-.it  had  t- o-iner FEPC "with every means tit our command." '~"hi-^ Rou"i-~-.-n Senators, who are opposed to filibusters, were not invited .0 attend the meeting. Tliev vr-.-o 55.-.,  ^r.;    ;   ; Kefanvfir of Ti 'ir.. Claude Pepper of Florida and Frr.nK P. Graham of North Carolina. Reo   c-s- P-ooks If n v s. Democratic, of Arkansas, author of n -i Sniithern compromise limiting FEPC to educational -i.'ton." last Wcdnesdnv .sought' to sell his "moderate " to Mr. Truman at the White House. Mr. Hays said the President pave him a "most courteous hearing" but he doubted that Mr. Truman wns sold.</t>
  </si>
  <si>
    <t>                                           WASHINGTON, D. C.--(NNPA)--President Truman thrice indicated Friday that he is entertaining no compromise on his civil rights legislative program.</t>
  </si>
  <si>
    <t>                                           TIM TYLIR                 By Lyman Voting                 FELIX THE CAT                 By Sullivan</t>
  </si>
  <si>
    <t>                                           Has Army Policy Changed?                 Has Army Policy Changed?                 MESSAGE EMPHASIZES J CROW                 Throwback Seen In Assignments                 BY LOUIS LAUTIEIt                 WASHINGTON, D. C. -(         determination of the Army to stick to its policy of racial segregation was clearly shown in a message to the commanding generals of all United sues armies in the  States armies in the . Europe and the Pacific.                 A subsequent clarifying message [emphasized that colored personnel iwere to be restricted to  calling for their military occupational specialties which have been designated for  personnel. j This interpretation of the new racial equality program is a  beyond -the report the Board of Officers on Utllzation of Negro Manpower in the Post-War Army, submitted to the Secretary of War! February 26. 1946.  RECOMMENDATIONS That board, which came to be known as the Gillem Board  it was headed by Lieut. General Alvan C. Gillem, Jr.. recommended I hat colored personnel with special skills or qualifications be assigned as individuals in appropriate overhead and special units. (Overhead units units are such organizations as the headquarters of posts; camps, and stations and the staff- sections of division. Army and Army Department headquarters. Special units are such outfits ns post maintenance crews and suc*i technical and administrative services as Sfenal Ordinance Finance. Public Relations, Legal and Special Service Sections.") Army policy, based on the report of the Gillem Board and set out in Circular 124. April 27. 1946. directed that all surveys of manpower requirements made by the Army Department shall include recommendations for the use of colored personnel in the installation covered by the survey. WrrSELL POLICY In a message to all Army commanding . dated October 1. Major General Edwards P. Wltsell the Adjutant General, set out the following policy, based on the pro- gram approved by Defense Secre- 1 tary Louis Johnson to Rive greater i assurance of equality of treatment and opportunity to all Army personnel without regard to race or color: 1. Pending revision of War Department Circular 124. 1946, "Utilization of Ncpro Manpower in the Post-War Army Policy," the following additional policies on this subject are hereby announced for information and guidance of all concerned A. Military occupational specialties (MOS) will be open to qualified personnel without regard to race or color. B. The present Negro quotas for selection to attend Army schools will be abolished and selection will be made from the best qualified per(Continued on Page 4 Column 4)                 Throwback (Continued from Page One) sonnel without regard to race or :olor. C. The promotion system of the Enlisted Career Guidance Program will be administered on an equal merit basis so that all promotions will be obtained by open competition, on Armywide examinations, against a single standard without regard to race or color. D. ROTC students attending summer training camps as members ot school units to which they are regularly assigned will remain together and be trained together without regard to race or color. E. A board of senior Army officers will be convened from time to time to determine current progress under the program presented In paragraphs A to D and to  and review the ! policies for the utilization and experiences of this day and time. 2. The following implementing di- I  are Issued at this time. Further necessary implementing di- I  will be issued as may be I appropriate. Zone of the Interior commanders will pass to subordinate training division commanders the instructions set forth in  3 below. All addresses will insure paragraph 4 is properly disseminated. 3. Effective this date A? (Adjutant General) letter file  220.63 (17 Mar 49  -M subject " of Quotas for Input of Replacement Stream Personnel to Service School?" dated 21 March 49 is amended to delete all reference "to school quotas for Neero personnel. ALL PERSONNEL AFFECTED The total quotas established for each training division by this cited directive will apply all personnel regardless of race. In selecting personnel to meet the quotas fa each school course authorized for input of non-permanent party personnel training division commanders will select the best qualified                 uals without regard to race or color. 4. Effective this date requests for an  of school quotas for assigned enlisted personnel will make no reference lo nice- or color. The Army, having moved in this directive to wipe out some of the inequalities faced by co ored personnel,  itself by interpreting its direction that all military occupational Kp? were to be open to qualified personnel without regard to race. In a second - to commanding generals General Wltsell said it was not intended that r.'.i 1-A of the Army directive of Oct., 1, should be interpreted to authorize "assignments to troop basis spaces without i-egR-i to raco or color." He   1ded that  personnel will be  only to table of 01 :o-i ami equipment units fur colored personnel, and to "Negro spaces'1 in table of .m units. "Ti:j same policy applies fo white personnel," the Army directive declared. "Negro and white personnel will not be assigned simultaneously to a T-O (Table of Organization! and E. (Equipment) which is designated for a particular race except on Department of Army orders," the  said. "In the assignment of temporary  in white or Negro personnel the above policies will also apply," General Witsell added. Under Kits policy, colored personnel will be trained but will not be given assignments for which they qualify unless there are vacancies calling for their skills in colored units or in positions at Army installations designated for colored personnel.</t>
  </si>
  <si>
    <t>                                           WASHINGTON, D. C. --(NNPA)-- The determination of the Army to stick to its policy of racial segregation was clearly shown in a message to the commanding generals of all United Sttes armies in the conti-United States armies in the ... Europe and the Pacific.</t>
  </si>
  <si>
    <t>                                           LAKE SUCCESS, N. Y.--(NNPA)--Lifting of the embargo on the importation of lighting Men and arms in the Near East is a matter for the Security Council of the United Nations, Dr. Ralph J. Bunche, acting UN mediator for Palestine, declared last Wednesday.</t>
  </si>
  <si>
    <t>                                           WE HAVE THEM! FIELD S RECORD SHOP New and Used Records Come In Bring Your Friends i 177 Edgewood Ave. WA. 2596 THE SILVER MOON BARBER SHOP CONGRATULATES WERD ALEX HARVEY, Prop. "WHERE THE PROMISE IS PERFORMED 202 AUBURN AVENUE</t>
  </si>
  <si>
    <t>                                           Chi Alderman Introduces FEPC Bill                 Lutimer Cites Necessity For Human Protection                 OHKJAflO-      - A Pair Em-' plo'/meni. Prwllr-es  for ilir  of Chinngo will be created l,y iIip Clly Council and Included in tlip Iflftl) city budget If on ordinance  by Aid. William H. Harvey ui. l he request of the Chicago Civil Liberties committee Is                 eit 111 t Iip  t-o months. Public lien rings will br held m December  I ho Council judiciary  Headed by Aid. Nicholas Eohllng. William Scott Stewnrr. chairman or the Civil Liberties committee, slated: "Everyone regardless of his race, religion or nationality is entitled to an equal break not only in tax-supported jobs but in the big Industries and utilities which live by Ihe patronage of all the people. The time is past when you can say flint, n man Is free-to starve or sleep under n bridge." PART OF WELFARE Ira LaMmer, executive director of IhP Civil Liberties committee, said: "Human relations have been accepted In recent, years as a part of ihe general welfare. Tt is necessary for the government to protect the social  of the community by . Us police power. The Harvey ordinance, patterned alter those in Philadelphia and Minneapolis, is  end constitutional under the police powers of the city. It is  even If Illinois also adopts ft Ktatfi PEPC I wo years hence and It the federal government creates an FEPC for Inter-state commerce. These new administrative laws wll'.  speed thousands over night instead of one over years." Aid. Harvey rind Aid. Archibald Carey are, the     two, MegrQf ? ))ers of the Council.</t>
  </si>
  <si>
    <t>                                           CHICAGO--(ANP)--A Pair Employment Practices commission for the City of Chicago will be created by the City Council and included in the 1950 city budget if an ordinance introduced by Aid. William H. Harvey at the request of the Chicago Civil Liberties committee is...</t>
  </si>
  <si>
    <t>                                           I want to take this opportunity to express thanks and appreciation for your news article of September 7 about the Negro Pay Hospital proposed to be presently erected by Fulton-DeKalb Hospital Authority I am also much pleased to read the editorial entitled "A Hospital for...</t>
  </si>
  <si>
    <t>                                           Actual Construction Of New Hospital Set For January                 Bids On $1,500,000 Building To Be Received December 20                 Thy building of a hospital serving private Negro patients, which has long been recognized by the Fulton County Medical Society and  citizens as a pressing need, will become a reality around the first of the new year. The FultonDeKalb Hospital Authority                 that bids will be received on December 20 for the construction of the building with an estimated cost of SI. 500.000. It, was stated that actual construction will probably  at the middle of January, 1950. A Federal grant, of 60 per cent of the construction cost, under the Hill-Burton Act. has been assured. The remainer of the cost j will be taken care by a grant of 20 per cent from the State and 20 per cent from private funds. Tliis proposed new building will provide 115 beds and 35 bassinets, i With this addition, the total of private beds in the community for j Negro patients will come to about i 200. The need for this hospital has been re-emphasized by the fact that i Atlanta has highly specialized I physicans and surgeons whose  (Continued on I'agc G Column 2)                 Actual Construction (Continued from Page One) vices are not available elsewhere tor Negroes. While the  operation of the new hospital will be under the direction of the Pulton-DeKalb Hospital Authority it will have its own advisory -board, possibly composed or three Negroes and three white citizens. This. board will function under the .Board of Trustees of the Fiiltoh-DeKalb Hospital Authority. The administrator will work under the Secretary-Treasurer of the Authority, Krntrk Wilson. The visiting staff of the new hospital will be composed of qualified practicing physicians, both white and colored, of Fulton and DeKalb counties. Tills staff will work under the supervision of chiefs of various services at Grttdy Memorial 'Hospital who are professors of -the- several -, ments of 'the Emory ^'University School of . 'The. resident medical staff, until an acceptable Negro organization can be created, will be (the' Resident 'Medical Staff of Grady Memorial Hospital- Nursing Service, for' the new hospital will be under, the. /direction of of the Grady-: Memorial -Superintendent of- Nurses. Negro graduates                 and Negro aides will be employed, and, later when additional . are made available. Negr;_ students will- be -       - there.</t>
  </si>
  <si>
    <t>                                           The building of a hospital serving private Negro patients, which has long been recognized by the Fulton County Medical Society and public- minded citizens as a pressing need, will become a reality around the first of the new year. The Fulton- DeKalb Hospital Authority...</t>
  </si>
  <si>
    <t>                                           Run-down,Wern-out } Weak Women! Get Ricii, Red Blood Put Vigor in "Life Stream" Too     feel "morn   alive" Jim        * I Tour blood, " Mreun". lacks Iron  (or pep. . CAccr up! TlmiiKatifli positively amwd it now tutor,  pep.  ni-r.ra. r  w  Me. Trr,       TouJo        for new pep. . healthier , thU ytn aar . 7?      0/     ^UGHiER.BRIGHTER LOVELIER SKI#N New Skin Bleaching Miracle May Help You Win Love! i Lighter, smoother skin will give you a better chance to achieve love, romance, happiness. Try Dr. KRED Palmer's New Improved Double Strength Skin Whitener to help lighten too dark, dull, weatherbeaten skin. LET 7-DAY TRIAL CONVINCE Just do this for 7 days- Wash with Dr. KRED Palmer's Skin Delight Soap, use Double Strength Skin Whitener at night -protect with Dr. FRED Palmer's Vanishing Cream during day. Results on 7day trial must satisfy or money back. You can get all 3 Dr. FRED Palmer's products tot 25c each at nil drug stores. Ask tor NEW IM"ROVED r-Pr.FHEPPalnwr^ -I YsKIN WHITENER/</t>
  </si>
  <si>
    <t>                                           ".MISS TENNESSEE STATE1 Miss Delia Robersr.n. nf Pifepsviiln. Xcnn.. will sen c as Mis' I'tnm'f.a: State during Uic Niulivillc school s li'.' game  Kontitcky SUte Collide In;-  MUl-Wesicm  championship. Shr will                 so  during the entire Thanksjiving season when declination of and groundbreaking for new buildings and facilities in the amount of six million dollars will be carried .nit.</t>
  </si>
  <si>
    <t>                                           THE BIGHT TO VOTE "The right to tote must be open to all our citizens  of Race, Color, or Creed  Ui or artificial restrictions of any kind. The  we let to that basis of political equality, the better It will be for the country as a whole."  D. ROOSEVELT.</t>
  </si>
  <si>
    <t>                                           BESSEMER, Ala. --(SNS)-- William Coger's Sons of Kong of Rosedale High School opened the 1949 official prep football season in Jefferson county in the big way when they smeared the Dunbar High Blue Devils with a 20-0 victory here a Bessemer Stadium.</t>
  </si>
  <si>
    <t>                                           Sunday School, 9:30 a. m. Dea John Henry Shanks, supt. Worship 11 a. m. and 7:30 p. m. Music ... Senior choir. Mrs. Viola Edwards at the plano. The pastor will have charge of both services. The pulpit committee meets at the church Monday night. Tuesday night the senior...</t>
  </si>
  <si>
    <t>                                           Commercial Collateral Monthly Repayment Automobile FHA Loans Checking Savings Safe Deposit 'Trust Collection Service First National Bank ATLANTA Mtmbtr Ptdtrai Dtpoiit  Ctrpmtin FOUNDED 1865 CAPITAL, SURPLUS AND PROFITS $13,000,000 LAmar 6641 LAmar 6642 BEAVERS FURNITURE COMPANY We Buy and Self NEW AND GOOD USED FURNITURE 300-302 Marietta Street (In West Corner of Thurmond St.) Low Prices Easy Terms ATLANTA, GEORGIA JeSt on Optical Purchase ^^y' Bring It with youl BOP GLASSES OUR SPECIALTY EYES EXAMINED- GLASSES FITTED- LENSES DUPMCATEn We Carry Any Style Frame. Eyes Examined By Registered Optometrist. DR. BURROUGHS Easy Credit $1.00 Per Week KING OPTICAL CO. 132 WHITEHALL ST., S. W. CYpms 8131</t>
  </si>
  <si>
    <t>                                           Rave notices reaching the Gate City from points in the Mid-South where the Lucky Millinder Streamlined Modern Minstrel Show has played, give all indications that tickets had better be purchased early to insure getting in the City Auditorium to witness this first...</t>
  </si>
  <si>
    <t>                                           LOCAL DEATHS                 JONES, Mr. Walter Julia, of R- 44 Fourteenth Street, passed. j RAGLAND, Mrs. Sallie, of R-536 Robbins Street, passed August II. COBB, Mr. Napoleon, of 6B8 Larkin Street, Apt. 4G4 passed Aug. 10. ALICE, Mrs. Walton of N. Hightower Road, passed at the residence. HESTER, Miss Dorothy Lee, of Atlanta, died August 10. JACKSON, Mrs. Sallie, passed quietly at her residence August 10. COKLEY, Mrs. Emma, of 615 Praser street passed at a local hospital August 11.</t>
  </si>
  <si>
    <t>                                           Her new book is Killers of the Dream                 Lillian Smith; famed author 'of 'Strange Fruit", last month brought ;he public another stirring story of ;he South in "killers of^the Dream" Partly autobiographical.              , the- book is-  by                 critics as an' attempt to open the gates that now bar mankind, from a fuller and richer life. Miss Smith is well known for her work with the Rosenwald fund which terminated last year.</t>
  </si>
  <si>
    <t>                                           Drippy weather apparently wept the Parker Thundering Herd from showing off their new football uniforms last Monday afternoon. Tittusville's John Pearson. Morehouse backfield star, has been elected co-captain of the Maroon Tigers. SNS's Marion E. Jackson of...</t>
  </si>
  <si>
    <t>                                           The Police Beat                 Condition Fair After Shoulder Bullet Wound                 Jim Rooks, of R-35 Prescott, N. E., was reported in fair condition, yesterday after being admitted to Grady hospital with a pistol wound in his left shoulder. At Grady he told police that his wife, Ella, shot him when he started to get out of bed where he had been relaxing. He said he told his wife that he was going to get a sandwich when she shot him. A charge of shooting at another was lodged against the victim s wife, police said.</t>
  </si>
  <si>
    <t>                                           At the annual exhibit by students in the Arts Workshop at the Atlanta University Summer School, which will open to the public on Sunday, August 7 will be more than 100 examples of papier mache modell ing, print-making, paintings, and copper tooling which have been...</t>
  </si>
  <si>
    <t>                                           CHICAGO, Ill -- (INS) -- The Windy City is the hub of the sports writing world. Good writers are cropping up here although many of them have not made their mark on a national scale. Most correspondents for the national weeklies have ... headquarters here and with some reportorial excellence coming out of the Associated Negro Press, a news service which handles copy for 112 newspapers, things look well for Negro sports.</t>
  </si>
  <si>
    <t>                                           Birmingham Negroes May Share In Tension Plot                 BIRMINGHAM, Ala. The Birmingham city commission today took sharp issue with the National Association for the Advancement of Colored People and made a strong defense of its Negro-white zoning laws. The commission set a public hearing for September 6 on a proposal to give Negroes a 1 5-to-20-acre tract of land in the disputed section of the North Smithfield area that was rocked with bombs lost Saturday. The bombs went off near the homes of two Negro ministers who live in the part of the area zoned for whites. During the meeting, commissioner James W. Morgan read the telegram from the NAACP which said the group was against the proposal for zoning and would fight all zoning in Birmingham. Morgan called the NAACP "Trouble Makers" and said: "We wili not now and never will agree to break down our zoning laws." Ala. Legislature May Vote Zoning Bar For State MONTGOMERY, Ala. A measure to keep Negroes and whites from living in the same residential districts Tuesday was reported out of the Alabama Senate Committee on municipalities. It will be on the senate calendar Friday. The bill was introduced by Sen. C. J. Owen of Marshall county. There is little chance for the bill to pass except by unanimous consent, since there are only six more legislative days left. The senate still has appropriations bills to pass.</t>
  </si>
  <si>
    <t>                                           Mrs. Bethune Says Haiti Land Of Tremendous Possibilities                 DAYTONA BEACH. Kla- (ANP) -"Haiti Is a country of tremendous possibilities." declared Mrs. Mary McLeod Bethune. noted educator, recently returned from an official visit to the Caribbean republic.                 Interviewed here, on her return, the first woman to be decorated by Haiti said that "the land with a future "needs capital to develop adequately its resources, and believes that financial help from this country should be forthcoming. She enthusiastically supports the Haitian International exposition, planned for a December opening, in celebration of the bicentennial of the founding of Port-au-Prince, the capital. "We should all get behind this position," said Mrs. Bethnne.                 "It should attract to this magnificent .  of  Imagination and initiative. Once one comes and sees, it is hard to leave and impossible to forget. The Haitians are a splendid people, and are literally pulling themselves up by their bootstraps." SAYS CLIMATE MILD Prepared for  heat, Mrs. Bethune was amazed by the relatively low temperatures she encountered. "I have never exerienced a more delightful and stimulating climate." stae declared. "In midsummer it is a surprising relief from the often oppressive heat of our American cities- even those In (Continned on Page 6 Column 3)                 Mrs. Bethune (Continued from Page One) the North. One never experiences the  usually associated with the tropics, and this means much to those who So to Haiti with  business developments in mind." Mrs. Bethune visited the Haitian congress .while in Port-au-Prince,  was much moved to find a lifesized portrait of the abolitionist. Charles Sumncr, in n  position In the Chamber of Deputies. She expressed herself as greatly impressed with the desire of President Dumarsias Estimo and his                 cabinet to bring unity and true democracy to Haiti, and with their initial efforts in this direction. She cited the extension filling operations along the water front of Port-auPrince, in connection with preparations for the exposition, to the plans for much-needed slum clearance, and to el forts to extend educationa! programs into1 the mountain regions which cover great areas of Haitian territory and are "home" to thousands of peasants who produce most of the country s food. ASCENDS MOUNTAIN Still adventurous at 74, Mrs. Bethunc made the  to LeRefuge. high above the mountain resort of Kenskoff and commented with admiration on the hardihood of the peasants who cultivate small holdings and build thatched huts along the steep slopes, below the mountain villas of the wel-to-do. Mrs. Bethune said that she asked many questions about the Haitian Home industries, and was pleased with the products she saw displayed in capital gift shops. She also expressed keen interest in agricultural developments the condition of the banana industry, coffe production in the upper highlands, the increasing acreage in sisal, the introduction of scientific forestry and the development of Haitian-type cattle. She was eager that greater advantage be taken of small business opportunities, and concerned with evident need for outside help, in financing public and private enterprise.</t>
  </si>
  <si>
    <t>                                           DAYTONA BEACH, Fla.--(ANP) --"Haiti is a country of tremendous possibilities," declared Mrs. Mary McLeod Bethune, noted educator, recently returned from an official visit to the Caribbean republic.</t>
  </si>
  <si>
    <t>                                           LAFF-A-DAY                 'Oops!- Pardon m v Mr. White!"</t>
  </si>
  <si>
    <t>                                           Miss Florence Mercur Eminent Young Pianist Feature At Clark Cultural                 Miss Florence Mercur,  young pianist of Philadelphia and N'ew- York, will be presented as a feature of the All Star Concert of the Sunday Evening Cultural Hour ni Clark College on Sunday evening November i:i. UMipat 7:30 p. m. in Davage Auditorium. Mercur. currently on to transcontinental concert tour, epitomizes young American talent. She began, at a very early age. to thrill audiences by her playing, and since has won the praise and commendation of New York's first string music critics. Miss Mercur's program at Clark will consist wholly of classical . Wo admission will be charged.</t>
  </si>
  <si>
    <t>                                           RINGS THE BELL, SAYS CAPTAIN DETROIT, Mich. "I want both quality and flavor in a whiskey," says Samuel Cox, bell captain. "That's why j 1 switched to Calvert- and that s why I've stayed switched.'" calvert reserve Blended Whiskey I -88.8 Prpof-65% Grain Neutral Spirits. Calvert Blstlllers Corp., New York City</t>
  </si>
  <si>
    <t>                                           Funeral Notices                 PEEK: Mrs. Ellen S.- passed at her residence 184 Ogden Street, 8. W., November Ifl. -Funeral announced later. Cox Bros. BUTLER: Mrs. Susie Victoria- of 272 Glen Iris Drive.- The Wends and relatives of Mrs. Susie Victoria Butler are invited to attend her  tomorrow, Monday, at 2 p. m. from Auburn Avenue Chapel. Rev. D. V. Kyle and Rev. W. H. Borders officiating. Interment South View. Cox Bros. GATES: Mrs. Adeline- of 720 Kendall . N. E. The friends j and relatives of Mrs. Adeline Gates are invited to attend her funeral this Sunday at 2 p. m. from Sorinifleld Baptist Church, Newborn, Ga. Rev. L. G. Aiken and Rev. Hugh officiating. Interment at Newborn Cemetery. Cox Bros. WARE: Mr. George W.- or 715 Dalvigney Street. N. W. The friends and relatives of Mr. George W. Ware are invited to attend his funeral this Sunday at l p. m. from our Auburn Avenue Chapel. Rev. T. B. Brantley officiating. Interment at Chestnut Hill. Cox Bros.</t>
  </si>
  <si>
    <t>                                           TALENTED YOUNG ATLANTAN PASSES -- Miss Marcia Reid, 13-year-old brilliant and talented daughter of Mr. and Mrs. A..A. Reid, of 1225 Oleander Street, N. W., passed early Sunday morning; September 11, at St. Mary's Hospital, Mayo Clinic, Rochester, Minn.</t>
  </si>
  <si>
    <t>                                           The Southern University sharpshooters of the Southwestern Conference will make their debut in the Gate City Wednesday nght, when they pair-off with the Morehouse Maroon Tigers on the Morehouse College court. The tip-off will get underway at 8 p. m.</t>
  </si>
  <si>
    <t>                                           Congressman Daw son At Convocation In Memphis                 Two United States Congressmen, and the Mayor of Memphis joined with officials and delegates at large Sunday  of this week in paying tribute to the venerable founder of the Church of God in Christ, Elder Charles H. Mason, senior bishop of the church. They were                 Congressman William Davvson, of the First Congressional District (Cihicago, Illinc\i) Cbiigressman Cliff Davis, of the Tenth Congressional District (Shelby) and Mayor Watkiiis Ovecton. The occasion, referred to as Bishop MasoiVs Day, marked the                 84t.h birthday anniversary of the nationally known leader, and ^he 42nd anniversary of the Holy Convocation. Sessions are still on at the mammoth Mason's Temple, 958 South Fifth Street, one of the largest and imposing religious structures owned and operated by Negroes in America. Shown in the accompanying picture nearest microphones (fromleft) are Congressman Dawson, Congressman Davis, Bishop Mason, and Mayor Overtoil. Others on the roster include members of the Bishops' Council, and other high                 of the church. ::v' Congressman Dawson, first Negro lawmaker of the Congress to ever speak in Memphis, was presented to the overwhelming crowd of 10, 000 saints and visitors by Congressman Davis, who commended, the congressional record of the Chlcagoan as being in keeping with his high trust and responsibility. Congressman Dawson brought thunderous applauses from the immense audience when he declar- ed that America, with all of itsi defects, is the greatest, land of op(Contlnuea'On'Back Page)/-'.'-'                 Congressman (Continued from Page One) portunity for a minority people. He called upon his listeners to re- dedicate themselves to the cause j of liberty, the capstone of Demo- j cracy just as they had done in a j spiritual sense as delegates to the great Convocation. Mayor Overton, along with all other speakers praised bishop Mason as one of the really great j leaders of our day, and wished for j him the most in happiness and joy as he rounds out his fruitful life. "The unswerving faith of our people is the yardstick of the calibre of the Bishop Mason who has led them through trials nnd an important factor in racial develop*- ment and advancement of interracial goodwill," he added. Congressman Dawson had warm words of commendation for Elder L. H. Ford, of Chicago, who arranged the program for Bishop Macon's Day and invited the distinguished lawmaker from Illinois. "Even if I had not received the invitation to attend Bishop Mason's Day, r would have come anyway on an occasion like this," Mr. Dawson asserted. "Keep on following the leadership set by your  I Senior Bishop. You have through !him developed a great religious heritage for posterity. I Earlier in the day Congressman Dawson was guest of honor at a banquet at Davidson's Grill. Among guests present at the reception were Elder Ford, Rev. C. C. Cox, Overseer of New Mexico: Rev. L. C. Patrick, National Superintendent of Sunday Schools; Rev. J. Patterson, president, Tennessee State Youth Congress; Rev. P. Washington, National Finance Secretary; Youth Congress; Rev. Mason, of Chicago; and Miss Dorothy Webster, returned Missionary from Haiti. Mayor 'Overton welcomed the Saints to Memphis and told of the resources in the community which made it an ideal place for the annual meeting. He spoke highly of the many contributions made by Bishop Mason and his followers. He commended the Chruch for having made its annual Pilgrimage here over a period of many years without any major unpleasant incidents.</t>
  </si>
  <si>
    <t>                                           Two United States Congressmen, and the Mayor of Memphis joined with officials and delegates at large Sunday night of this week in paying tribute to the venerable founder of the Church of God in Christ, Elder Charles H. Mason, senior bishop of the church. They were...</t>
  </si>
  <si>
    <t>                                           JEAN WORTH IS BACK IN THE CITY Palmist and Psyslo Calls Tour Name, Asks No Questions This lady does  flatter you, she tells your life as It Is, and should be. For every trouble there is a remedy and In most cases, the remedy Is within your reach U you only know how, lor while ignorance may sometimes be bliss, it Is folly of the most dangerous sort to be ignorant of the problems of love, marriage, business and speculation. Not to know is to suffer. Knowledge is Power Ignorance Is the cause of all evil. This lady warns you gravely she suggests wisely she explains fully. She Answers All Questions. Know Thyself and find success and happiness. No one in trouble turned away. Thia lady has helped thousands and she can and will help you. 1269 BANKHEAD AVE, N. W. Almond .Pat* on RUer Car To Anthonk Street.</t>
  </si>
  <si>
    <t>                                           11KV. . .8ON . 1, .1. JACKSON, D.   . SPECIAL SERMON The Oreater Elm Street Bnptlst Church, 132 Elm Street, S. W.,  you to hear Pastor IIucll J. Jnck.son, Sunday morning nt 11:30, he will preach on the subject: "Yes, That's My Baby." Make Elm Street Baptist Church The Church for you.</t>
  </si>
  <si>
    <t>                                           mm j lAmar 6641 LAmar 6642 j BEAVERS FURNITURE COMPANY We Buy and Sel' i NEW AND GOOD USED FURNITURE i 300-302 Marietta Street i (In West Corner of Thurmond St.) low Prices Easy Terms j ATLANTA, GEORGIA J i Commercial Collateral Monthly Repayment Automobile FHA Loans j ChcckiDR Savings Safe Deposit 'Trust Collection Service First National Bank ATLANTA Mmbtr Federal Drpolil Inuirame Corporation FOUNDED 1865-CAPITAL, SURPLUS AND PROFITS .$13,000,000</t>
  </si>
  <si>
    <t>                                           The Reverend Vernon Johns, pastor of Dexter Avenue Baptist Church at Montgomery and widely known preacher and lecturer is serving Friendship Church. Atlanta, during this week and Sunday morning and evening, in a series of special services. The large and...</t>
  </si>
  <si>
    <t>                                           Complete Glasses LENSES and FRAMES NOW ONLY ~.JjIIII' ^m ^B No Exlra ri 1 1 I I ^H ^H Charge For L J H T J II V^^BV Easy ^B^  ^^  ^H^B^B ^^JM^^P Credit Single Vision or     1 Bifocal Lenses PAY AS BETTER , and BETTER LITTLE AS HEALTH Let BUHL S know- ledge and experience in making #jMl#i technically correct glasses help give *m*m*m you the comforts and pleasures you WEPIfl V justly deserve Any strength your eyes require To help you enjoy better vision without strain New, Modern No Appointment Necessary comfortable frame styles Come in anytime No waiting I I ^^~^^^^u^^E^L^^^Ik^^^^^^sS^^H ill I U ^^^^^"^^^"^^EaB^HpS^W ^^L ^l ST., N. E JBftBsSll^^fl</t>
  </si>
  <si>
    <t>                                           The giltedge and all-conquering Florida A and M Rattlers wrote "finis" to their 1949 pigskin warfare in the Southern Intercollegiate Athletic Conference by slopping down the Allen University Yellowjackets 34-0 Saturday in Columbia, S. C.</t>
  </si>
  <si>
    <t>                                           Shaw Univ. Marks 84th Anniversary                 The 84th anniversary of Shaw Unlvers'ty was observed nt Founder's Day exercises held Friday morning in University Church. The annual address was delivered by Dr. Fred D. Sessoms, a physician of Washington, Ga., and a Shaw   in the class of .                 Earlier, in keeping with n longstanding custom, students, faculty and friends of the institution gathered at the grave of the Founder, Dr. Henry Martin Tupper, where a wreath was placed by Miss Jeanne Brown, a junior of Atlantic City, N. J., "Miss Shaw" of the current year. President R. P. Daniel re.id 'he                 inscription from the grave marker. a legend know to thousands of Shaw University alumni and hoard often by them on similar occasions: "He counted not his life clear unto himself, that he might lift Godward hir, brother." Prayer was off- I  bv the Rev. J. F. Hflywood of Raleigh. Following the graveside ceremony. the procession of Shaw personnel, i visiting alumni, and friends made its way to University Church fur the Founder's Day /service. Dr. Sessoms, a medical practitioner for 44 years, out of his own experience made a talk which was realistic and inspiring. Speaking of the Founder. Dr. Sessoms said. "Dr. Tupper and his co-workers did much to mold and shape the moral influences, customs, and character of our people." (Continued on Page C Column C)                 Shaw Univ. (Continued from Page One) The speaker also attributed something of the "tolerance, co-operation, and liberal spirit of Northi Carolina" to the "influence of Dr Tupper and .Shaw University" Dr. Sessoms, who defined his philosophy of life as a belief in "education of the head, heart, and hand,1' declared tMt "education of the proper kind   ;aches a man to love work and dignify labor. For the Negro to succeed permanently, he must have property, industry, I skill, economy, and character," he continued. "There is no way to keep a man down who continues to add something to the material, intellectual, and moral well-being of the place in which he lives," he concluded. The speaker was introduced by President DaJiiel, who earlier hnd brought annual Pounder's Diy Greetings. Dr. Daniel classed the j Founder as one "rebuked by those who did not see the challenge of his day." The Litany of Commemoration was led by Dean W. R. Strassne of the School of Religion, and an In Memoriam Prayer for deceased alumni was offered by '.hp Rev. G. E. Cheek, Alumni Sec-re- i tary. Following music by the Univeisity Choir, directed by Harry GiJSmythe, President Daniel introduced outstanding guests. They included: Dr. W. C. Somerville, Washington, D. C, Executive Secretary of the Lott-Carey Foreign Missionary Convention; and Dr. P. A. Bishop, Rich Square, President of the General Baptist State Convention of North Carolina, and a Trustee of Shaw. Dr. C. C. Spaulding, also a Trustee, who each year attends the services, was ill in a Durham hospital, and was unable to be present. Mrs. Ellen S. Alston, Secretary of the Womans Baptist Home and Foreign Mission Convention of North Carolina, presented to the school a check for $2100 from the convention. The closing prayer was offered by the Rev. Paul H. Johnson, President of the Shaw University Theological Alumni Association, Pastor of Martin Street Baptist Church, Raleigh.</t>
  </si>
  <si>
    <t>                                           The 84th anniversary of Shaw University was observed at Founder's Day exercises held Friday morning in University Church. The annual address was delivered by Dr. Fred D. Sessoms, a physician of Washington, Ga., and a Shaw graduate in the class of 1906.</t>
  </si>
  <si>
    <t>                                           JEAN WORTH IS BACK IN  CITY Palmist and Psysic Calls Tonr Name. Asks No Questions This lady does f^VV-j^^H not Matter 'you, ^Hi-US she tells your Ilfe ~^~ as it. is, and should CB obf^~ be' Por every trou" ,^^k'^^^Bmost cases, the VI'!' within your 'reach Jf-;you  how. for while Ignorance may sometimes be bliss, it is folly of the most dan.gerous sort to be ignorant of the problems of love, marriage, business and speculation. Not lo know is to suffer. Knowledge is Power- Ignorance is the cause of all evil. This lady warns you gravely she suggests -she explains fully. She Answers All Questions. Know Thyself and find success and happiness. No one in trouble turned away. This lady has helped thousands and she can and will help you. 1269 BANKHEAD AVE, N. W. AlmoDd Park on River Car To Astbonk Street.</t>
  </si>
  <si>
    <t>                                           I THOUGHT we had gotten out of Boston, thought Marvell ... and now this creature reeking with the accent, the command, the snobbery, walks in on us. He followed Miss Searle back into the hall. Just above her head, between the spokes of the stair...</t>
  </si>
  <si>
    <t>                                           Jackie Robinson collects $30,000 plus a percentage from Eagle-Lion for "The Jackie Robinson Story" ... Wally Butts, head coach at the University of Georgia will direct the high school football clinic at Fort Valley State College April 13-14 ... Coaches have experimented with platoon substitutions in basketball for years. Holy Cross, undefeated this season uses such cage platoons ... Two big competitive sports fields are still virtually closed to our athletes namely golf and bowling.</t>
  </si>
  <si>
    <t>                                           ~^WHITEST WHITE^ ON EARTH/</t>
  </si>
  <si>
    <t>                                           REV. J A HOPKINS TO HEAD 1950 POLIO DRIVE                 BY WILLIAM GORDON                 As the local March of Dimes drive swings into its fourth day of Intensive campaign activity, the naming of n local advisory committee along with establishing headquarters for the colored division nears completion.                 Serving as chairman for the 1950 i local March of Dimes drive will be t Rev. J. A. Hopkins, retired minis- ter and business man who has for more than two years now conducted a most successful polio drive al- I most single-handed. As one of At- i lanta s most distinguished and sue- i cessful citizens, Rev. Hopkins has long concerned himself with civic, religious and community work, ''do- i ing it out of the desire to render a service to the most deserving." i During previous campaigns, while working with the March of Dimes Drive, Rev. Hopkins has been In- J  In obtaining the largest number of contributions from indi- . churches, club groups and community organizations interested in the continuous fight again                 Paralysis. This dreaded disease which has been hitting various American centers totally without warning or letup, has been on the Increase, taking in its toll, misery death and destruction. The shadow of this plague has spread fear across the hearts of every American mother and father interested In the health and welfare of their loved ones ADVISORY COMMITTEE Still in the process of being named, the advisory committee, which is to work in close harmony with Rev. Hopkins and his associates will Include some of Atlanta's most prom inent citizens, widely known In educational; business and professional life. Such persons will be W. B. Cocnrane. executive secretary of the Butler Street YMCA; C. A. Scott, editor and general manager of the Atlanta Dally World; Mrs. "Margaret Davis Bowen, outstanding in civic and community work; Paul E. X. Brown, William Gordon, associate editor of the Atlanta Daily World (Continued on page 6 Column I)                 Rev. Hopkins (Continued from I'ngc One) who will work ns Rev. Hopkins' assistant nnd serve ns director of publicity; and several other prominent citizens whose names will appear Inter. HEADQUARTERS Arrangements for establishing a temporary  for the local colored division of the polio drive are presently in their final stages. An office, n secretary along with telephone nnd other facilities are                 Ing setup jit Hie Butler Street Y. M. C. A. on Butler Street near Auburn Avenue. All contributors and voluntary workers Interested In the successful promotion of the drive may obtain further Information at the .s. Someone will be on hand at nil limes to render assistance. IIltST APPEAL During a special and Impressive talk before an assembled group at the Hungry Club at the Butler St. YMCA Wednesday Rev. Hopkins -d to Atlanta citizens for their assistance In the drive. He stressed he urgent need for people to -t r campaign whose funds arc being  to right Infantile Paralysl.\ and helping to replenish funds spent for patient care In IhsI year s epidemic. The color line Is not respected by the National Foundation In regard to race, creed or color. Negro patients, through care at the Warm Springs, On., foundation and the Tuskegee Institute center have been recovering and are being cured through unselfish distribution of funds in this area.</t>
  </si>
  <si>
    <t>                                           As the local March of Dimes drive swings into its fourth day, of intensive campaign activity, the naming of a local advisory committee along with establishing headquarters for the colored division nears completion.</t>
  </si>
  <si>
    <t>                                           Rules Unit Votes Chanqe                 WASHINGTON, D. C- (NNPA) Defying, the Administration leader-' ship, the- 'House Rules' Comnitttee last Friday voted 9 to 2 to repeal n rule adopted by the House last year which deprived the Rules Committee of Its power to block .                 The surprise action was variously Interpreted as a move by the committee to regain its old power to determine what legislation tho House may consider, southern opposition to FEPc legislation, and a Republican blow at "Pair " spending. what legislation the Hose mny  southern opposition to PEPO legislation, and a Republican blow at VFair Dealing" spending. If approved by the House, tho rule which the committee ordered reported would (five a HepublicanSouthern Democratic coalition the power to block consideration or President Truman's civil rights program. As the rule now stands, committee i chairmen are empowered to call up j reported legislation on special discharge days after waiting twentyone days for the Rules Committee to act. Under this rule, Representative John Leslnski, chairman of the House Labor and Education Committee I.-, ready- to call upon next' Monday the Administration's fair employment practice bill unless the Rules Committee grants a special rule making the legislation a special order of business. The weakness In this rule is that It lodges, wide discretionary power in the Speaker. He may or may not recognize a chairman for the purpose of calling up a bill which he does not wish to consider. In this connection, there has been (Continued on page 6 Column 6)                 Rules Unit (Continued  Page One)  vide speculation as' to          Speaker Sam Rayburn, a foe of civil rights legislation, will  Mr.                 Leslnskl on January 23 to call up the FEPC bill. Representative John W. McCorroack, of Massachusetts, the Majority Leader, said the proposed rules change would be "vigorously fought." The vote on the resolution follow cd closely a hearing on the FEPC bill. Mr. Leslnskl and Represent a tie v Adam C. Powell, Democrat, of New York, who Is sponsoring the measure in the House, had asked for a  rule on the legislation. Representative Oene Cox, Democratic, of Georgia, offered the repealer. It was supported by all tour Republican members of thp committee. Four Southern Demoocrats, including Mr. Cox, a foe of any civil rights legislation, and one Northern Democrat, Representative James J. Delaney ol New York City, voted for the resolution. Rep. Adolph J. Sabath, of Illinois the committee chairman and Ray J. Madden, of Indiana, both Democrats and strong Administration supporters, cast the only votes against the repealer. Delaney told reporter that Ms vote was not aimed at FEPC but at 'deficit spending."</t>
  </si>
  <si>
    <t>                                           WASHINGTON, D. C.--(NNPA) Defying. the Administration leadership. the House Rules Committee last Friday voted 9 to 2 to repeal a rule adopted by the House last year which deprived the Rules Committee of its power to block key-legislation.</t>
  </si>
  <si>
    <t>                                           t ** r. Morning Except Monday, at IM Aatva Arms* Member*! 8NB NNPA ANP BIB W. X  Ik. Tranfer-Pabltsher, Am. 5, IKS, U Fek. T, 1M4       . IKS; Beeaine Dally M*reh U, 1MI Teteyhraa: WAlnat 1U* 14M   ta Port Office at Atlanta (I). Oa, aa second oUm mail  in* Act of Congrcai, March U, U7t W. BOO IT Editor and ti*  HDBSOBIPriON   MUyl I Tear *1%.M; Muutlm $6.  ; I Mnntb* U**    *rday Only: 1 Year I4.S4; Monlhi (Ml (KUlai       fi^~; Montlu $325; Foreign: 1 Year $1M BabMrlpUou Bait* By Carrier toe Weekly f BlK ATLANTA  WORLD is an Independent newspaper,  ma uon-,  newa absolutely  and   thing* tl  to De to the Interest of Its reader* and   thing* against the Interest, of its        . '1HB WORLD expressly repudiates responsibility (or return of unsolicited pictures, manuscripts, etc., unless stamps are sent.         ALL COMMUNICATIONS to acd make CHECKS payable to ATLANTA DAILY WORLD, rather  to .</t>
  </si>
  <si>
    <t>                                           a little ill       mm goes a long way because it s Double-Rich ^JS^ KENTUCKY WHISKEY -A BLEND 86 proof, 70% grain neutral . Copr. 1949, Schcnloy DisU Inc., N. Y.C</t>
  </si>
  <si>
    <t>                                           Four "sudden anger" reports of aggravated assaults were recorded by city police over the weekend, Police Clerk J. O. Young reported Monday.</t>
  </si>
  <si>
    <t>                                           KANSAS CITY, Mo. -- (ANP) -- Plans have been completed for what is expected to be the greatest convention of the Auxiliary to the National Dental Association. This meeting will be held August 8-12 in Kansas City with the Lincoln High School as headquarters.</t>
  </si>
  <si>
    <t>                                           Howard's Honor Society Members Elect Officers                 On Wednesday, November 11,1949 I lie David T. Howard High School Chapter of the National Hoi:or Society elected the following officers: j President; Lola Jean Scott: Vice [President, William R. Johnson; I Corresponding Secretary, Jacfjuclyn j Moore; Recording Secretary, Milicired Powell; Financial Secretary, Frunkie Love: Publicity Director Tliad Oiive: Editor of the "Scholar (on-.cial organ of the Chapter) He- j void Mcoro; Treasurer, Mrs. A. W. Robinson. I I M. R. Austoll is .- of the Howard Chapter and C. L. Gideons I I is Uie principal of the school. Several committees were appoint- j ed and plans anci projects wers out- I lined for the year. The Society ex- i p?cts to make several tours to places of interest in the city and two tours have bt jn outlined to educa-  and historical sites i-. other . Wettings win lie held regularly the first and thi.'v. Thursdays in room ail at the school promptly .it 3-03. The -.-y ~:?, who arc now attending various colleges In the city are invited lo attend the meetings.</t>
  </si>
  <si>
    <t>                                           TIM TYLlR By Lyman Young                 FELIX THE CAT Bv SuJlivan</t>
  </si>
  <si>
    <t>                                           Football championships have been settled in three conferences .... Florida A. and M. can't be overtaken in the SIAC ... Alcorn A. and M. is the winner in the SCAC ... and Bethune Cookman is a cinch in the SEAC ... Morgan State and West Virginia State are in a dogfight for the CIAA title ... When Kentucky State meets Tennessee State Thanksgiving Day in Nashville, Tennessee, the Mid-wes Conference championship will be decided by the...</t>
  </si>
  <si>
    <t>                                           Summer foods taste so much better when eaten out of doors: it is so much more fun in the garden, on the porch, or in the shade of the old tree. Try it and I think you will agree with me.</t>
  </si>
  <si>
    <t>                                           BALTIMORE, Md.--(SNS)-- This city heard the foremost colored leaders of the Methodist Church Sunday, September 11, when all the bishops and most of the general officers of the Central Jurisdiction spoke in local churches on what was known as "Methodist Field Day."</t>
  </si>
  <si>
    <t>                                           Senate Fails To Take Final Action On Pay Boost                 WASHINGTON (INS) The Senate recessed early Thursday without reaching a final vote on legislation to boost the pay of cabinet members and other top government officials by 50 percent. Consideration of the measure will be resumed by the Chamber today. Earlier, the Senate adopted tentatively a compromise bill. Labor Government Defeats No-Confidence Move London, (INS) The British LaboeGov. defeated a no-conferenee move in the' House of Commons Thursday and went on to win an overwhelming vote of approval for its economic policy. Commons voted 350 to 212 against a conservative motion of censure in the labor regime s biggest test since if cam* to pow^r more than four years ago.</t>
  </si>
  <si>
    <t>                                           TO TANGLE WITH MOREHOUSE TIGERS THIS AFTERNOON- The LeMoyne College Yeliowjackets, shown above- will be making their first appearance on an Atlanta gridiron since the                 I war era this afternoon, when they I tangle with the Morehouse College Maroon Tigers, at Herndon Stadium. Head Coach Charles "Bo" Spearman, former all-Amerlcan end at LeMoyne and his able assistants                 have made it known that  "Mad Magicians" will be out to avenge the 38-0 defeat the Maroon Tigers handed them last year at Memphis. Kick-off time has been set for 2:00 p. m.</t>
  </si>
  <si>
    <t>                                           Bailey Theatres ashby " 1)11 IVE     NlltllT" With  ' "And "LtTTI.K MISS "  ' ('.l.O MEET 1 Hi; "MAN  I'Ol." With    r. ov  "SHKltlKb- OK " $ IVIIh  l- And " OK  Wll." Also  K (1 ^ "KEV l.AIUiO" With IIUMI'HKKr  Ani) "CIiOSSl:   " Abo TKX (SKANdKR  "MAN  Tl'MHl." With WILD III I.I. K1.U0TT And "RETURN' OK WII." Alio _~ LINCOLN  SHERIFF OF WICHITA" With ALLAN t.ANi: And I " " -Alio MV8 MR. M.  "CIIKnOKEK FLASH" With SUNSET CARSON And "TUB RED MENACE" 81 BAND Abo HICK TRACY RETURNS</t>
  </si>
  <si>
    <t>                                           Last Week's hostess was Mrs. J. R. Wilson, Jr., who feted members of the O. N. O. and invited guests on Saturday evening at six with a most enjoyable bridge party at her attractive New Castle residence. Carnations, gladioli and early spring flowers added to the newly-decorated interior. Similar arrangements were used to center each table</t>
  </si>
  <si>
    <t>                                           The General Missionary Baptist Convention of Georgia, Dr. L. A. Pinkston, president, will end its history-making annual session tonight in a blaze of old time religious glory at Mt. Vernon Baptist church and hundreds of Baptists will be packing up or will be on their way home...</t>
  </si>
  <si>
    <t>                                           Denounces Communism In Armistice Address                 WASHINGTON. (INS) PreslOf.nl Truman in an Armistice Day Address Fri.. denounced communism as a "New Barbarism" and declared "I am doing everything al which I am capable lo organize the moral forces of the- world to meet this situation."                 After paying (he traditional  to Hie unknown soldier, the President, told the National Conference of Christians and Jews that Communist "tranny" threats to 'mulo thi' slow  hard-won  of civilization." The Chief Executive departed from the prepared test ot his address to emphasize his personal effort to "organize the moral forces of the world." Burlier, the world war I artillery i ra pi in who became president of    - United States strode in bright.                 autumnal sunshine to the unknown soldier s tomb in Arlington National Cemetery and placed a wreath of yellow Chrysanthemums on the grave of the Symbolic hero. Among guests at the  luncheon was Oscar Chapman, named earlier in the day to be the new secretary of the interior. The president declared that democratic beliefs and freedoms are being "de  violated and suppressed" "various parts of the world" anri lidded: "These things are not only morn!ly wrong--they threaten to undo the slow and hard-won achievements of civilization. They represent a new Barbarism, more terrible than that of* ancient times. These nre the acts of men who conceive of other men as slaves, not as brothers."</t>
  </si>
  <si>
    <t>                                           WASHINGTON, --(INS)-- President Truman in an Armistice Day Address Fri., denounced communism as a "New Barbarism" and declared "I am doing everything of which I am capable to organize the moral forces of the world to meet this situation."</t>
  </si>
  <si>
    <t>                                           HI a ai a. /~  ^  $~^ itt i i CITY } Atlanta JliiP^ World ei?~       Morning except Monday lx 1$  VOLUME 22, NUMBER 144 ATLANTA (3), GEORGIA, WEDNESDAY, JANUARY 18. 1950 PRICE FIVE CENTS</t>
  </si>
  <si>
    <t>                                           t ^.Bwr^.^Huu^g^T^q. jeanne GRAIN Ethel 80RE Ethel WATERS William LUNDiGAN l\ FOR THE FIRST TIME IN THE HISTORY SOUTHERN PREMIERE OF THE ROXY- THE ENT.RE BALCONY THURSDAY NOVEMBER 1 7TH WIIL BE MADE AVAILABLE TO COLORED AT NO ADVANCE IN PRICES ROXY THEATRE</t>
  </si>
  <si>
    <t>                                           Madam Eva 25c SPECIAL HEADING 2Sc ^KATVHIHi Warld** , K^^^H cat     nils tr Hj *~T^^^H *al* an.  or wife trouble tte sure ui4 came  t once. Office hoan fl  Al to .  and 8.  W. UmrletU 8L. N. W.      tha la* nun Tarta Trtlley 8m.  M tbe 4mi.</t>
  </si>
  <si>
    <t>                                           FOOTBALL!! HOMECOMING CLASSIC CLARK PANTHERS VS. FISK BULLDOGS SATURDAY, NOVEMBER 12 H  SHP  IWff KICKOFF 2i3Q P.M. ADV. SALE $1,20 Km'MS$M^S%mJ%JS% 9  m         ^Jgwm,  Awn  kii-i i ADVANCE SALE LOCATIONS AT GATE $1.80 YATES AND MILTON NO. 1 YATES-MILTON NO. 4 PASCHAL BROTHERS Auburn At Butler McDaniel Street Hunter Street CLARK COLLEGE BOOK STORE</t>
  </si>
  <si>
    <t>                                           Jury Awards Worker $15,000                 CLEVELAND (ANP) Twelve white jurors Thursday ordered Darling and Company. S13,000,000* processing firm, to pay $15,000  to a Negro worker for malicious prosecution. Henry H. Medley, for 12 years u Hrcr.uin for the company, filed suit after being accused of stealing by his employer and later cleared in (Continued on Page G Column 3)                 Jury Awards                 (Continued from Page One) court. "When un all-white jury states publicly  mental torture experienced by a Negro workingman is worth  15.000. I feel the Negro race is definitely making some progress in our courts at least," declared Chester K. Oillespie, attorney for the plaintiff. The case was argued by Gillespie ind John G. Pegg before Judge John D. Martin of the U. S.j Circuit Court of Appeals, Sixth Dis.rict, in Cincinnati. Judge Martin vas sitting in Cleveland by  in order to clear the docket ,iere. Both the judge and the de.ense counsel are southerners. Medley  the disfavor of ,he company when he established a  in the plant in 1943. In 194'~ ae was arrested for petit larceny accused by Darling and Company of . calf skins and grease worth ^34. Medley was tried and  n August. 1947. Afterwards, he fild a lawsuit asking  25.000 Uumagec</t>
  </si>
  <si>
    <t>                                           Women so Often stare at another of their kind and remark, "how does she do it?" So many times this statement is made in reference to the number of different changes a particular woman is able to make in her wardrobe.</t>
  </si>
  <si>
    <t>                                           Postmen Ring Twice But Dogs Bite Nine                 DUNCAN'. Okla.- (INS)!- Mailmen in Duncan are thankful that tho mail carrier s creed doesn't say i anything about getting the maili past biting dogs. "Neither snow nor sleet, nor rain nor heat" has stopped the carriers, but they are having their less full of trouble with snapping canines. The city has ten mailmen and nine of them have been bitten- three in the past week. Acting Postmaster Gibson Smith thought he had the solution when he warned that mail service would be suspended from homes .where the dogs didn't mind their manners. However, "the dog s didn't read the warning." said Smith. He's afraid that the next move will be to call the dogcatcher. "After all." Smith pointed out. "we can t equip our carriers with dog biscuits."                 Biting Hand That Fed Him Puts Pup In The Doghouse "JOE", a part German police dog that Mrs. Eugenia Thomas has putted since it was a tiny imp. housed in a box. decided recently that human hands might be good food. Mrs. Thomas who lives at 648 Invin Street, told the WORLD that she had fed the animal, given it water and then discovered that because "Joe" was tied, that the water had to be moved a little closer. While putting the water within Joe's reach, the canine suddenly lunged to bite his owner on both hands. A painful weekend has been Mrs. Thomas' lot, but to Joe, life goes on as usual he 's still in the doghouse. Whigs Party Takes Over In Washington Hi School Election Tn a landslide vote at Washington High School. Harold Turner moved the Whigs party into power a.s the students, using regular voting machines balloted Tuesday at the Wcstsidc prep . The voting was 2,292 for the Whigs to 463 for the Federalists. Some 400 students were ruled ineligible to participate in the election due to discrepancies in registration, this being done to make the procedure more realistic. Turner, a senior honor student and a f:ory public speaker, will guide the student council for the year assisted by Vice President Cameron Alexander. Miss jennelle Mason is chairman for the victorious party. In  defeat. William Allen pledged support of the Federalist party for good government. Miss Charlotte Davis was vice presidential candidate and Edward Williams chairman of the defeated party. W. H. Scruggs of the Washington High School faculty was chairman of the registration an campaign activities. Faculty members working with him were Miss F. L. Bussey. Miss L. C. Love. R. E. Cureton, N\ H.-~ Smith and B. S. Burch.</t>
  </si>
  <si>
    <t>                                           IN PERSON CITY AUDITORIUM OSCAR LEVANT Piano Star Of Concert, Radio and Movies Playing Music By George Gershwin With The Atlanta Symphony Orchestra SUNDAY, JAN. 29 At 3:30 P. M. SEATS ON SAIE NOW LANIER PIANO CO. 64 PRYOR STREET, N. E.</t>
  </si>
  <si>
    <t>                                           OFFICERS OF NSA- Newly elect-" ed officers of the National Student association posed in Madison, Wls., as they planned activities lor the! coming year. Tlie NSA represents]                 more than 300 member^schools and more than 1,000,000 members. Offlc- 1 ers are (left to right) first row Robert A. Kelly, president, St. Peter's college, N. J.; and Robert E.                 . executive secretary, University of Louisville; Second row: Erskin Chllders, vice president for educational problems. Carleton. Minn.                 (ANP)I</t>
  </si>
  <si>
    <t>                                           LOOKING FOR ft FUTURE? THEN WE ARE LOOKING FOR YOU We're in need of 25 men and women to sell our cosmetics from door to door, in and around the Atlanta area. Experience unnecessary. Ambition essential. Fuller products at -208 Auburn Avenue, N. E. is an Illinois Corporation. The product is manufactured by colored people. Excellent opportunities for advancement for those who can qualify. FULLER PRODUCTS 208 AUBURN AVE., N. E.</t>
  </si>
  <si>
    <t>                                           The second Annual YMCA Atomic Bowl Game moved into high gear as Andrew Lewis, general chairman of the affair named several honorary chairmen for the December 10 game. Among those named are: Walter Smith, Vice President of a local Insurance Company; C. L...</t>
  </si>
  <si>
    <t>                                           Offered Bribe Not To Testify Against Alleged Kidnappers                 SALISBURY, N. C- (ANP)- Alex Brown, 50-year-old Negro recently kidnapped by three white men, revealed this week that a mysterious white person had offered him a $2,000 bribe not to testify against them. Deputy Sheriff W. K. RIcksrd said Brown had been taken to jail here on his own request for  on Tage S Column 6)                 Offered Bribe (Continued from Page One) keeping. Three whites, William E d g a t (Charlie) Hoover of Rowan County, Elroy Vinson King of Randolph County and Saunders Simpson of Montgomery, are being held on bonds of $2,000 each. Two white women also are being held on bonds of $500 each. Two white women also are being held on bonds of $500 each on charges of aiding a .ny. Brown  they took him for a ride several weeks ago asking  two cases of moonshine whiskey which he said he Knew nothing about.</t>
  </si>
  <si>
    <t>                                           Baseball Scores AMERICAN LEAGUE Washington Senators 2 Boston Red Sox 1 New York Yankees 7 Philadelphia A's 5 NATIONAL LEAGUE Brooklyn-Bo*ton, postponed St. Louis-Pittsburgh, postponed. Philadelphia 2 Jew York Giants 0</t>
  </si>
  <si>
    <t>                                           Spiritual Emphasis Marks First CME Session Here                 IIV W.  MUKI                  Wednesday morning';; .session of the 81st Georgia Annual Conference was somewhat like a .spiritual retreat ii.s Bishop W. Y. Bell termed Jl. "an hour nf xl                          Butler Street's altar decorated in  will) cut (lowers and palms tastefully arranged, offered a background of beautiful simplicity for Rev. A. G. Bcckliam's communion . Bishop Bell was assisted at the  table by Elders S. H. Harris. A. G. Beckham. J. A. Hollomaii. E. L. Barnes, and Rev. G. H. Carter, publishing agent of the C. M. E. Church. The communion cere- j money was followed by an old-fashion Methodist fellowship period of . The visitors presented at this ses- won were as follows: Rev. E. P. Murchknn. Editor of the Christian j Index: Rev. B. Julian Smith. Ediior                 l C. M. E. Sunday Schuul literature Rev. L. S. White or Oakland. Cal.; Rev. J. L. Carver, Gen. Secretary of Evangelism: Rev. R. J. Jenkins of W. Point. Ga.: Rev. A. T. Clark of Albany. Gn.; Rev. T. E. Ingrain of the Central Ga. Conf.; Rev. R. R. Anderson of the South Ga. Conr. Rev. Carver outlined a very aggressive plan to organize the entire church from the lop down to the local memberships for progressive evangelistic tours. Rev. White who increased BeBe Temple of Houston. Tex. from a mission charge to 1.600 members, and his present Oakland church from a  membership to 1,200. emphasized the need for better paid ministers. The evening service of worship was conducted by Rev. S. S. Brewer Music was furnished by Linden St.. Marietta and Hopewcll churches. The Thursday session will begin at 10 o clock.</t>
  </si>
  <si>
    <t>                                           Wednesday morning's session of the 31st Georgia Annual Conference was somewhat like a spiritual retreat as Bishop W. Y. Bell termed it, "an hour of stillness."</t>
  </si>
  <si>
    <t>                                           GIRL SCOUT COOKIES-The members of Girl Scout Troop 140 prepare to sell cookies on Auburn Avenue. Miss Jesse Andrews, leader, totals the day s receipts at the Girl Scout office. Three hundred Girl Scouts are selling cookies for the purpose of increasing their camp develop- j                 merit fund. Cookie Sale dates are February 21 to March 10. Girl Scouts have secured permission to sell cookies at community centers, schools, grocery stores, and other public centers of activity. They ask the public to buy cookies.</t>
  </si>
  <si>
    <t>                                           Funeral Notices                 FAVOnS, Mrs. Minnie of 202 Baker Street. Friends nnd relatives ore Invited to  the funeral of Mrs. Minnie Favors- today Saturday at 2:00 P. M. lit the Butler Street Baptist Church. Butler nnd Baker Rev. J. R. Barnett officiating. Interment. South View Cemetery. Flower Girls meet at the church at 1:30 o clock. Haugabrooks Funeral Home. ROBERTS. Master Thomas Russell son or Mr. and Mrs. Russell. Roberts, of 1714 Ezra Church Road, passed Feb. 23. Funeral announcement later. Haugabrooks Funeral Home. , Mrs. Mary mother of Mrs. Claudlc B. Smith, passed at her residence. Rear of 481 Capitol Ave., Feb. 23. Funeral announcement later. Haugabrooks Funeral Home. DEATHS Mrs. Nnoml Frazier, 403 Georgia" A., passed February 23. Mr. Tom Rush. R.-486 Mitchell Street, S. W., passed February 23. Mrs. Ella Mue Cos, 103 Lincoln Park, passed recently. Mrs. Irene McCrary. 30'^ Butler Street, N. E. passed February 23. Mrs. Mary Asbury, R-481 Capitol Avenue, passed February 23. Mr. Edward B. Williams. 506 West Fair Street, passed February 23. Master Thomas Russell Roberts, 1714 Ezra Church Road, passed February 23.</t>
  </si>
  <si>
    <t>                                           MADAME BROOKS AMERICAN PALMIST Ftrtt Tim*      Without an?   toll * Sir  Tjonr IK* trom  Hd   . Vllln. date* and . Qnldn TOO to .         . CaBKf tgf At and happy . She  aa nel* Sbu  a  n %nr . 8   U    born  lth . Closed Tuesd*7 Hoor. A. ML to i 9. M. Dtfto nl. Permaa'eat      Stewart, At*. sue. 9. W. Takl IracUeil   . 11        - Stewart      ..O.t off  IBMJart Ave.walk usta on BUwart S . look for      u Hn  aw aaaM oa    .</t>
  </si>
  <si>
    <t>                                           AS SOUTH CAROLINA STATE DEFEATED MORRIS BROWN FRIDAY NIGHT.                 (ADAfe PHOTOS)</t>
  </si>
  <si>
    <t>                                           A LOVELY LADY RELAXES- Shown 'taking a few moments of relaxation on one of the beautiful beaches in Port An Prince, Virgin Islands, is the lovely Miss Nellyo Petty, of .'HO GOtli Slreci, Fairiiekl, Ala. Here she spent two weeks                 joying  Exposition of Haiti's T5 Obesrvancc. She recently 'completed two years or service In the Virgin Islands as a laboratory technician supervisor with the United States Department of Health.</t>
  </si>
  <si>
    <t>                                           Sunday afternoon at 3:30 p. m. November 6, the annual Training School of the S. S. and BTU Convention, auxiliary to the Atlanta Association will begin with a mammoth city-wide mass meeting at Friendship Baptist church, Mitchell at Haynes Streets. Rev. Maynard...</t>
  </si>
  <si>
    <t>                                           Louisiana Tornadoes Kill 31, Injure 68                 SHREVEPORT, La.- (INS)- The known death toll caused by tornadoes that roared through Northwestern Louisiana Sunday afternoon rose to 31 Sunday night.                 Sixty-eight persons were reported injured. Hardest hit area appeared to be the Cedar Grove section of Shreveport in which the slack Air Force Depot (part of the mammoth Barksdale Training Field) is located. Five Air Force personnel and one civilian were killed on the base. The tornado then plowed into a Negro quarter near the depot, killing two Negroes and overturning several homes. Two of the dead Air Force victims were identified Sunday night. They were Pfc. William Eli Olivelra. 22, of Honolulu, Hawaii, and Pfc. Herbert Lawrence Casper. 20, j                 of Chicago. The other three soldiers killed in the storm were still unidentified. The five airmen were all 111 u mess hull 'which was leveled when tho wind hurled n nearby barracks into the building. The twisters entered Louisiana from West Texas and struck the bonier town of Logansport, taking the lives of three women. The storm then roared into lite plantation home of R. L. Angle near SliK'). InsUntly killing Anglo and two of his sons. An unidentified construction worker was killed near the Angle home as lie worked with u highway gang. Nlnn other members uf the crew were injured. Earlier reports indicated that Mrs. Angle also was killed by the tornado blast which completely demolished the home. However, it j war. later learned that she was rescued from the debris and taken to a Shreveport Hospital where authorities termed her condition as "good." Other Louisiana communities struck by the storm and their reported death and injury tolls were: Alberta, eight dead, two others In critical condition. Roytown, nine dead. 10 injured. Mansfield- no fatalities, 11 injured. Gibsland. no fatalities, no Injuries.</t>
  </si>
  <si>
    <t>                                           SHREVEPORT, La.--(INS)--The known death toll caused by tornadoes that roared through Northwestern Louisiana Sunday afternoon rose to 31 Sunday night.</t>
  </si>
  <si>
    <t>                                           Bailey Theatres i i  "I UI!H I  WUli H U.IMI  Anil -.1111. ATOM .MII"  m.m.i.i.ncv. or rii) is\m; ~'(l.    TAIIIirTT Anil I U.. (CI I.VVS AImi  (~l / EIGHTY-ONE Tiir: " Hlth TIM 1101. 1 \l*n  SHOU  Ki. Mltl'Cf: CiKNTItV FORREST 1 1 I I IN llll1 st "V wiih  rn h Use ttS  HARLEM SMF.Firr 0  " WHh S!'\Sf"T r\i{SON    rt "Wdl.v M.\S' \K.. mil (I. lif.  .V IN SA.NT II Kilh AI.AN I.\NK \nil -   . I'M.  TAKi. Kltt-CK  ROYAL  mix in Tlti: si V  ~.    ;     n.( k STRAND "WKST OF " Wllh (ll\l:l.t;s  And "MINI      IX  O" ,\    HKK  III'.</t>
  </si>
  <si>
    <t>                                           Judging by surveys made in Georgia and elsewhere, it has been established that among the 700,000 school children in Georgia, 45,000 need glasses; another 54,000 need further care and supervision for eye surgery and visual training, etc.; 70,000 need medical...</t>
  </si>
  <si>
    <t>                                           Madam Eva 25c SPECtAt READING 25t ^/WHHi Woria'i       ;W 'Jj 4^9 TOD GET BE- '~S ^HHBi If lur? I  or wire , ke bhw mk! fome at . O/  to .      ud-SaniU;. Ills ff MuUtto St. N. W. Take tha Is         Baa. nmt' the 4~*r</t>
  </si>
  <si>
    <t>                                           Lewis Orders Miners Back To Work                 WASHINGTON John L. Lewis Friday sternly ordered his 370,000 striking coal miners to' go back to work In a move apparently designed to head off further government court action. Tlie Lewis order, contained in a peremptorily-worded telegram to all locals of the United Mine Workers union, was dispatched shortly after President Truman's fact- boar indicated possibility of mine seizure or a contempt action. The UMW president and his men were enjoined a week ago by a Federal court to resume coal production. Lewis complied with a back-to-work order which the vast majority of the UMW members have defied. Folsom Says Democrats Are United MOBILE, Ala. Alabama Govornor James E. Folsom Insisted Friday that the Democratic party is united under the leadership of President Truman. Folsom flew into Mobile  Thursday night s Jefferson-Jackson day dinner in Washington and re-declared his loyalty to the President. The Governor said: "There are some Republicans masquerading as Democrats who don't like him, but we don't pay any attention to them." Folsom, however, would make no comment on Alabama affairs. He refused to say a word about the candidacy 'of State Revenue Commissioner Phillip Hamm for Governor!' i Two Die In Mishap Near Birmingham BIRMINGHAM, Ala. Two person s, a white teen-ager and a Negro woman, were. killed late F/ afternoon when a cut-down stock car struck two persons then veered Info a Utility pole on the Dolomite-Pleasant Grove highway near Birmingham. The Highway Patrol said the dead were Glenn Nor'ris, 14-year-old Dolomite youth, and Lucy Dension about 65, also of Dolomite. Will Dension, husband of the dead woman, was seriously injured. Highway Patrolmen said the stock car in which Norris was riding with two other youths failed to negotiate a curve and struck the DeVision couple who were walking along the highway. The car then plunged into a Utility pole. The woman was knocked almost 100 feet. The Norris youth was killed instantly when the car hit the pole. Another occupant of the car, Mack Dickinson, was also reported injured.</t>
  </si>
  <si>
    <t>                                           3 Judge Panel Dismisses Ousted S. C. Teachers' Suit                 CHARLESTON. S. C. )- The test Miit of Mrs. Pear! Green i Shirrr.      nf I lit- 801 Neiiro school t(~:      -.s  d of  :i - lent.   \v in the Feb. HH9 teachers': stuti- I'xaininatioii was dismissed i by a three   in  court liere la.^l week. i                 Ill I He opinion of the jurists. Chief I Jmlirc J. J. Pinker, District 'Judge i J. W. \V;iring and Judge George j 13. Timmerman, the 801 lost papers  the key no closely Unit ".  not  l)i' c.v,~l. mird on ,m hn:      l);i.sis. I'lio i:i.-c liad Uctni ai^Ui'd last .Inn. J3 in -riil  , with Hnal  ! . by i  l.-. l\): mil Hun - .-.inn., haw  iv. li-om I 1 j .- imp'.ii . Hit1 ^t^ mi ill: "As In the , it is absurd                 (n say the board s action was not' supported by the evidence or was arbitrary or unreasonable. The question involved was :i pure - j  of fact and in deciding it the board was at liberty to consider circumstantial as well as direct evi- deuce and the circumstances relied I on were of strong and probative nature. j "The proof shows that the papers j were examined by a reputable test- Inc agency and thai the fraudulent nature of the papers was - i%il in an absolutely imi) man- hit Hilli which i;      color rould have    possible connection."' In , t!ie  says tlie  "answered the same ex- annual inn   tir -I imin substantially as did Hie  key in six ul" the sections of the examination.'</t>
  </si>
  <si>
    <t>                                           CHARLESTON, S. C. -- (ANP)-- The test suit of Mrs. Pearl Green Shirer one of the 801 Negro school teachers accused of using a fraudulent key in the Feb. 1949 teachers state examination was dismissed by a three judge panel in federal court here last week.</t>
  </si>
  <si>
    <t>                                           NEW YORK --(INS)--The University of Chicago abandoned football 10 seats ago.</t>
  </si>
  <si>
    <t>                                           SUGGESTION PAYS OFF- 'Mrs Madge Foster won $20 for n suggestion adopted by the Electronics Supply Office at Great Lakes. Hers was the highest  among                 eral given recently. Making Ihe award is Commander T. J. Montgomery, USN, Klectronics Supply Officer. Commander C. R. Eaele                 looks on. (U. S. 'Navy Photo)</t>
  </si>
  <si>
    <t>                                           NAACP Freedom Bonds Committee Meets Tonight                 The NAACP's Freedom Bond Committee will meet tonight from 6:60 to 7:59 p. m. at NAACP headquarters, J. B. Wilson. Jr.. campaign director has announced. Mr. Wilson has Insisted that all meetings open and adjourn on time and last for only one hour. A goal of 16,000 members has been set for the local NAACP this year. The freedom bond committee will-! conduct the sale of NAACP .'bonds,' an Innovation this year. J. H. Calhoun, executive secretary of the organization reported; that campaign plans are progressing , and the meeting; tonight Is expected to get the freedom' bond committee off to a flying start.</t>
  </si>
  <si>
    <t>                                           odds your b* ^^^^ ^C^t^^ T^Bct V' tfw^^m      ;i gjr- WKmL 'f-^J^jt 4 iwk'. wio. 49T*~        / modi j^^^fc-" form  ?BIjfe'4  . '\** Co*f ri  , /j LONG BOft WIG -Mhx F.Monol-V Tktt           6 b Wig, Hfmonlo         , it meda with                thor It toft, Iwttrewi.  to oil  . Port  bm hod on t!     Mobl, 1tH or . Con     , Won4  . 4it /f te* pr/cw. t.tfc *r ..$11.00 mt*4 %ftf^UAM U/IAC fo'3   OM,  mad*. , t0  lo Hvuanio'i high * ord 1or Quotlty and 0  Pop* fiori* ft oids. Svltchti, Cm tit, TtamtM*  . All Arowndt, Chigrmat,  1c AH              lo match roc , aad 1*1 t**l*i  vill * yowl  b*. FREE BIG NEW STyLE     ! Ju.^t .send post card for illustrated Booklet G.  HAIR CO. 303 4th Ave., Dept. G. (33 St.) O2803</t>
  </si>
  <si>
    <t>                                           , SAYS CAPTA8N DETUOlt, Mich. "I want both quality Rud. flavor iu a whiskey," says Samuel Cox, bell captain. "1'hat s why I switched to Calverl- and that s why I've stayed switched." CALVERT reserve Blended Whiskey -86.8 Proof-65% Grain Neutral Spirits. Calvert Distillers Corp., New York City</t>
  </si>
  <si>
    <t>                                           the alien hotel-*  GRILL One of Kentucky's Finest Hotel; SO Rooms- Cafe- Innerspring Mattress In Every Room Bath .BATH -Always A Room- 8518 W. Madison St..  1L Kenlnoky Tel. CTpress .8626</t>
  </si>
  <si>
    <t>                                           Madam Eva 25c SPECIAL READING 25c I ^ World'* great- i vV^KVl^^^H           .  or wife trouble, he  ure Mid come at once. Office boats 9 ajn. to M . daily and Snnday. IMS W. MtorletU BU, N. W. Take the In- i man Yards Trailer Bmm.  at the 4m.</t>
  </si>
  <si>
    <t>                                           GRADUATES OF NEGRO Colleges are considerably in number and tomorrow these numbers will appreciably increase throughout the domain of education. There is a no more heartening phenomenon and spectacle today than the resort that Negro youth is having to the...</t>
  </si>
  <si>
    <t>                                           TOURNAMENT PREVIEW: Out of the six states which have colleges with membership in the Southern Intercollegiate Athletic Conference the only one that has never boasted a basketball tournament winner is Tennessee. Neither Fisk University, Knoxville, Lane nor LeMoyne colleges has Produced a SIAC champion ... There are only two of these six states where all members have won at least once--Florida and Louisiana. Records strangely enough show that the...</t>
  </si>
  <si>
    <t>                                           Joseph F. Fielder 339 Ashby St., N. W. Near Simpson St. On River Car Line WALLPAPERSingle Rolls 10 cents MITCHELL SUPPLY CO. 139 M1 ST., S. W. LA. 160 1</t>
  </si>
  <si>
    <t>                                           I" 11..F0JID "GV i"i9S '!W I OR1)""85V Standard *y,cn '.: $0*3 Tudl)r $?5Q SK5 down, balance monthly payments *M^ M?-Vn* .^'au,ce monthly. '17 CROSLEY. Very clean.  tAHn 'ID FOUD Tudor "83"  AOK Lou-   ff r"' (lc luxe JFordor   SloO down, balance easy. SI W down,' balance easy. HUGGINS MOTORS 382 WEST PEACHTREE MA. 8697</t>
  </si>
  <si>
    <t>                                           NEW YORK -- The successful chive of organized civil rights proponents for enactment of the Freman Civil Rights Bill by the. New Jersey State Legislature, in 1949, is recounted by Philip Greenwood in his article, "How History Was Made in the State of New Jersey"...</t>
  </si>
  <si>
    <t>                                           JEAN WORTH Palmist and Psyehlc Calla Yaw Name. Asks No Question! Tills lady does not flatter you, she  HI tells your life at ^~.HI^H It is, and should ^^ every trou ^HjIXEfl b^e there Is a ran[FTOfl  dy and in mosi  M 2aM*~ ; Af^ePB y u A^nrl reach U you      i^A^v ^B know now,  Ignoranci i\ay sometimes be bliss. It Is        f the most dangerous sort to be lg   of "the problems of Unrt . Business and Speculation This Udy warns you gravely :ie suggests wisely she explain ~::ly She Answers All Question.- Cnow Thyself and find success ant  No one In trouble turner vay This lady hae helped   and she can -and will help yen  t69 BANKHEAD AVE. N. W Afabosd Park on Btrer Ott    Anthony StrMt.</t>
  </si>
  <si>
    <t>                                           A Southern congressman speaking to a mixed audience Monday at Big Bethel ANTE Church outlined his own compromise program of civil rights which he insisted would be more acceptable to the Deep South.</t>
  </si>
  <si>
    <t>                                           AMIES S. AND S. CLUB meets with Blanche Barlett, 145 1-2 For. Street, N. E. today at 5 o'clock.</t>
  </si>
  <si>
    <t>                                           KIDDIES!! Meet Santa Claus AT Royal Theatre SATURDAY, DECEMBER 17, 9:30 A.M. MOVIE, GIFTS, SURPRISES Admission 20c -Tickets On Sale At Y. W. C. A. ARE YOU a sinner unsaved? A believer in doubt or in the midst of trouble? Worried and don't know where to turn? If you love Jesus, our Saviour, come and let us pray and learn of His Love, mercies and Blessings. Spiritually blessed to teach the Bible. Anna Mary Brown, 336 Ashby Street, N. W. RA. 4329. '/%Pass up Favorite Foods ...because of tour  9 Almost everybody has favorite foods thai cause sour stomach gas acid indl-. gestion. But millions of Americans      found the answer. They just carry a roll of Turns in pocket or purse. Hat 1 or 2 like candy, and presto- '3 quick,  relief. Turns contain no soda, no combination of medicines for various things. Tunis arc just for the Tummy. That's why they do such a grand, quick job of relieving the distress of an  stomach. Get a roll today. Only !0c, 3-foll PaikoQ* 2St ~"~^^rg;i%~~'*~^ ^^^-^ THH</t>
  </si>
  <si>
    <t>                                           DO YOU RECALL the first time someone told you there was no Santa Claus? I remember the occasion very well. It, of course, did not precede my knowledge of the material accompaniments of the visit of this gentleman of mirth and happiness, as well as toys and gifts. I recall that I told the informer that even though he said there was no Santa, I still believed there was, mainly because of the great joy and happiness in my heart during the Christmas season. I don't believe that Children and grownups, for that...</t>
  </si>
  <si>
    <t>                                           Published Every Morning Except Monday jt js " VOLUME 22, NUMBER 249 ATLANTA (3), GEORGIA, SATURDAY, MAY 20, 1950 PRICE FIVE CENTS</t>
  </si>
  <si>
    <t>                                           IIM..TYLER By Lyman Young                 FELIX THE CAT By Sullivan</t>
  </si>
  <si>
    <t>                                           Private First Class Willie C. Berry son of Mrs. Rosa Hill of 55 Fulton Street, Atlanta, Georgia, is a member of the 24th Infantry Regiment, now stationed at Gifu, Japan. The 24th Infantry is a part of the 25th Infantry (Tropic Lightning Division, commanded by Major...</t>
  </si>
  <si>
    <t>                                           BOLEY, Okla. -- (ANP) -- A mammoth health program started in Boley, November 18 by Delta Sigma Theta sorority is proving to be a very successful project.</t>
  </si>
  <si>
    <t>                                           College presidents have been asked if March 28 would be an acceptable date for a meeting on athletic policies for the Southern Intercollegiate athletic Conference -- B. T. Harvey, commissioner of the conference reportedly has issued the call -- A high SIAC source had indicated that President Albert W. Dent of Dillard University reportedly offered a resolution that the seven colleges who recently met in Atlanta would bind themselves together to from an Ivy...</t>
  </si>
  <si>
    <t>                                           MIXERS, ELECTRIC IRONS, CLOCKS, LAMPS, COFFEE TABLES, FLOOR LAMPS RAbtoT^ IT SOLV^oTo^^^16 'R0NS' ELECTR C HEAT NG PADS- SOTS wS SOME OF THE VALUES ARE: 'QUANT!TY REG. PRICE SALE PRICE 2 VACUUM  $M00 2 ICE CREAM FR10ZERS 29.95 ^JJ 18-7 WAY FLOOR LAMPS 15 95 /f00  12 ELECTRIC HEATERS 17Oc 9"9S .95 io 14 TABLE LAMPS A 1 G. E. .S.ON 35995 1 G' E' TELEVIS'0N 329.95 229*95 14 1R0NS 17.95 ?295 6 MIXERS ^qor ii.;; 1 BEN^WASHER )79.95  AND MANY 0THER BARGAINS (fli^P^ HEY!        ' HAVE Ydu HEARD ABOUT SS^^m^ THE mQ XMAS PA^TY Al JACKSON S  Pff M^ TOMORROW 5TO9P.M^ IFS FREE :^f^J Jjjr COME AND BRING YOUR FRIENDS FREE DOOR GIFT TO EViRY PERSON WHO VISITS OUR STORE MONDAY. ICE CREAM FOR KIDS SEE A TELEVISION SHOW. GRAND DOOR PRIZE A RAD!c STOR1E OPEN UNTIL 10 P; 4 EVERY EvilSSJNG UNTIL XMAS IBS AUBURN AVENUE, N, E, AL 6S33 ATLANTA, GEORGIA</t>
  </si>
  <si>
    <t>                                           0. COUNT BASIE# Says Application of I^^^SI Keeps Yoar HUB STRAIGHT S to MONTHS r *lli QTRAlOnTEN your hair toO day at home with     I KK.M A- an l you won t have             it again for from 3 to . You ran  it, wave it, or  it in any way and it will  tuy  , oft, and      to . Men, women, -u une 1'- no hot comb  nd it  burn  .  M A-STIt ATK in   - now than ever- work* Tauter,        to    , and   . You'll like it-  only almut a penny a day. Get  NOW. ^~R # AT YOUR DRUG STORE -^2 '^.GUARANTEED MUST SATISFY OR MONEY BACK Tor Information Write PERMA-STRATE CO. 159 j. Cticit8_*n., Cteap jUL -f 4</t>
  </si>
  <si>
    <t>                                           Uphols  Knows His* Stuff . OlUO^ycs.sir,  George W. Gibson knows his stuff about whiskey! "Calvert Reserve is the favorite with, my crowd," he says, "because Calvert has a wonderful fla- vor! Smoothest, mildest brand there is.' CAi.VKtiT  Blended Whiskey i -80.8 Proot-667o Oraln Ncutrnl Spirits. Cnlvcrt DUtlllcrs Corp., New York City</t>
  </si>
  <si>
    <t>                                           -.J To the in  greetings that p^* "it con c  our wiy, we should jfe f*'i like to idd ours- to wish ^t^i ^011  Merry Christmas ^-piw? ~'d i \    Hippy New Year. 4    \ V" ^i DR- BENDER S ^V\ ^L*1" ^^M 124-126 Pcachtree Arcade</t>
  </si>
  <si>
    <t>                                           Joseph F. Fielder WATCHMAKER 339 Ashby St., N. W. Near Simpson St. On River Car Line</t>
  </si>
  <si>
    <t>                                           Sunday School Sunday at the usual hour.</t>
  </si>
  <si>
    <t>                                           Perry Howard GOP Seek Official State Sanction                 JACKSON, Miss. (ANP) A battle for recognition under Mississippi laws is currently going on between the Negro OOP faction headed by Perry W. Howard, and its rivals, the so-called "Illy white" Republicans.                 Recently, W. B. Smith, chairman of the Negro group, announced plans to qualify "the organization as "Hie Republican party of Mississippi" under the provisions of a bill passed by the 1950 legislature.                 This bill, initiated in the bouse, provides that any political group desiring to register, must petition for registration within 30 days af. ter passage of the bill. It also says no group may use the name or part of a name of a previously registered OFFICIAL REGISTRATION The white organization has already been officially registered under the state law as the OOP party of Mississippi. However the Ferry Howard group is the one recognised as the official unit in Mississippi of the national OOP party. According to Smith. "We are the party which was organized in 1873 and which has been seated at every national Republican convention since that time.'' The opposing faction, Hist known as the "Independent Republicans" sued the Howard faction in 1948 to prevent then* listing candidates on the slate of Presidential electors. The Howard group won, however. Later, at the OOP national convention, the Howard group was recognised and seated after another contest with the white . Howard, who has lived in Washington for 30 years, still claims Mississippi as his home and voting residence. He has been Republican 'national committeeman for most of that time. Mrs. Mary Boose, daughter of the late Isaiah T. Montgomery who founded the town of Mound Bayou, is national</t>
  </si>
  <si>
    <t>                                           JACKSON, Miss. -- (ANP) -- A battle for recognition under Mississippi laws is currently going on between the Negro GOP faction headed by Perry W. Howard, and its rivals, the so-called "lily white" Republicans.</t>
  </si>
  <si>
    <t>                                           CROUP OBJECTS TO GRADUAL CIVIL RIGHTS                 LITTLE ROCK, Ark. (ANP) The "gradual wny on civil rights" was denounced last week In the "Prom the People" column ot the Arkansas Gazette In letters by Irate Neero citizens.                 The debate was started two weeks ago when the Gazette 'published a letter by Dr. J. M. Robinson, president ol Hit1 Arkansas Negro Democrats, in which he declared that the Negro was not ready for full civil rights. Dr. Robinson  he felt Negroes were, not ready, tot J*~ M ..employment practice s act. He also declared lie did not favor an anti-poll lax. OPPOSES VIEW C. H. Jones, publisher. Southern Mediator Journal, and Fred C. Byrd, In a' letter to the Gazette, opposed Dr. Robinson by saying: Most emphatically, we do not  to our good doctor s theory nf 'unreadiness' for full citizenship, nnd further state that It Has been delayed too long." Pointing out that there arc no provisions In the constitution for first, second and third class citizenship, they said by his statements Dr. Robinson "admits that he" is not ready or capable to fill such a responsible position" as head of the Arkansas Negro Democrats. They added that he "repudiates the right                 to equal Justice In the courts ol the land, equal pay lor equal work, equal education for equal brains and hands, and the unchangeable  of the people to govern themselves through the ballot."  ON  Another reader, W. H. Bass, cited ft poll ho Is taking on Dr. Robinson '.s loiter. This poll, he said, proves line Negro wholeheartedly against him and the whites about SO-SO (or him. Boss concludes: i "Dr. Robinson Bpoke for himself, o MJH ^.^io. hJs .opinion." f In ' letter Robert Scott wrote: "The majority of the Negroes In this state arc thoroughly disappointed In Dr. Robinson I feel  In saying that the millions of Negroes In the South who arc denied the chance for equal jobs, education and economic opportunities, think the time Is NOW to be liberated from bondage "We will strive Tor that placo with whatever we  or can get, until victory is won or death shall set us free. There will be no compromise with wrong and no surrender In the fight for right against . Our fight Is for full PEPC nnd civil rights nnd we will win, because our love for freedom will enable us to do the Impossible."</t>
  </si>
  <si>
    <t>                                           LITTLE ROCK, Ark. --(ANP) -- The "gradual way on civil rights" was denounced last week in the "From the People" column of the Arkansas Gazette in letters by irate Negro citizens.</t>
  </si>
  <si>
    <t>                                           "Red" A-Bomb Announcement Listed As Top INS 49 Story                 NEW YORK -(SNS)- President Truman dramatically announced last Sept. 23 that an Atomic "explosion" had occurred in Russia a news flash that ended the American monopoly on Atomic energy                 His brief statement, with all that it implies, was rated today as the paramount news story of 1949 by International News Service Editors, locking back on the ten major stories of the year. Until that grave announcement the unprecedented North Atlantic pact was the major story. It now takes second place and the collapse of nationalist forces in China is third. Listed as fourth and fifth in the  are the Berlin , and the two exclusive -interviews obtained from Premier Stalin by Kingsbury Smith. European general manager of international new service. TOP STORIES Here are the ten 1949 stories given top billing by International News Service: 1. President Truman's                 mont that Russia had succeeded in getting off an atomic explosion, with Russia subsequently claiming they have the "know-how" to make an atomic bomb. 2. Signing of the North Atlantic Alliance Pact, marking the., first time in history the United.,: States has pledged in advance to gd''to the aid of a European nation. threatened with aggression. 3. Sweeping communist victories in China. 4. Lifting of the Berlin blockade by Russia, easing the cold war tension. 5. Ktngsbury Smith's two  interviews with Stalin which  led to the negotiations than ended the Berlin blockade. 6. Conviction of 11 top communist leaders on charges of criminal conspiracy. 7. Army-Navy-Air Force unification row culminating in the ousting of Admiral Louis Denfeld as chief of Naval operations. I 8. The suicide of former secretary I (Continued on Page 3 Column 1)                 ?fRed"A-Bomb                 little girl who fell In an  well near Los Angeles. 10. The Yankee victory In the world series after the two closest pennant races in baseball history. The twenty-third annual Cnristroas Carol concert by the students  Atlanta University, Morehouse College and Spelman College will be repeated tonight at 8:00 p m in Sisters Chapel on the campus of Spelman College. There is no admission fee and all friends are cordially invited. The concert wits heard last night by au overflow audience. Professor Kempcr Harreld, director of music for the affiliated colleges, is in charge of the program. He is assisted in the presentation by members of the department of music at. Spelman College. Mary or the selections on the evening s program are sung by the large 95- Atlnnlu-MoruljouseSpelman Chorus, which is trained by Professor Hnrreld. Impressive numbers arc rendered by the Spelman College Glee Club undo- the direction of. Willis Laurence James GlceaubUle                *e                 (Continued from Page One) pf   defense, James Porrestal j (The' tragic story of the futile efforts tb.j rescue Kathy Fiscus, the</t>
  </si>
  <si>
    <t>                                           NEW YORK -(SNS)- President Truman dramatically announced last Sept. 23 that an Atomic "explosion" had occurred in Russia--a news flash that ended the American monopoly on Atomic energy...</t>
  </si>
  <si>
    <t>                                           Leaders Urge Big Vote Turnout Here Tomorrow                 Urge Protest Vote Against J. Walter LeCraw For Judge                 In a talk before the mass meetIng of voters lost night In the Big Bethel A. M. E. Church a protest vote was urged against Walter. LeCraw, candidate tor Judge. Addressing the group at the rally sponsored     the AUanta INegro Voters League, C. A. Scott, editor and general manager of the Atlanta Daily World, urged the large number of voters to find put two things before voting for J. Walter LeCraw. 1. Why did LeCraw not get a Job In Washington, D. C. last year as counsel for the Un-American Activities committee. 2. Why did he file two libel suits of {50.000 each against the AUanta Dally World for printing a story of alleged police brutality against a pregnant colored woman last year?</t>
  </si>
  <si>
    <t>                                           Passes For South African Whites                 DURBAN, South Africa -(ANP)JThe Malan government, bent on stilling any opposition to its policy of racial segregation, is seeking to extend the "slave pass" laws to include its 2,000,000 white , it was learned here recently. The laws, on the books for 37 years, 1 required the 10.000.000 black population, to carry passes with them wherever they went. A portion of the population registration bill currently being considered by the house of assembly, proi  that the law be amended so that "all South Africans carry identity cards." This move bears a striking similarity to the regulations put into force in Nazi Germany when Hitler had the population to register before-forming police states. Main victims of the law in Nazidom were the Jews.</t>
  </si>
  <si>
    <t>                                           H. H. Shanks, Lithonia, Georgia son, Henry Harold Jr.</t>
  </si>
  <si>
    <t>                                           NAACP Shower For Mrs. Henderson Throughout Day                 Members of the Women's Auxiliary Atlanta, Branch NAACP arc conducting a Pantry Shower for Mrs. Lizzie Henderson, wife of Clarence Henderson, of Carroll County, Ga.. today at the NAACP' Headquarters 204 Auburn. Avc.-N. E. (Hooper Building). The public is. requested to bring item of food supplies to the local branch headquarters to be given to the wife and three children of the man who was convicted and condemned to die last January. The case, however. Is being appealed to the Georgia Supreme Court. In the meantime. Mrs. Henderson is living in the city with the children.; with no Income whatever, depending upon the generosity of friends and sympathizers. Since the NAACP has been authorized to take charge of Henderson's Defense, the Women's Auxiliary headed by Mrs. Geneva Haugabroolcs. decided to help the family with appeals to the public.</t>
  </si>
  <si>
    <t>                                           I $15,000 Suit Filed Against Pullman Officials                 CHICAGO- (ANP) Mrs. Ida Hill Hopewell, 40-year-old south side art teacher, entered a suit In a local court here last week asking $15,000 in damages against the Pullman company and Guy A. Thompson, trustee of the MissouriPacific railroad. Mrs. Hopewell charged she was forced by a conductor and porter to move into a jim-crow coach after leaving Laredo, Texas last August 7, on a return trip from San Miguel, Mexico. She said she had purchased a round-trip Pullman ticket. Attorney Milton P. Webster is representing the woman.</t>
  </si>
  <si>
    <t>                                           *m Christmas ALL SIZES Boys' models Sills' Models '^y^^^Kp^~BiV NOW ^W^^^^^^  gg) PAY ArTrn B 72(11 R ^~t? M- \^0**-0^"~ BUY ON CONVENIENT^^aB^ BUDGET PLAN 20-24-26" SIZES ARE FAMOUS ftiS^AifK BIKES SOLD EXCLUSIVELY IN ATLANTA BY I I 3093 P'tree, Buckhead .741 Marietta at Ponders c Whitehall at Mitchell 851 Gordon in W. End J!~l Morcland Avc* 123 So- Moin' E* Point ^ISIT OUR  HUNDREDS OF TOYS, GIFTS AND POPULAR WHEEL GOODS AT LOWEST  A SMALL DEPOSIT WILL LAY-A-WAY I YOUR SELECTIONS FOR CHKISTMASt I</t>
  </si>
  <si>
    <t>                                           Artists, who heretofore have participated in the annual competitive exhibitions sponsored by Atlanta University, as well as those who have never taken part in this or any ether art exhibition, are invited to enter their works in the Ninth Annual Exhibition of Paintings...</t>
  </si>
  <si>
    <t>                                           G///etfe JEAN WORTH         and  Call* Xm Name, Aaka    Qntatlaa* Tills lady  not  too. ate      your Ufa aa ^~S^H U to. and should ^^~X^^H ba. For  trou^Hj^^H DM then to a ram^~^^~H *tj and In most VSl^BI  W^^^^H to within y u i 'K^IH reach If you only  MV know how. to  * may  lie , It to folly of tbc moist  sort to be If  of the  of Lore, ,         # and Speculation. This lady warns you  he  wisely she  fully. She Answers All QuesUooi Know Thyself and find  and happiness. No one in trouble turned . This lady haa helped            od the can   d wlfl ^'P f**1 3M  AV*. M. W. MMMRuito-BlwiW i    .</t>
  </si>
  <si>
    <t>                                           J. R. Wilson, Jr ToHeadNAACP 1950 Campaign                 J. B. Wilson, Jr., young real estate broker, officially accepted chairmanship of the 1950 NAACP membership campaign Monday night. At a special organizational meeting of the Executive Committee, the 1950 organization of the Atlanta Branch was established                 with C. L. Harper, seventh time president: Rev. R. T. Newbold, pastor of Radcliffe Memorial Church, as Chairman of the Executive Committee, and Mr. "Wilson, to direct the drive for 10,000 members. A special campaign committee will be named today. Final details of the Emancipation Day Celebration were also worked out. Beginning at 1:00 p. m., on Monday, January 2nd, a parade, portraying the theme: "Let's Work This Out Together," will start from the Municipal Auditorium. It will move north on Couriland Street to Auburn Avenue, then east on Auburn  to Wheat Street' baptist Church, Rev. Win. Holmes Borders, pastor, where the program will begin at 2:00 p. m. Featured on the program Is an address by Attorney Edith Sampson, of Chicago, HI'., who will be introduced by Mrs. Julia Pate Borders, and music will be furnished by the Wheat Street Church Choir, Greater Mount Calvary Baptist Church Choir, and the Atlanta Life Singers. As usual, special contributions will be solicited at the meeting, which will start off activities for the year. CHAIRMEN NAMED Selected as chairmen of standing and special committees were the following persons: Program, Dr. E. C. Mitchell; Registration, C. A. Bacote; Housing, J. R. Wilson, Jr.; Finance, L. D. Milton; Police and Firemen, C A. Scott;        Redress), A. T. Walden; Legislation, S. S. Robinson; Labor and Industry, M S. Garrison; Transportation, Edwin (Continued on page 6 column 4)                 J. R. Wilson (Continued from Pafe One) Thomas; Community Coordination, Mrs. Geneva Haugabrooks; Press and Publicity, Charles W. Greenlea; Education, Dr. Benjamin E. Mays; Personnel, Warren R. Cochrane; Youth Work, Dr. J. Max Bond; Parks, Ralph Robinson; Parade, Andrew J. Lewis. Other officers of the branch are: Rev. Geo. W. Dudley, first vice president; J. R. Wilson, Jr., second vice president; Mrs. Eunice Cooper, secretary; Mrs. Mary Hicks, assistant secretary; L. D. Milton, treasurer; J. H Calhoun, executive secretary.</t>
  </si>
  <si>
    <t>                                           J. R. Wilson, Jr., young real estate broker, officially accepted chairmanship of the 1950 NAACP membership campaign Monday night. At a special organizational meeting of the Executive Committee, the 1950 organization of the Atlanta Branch was established...</t>
  </si>
  <si>
    <t>                                           This column has in the past devoted some space to the workings of various musicians gathered under the banner of Norman (Jazz At The Philharmonic Granx, and those heard have given a great deal of pleasure. Not all of the JATP vehicles have come this way, but...</t>
  </si>
  <si>
    <t>                                           tiM tyLer j ~^ii.^iSiM^S^S^^                 FELIX THE CAT !Ki By Sullivan</t>
  </si>
  <si>
    <t>                                           "Saved my Life A. God-send (or GAS-HEARTBURN" tag   .  oar Kaauch *nrt         ,   * Uio lanuM^ metc^  lor          !   :-                *^               . NO UuUve. Oill^na  comfort la s HJSy w mun  to im for        . BOL-AHS for Acid Indigestion 2S* ?ScratchiniH, For quid: relief from itching earned by ,  foot, . pimples aod other  , me pure, cooling, medicated, liquid D. D. D. PRESCRIPTION. A doctor** formula.Creueleu'and *. Soothe*, comfort* and quickly oltra  - 33e trial bottle prove* i t, or money back Doo't suffer.     your.  at today (or</t>
  </si>
  <si>
    <t>                                           CELEBRATED DR. RALPH J. BUNCHE declares that there can be no compromise on birthright -- if either has to be wholly enjoyed or denied completely -- and group Which does not have its birthright can't maintain dignity even among its own.</t>
  </si>
  <si>
    <t>                                           MADAM EVA 25o- SPECIAL READING- 25e World's  If A Palmist. After yra 41* lit AMIuaIt *U  lU I I  witk     fain     Mid bm U 8HB GIVES FACTS AND YOU OR BE8UI.TB. If yra          band * ble,    IBM anC cone at     . Offloe  t a. a, to II p. n. dally and Bmnday.  W. BbrietU Bt, N. W. Tafca tke inman Tardi Twlley Baa. BUaa  t the ton.</t>
  </si>
  <si>
    <t>                                           VOTERS LEAGUE OFFICIALS TO MEET WEDNESDAY NIGHT                 The Atlanta Negro Voters League has scheduled an Important meet* ing or Its general committee for S p m Wednesday at the YMCA to begin activities In connection with the forthcoming state and county primary elections.                 Attorney A T. Waldcn and W. Dobbs. Joint chairmen of the League, issued a call to all committee members to be present at the: meeting to help formulate plans' and make decisions on many Important matters before the League. C. A. Bacote, registration chairman of the League said that although figures will not be available until June 15. it is his belief that the Atlanta area now has its largest number of Negro voters on record. J. H Calhoun, executive secretary of the League, said that plans will be made to get out the  vote on record at the June 28         .                 The League will schedule public meetings at which voters will be given opportunity to hear candidates for the various offices. Several sub-committees have  been appointed to Investigate  ords of candidates. Members or the general committee of the Voters League are: Mrs. Doilie Alexander. T M. Alexander. Dr. Miles Amos'. C. A. Bacote, Rev. I. H Bearden. J. B Blayton, gr.. Rev W. H Borders, I. H Burney. Dr. William Boyd. W. E. Calloway. J H Calhoun. W. R Cochrene. C W Orecnlea. J W Dobbs, Mis. Grace Towns Hamilton. C. L Harper. Vin?il Hodge*, W 8. Hollomon, B. P. Hurt, Hubert M. Jackson. Rev W. M. Jaduon, Rev. B. J Johnson, Dr. R. Johruon. Rev M. L King. Rev. D. V Kyle. E M. Laws, 3. Long. Attorney E. E. Moore, H. S. MuriQontijHiefl on  4 Wm* 91                 i Voters League 1 (Continued from Pajje One) phy. Attorney S S Ftoblnson. W IS Shaw. Rev L M TerriU. Atlorncy Edwin R Thomas, RobC'.'l A Thompson. Attorney A. T Waiden. Rev W W Wcaihersiwol. J. P. Whittaker. Albert Watts. C. A. I Scott. Milton J. White. C R. YaU-s. Andrew l.rwis (ind Miss Ella Mne Chirk</t>
  </si>
  <si>
    <t>                                           The Atlanta Negro Voters League has scheduled an important meeting of its general committee for 5 p m Wednesday at the YMCA to begin activities in connection with the forthcoming state and county primary elections.</t>
  </si>
  <si>
    <t>                                           ANDERSON RECREATION BUILDING DEDICATION SET                 A parade by the Washington High School Band, under the  of Mr. Earl Starling, and  promptly at 3:30 p. m. from Whittukcr Circle and Simpson Road, will lead the way to the dedicatory services for the Ander- j sou Recreation Building in Dixie,                 Hills, which will be formally  over    the Negro citizens of Fullon County Saturday. More than  MO Boy Scouts of America from the Atlanta Area Council, - fellow the bund in parade. The dedication will occur promptly at four o clock in front of the  building. This building, which Is a unit of a projected program Including the erection of a  pool and construction of a golf course to be done in the near future, is modern in every detail, provides showers, storage space, and an office tor the director. The main speaker for -the occasion will be John Wesley Dodos, Orand Master of Masons, Prince Hnll affiliation, of Georgia. Also participating on the program will be the County Commissioners, the County Manager, and Fred Boswell, Park Director, Fulton County. Oraham Jackson will render a  selection, while Rev. R. D. Button will give the invocation. Washington High School's band wlU furnish several other musical                 lections. Howard H. Long, 1947 graduate of Clark College and a student *t the Atlanta University School of Social Work Is the  director. Miss Louise Beckum.ls recreational leader.</t>
  </si>
  <si>
    <t>                                           A parade by the Washington High School Band, under the direction of Mr. Earl Starling, and beginning promptly at. 3:30 p.m. from Whittaker Circle and Simpson Road, will lead the way to the dedicatory services for the Anderson Recreation Building in Dixie...</t>
  </si>
  <si>
    <t>                                           Funeral Notice                 TURNER, Mr. Willie, of 351 Pittman Place. Husband of Mrs. Ludle Mae Turner, of 59 Daniel Street, passed away December 26. Funeral announcement later. Haugabrooks Funeral Home. JONES, Mrs. Mattie, of 73i Daniel Street. Friends and relatives of Mr. and Mrs. Roberson are invited to the funeral of Mrs. Mattie Jones today (Wednesday) at 1 p. m. at Auburn Chapel, Rev. Dudley officiating. Interment, Chestnut Hill Cemetery. Haugabrooks Funeral Home. TERRELL, Mrs. Claudie, of the rear of 239 Harris Street. Friends and relatives are invited to attend the funeral of Mrs. Claudie Terrell today (Wednesday) at 2 o clock at the Ebenezer Baptist Church, corner Auburn Avenue and Jackson Street, Rev. M. L. King officiating. Interment, South View Cemetery. The remains will lie in state at the church from 12:30 o clock until the hour of funeral. Haugabrooks Funeral Home. Deaths Mr. Wilson Burden, R. 3389 Henry St.. S. W., passed December 26. Mrs. Lizzie Hardeman, Newborn, Ga. passed December 24. Mr. Jim Nowell, 38 Boulevard, S. E., passed December 25. Deacon William Brooks, 99 Little St., S. E.. passed December 26. Mrs. Lurline Edmondson, 1707 Hollywood Road passed December 25. Mrs. Emma Roby, Maasfleld, Ga passed December 25. MeMair, Infant of Mrs. Elizabeth McMalr, B. 76 Hilliard St., passed December 25. Mrs. Adelle Moreland, 938 Simpson St., N. W., passed December 25. Mr. Willie Turner, 351 Plttman Place passed December 2C.</t>
  </si>
  <si>
    <t>                                           Now that the schools have closed their doors for the holiday season, and the various choral groups representing the colleges and high schools have made their presentations to the citizenry of Atlanta, it remains for the St. Cecelia Children's Choir, which has during the...</t>
  </si>
  <si>
    <t>                                           MADAM EVA S5c- SPECIAL READING- 25c f\ World's treated /if III" P*1T1**- After     MM M consult all otken lul 1 1 it,0 m y0lu ] problems to HadIV H l/'4iun     and get f 1 h i  U SHB OIVE8 V*V 9**Twi1FACT8 AND \Vfer*4Zr*.~~~ YOU GET BEOli /}} 'oa haTa I"1** ^t 1 1 1 a band or wife treaT^y jy hte, bo nre an*     -*8 come at taee Wjp -8 Office       9 a m. to 16 p. m. dally and Banday. 1018 W. BKarletU Bt, N. W. Take Ue Inman Tardt Trolley Bss. 8top* at the 4oor,</t>
  </si>
  <si>
    <t>                                           w /Vow j I YOU CAN I I PLEASE I I EVERYONE I</t>
  </si>
  <si>
    <t>                                           GEORGIANS URGED TO VOTE IN PRIMARY TODAY                 Important Governmental Posts At Stake                 1,200,000 Are Eligible To Vote On State Candidates                 Georgians In 159 counties go' to Ihe polls today to select a governor, lieutenant governor, state treasurer, commissioner of agriculture, labor, and public service and a U. S. Senator along with other state and local officials.                 In Pulton County some 30.000 Nepro voters are eligible to cast ballots. Officials or the Atlanta Negro  League urged that every eligible voter exercise his right to vote. emphasizing that whether re- or not. nil who have registered nnd Voted previously, are eligible to vote today. Polls will be opened from 7 a. m. to 7 p. -m. in the city limits and from 7 n. m. to 6 p. m. In outlying areas of the county. Over the state, a new experience Is in store for voters. Georgia's new secret ballot law will go into effect, removing the card-board shoe boxes and replacing them with locked ballot boxes. One thousand poll watchers will be on hand at precincts throughout the state to insure secrecy of the ballot and a fair count. This Is expected to minimize Intimidation of Negro voters in the rural 2- counties. Some 1,200,000 state voters arc eligible to ballot tn today s  elections, but experts predict onr 700.000 of this number will turn      at the polls. Leaders have- urged a record turnout. Major attention is focused on i lie gubernatorial  where Former Gov. Melvln E. Thompson Is seeking to unseat Incumbent Herman Eugene Tolmndgo In n five-man race. Other candidates seeking the post are C. Bnker, Mrs. J. W. Jenkins, and Pat Avery. A close race is forecast in the contest for the lieutenant governor s scat. Incumbent 8. Marvin Oriffln is battling a three-man field that Includes Dan Duke and Prank Oross. Duke has waged a vigorous campaign to unseat Oriffln along with slam-bang opposition provided. by Oross. HAMILTON* FIGHTS Anti-Talmadge Incumbent, George B. Hamilton is seeking to keep his Rgai^aa-  *'~""*r- His  foe In flic  Is Sims Oarrctt, Jr.. who has the backing or the administration In the fight against Hamilton. A closo race in this hot contest is viewed by observers. National attention Is centered on Senator Walter George's fight to  ccp his scat in the United States Senate. Qcorgc has made only ono i- during the campaign, but lls opponents Alex McLennan and Harry L. Hyde have fired away at .he senior senator in a bristling statewide campaign. In lesser races all state office In: have opposition. Tom Under, commissioner of :, seeking . Is opposed by George G. Gausert and Bob Snclllngs. In the contest for public service ;, Matt L. McWhorter s oppo Od by Terry T. Busbee. Zich D. Cravey, Incumbent comp. general, Is seeking ,ion over the opposition of W. B. (Continued on page 6 Column 3)                 Important (Continued from rage One) Cochran. Jr. CONGRESS RACE Wyman Lowe Is trying to unseat 5th District Congressman James C. Davis. Lowe has campaigned vigorously over the past few weeks against Davis. One hot fight is expected between candidates for judge of Fulton Superior Court. Judge Claude Shaw is opposed by F. L. Breen and Walter LeCraw. Judge1 Robert Carpenter, stormy figure in a divorce action several weeks ago. is seeking re-election over Sam Lowe Jr. For Chief Judge Civil Court, Incumbeat ^ Arnold is opposed.                 by Wellborn Ellis. One of the most bitterly-contested races Is that between Judge George Whitman and Reuben A. Garland. i In the state senate race Charles Hamilton and G. Everett MiJllcan are seeking the seat of Roy LeCraw, who did not seek re-election. Minican Is opposed by Charlie Hamilton. Atlanta used car dealer. HEATED DEBATES Other races for the state legislature from Fulton county have featured heated debates between Incumbent Jesse Walton and his opponent, young Hoke Smith; Luther Alverson and his opponent, young Richard Thlbadeau: and M." M. Muggsy Smith versus Monroe Herne. Herne. Thlbadeau and Smith are each 30 years of age, and have carried on hard fights against the veteran office holders. Two races for Pulton County Com-  have been hard fought.' Incumbent Commissioner R. L. "Shorty" Doyal Is opposed by two; contenders, Col. Don Splcer and E. Sam Jones; commissioner James H. AUiredge is opposed by Franklin; Rodgers. The commissioners de- clare that the; are running on their I records, while the opponents con- 1 tend that the records are not good ones, particularly where Negroes        1</t>
  </si>
  <si>
    <t>                                           Georgians in 159 counties go to the polls today to select a governor, lieutenant governor, state treasurer, commissioner of agriculture, labor, and public service and a U. S. Senator along with other state and local officials.</t>
  </si>
  <si>
    <t>                                           Voters League To Meet At 8 Friday Night                 The ;\        Negro VullT.'. Lc:i I Bin; will inept- tomorrow . January 13. at Hie Butler Street YMCA til- 8 o clock. This ;; whs positioned (nun Tuesday night and is reset for Friday. II is highly Important thai the Voters LeaHue will begin I Is program tor 19.S0. and the officers and .s ure' urged to attend. All registered NcKi 'n voters are  :ne to at lend       shine In the. planning. A. T. Walden and John Wesley Uobbs are Joint . of tlic League. Braun-Daniels Marriage "Blessed" LOWELL. M:   --~    -;\ w. Lowell while mother pave a parental  Wedoe.iday          of her daughter to a popular Nckio . star ami said the  will be welcome at her home following their honeymoon. Marlhn Briinr.. 21--           beauty, and Billy Daniel* were married secretly Wcdnpsrlnnight In \. New Jersey despite the objections of the  parent*. The father of the bride Is Car! Braun, Sr.. prominent in Uir  industry In New Ensland. Mrs. Braun sold of her daughter, a  model mid television actress, "if she Is . ur are happy."</t>
  </si>
  <si>
    <t>                                           For the seventeenth consecutive week, total reported incidence of poliomyelitis in the Nation decreased from the preceding week. The total number of cases reported for the current week is 243 as compared with 322 last week and 115 for the 5-year median (1944-48).</t>
  </si>
  <si>
    <t>                                           Beautiful Brocade                 The simple lines of this strapless gown with matching Jacket  accentuate the., beauty of. the: fabric a lovely- rayon brocade made with Avlsco. yarns.. Rayon not  this fabric the In.,  texture, fresh crispness and delicate sheen that make  of the big fashion  the year, but helps to keep the fabric within the budget reach of most women.</t>
  </si>
  <si>
    <t>                                           FAST- FRIENDLY- LOAN SERVICE CORPORATION ROOM 20/, CONN AtlY BUILDING ?ga^___ 88^M?STBEETr8.*W.*^' TELEPHONE MAln^UOS*"1</t>
  </si>
  <si>
    <t>                                           MARSHALL, Texas -- One of the best-known national leaders of the Christian forces in India. Bishop Shot K. Mondol, of Hyderabad State, southern India, will be the commencement speaker at Wiley College. Tuesday, May 30. at 11 A. M.</t>
  </si>
  <si>
    <t>                                           Well the boys over at Davis Street School turned the tables last week. They would not be left out of the Annual Doll show and besides they came out with two of the prizes. Somebody must have told them that to safe guard their future, for the female contingent too is invading all fields, they should start protecting their interest very early in life.</t>
  </si>
  <si>
    <t>                                           OFFICIAL WELCOME:     xl' r t  i.. of Kl.iml   r Uerimulu, officially  ISinhop If. Wunl Xli-. ~-~ : l:!,!     nl I  Hi .If irl (if Ihr Ml) Imrili ; llis rt-   to ItcniMiil.i's Aiinnil AMI-: ..iif,i.n,i- i! ll.n. 11. I mill i\iu, I. II lo : Ki'V. II. Sinitli,   iri"~( i-; l'.i-.       Nnli.iU; -.ii- Mx.i'i.l.r ; Mrs. M:.-ui i ('-r.  of         MchiiN; dm Hn. r. r.ool.ir if lin'.-.l.-li-li 1.1. K .11 nut: l:~\ I.. MiN'i'il,   ; Mr* JUu.\~ll. unil Hi'- . A. I ImI.t uf I's li.ii Iliiuillnii. ISi-.</t>
  </si>
  <si>
    <t>                                           Alphonso Levy In Clark Recital Tonight                 Alphanso Levy of Saviuinah, Ga. senior music .student at Clark Col- Icnc, will be presented in recital tonight at J:45 In Davafje Auditorium at the college. Mr. Levy, who hns made a iv- markable record of -nt during his  days at Clar'.c. will play "Andante in F" by Uyclhnvrn. Brahms' "Intermezzo, Op. 11U. No.. 6," and "Rhapsody, Op. 79, N 2" in his first group. The second croup j will be an all Beethoven oik; - iiiR "Etude Op. 25. No. 9," "Nocturne Op. 9, No. 1." and "Vnlse (Po:.thu- { mous) in E Minor.1' Schubert-Liszt's "By the Sea." Mowery's "Dansc Americnnc." ami Turina's "Sacro-Monte, Op. 55. No. 5" will conclude the program. Mr. Levy's recital promises to be one of the high marks for  lovers of Atlanta^ for many  him as a musician of [Treat promise. No admission  i*: mat!'; I or attendance at  :ii'.. Clark Band To Highlight Vespers Music by the Clark College Band, under the direction of Mr. Wayman Carver, will highlight the Vesper Service this afternoon at four o clock in Davage Auditorium at Clark College. The aggregation Is expected to exhibit Its' customary instrumental I precision and polish in the sacred numbers which will be used. Bach's "Sleepers Wake'' (Wachet mif), "Chorale." and an original hymn, "Eternal Faith" by Thomas HowTird. Atlanta senior, and a member -of the band, will be ; the special  presented. Professor M. Carl Holman, of the i Department of English, will read a I medley of poetic Inscriptions. I The public Is invited to attend.</t>
  </si>
  <si>
    <t>                                           Bi^L know ^^ si  P^J mi ^^^B ff//F ^m^-J I 3cf i^B^*-, _^^t'^^l v Pistai^a Dr, Gin DtftUlw from 100% ,        Spirit* Ktawy Dutiltof Coipf,.MoJW4,  .o</t>
  </si>
  <si>
    <t>                                           Professional Recreational Workers Needed                 Tlin Army department - I od here today that there is an "" need for professional  directors to serve In Army Service clubs for soldiers in Japan. Okinawa, Germany, Guam. j According to Charles C. Furman. chief of the recruitment section of the Civilian Personnel division, there Is an immediate need for program directors, assistant service c'.ub. directors and recreational as- . Salaries, he said, range from $2,724 to S4.781.25. Positions are available for maim- al arts supervisors, librarians and program directors. Interested persons should contact the .Overseas Affairs branch of the Secretary of Army or the local office of the Atlanta Urban League. Both men and women.- who are graduates of accredited colleges, are eligible for the positions. Persons accepted receive free medical and  care and do not have to  uniforms, except when on duty.</t>
  </si>
  <si>
    <t>                                           BEGIN TO HAVE S6*cu* LIGHTER AMAZING ACTION WORKS \M *J/ijf^J DIRECTLY ON THE COLOR V IN YOUR SKIN I 1^ """"fc^r"^^^!! It's  Your skin will look j^HP ^^^^^^i^^SSt' shades tighter, softer, smooth- ^Bk .^si^' cr. Block nnd While - K. JS^H^KOSP?* inK Croain is now 3 times ^   /vj(   ^ %jHB -^^^PP^  A.^          than before! And its ^JC^J^ ^~~~i^^ direct  action ^oes ^K^ ^L^"^^^ right into the  in your ^K.. 5~**r" ^        ,'"^f: skin where skin color is - H^.* .^M^^^Sa^K ! Yes, Ulack ami White HB*^\ ~*    ^^        Dlcnching Cream's amazing    ^J^BbP^^^ dressing  use as directed ^^^^^^^^^HHHVrdB^jH lighter, , softer skin ^^^^^^^^^^^^iP--^ you ve longed for. And this ^^^Bj^K^^^^^^^v,^^ ^~^^/   i wonderful  costs so lit- ^^^^^^"^K^J^^    , //A lie. Don't wait! For thrilling I^~$i?5   7#J results  using it  ^^S^^^^/* ty BLACK anB WHITE ^~w^BLEflCHinG CREflill'7'*?'^**</t>
  </si>
  <si>
    <t>                                           There are various ways in which imperialsm manifests itself. One of these is the acquisition of dependent territories. A line of distinction has already been drawn between the so-called Old Imperialism and the New Imperialism. The latter is a phase of European...</t>
  </si>
  <si>
    <t>                                           DAILY CROSSWORD                 8* 1. Pithy 6. Young cow 10.          ! 11. 8-~ molding; 12. Enemy   .13.        greatly 14. Horse'* foot 15. Pood ftsh 1~. Any powerful deity 17. Landmeasure 18. Absent 20. Part of "to be" 21. Contagious disease                 of sheep 22. Mole 23. Quoted 25. Fraction* .26. In bed 27. City (Ind.) 28. A veterinary surgeon (~lang) 29. Puppet plaything 30. River (It.) 32. Gold (Heraldry) 33. 'Morsel 34. Wild ox (Asia) 3C. Firearm 38. Blow air noisily through nose 89. Biblical weed 40. Silent 41. Minute crystals of Ice 42. To anoint (archaic)                 DOWN 1. Flavor 2. Exchange premium 3. Opened with introductory  4. Foot-Dice part 8. The (Old form) String 7. Turkish title 8. Young hare 0. Tentacle* 12. Wild sheep (Tibet) 13. Coquettish                 13. Public vehicle 19. Small mats 20. Breezy 21. L*l it stand (Print.) 22. Manner of speaking 23. Cuts up 24. Per. to Spanish peninsula 25. Chum 27. Obtained 26. Perish 30. Former Turkish Kovernment 31. Cereal                       33. Moved,* j (gym.)                 i*ZZ2 i-ZZ'2 12 ill- in It ^rtr ^w IIF ii w 11 ^11 ^""I53 I"! s""ri""ii lr 1 41 1 1 I mr\ i i i                 DAILY CRYPTOQUOTE- Here's how to { AX YDfcB A AXR (SpnW the length and formation of the words are .11 ; Each day the code letters are different. A Cryptogram Quotation ,t 8J  PJ . K^ W8 ASIC  -CY-!</t>
  </si>
  <si>
    <t>                                           I JEAN WORTH Pdmbtud         Calls Year Name,      Na QaartteM This lady  not ^^mw^^^ flatter yon, ibc ^~H^^l tell* your Ufa u ^~JHH it Is. and  ^Rjmm^M Por  troa^Hia^H Uethenlsanmi ^^9  ^^H the   H^H U within your K)~H: reach U you only ^WvAi know how, for while / may sometimes be bliss, it la  of the most dangerous sort to be Ignorant of. the problem* of Lore, Marriage. Business and Speculation. This lady warns you gravely ihe suggests wisely she -p}*Hj fully. She Answers AH Questions. Snow Thyself and find success and Happiness. No one in trouble turned tway. This lady has helped- .aad, she can and   ypo .m  AVK, N. W. Ahnanil Ihtrk  n Sfnv Cte    AtttiMBy Btraai.</t>
  </si>
  <si>
    <t>                                           IMS 8 MOST POPULAR HAIR DO S       BOY'. This  useful hair piece  In with your own hair and keeps     rough ends even. Fitting from ar to ear and shoulder length, the Pago Boy makes your new  length look se natural that no one  an Ull the difference $3.00 18.50 This back of the head cluster canl "bo worn in ei^ht other styles as cluster or, plain. You do nway with; the use of hot irons, thereby     . ing your; WilY time io regain iU' tr^north ^mMh^                 THE HALF GLAMOUR. When Tt jis length. you want, tho Half Clamour fits your taste. As you $?e, lit fastens at the crown the hand and -  down it ha Ibftck. You can wear it as an . or any -stylo you like. (It is  15 b 20 inches long). _.?1.(^0? SEND NO MONEY-, -pay postman on delivery. "Tinif           or       . O'~0   T6DAY/ Hair do  312 ST. NICHOLAS AVE. NEW' VORK; N. Y.</t>
  </si>
  <si>
    <t>                                           Pres. Truman Praises Masons                 TUI^SA. Okla.- President Harry S. Truman, in ;i telegram to Amos T. Hall, president of the Grand Masters Conference of Prince Hall Masons, commends the Prince Hall group ior its efforts to alert the Negro against the Infiltration of communism through its                 Program. Several weeks ago, thirty-nine Grand Masters in 'the Prince Hall group, members of the Grand Mas-, tcrs Conference, issued a statement denouncing Communism and calling upon its followers to be on the alert against the insidious attempts i;f Communism to undermine the American concept of government. January 22 was set apart as "Americanism Day" and programs were held in many places in the states in which Prince Hal) Masons . President Trumun, in his message to Hall, : ""It is a pleasure to extend greetings to the Grand Masters Conference of the Prince Hall Masons as they inaugurate their Americanization Day Program." "This effort to emphasize to members of your organization and other Negro citizens the blessings and opportunities afforded by the American way of life is worthy and commendable undertaking. This  on     ;e C Column 3)                 Pres. Truman (Conlinuid rrom I'afc One)  is tlio more significant In view of the threats in many parts of the world to the rights and freedoms of free men. I believe that your fellow citizens everywhere Join me in wishing every success fot your Americanization Program."</t>
  </si>
  <si>
    <t>                                           TULSA, Okla.--President Harry S. Truman, in a telegram to Amos T. Hall, president of the Grand Masters Conference of Prince Hall Masons, commends the Prince Hall group for its efforts to alert the Negro against the infiltration of communism through its...</t>
  </si>
  <si>
    <t>                                           MIRACLE MAN                 UOC R. C. ANDERSQiN DO YOU BELIEVE IN MIRACtES? Here is u man that can prove there ore such things as miracles. Visit Doc B. C. Anderson in his office. Tennessee and Georgia State line, St Elmo Ave.. Chattanooga. Tenn.. and fin* out for yourself. Seeing Is believing. For the past two weeks, i he has more than proven Vhis, bringing loved ones buck together. moving evil influences, bringing sue- j cess and prosperity to those that are down and out. Greater than ev- er before, with added power be- stowed upon him. Know him and his past work now see much greater work. Office open Saturday and Sunday and every wee* day. Waiting rooms lor both white and colored. See btm today for success arid happi-mssr-Pftaae -Chattanooga 81-9719 for an appointment.- (adv.) 1 1, jj -lu. j 1 1 i i 1</t>
  </si>
  <si>
    <t>                                           UMBRELLAS AND OTHER GADGETS help to shield dignitaries, spectators and health officials from blistering 90 degree weather while they watched with eagerness "Allonto's grea'.est show" at Herndon Stodium. Sponsored by the                 Atlanta World in cooperation with radio stations, civic organizations ond individuals interested in the mass health program, the show drew the largest crowd in the history of the city.</t>
  </si>
  <si>
    <t>                                           A 26-year-old Memphis born ex- was fatally burned in Detroit Saturday, January 21, while visiting the apartment of a friend. The ire also claimed the lives of a young mother and her three children, while a fireman, attempting o save the life of the Memphian...</t>
  </si>
  <si>
    <t>                                           BOSTON, Mass.--More than 14,000 music loving new Englanders jammed beautiful Manning Bowl at neighboring Lynn, Mass., tO witness the third annual North Shore Music Festival June 14, sponsored by the local newspaper, The Daily Evening Item, at which Herman Gantt...</t>
  </si>
  <si>
    <t>                                           Catholic Students Challenqe Racism                 DETROIT- Students at the University of Detroit are touring 'Catholic high schools In this area presenting forums orf" Interracial relations. The students are members at the speakers' panel of the Catho-' He  Council here!</t>
  </si>
  <si>
    <t>                                           Man Who Gave Woman A Milk Bath Jailed                 A man who gave a woman a milk bath had been Jailed in connection with the Incident, police record showed Friday. The arrest whs made after Miss Mary Stovall complained thai, Johnny Jones, alias H. J. McClain, hit her over the head with a quart of milk. Police charged the .1 assailant with assault mid battery.</t>
  </si>
  <si>
    <t>                                           JP^THqMAS JEFFERSON Fi ANNA6AM ^^~^aJ THE ROAD T() ..I-O(Georgia) Come vc here who love the tides Of foaming silk whose yellow In its soften gloaming rides The road to Monticeilo! 1 Ah peaceful journey, slopes and coils Love and beauty found you, And laid their trophies and their spoils In living  'round you, With singing peasants piping sweet The cream of lilting s mellow That takes the weary from the feet That wind to Montieello. The cabins loan against I he  That swings low in its waver To God's humble poor and proud That drink to Georgia flavor Along the hallowed ribbon lines In stripes of white and yellow. Whose only promise is one finds The streets of Monticello. Ill After Koine's famed empire died And Athens' grandeur giving Its ancient glory and its pride The Appian Way kept living; So after fair Atlanta's bliss. And fame are flown some  dip his pen in love to kiss The road to Monticello. Thomas Jefferson Flanagan, 1950</t>
  </si>
  <si>
    <t>                                           State To Fight For Return Of Negro Fugitive                 Georgia Assistant Attorney Gen. Kaiilemnn Blnelcshear said today lie will defend the state in       :i Noi:ro fugitive In St. Louis.  - :iO-yo.ir-old escaped convict. A /ell D.nis. was Kr.mtt d a writ of habeas corpus the St. Louis Fcdcr.il C'.mrt on Ajiril 12.  ; p. proceedings. Pnvis ('(intends ho was denied His -nuM it ut ional .s when lie was M- ti) 08  in prison  ; fo\     BUlHy on three count-*     :        with intent to murder in Pulton county, A hearing of the case has been ordered on April 25. Attorney Gen. Eugene Cook said Hi,- stilt    will take the position that D: has not exhausted     ! :rs In fill- an appeal ih Georgia, lie added that, the convict has no nt:ht to carry his case to n Federal court. TUU . cook said, has been upheld m tin' United States Su- i lin iiu' Court.</t>
  </si>
  <si>
    <t>                                           High-lighting the spring musical calendar in Atlanta is the twenty-third combined concert by the students of the musical organizations of Atlanta University. Morehouse College and Spelman College to take place at 8:00 P. M., on Friday, April 14, in Sisters Chapel on the...</t>
  </si>
  <si>
    <t>                                           DRESS UP YOUR HOME PAINT WHITE 14  AWNINGS 2 10 6 PRICED TO FIT YOUR BUDGET</t>
  </si>
  <si>
    <t>                                           I I Burglar  d^ K-ja flail: si I H      J8cCJ5S J II SISB WILLIAMS. Hep. BA. 938J.</t>
  </si>
  <si>
    <t>                                           An Atlanta man yesterday was being detained at police headquarters charged with suspicion of murder in the death of a 13-year-old girl who was fatally wounded at an Edgewood restaurant.</t>
  </si>
  <si>
    <t>                                           DAILY CROSSWORD                 ACROSS j. Affirm 5. Raised deck in stern of a vessel 9. Trumpet sound 10. Young owl 12. Skin disorder 13. Muse 14. Behold! 15. Lubricates 16. River (It.) 17. Vindicates 20. Place 21. Cuts 22. Stripes 23. Frozen water' 24." Chum 25. Volume 27. Unit of work 30! Half     31. A town crier 32. Public notice 33. Chief Umber f a ship" 34. Virginia  abbr.) 35. Chinese city 37. Incite 39. Conduit 40. Unrolls 41. Marbles 42. Obtains DOWN 1. Recess in a room 2. Carting vehicle                 3. Metallic rock A. Pronoun 5. Bodies of water 6. Possesses 7. Ancient 8. Small frog 9. Rose-red ruby-spinel H.Jogs 13. Pastry foods 15. Monster 18. Disasters 19. Part of a bottle                 20. City (Mass.) ^22. A globe 24.. Pellet of medicine 25. Thrashes 26. Norwegian novelist 27. Sharp 28. Black birds 29. Stinging Insects 31 i Endures 33. Recognized 36. Frigate-bird (Hawaii) 37. Simian                 38. Wager .40. King  (Bib.)                 *~L.)  3al [0             .[       4-1 I Yrttrrday'f Amwcr                 9 M*_i [L Hi--T ^""11! ^ ii" l!L 11 l!! TOIl!l_ w\\\ W\ 1 1 b 4-7v                 DAILY CRyPTOQUOTE-Here's how to work it:  One letter simply stands tor another. In" this example AU used for the three Vs. X for the two O's. etc. Single letters , the. length and formation of the words are all WaU. Each day the code letters are different. A Cryptogram Quotation  MF  JY Y J J L:  P V DPT JY BPW . Vrstorday/8 Cryploquotet A HOPELESS FAITH A  RACE. YET SEEKING THE MOST HOLY, PLACE- KKB1.EL</t>
  </si>
  <si>
    <t>                                           "MEET MISS COSMOPOLITAN FOR 1950" SHE S TOPS NOW-Rev. J. R. Hurley, pastor. Cosmopolitan AME church, presents to Mrs. Julia B. Jackson a bouquet and congratulates her on raising the highest amount in a $1,000 effort. She is considered "Miss Cosmopolitan for 1950."</t>
  </si>
  <si>
    <t>                                           Correction! BROWN HAYES CO. Is NOT a location for paying City Water Bills The WORLD incorrectly stated in an Ad Tuesday that Water Bills could be paid at Brown Hayes Co. Gas, Light, and Phone Bills may be paid at Brown Hayes, also there is a U. S.  ub-Poit Office to serve you. BROWN HAYES CO. icr. KiuiEWOon avk.. 7 . S. E.</t>
  </si>
  <si>
    <t>                                           USED RECORDS 2 FOR 25e 110 , AVE. WA. 1536</t>
  </si>
  <si>
    <t>                                           Considering the "ancients-and-honorables" who believe their birthdays -- looking as young as their daughters and often twice as cheaper and interesting -- it would seem that the years just don't matter any more. Grandmothers today are sitting pretty. They are on their toes...</t>
  </si>
  <si>
    <t>                                           On April 21. 1950 before the Clark College Student body conscientious studey body, Brother Attorney Belford V. Lawson delivered... a powerful and magnetic message. The annual programs of Alpha Chapter. Alpha Phi Alpha Fraternity were brought to a...</t>
  </si>
  <si>
    <t>                                           I am 20 years old, have been married but my husband and I are separated. I am now in love with a man I have known for eight years. This man has two children by another woman, and wants to take one of the children to live with us when we get married. The mother objects...</t>
  </si>
  <si>
    <t>                                           Dr. Reid Urges Support Of College Fund Drive                 NEW YORK- Support of the United Negro College Fund's 1950 effort to raise $1,400,000 to supplement the operating budgets of 32 I private colleges and universities i was  this week by Dr. Ira De !A. Reid, professor of sociology, Haverford College, Haverford, Pa.,                 and Brig. Gen. David Sarnoff. chair man. Radio Corporation of America, as n means or realizing the American heritage of freedom. They addressed a capacity      -~nce of 400 persons attending the Fund's national and New York opening meting in Rockefeller Center's Rainbow Room. Other speakers included Mrs. Chauncey L. Waddell, chairman. of the Greater New York Women's Division. Lieut. General I                 Leslie R. Groves, chairman of the Greater New York Men's Committee i and William H. Brown, mgr. Hotc-5 Theresa, oo- of the Uptown- Division. Roland Hayes. concert tenor and an alumnus of Fisk University, a participating college sang a group of songs. The '"'workings of democracy have ir.ade these private colleges necessary, Dr. Reid, national vice chairman of the Fund's 1950 campaign, asserted "Untft we have completely Integrated and implemented our democratic principles and practices in American life they are going to continue to be necessary to provide meaning for peopie uor culture has disinherited, to provide for them an expanding opportunity to achieve fuller participation in our society legally, economically, socially and politically," he said. "And when these policies and practices have been fully realized, I believe that we shall continue to need the Negro private college in order that we may demonstrate to ourselves and to the world that there is no inherent  or degradation in our institutions because of their racial beginnings, and that the American people have   the- racial and religious stereotypes, that the quarantine signs "White" and "Negro" can be cleansed of their Implications of social contagion and infection. "In Hid Negro college were generated and nurtured the first real practice In Interracial cooperation among free men," Dr. Reid . "Merc it has-been demonstrated for nearly a century that men can live together in u free society, despite their races and religions." Declaring "education and freedom should go hand-in-hand," General Sarnoff called for a new emphasis on the "freedom to learn and freedom to work regardless of race, creed' or color." He termed these 'vital not only to create new industries, but to maintain our American  of free enterprise which has contributed so much to the greatness ol our country the welfare of our people."</t>
  </si>
  <si>
    <t>                                           NEW YORK--Support of the United Negro College Fund's 1950 effort to raise $1.400,000 to supplement the operating budgets of 32 private colleges and universities was urged this week by Dr. Ira De A. Reid, professor of sociology, Haverford College, Haverford, Pa.,</t>
  </si>
  <si>
    <t>                                           Deaths                 Mrs. Lllllc Man Rogers. 107 Mulberry St., Marietta, passed June 0. Mrs. Bessie Jett, Albany, Gn., Ga. nud Atliintn. Ga., passed June 8. Mr. John Phini/.y pussed June 8. Mr. Isaac McCrogy, 1015 Marlln St S. E., passed June 9. little Evelyn Cornelia McConucII. 20(5 Jones Avenue. Marietta, Ga., passed June 9. Mr. Sanders Davenport, 309 PelIon Drive, N. E.. passed June 9. Mr. Lonnic Corn. 519 Mitchell Street, passed recently. Mrs. Eliza Skilman, IiOHisville, Ky passed recently.</t>
  </si>
  <si>
    <t>                                           NEW YORK--American industrial leadership was charged today with the responsibility for developing work situations which are more democratic. Addressing an industrial engineering group at Lehigh University, Bethlehem, Pennsylvania; April 10. National Urban League...</t>
  </si>
  <si>
    <t>                                           Atlanta JM^W)rld edition ^- -i n r n ,nti_ News While Published Every Morning Except Monday i ft Js news  22, NUMBER 217 ATLANTA (3), GEORGIA, THURSDAY, APRIL 13, 19S0 PRICE FIVE CENTS</t>
  </si>
  <si>
    <t>                                           Atlanta World To Stage Health Show                 The top -talent In the Negro entertainment world will be In Atlanta on June 25. A galaxy of radio: stage, and recording stars, supported by the best local talent available, will present the greatest entertainment extravaganza ever held In this area.                 The Atlanta World Health .Tnmborce, sponsored for Hir benefit of  citizens In this nren who Iibvp   of the C%-Atlnntn UrnH- PrORrnm. promises to bo the most, outstanding event of several years with the most  musicians and- comedians in America being presented in an all-star cast. William' Gordon, associate editor of the Atlanta World and general chairman of the health jamboree committee, -sponsored by. this newspaper! has revealed the program is being offered as a reward for those persons who cooperate with the valu able health testing program. Mr. Gordon said the jamboree will be held  ln;Her,ndon: stadium and more than "25^000 persons" are expected to be present. He also .revealed, admission to the Jamboree can 'not be purchased, but only, those who: can present their Identification cards issued .at the. testing stations, or                 proof of  had the tests will be admitted free of charge. Ken Knight, program director ol rodio station WERD. and chairman of' the talent committee, has revealed the Orioles, one of the most popular musical groups In America, will highlight the jamboree. A delegation led by Mr. Knight went to New York City this week to obtain (He best talent available. Knight said that members of the entertainment world realize the value of the health program and many outstanding performers will be added to the Jamboree's, list of stars within the next few days. The Jnmborce Is being sponsored by the Atlanta World as part of Its public service program with Uie complete cooperation of radio station WERD. The project Is being directed by a committee of civic leaders Including William Oordon. Ken Knight. Prof. C. L. Gideons, and B. B. Bcamon. Persons who have had the seven free, health tests, and those who. will take the tests. between now and June 30. arc being urged to keep their Identification cards in. order to be admitted to the Jamboree.. It has been pointed out that a person (Continued on page 6 Column 5)                 Atlanta World (Continued from Page One) who has lost his card may be admitted to the performance by presenting his report of test findings. The health testing program began in Greater-Atlanta on April 4 and will continue until June 30. At present more than 190.000 persons have been given free tests for tuberculosis, heart abnormalities, syphilis, diabetes, anemia, dental and mouth diseases, and for proper height and weight. Twelve testing stations are seated in various sections of Pulton and DeKaib counties for the cp. of all citizens in this area. The seven test* are given In less than ten minutes, and no undressing is required. Health officials In charge of the program have stressed that all reports of test findings are held strictly confidential between the health department and. the person tested. All reports are mailed directly to the person tested and no other person may  this information. A list of testing station locations and their daily schedules will be presented in the Atlanta Daily World every day. The* tests may be taken at one of the locations most convenient.</t>
  </si>
  <si>
    <t>                                           The top talent in the Negro entertainment world will be in Atlanta on June 25. A galaxy of radio stage, and recording stars, supported by the best local talent available, will present the greatest entertainment extravaganza ever held in this area.</t>
  </si>
  <si>
    <t>                                           I Madam Eva a Palmist. After yen Jtl A consult  U  11* LI .come with      \V r problems to MaMl* si r dim     and    1 1 W *U- SHE GIVES i\ AkT-" FACT8 AND ^X uJ"~ w* TOP GET ^T" 8CLT8. If yon have    V Ql ii band or wife        j t J ble. be nre wd ^L/ come mm atf! World's  1^91 Office horn 9 d. to 19 p. ra.  and Snndaj 1015 W. BlATietU SU N. W. Akr the toman Tart* Trolley. Bm Stop* at the door.</t>
  </si>
  <si>
    <t>                                           Funeral Notice                 SIMON: Mrs. Hattic of 325 Atlanta Avenue, Decatur. The friends and relatives of Mrs. Simon arc invited to attend her funeral Tuesday April 4, 1950 at 1 p. m. from An-  A. M. E. Church, Decatur, Oa. Rev. Ben Gay officiating. The remains will lie in state at our Decatur Chapel from 12 o clock noon Monday until the hour of the funeral. Interment Anderson Com. Cox Bros.. Decatur. Dies Under Wheels Of New York Subway i BROOKLYN (ANP)- Harry A. Nelson, 48. never reached work Baturday morning. Only a short t.tme after he had left home, his family was mortified by a message that he met his death under the grinding wheels of a subway train in downtown Brooklyn. A bystander, Thomas Boubiello, said he observed Nelson fall off a platform  t the BMT Lawrence Street Station. He landed on the high-voltage third rail. Bonbiglio ran to the end of the platform and tried frantically to flag down an approaching train, but Motorman Joseph Calzaretta was unable to stop the heavy train in time. Whether Nelson had been electrocuted  the train struck him It could not be determined. Bonbiglio said he heard his moans as the third rail gripped him. A police emergency squad had to Jack up the train s first car to extricate the body. Traffic was tied up for half an hour.</t>
  </si>
  <si>
    <t>                                           ATLANTA, Ga.--(SNS)--Are the Brooklyn Dodgers '50 National League championship hopes going to be dampened because of an alleged feud between Jackie Robinson and Roy Campanella dating back to last Fall's Deep South barnstorming tour?</t>
  </si>
  <si>
    <t>                                           ~*ADAMt BROOKS AMERICAN   M'llhoal      thU remarkable lady  roar Ufa from Infanrj    old uc.         (sou. Oml4n too to     .  L'matti  dr  Bd     7 . She nn  roo on (It      . She U Ihf r*           Uh       A. M. U   . M. Oalli.           . Whlw and "Jl'K* ParmABtal  Ml*            . S       II Ly* Stewart Ara. Oal atf si SUVart Ato.   U loath on SIcwaM t .  iln an'   a</t>
  </si>
  <si>
    <t>                                           NAACP Adopts Strong Anti Red Resolution                 BY EMORY JACKSON Editor. Birmingham World                 BOSTON, Mass. (SNS) The forty- annual convention of the National Association for the Advancement of Colored People Friday adopted a strong anti-Communiu resolution end thc-n extended a generous vote of confidence to Roy Wilkins, Administrutive Assistant, for his stand in denying communist participation in the Civil Rights Mobilization rally held last winter in Washington.                 In another resolution, the delegates censured two members of the Jamalcit, N. Y. NAACP chapter who I) ad .sued the Niulonal office. Delegates voted 309 to 57 to direct the Board of Directors of the NAACP to "take the necessary" steps to eradicate Communist infiltration and If necessary, to " and reorganize or lift the charter and expel" any branch coming under Communist or other political control nnd domination. The anti-Red declaration pointed out that certain branches of the Association were being rocked by Internal conflicts between groups who follow the Communist line and those who do not. This threatens the confidence of the public In the Association ond will eventually resuit in Its disruption. Mr. Wllklns, who has been under constant and bitter attacks from the Communist since the Civil Rights Mobilization rally, hailed the action of the delegates and declared: "this decisive vote leaves no grounds for doubts as to what the Association position Is toward  and other Un-American organizations." The strong -Hed resolution added: "that It Is apparent from numerous attacks by Communists in their official organs, the Dally Worker nnd political affairs upon NAACP officials  Is n well /.ctl conspiracy by Communists to either capture or split and  the NAACP. In adopting the resolution, sponsors of the document,  by A. Maceo Smith, chairman of the resolution committee, .said the action was taken so as to place the convention on record as unequivocally condemning attacks by. Communists ancl their Tellowr- upon' the' Association nnd Its officials and In order to guard the good name of the Association. The board was called upon to     t (Continued on page 5 Column 4)                 NAACP Adopts i (Continued from Page OniO point a committee to Investigate i and study the Ideological composition- and trends of the membership and leadership of the local branches with 11 view to determining the causes of the enumerated conflicts, confusion find loss of membership. Voting 269 to 40 to censure Lawrence Bailey and Guy Brewster of Jamaica. New York who brought a law suit jointly against R051 Wllliins. administrator a.nd the NAACP. The censured pair sought by court; action in New Yofk to compel Wllklns to give them the list of branches' of the Association. The matter Is still in- litigation. Emory "Jackson of Birmingham, championed the anti -Communist resolution in closing the argument for the side that favored It. Dr. Joseph Berry of Tuskegce was the key speaker for the censure resolution. Berry was chairman of the 40 dele?ntt;s in the southern region which ;oted solidly for. both resolutions. Obviously, the southern delegates managed the floor fight and  the inspirational oratory which swung the convention.- Carefully the strategy had been developed with a view to out-maneuver the Communist delegates who were                 sprinkled among delegations. I Some 485 delegates and alternates from :t8 states had registered for the convention by Friday. NO opposition had developed to the 1951 convention bid made gy Atlanta delegates. John Calhoun wns in charge of the bid campaign.</t>
  </si>
  <si>
    <t>                                           BOSTON, Mass. -- (SNS) -- The forty-first annual convention of the National Association for the Advancement of Colored People Friday adopted a strong anti-Communist resolution and than extended a generous vote of confidence to Roy Wilkins, Administrative Assistant, for his stand in denying communist participation in the Civil Rights Mobilization rally held last winter in Washington.</t>
  </si>
  <si>
    <t>                                           WARRENTON, Ga.--Mr. Edwin Nelson of Chattanooga, Tenn., was the recent guest of his mother, Mrs. Daisy Cuff.</t>
  </si>
  <si>
    <t>                                           m['Tl MnVwcli. Ball*?.. Chtw fi^ I YEU-OW- stick H 11 0 7~^ coffee 69C I Ot-EQ^- 23C I "Ifiter Roast S9c^- Veal Cutlots 89c Veal Chops 69c I H BLAtKMAWK SLAB "Mm PRIZE ALBANY M M bacon  43C n       25i pa^rgV * RlBSlOs,       15c1  3TV^ UV P F.NE FOR BAR.EJ.Q1 "H Round Steak 89c Perk Chcjjs 49c Sliced Ham Wc^fi e NU-WftY MARIET T I [Ifflg ^Ste4 10Q  ST.  oTL J Jc I</t>
  </si>
  <si>
    <t>                                           GREENSBORO, N. C. -- "No man or woman can go through Gethsemane and come out bearing the palm of victory unless he gives himself to a cause to purpose bigger titan self." Dr. Benjamin E. Mays, of Atlanta, Ga. told the Bennett Cottage vesper audience recently.</t>
  </si>
  <si>
    <t>                                           [In Memorlam                 In loving  of i."jr tV?ar mother. Mrs. Ella Huff Centers, who lef: us on: year ago      . June 24, 1W9. We miss you so much mother, A precious one from us Is gone, A voice we love Is stilled, A vacant place Is in our home That never can be filled. We loved you Mother. I Cod in Heaven loved you best. Daughters, grand sons and their families.</t>
  </si>
  <si>
    <t>                                           A Timely Warning BY WILLIAM HENRY HUFF FOR ANP T Our ugly words upon the street I y Are bringing us to shame, We do not think how those we meet May not have our low aim. We yell n mother epithet As if it were a prayer %  We have a nasty line to let *  ' No matter when nor where We may be found. This hurts the race What are we to assume? Unless this ceases, we must face iA swift and certain doom.</t>
  </si>
  <si>
    <t>                                           James Walker Named To Pilgrim's Agency Post                 Dr. \V. S. Hornsby. executive vice president of the Pilgrim Health and Life Insurance Company, has nominated and appointed James H. Walker of Atlanta to' the office of director of agents of the company, succeeding J. Thomas Walker, who died last March 27.                 He Is one of the most  and best trained representatives of the company, having  as salesman inspector, instructor, auditor, and organizer. Because of outstanding achievements, he was elected to the board of directors in 1947 and to the office of assistant agency director. At the annual meetng of the company last February he was elevated to the office of vice president. He is the son of Dr S. W. Walker, president of the Pilgrim Health and Life Insurance Company. He served in *he Armed Forces from February. 1042, until November. 1045 having enlisted as a private In the             ^                      and went up through the ranks to the highest grade non-commissioned . First Sergeant. He served with credit in the Continental and European theatres of operation, having taken part in the invasion of northern Franca and the Battle of the Bulge, where he was wounded in action, receiving the Purple Heart medal for injuries sustained by enemy action, and several other medals and battle  ribbons and stars. He is connected with various social, religious, and civic organizations and is a trustee of the Atlanta Chapter of the. Tuberculosis* Society. He is a member ol Reed Street Baptist Church where he has served for the past thirty-one years. For the past twenty years, he has been married to the former Miss Canunie Lee Paucette of Durham, N. C to which union four children i were born. They are Dorothy Majrion. Gwendolyn Louise, Solomon i William n, and. Hwnor I*c</t>
  </si>
  <si>
    <t>                                           Dr. W. S. Hornsby, executive vice president of the Pilgrim Health and Life Insurance Company, has nominated and appointed James H. Walker of Atlanta to the office of director of agents of the company, succeeding J. Thomas Walker, who died last March 27.</t>
  </si>
  <si>
    <t>                                           USED CARS flU ADI IC  TC1U 215 SPRING ST. AUTO FINANCING  II AM I L 1 UN CY. 0286</t>
  </si>
  <si>
    <t>                                           "Play ball," a familiar American cry was heard throughout Martin Stadium Sunday afternoon as the Memphis Red Sox and the Chicago American Giants raised the curtain on the 1950 edition of the Negro American League. The two learns squared away in a Sabbatn twinbill...</t>
  </si>
  <si>
    <t>                                           LAKELAND, Fla. --(SNS)--The Atlanta Brown Crackers of the Negro Southern League opened ring training here Thursday under Manager Nish Williams.</t>
  </si>
  <si>
    <t>                                           SENT) YOUR BOY TO BUTLER ST. YMCA DAY CAMP REGISTER NOW I Madam Eva i 25c SPECIAL READING 25c g\ World*a  /Iff n i Patmlal After 7*-. Hi* III *        U then Ifl_ If come with       [J  U Ms I i\ #-~h SHB  V\~**'w* FACT8 AND V V3       OKT RB- A A ^J BUIiTB. V   \ A If yoo         - Vf I    band or wife        ble. be          jB^ *S  at  nee *~m Office boon t n. to    p. m. dally and 8      1015 W. Marietta St. N. W. TaJw i the Inman Yards TraDey.     BUrf</t>
  </si>
  <si>
    <t>                                           ft 9KR9H^I</t>
  </si>
  <si>
    <t>                                           PARENTS Registor Your Boy Now For YMCA Boarding Camp At Beautiful JOHN HOPF GOOD FOOD WELL CONSTRUCTED CABINS LAKE ATHLETIC FIELDS PLENTY OF FUN CLASSES IN NATURE STUDY ^/ELL TRAINED CAMP COUNSELORS 1st Period AUGUST 1st to 10th. 2nd Period AUGUST 10th to 20th. $18.00 PER PERIOD Call The Duller Street Y. M. C A. For Further Details At LA. 0246.</t>
  </si>
  <si>
    <t>                                           The attack on rent control at the public hearings Wednesday afternoon by landlords and real estate interests appears io us to be highly impractical in view of the existing deplorable housing conditions.</t>
  </si>
  <si>
    <t>                                           " POLITICAL ADVERTISEMENT Attention, VOTERS! I Due to the fact that several different lists recommending I candidates are being circulated to Negro voters, the Atlanta j Negro Voters league, representing the great majority of our i voters, feels it necessary to use this means to release an official list of recommended candidates for the June 28th Primi  Where there are two names under a given office, this i indicates that the League expresses no preference. The i following are the recommended candidates: i FOK i;. S. SENATOR FOR . OF THE SUPERI ALEX McLENNAN IOR COURT OK ATLANTA I GEORGIO WHITMAN I FOR GOVERNOR: OR i M E THOMPSON REUBEN A. GARLAND I i FOR  OOVKHNOn ~'ou C1 JUDGE CIVIL DAN DUKE COURT OF FULTON COUNTY DAN  JUDGE QUINCY ARNOLD !T *TTE ST'; for  of GEORGE n. HAMILTON FUI.TON COUNTY SAM LOWE. JR. FOR COMMISSIONER OF OR AGRICULTURE ROBERT CARPENTER GEO. C. GAISSERT FOU STATF. SF. FOR PUBLIC SERVICE G\ EVERETT MILLICAN COMMISSIONER TERRY T.  FOR REV. FROM FULTON COUNTY IN THE GENERAL FOlt COMPTROLLER GF.NF.RAL ASSEMBLY W. B. COCHRAN. JR. M. M. SMITH FOR COM. OF I. FOR REP. FROM FULTON BEN T HUIET COUNTY IN THE GENERAL ASSEMBLY FOK JUDGE COURT OF LUTHER ALVERSON APPEALS L C        GROVES FOR REPRESENTATIVE FROM FULTON COUNTY IN THE FOR .,UnC,E COURT OF ^ Eg"T APPEALS (FULL ): \j C (      GROVES FOR COUNTY COMMISSIONER OF  AND REVENUE FOR CONGRESS 511. DISTRICT jam^T*  WYMAN C. LOWE OR FRANKLIN RODGERS FOR JUDGE OF THE SUPER-          \FR OF IOR COURT OF THE ATLANTA   ^OADS AND REvl^F CIRCUIT FULTON COUNTY CLAUDE SHAW DON SPICER VOTE YES on the question of the "plan of Improvement for the Government or Atlanta and Fulton County." VOTE "YES" For County Manager. It is requested that you give them your support when you vote tomorrow. However, vote as you please/ BUT VOTE. ATLANTA NEGRO VOTERS LEAGUE: A. T. Watden and J. W. Oobbs, Co-Chairmen.</t>
  </si>
  <si>
    <t>                                           3-Year-0ld Boy Now Eats As He Should Thanks to HADACOL Hid      suffering  ot  B,, Bj, iron  nd  Mrs. Ursula Horton, 108 74th 8treet. Houston, Texas,  our readers to know about her J^K^^^ little boy 3 years f^^^^A old. mid he  ft -I^^^l -oi.. It linn \   *Wm^m helped him very   *.   ^K much. He now eats ~*mjg^K an he .should, has V"x3H^n belter color, and if XuSHV he doesn't get his 29^^^M hadacol he cer-  lets me know about It. He will sny. Mamma, It'* time for my . I surely recommend  to anyone under the weather." . Is being recommended by many doctors. It's simply wonderful for growing boys and girls who have no appetite, are thin. puny, nervous because their systems lack  B,. B,. iron and . hadacol even helps build up the hemoglobin content of red blood (where Iron Is needed) Ui" 'course through their little bodies bringing unbelievable new strength. Trial stee. only 11.26. Lurt'e family or hospital       3 0. I'hnto      model. c I'l.'.n, Th. UWiu           *a</t>
  </si>
  <si>
    <t>                                           The YMCA Day Camps, conducted by the Butler Street YMCA, will close today and tomorrow, with programs scheduled for the old USO Building tonight marking the closing of the West Side Camp.</t>
  </si>
  <si>
    <t>                                           a ji a /   ^M^ff^~K wwr 1 CITY Atl an t a Jili^Wbrl d edition Published Every Mornins Except Monday r8 News** VOLUME 22, NUMBER 270 ATLANTA (3), GEORGIA, THURSDAY, JUNE 15, 1950 PRICE FIVE CENTS</t>
  </si>
  <si>
    <t>                                           FINISHED BUSINESS: These nine justices of the U. S. Supreme Courl outlawed dining car segregation on Southern railroads as well as {              restrictions removed from Negro students to attend universities below the Mason-Dixon line.                 Seated (left to right): Associate Justices Felix Frankfurter, Hugo L Black; Chief Justice Fred i M. Vinson, Associate Justices Stanley F. Reed and William Douglas. Standing are Associate Justices Tom Clark; Robert H. Jackson, Harold H. Burton arid Sherman Minton.</t>
  </si>
  <si>
    <t>                                           THE WHITES OFF: i i r Whffn, .v  il us :i  for (.f  Jlr*. \\      ii I'iin -.Xiiii-           for n lour of I. ,\        ^     K'ir    of      : BmrriiHM-iiit.</t>
  </si>
  <si>
    <t>                                           SCIENTIFIC TKT1 PROVE pfl LUCKY STRIKE MILDER   $m THANA^OMR jl: j PRINCIPAL BRAND! ~^   Confirming these scientific tests, an independent consulting A ^nSH^H ^m laboratory with more than 15 years' experience in cigarette research If j^Hm^^H Wk reports: "Lucky Strike mildest of 6 major brands tested  HH^HIH IH Yes, Luckies are milder. .proven milder! And here s one r JHHaRS^^S^H^^^B  Hi Lucky Strike means fine tobacco- fine, light, naturally mild ^~^~^K  9H tobacco that gives you real deep-down smoking enjoyment- yes, ':::!% g9^~HBBfHMBH^     9^H the smooth, rich taste of fine tobacco. Prove to yourself what ^^1     ^^^^^ ^^H science has proved. Get a carton of Luckies today! nl^$~~^ ;:^WBBB88^^^B^B COVER GIRL GABY BOUCHE says: V 1'      ^A smooth -and so is a top-notch l\?Mt$f\jf^ I Mj SHlHHHH^^^H G A    m. **+i I %j9i '$$8$%'$ f*-n*9VL^l* f T T A? \':^:'Wk A'**  ^r- I flET YOUR OWM TASTE ^^^^fey ^:v W  .4 AND THROAT BE THE JUDGE! FOR THE RICH TASTE IH ]i%m^ '$ OF FINE TOBACCO... FOR SMOOTHNESS, AND MILDNESS... Im ttP*1* ."J  never a rough puff in a Lucky *JSLl1]* in a suit by Monte-Sano Pruzan. con., ihi  Mttic*M   l.~/MF.T- Sttike Mean* Ftne TeAacco So round, so firm/( so fully packed-- so free and easy on the draw 4</t>
  </si>
  <si>
    <t>                                           TETLEY S ARGO ttl.OSS DIXIE CHEF- 15.OZ. CAN STARCH 5' Spagii6   ,jS8  OCTAGON          SOAP 6CI RAISINS '^3" MllKJoH-1tc ARMOUR S NO. Z A CAN ALL FLAVOR8 j PORKS BEANS 19' JEtl-0 3    21c NOBI-E' BRAND SMOKED mm- 29  LINUS 25'</t>
  </si>
  <si>
    <t>                                           Dan Duke Raps Griffin For Race -Baiting                 Dan Duke, candidate for lieutenant governor, in the June 28 primary, has -up his campaign against Incumbent Marvin Griffin and Prank Cross.                 However, Griffin has carried the blunt of crusading attorney s attack. Duke had charged Griffin with being "the most blatant "exploiter of the race-baiting element of our state". He accused Griffin of having killed the home rule bill and "sponsored a re- bill that will disfranchise 500,000 white Oeorgia citizens, and Is an open advocate of. all laws designed by 'King Maker' Roy .Harris' to' create 'a political dictatorship in Georgia." Duke in his campaign has repeat(Continucd on pate S Column 8)                 Dan Duke (CnntiniiPil from Pafje One) edly culled  to. his .own lights against, the Ku Klnx, Klan and against, Honier chase, head ot the Communist Party in OeprRln. He sold both groups nre trying 'to drive a wedge between  elements of the community., He said his opponent had not uttered a. word against open violence and lawlessness In the state.</t>
  </si>
  <si>
    <t>                                           Dan Duke, candidate for lieutenant governor, in the June 28 primary, has stepped-up his campaign against Incumbent Marvin Griffin and Frank Cross.</t>
  </si>
  <si>
    <t>                                           BAINBRIDGE, Ga--Mrs. Hortense W. Jones graduated recently from Albany State College.</t>
  </si>
  <si>
    <t>                                           NEW YORK - The Wage Earner Forum reported today that in a nationwide poll its informed members sided with The Great Atlantic and Pacific Tea Company by a 2 1/2 to 1 vote opposing the anti-trust lawyers' current suit to break up the food chain.</t>
  </si>
  <si>
    <t>                                           f AFF-A-DAY                 "OKay, now turn it over!"</t>
  </si>
  <si>
    <t>                                           Dr. Alfonso Elde* Announces Plans For Biq Gymnasium                 DURHAM. N. C. (INS) President Alfonso Elder of North Carolina College reported Monday that bids for the school s quarter million dollar  will be received June 7. Dr. Elder .said the new gym will scat 4.200 persons nnd will have dormitory Hccomodatlons for 80 men.</t>
  </si>
  <si>
    <t>                                           Qfi in vv IBl PROOF!  06  No Increase    ? i in Price! [%?] -A BLEND 86 proof, 70%                  '~~Copt. 194V, 8        Di't.      N.    .</t>
  </si>
  <si>
    <t>                                           TIM TYLER By Ly man Young                 FELIX THE CAT By Sullivari*</t>
  </si>
  <si>
    <t>                                           Powell Attempt For Anti-Bias Rider Defeated                 Sought To Clean Up Capital Through New Appropriation                 WASHINGTON, D. C. (NNPA) -Representative Adam C. Powell Democrat, of New York, tried without success to write an anti-segregation amendment into the 1951 District of Columbia appropriation bil[                 The amendment was rejected on a standing vote, 50 to 19. A teller vote was refused. Representative Vito Marcantonio, American Labor party, of New York, tried later to force a roll call on the Powell move when Representative John W. McCormack, of Massachusetts, the acting Speaker, recognized Representative Cliff Clevenger, Republican, of Ohio, to make a motion to recommit the bill. After the motion to recommit was defeated, the bill, carrying a record $112,840,340 for the operation of the government of the District of Columbia In the next fiscal year, was passed and sent to the Senate. In offering his ammendment, Mr. Powell told the House it would "clean up our Capital." "It is bad enough to practice native fascism sectionally but Inexcusable to practice it right here in the Capital," he said. THE PROVISIONS Under the appropriation for general supervision and instruction in the local public school system, the bill provides for 25 additional teachers for Divisions 10 to 13 (colored) above the budget estimates. The budget had recommended salaries for 63 additional teachers. The 25 additional  will allow the colored division to employ 88 new teachers and provide for the maximum use of existing school facilities without the necessity ot part-time instruction, the House Appropriations Committee said in recommending the additional teaching jobs. The bill also carries the sum of $8,000 for the promotion of teachers at Wilson (white) and Minor (colored) Teachers' colleges. Funds were not allowed for the rewiring of the new Cardoza High School. The Appropriations Committee believed that this project could be postponed without undue hardship or additional cost. The transfer of Central High School to the colored division, over which there was a bitter and prolonged controversy, the committee said, enabled a reduction to be made In the amount of $44,420 In the appropriation for operation of buildings and grounds and maintenance of equipment due to the closing of the Cardoza High School building. A, request for an appropriation for $200,1)00 for the purchase of land for the stadium at Dunbar High School was halved. The committee said this request was excessive In view of the athletic facilities now available in the colored division. The bill provides $100,000 for this purpose. f The stadium at Central High School, which goes to the colored division along with the school plant Is regarded as the finest athletic field of the local public school system. SAVINGS PREDICTED Funds also were allowed for the centralization of cooking and eating facilities at the Industrial Home School for Colored. The committee s report stated that this should result in considerable savings In the culinary personnel at this institution, since at the present time the boys are fed and the food prepared in each of the seven $. The bill carries funds for the following items, among others: Office of Recorder of Deeds $231-, 300 For continuing construction ol the  High School, $1,250,000. For beginning construction of a new junior high school to replace; the Terrell Junior High School, $900,000. with contract authorization not to exceed $1589500. For completion of plans and specifications for a new Armstrong (Continued on page 4 Column 6)                 Powell Attempt (Continued from Page One) Senior High School in Brentwood. $75,000For beginning construction of an addition to the Francis Junior High School, including a gymnasium and a new cafeteria, $200,000, with contract authorization not to exceed, $323,000 For beginning construction of a new extensible Junior high school building in the vicinity of Pomeroy Road, Douglas Place- and Stanton Road, southeast, $180,000, with contract authorization, not to exceed $1,589,500. For construction of s new central kitchen at the Industrial Home School for Colored Children, including Improvement of ground/, $187, 000</t>
  </si>
  <si>
    <t>                                           WASHINGTON, D. C. -- (NNPA)--Representative Adam C. Powell Democrat, of New York, tried without success to write an anti-segregation amendment into the 1951 District of Columbia appropriation bill.</t>
  </si>
  <si>
    <t>                                           IOTA S SOUTHERN REGIONAL CONFERENCE-Pictured above is a partial delegation of attendants on the Southern Regional Conferenn of lota Phi Larnbrla Sorority which met as guest of Mu Chapter, Montgomery, Ala., Mrs. Josie Lawrence, president, on the Alabama Stale College campus, March 1719. On the front row, left to  aie: Mrs. A. A. Harmon, Mobile, Ala., Treasuier; Mrs. Sarah A. lewis, Allantu* National Recording Secretary; Mrs. Alice P. Allt-n, Birniinyham, National President; MiS. M. Ck- Ciulcher, lu--..-e, Ala., Southern Regional Director; Mrs. Mary Bacole, Knoxville, fenn.. Assistant Regional Director,- Mrs. Wadelle Fanner, Atlanta, Recording Secretary; Mrs. J. Walkef Brown, Jack-., Journalist; Mrs. Dellgrotia Allen, Corresponding Secretary of Tuskegee, Ala., is not shown. Other delegates wer- from North Carolina, Florida, Tennessee, Alabama, Georgia  South Carolina. The notional president, Mrs. Alice P. Allen, was the principal speaker at the public meeting on the evening of March 16 to an appreciative audience in the Tullibody auditorium. Her subject was "lota Phi Lambda Sorority.' Other Greek letter                 tions of the city brought greetings. The regular business sessions included a panel discussion on "Publicity", conducted by Mrs. Julia Walker Brown, from which numerous specific ideas were drawn. Iotas were urged to take action on legislative bilk whenever possible; to support local organisations in improving civic, educational  business enterprises and to give full coperation to voters leagues in respective communities.      Rogional Scholarship was awarded to Mrs. Lois Macon of Birmingham to further her studies at New York Universily. Social activities included a "Get Acquainted" lea, formal dances by the Pan Hellenic Council on Friday evening and Mu Chapter on Saturday evening, preceded by a cocktail party at the home of Mrs. Fressie Bell Maxwell. Sunday morning worship was at the Dexter Avenue Baptist Church of which the Dr. Vernon Johns is pastor. Special thanks were extended Dr. Trenholm, president of Alabama State and Mu                 Chapter for a most successful conference. -(Pholo by Thomas Studio).</t>
  </si>
  <si>
    <t>                                           Yes, this naturally golden gin Ml .^jsM^rtf^ttl g  is naturally smoother try it ;Hj Q^\t spr^r VW straight and see, 1  B 1 straight or muted, , men an Bl C?'^ B*S j proving for themselve* that        '~  HH ^--~^ta^/~~^~*   %~~ 1^ of making this gin- an American Origin*! ^^^   ^~^   ^ U$~ way- produces a better, smoother gin- 19 ^t^,               IM Test it the way yon like best straight or ^/biu^      ^/~~Zt   R mixed. You'U say, too, it s a Natural.     w ^     66  ?fr   J      asA; Anyone wr f  VrtOM AMt^,N GRAUN. 90 WOOF. SJ^^l-UIffm.LEIU^., $~~. YOjgg,</t>
  </si>
  <si>
    <t>                                           BART HOSIERY SHOP SELLS .Nell   ?S fORU</t>
  </si>
  <si>
    <t>                                           Reviewing The News                 BY  GORDON                 A well organized effort to get young people to attend t h e church instead of sitting home or becoming deeply manifested in other interests, is a technique many spiritual leaders would like to master.                 The old technique of emotional persuasion has very little Influence upon the youngster who Is content to remain home and view the television self, turn .on the radio or blip thing different In the way of church activities. Rev. George at Antlocli Baptist Church should be congratulated for the method lie is using to gel young people to attend church. A  minister, and one who looks nt present-day problems in light of reality. Is  right down with the young people and their activities. He is trying to encourage youngsters by jiving church programs which are : with the things young people like and appreciate. Some of these activities consist of plays, musicals, speaking forums and various programs with an educational background. The young people are striving more for reality a-nd this young minister is making a step in the right direction. A program at Antioch, a few days ago is typical of the above mentioned. At this particular program, a cross-section of Atlanta's educational, professional groups were represented. A visit to Antioch may be  l wise step for all of us to make, rhe whole atmosphere is uplifting rhe preaching and the services are modern and realistic.</t>
  </si>
  <si>
    <t>                                           A well Organized effort to get young people to attend the church instead of sitting home or becoming deeply manifested in other interests, is a technique many spiritual leaders would like to master.</t>
  </si>
  <si>
    <t>                                           Lucious strawberries may be frozen whole, sliced, or crushed, as a puree or as sparkling red juice, say H. S. Department of Agriculture food specialists.</t>
  </si>
  <si>
    <t>                                           Atlanta  Menken: BNB NNPA AN* UW  (very BUnilng Exeeat Monday, at     *VSf i W. JL ImH IT, Foander-PablUher, Aac. I, , U   _J. UM Muded Aaf. 5,     ; Breame      H*rek 11, Wi           WAlnnt Hit liW m\)*fa in Put Oftlc*  t Atlanta (1~. Oi.,      maa  the Act of CongrtM, March U. lWt A. Editor Ml Owrml      SUBSCRIPTION BATES BY      Daliyi I Tear $~.M; Monllw ~~.5 S ~_"~B*t!~ RAtordar Only: 1      H5ti Month* %*M Oautoi Tear IS.St; Months  SJ85  Forelfni llw WtM JJabMriotlan Bate By Carrier W Weekly f HB ATLANTA DAILY WOBtD     n Independent  krl.n *nd non-, printing new. ~~".        u n._*   1*_*d1^   those thing* It believes to be to the Interest IU  aao oy posing those things against the Interest of Its readers. iki WORLD expressly repudiates  r lor "'^'^^M? SaSrAKffl ^to^Li^D^I , rather than to Individuals. I** tks country as a whole." vu..in u.</t>
  </si>
  <si>
    <t>                                           COVINGTON, Ga.--The St. Paul A. M. E. Church, Rev. J. C. Miller, pastor. entertained the Monticello district conference Thursday and Friday, with Dr. J. H. Downs presiding elder in charge. The Goodfellows Social Club met Tuesday night with Mr A Morris Hardman. The...</t>
  </si>
  <si>
    <t>                                           SOUTHERN BIGOTRY and Northern isolationism joined last week in defeating the motion to take up the FEPC bill through cloture. This action constituted no feather in the hot of democracy, as represented through the United States. Our notion fought through a dreadful war to see to it that freedom as guaranteed through our Declaration of Independence and our great Constitution and Amendments is spread around the world.</t>
  </si>
  <si>
    <t>                                           cold wind* ^^f\ .^j-i '. "  enjoy iht '*^J^^^k , ,  dd [flfc]HB         you put     ^     .'    ^BBK'ltffl rich  ,</t>
  </si>
  <si>
    <t>                                           In Memoricim                 [ii Imlni'  dI  ct:" husband, lather i i I -. M: Huljri' I H'Hiiliii-li ''I'" dep: lln  Iv" ..if-        . 1IMK I'el.llV t  '.Vilil-         A )V*li*!'' Vmki- :,.iul ' Ami with .-. iiir- ii 111- I'eiltlv entered . j III i. iir heart is a MviMK  j Of one we  t/~ rest. We  you. ; Rtibcrt, But Ootl loves you best. j Our hearts iiro oh .so lonely but Gtx\ who answers . Will Ballwr us I""1"' you Somedny, sometime, somewhere. Mrs Cnrrli- Oondrlcli, wife j Itiilph. Ronrrs anil Maurice, sons Mrs Thrlnin Smith, sister. Card Of Thanks Wi' wl:.h to HiiUiK  ninny Jrlrnil-. for (heir  . j  J m-ivU u   I  Illness and  of  sis- in-  mini. Mrs. F.llu Chnnoy. ul- I .so Inr the . Currts ol con- I  e ami Ihe  . Espicuilly (In we  Rev. D. V j Kyle and Cox Brothers, morticians lo i tlu-lr - servi.v Mi-- Mamie Taylor, sister Mr Scovlllt- Browne, nephew Mr and Mrs. Frank Morcland. Sr. I Mrs. Carrie B. Matthews Mr. and Mrs. Mnithew Starks Mrs Cct-ile Johnson Mrs I. Bo.stic j Mi. Tied Chiuipy I Mr. : Mrs. Lynwnotl Tenmor. Deaths Mi-. Willie Bonner.  Humphries Si reel. ) May JU. Mr I'harlii' ) Walton, MUeliell .street.  May 19. v Mi Abli s.tule. 2'XI Tinnier St.. Api :.7:~  il May 19. Card Of Thanks We wish to thank our many friend, and neighbors- for their j . and  shown - j 'iriK the Illness and recent death of I Mrs Knnnie Bell Turner, also for tlM' cards, telegrams, the  4 anil the use .of their cars. Especially do we  the TO1- j lard Kuneral Homo for  ami efficient service. Mrs. AUel Boswell. ..                 Mil.  (</t>
  </si>
  <si>
    <t>                                           Promoter Paul Jones will shift his weekly wrestling card back to its regular Friday night match date this week. The card at the City Auditorium on June 9 will mark the change. An all-star card is planned for the change over.</t>
  </si>
  <si>
    <t>                                           CHOIR PVtP^T GOWNS and CHN ^K $5.00 up M OaUKjfue ana       ^^H      MaHed Free -^V^ 15  D. Kt*i W.T.O. I</t>
  </si>
  <si>
    <t>                                           I DEFENDS NBA HEAVYWEIGHT TIHE- Charles risk a $500,- ,000 September date with Joe Louis, when he battles Freddie Beshore tonight at Buffalo's Memorial Auditorium. Odds-makers ihave established the NBA champion, a 1-5 favorite to topple Beshore. The Georgia-born clouter is recognized in 47-states, with i only New York witholding recognition. A convincing win  Beshore would boost Charles' stock for the proposed Sept. 27 f  with the Brown Bomber. i</t>
  </si>
  <si>
    <t>                                           WASHINGTON -- (ANP) -- Over $100.000 has been netted from farm and home projects by the 126 rural colored boys and girls who have been selected in 18 states as delegates to the third annual Regional 4-H camp August 8-15 at Virginia State College. Petersburg, Va.</t>
  </si>
  <si>
    <t>                                           (I S I /^v^ HAIR STRAtGHTENEff ONE APPLICATION KEEPS HAIR STRAIGHT IROM 3 to 6 MONTHS Buy PERMA STRATE at Dnjg^-only^'ffi  RUINS MORE BEAUTY Than PIMPLES  f J'.iCI^WBlocIc and White     \3lf ishing Creom is used by millions of women because of tita remarkable "Scolo" action that dries tnd helps teal off oiliness protects skin (even the pores) from dirt, dust, I weather I It's a perfect powder base I (Mokes skin look brighter, feel softer .-keeps make-up  g^g^^^ so much longer. Ask for j^S^^^ [it today I Only 30~. 4*2^9 Ui. Block oM * ^fM Clicn%'*om, ULjUQwH       oM mitt fieS8**!!* Cold Cffom.  .</t>
  </si>
  <si>
    <t>                                           4^1 LUMBER  SHEei ROCK-     23HI ^- ALUMINUM ROOFING AND SIDING- OAK FLOORING'' 1 WALLtipARDS- PLYWOODS -CELOTEX- ROOFING- PINE FLOORING-NAILS R^.^,WI^~0\VS--.MOULDING--POORS^HOMASOTE--</t>
  </si>
  <si>
    <t>                                           Little Audrey Yvonne Williams daughter of Mr. and Mrs. Nish Williams was the winning "bride" when the local chapter of Sigma Gamma Rho Sorority presented a Million Dollar wedding at Big Bethel Church Friday evening, March 31. Approximately eighty five...</t>
  </si>
  <si>
    <t>                                           ROMANCE RAMBLES S. CLUB will meet at the home of Charles Watts, 548 Whitehall Terrace, Monday at 1 o'clock.</t>
  </si>
  <si>
    <t>                                           .~ 'v"'"' V. "1   : "'A; 1 !  ;,: v v      2)        when *ude\ y f Dixie Crystals 1 II PURE CANE SUGAR</t>
  </si>
  <si>
    <t>                                           toward U. 2nd Year Student Passes Georgia Bar Exam.                 It has been announced Hint Mr. Julius C. Bnuglierty, a second  student at Howard University School of Law successfully passed the Georgia Mar Examlnaton held June 'J8 and 29 of this . Mr Duugherly Is u 1948 graduate of Clark College ft World War II Veteran and u member of the Alpha Phi Alpha Fraternity. He is married to the former Miss Thorn- j n.sinn Cooper, and they have u young f=on Julius Jr. Mr. Daugherty is the son of Kev. and Mrs C I. Unughcrty of this city. He hus returned to the Howard University School of Law to complete his .studies toward the Ij U n degree expected to be conferred In June 1951</t>
  </si>
  <si>
    <t>                                           NEW YORK--(ANP)--For years we've talked with fellow Americans who discuss our national pastime in manners becoming a "Rea" Barbor or a Met Allen to name two at the top.</t>
  </si>
  <si>
    <t>                                           HOLDS PH D. IN BUSINESS -Miss Saimielln Vloln Totty. director of the Division of Business at Southern University In Baton Rouge, La. is the only Negro woman to hold n Ph. D. In business. Upon receiving her doctorate degree from the School of Business at the University of Chicago in December. Dr Totty became the first Negro and 4he fourth* woman to receive this degree from the well-known Institution. Dr Totty Is a graduate of Tennessee State Collego. She did advanced work at Plsk and Columbia Universities.                 (ANP)</t>
  </si>
  <si>
    <t>                                           Minister L. Scott, Allen of Central Methodist Church will fill the pulpit Sunday morning at the 11 o'clock worship services.</t>
  </si>
  <si>
    <t>                                           WORKS DIRECTLY ON THE COLOR IN YOUR SKIN- BEG.NS TO BRING U T^    LIGHTER a# IV I "Ml r  T I       . kJl\Hl_ *v*i I "          ," "Araaiing," \^^^^^^^Bi ^^**\\M\ that s what  H say about  i^^^^^^^^^B^te^_ I Black and White Bleaching -i^^^^     ^^^5 5*     ^X - ^^K^$%%~$ jW^IBK^ "n  ^ ^^^^^^~^pM^^^^B; your  where  color ^^ '~i^i^^mt^^BSlHK White Bleaching Cream's "^P^StfjJSi^B^^^^". v regular  table  ^^pBB^ki^^^^^^H^^  lighter, smoother, ^^^81B??^5!?^'::-*'" softer.skin you ve always /d^ '^^5   ^V- dreamed of. Modern science f, /      ffS^C^L knows no faster method, of - fc^tSS^.'' y7\ ,. Don'rwalt, - jl^^^^^^^ BLACK *   WHITE</t>
  </si>
  <si>
    <t>                                           DAILY CROSSWORD                 ACROSS 4 1. Top (Dial.) 4. Pishing 4 line float 9 7. Butt 10. Eggs C 11. Female sheep 12. Ostrich-like bird 13. Pasturage 15. Island of Aleutians (poss.) 17. Aquatic mammal 18. River  E. Fr.) 10. Roll 20. Cod of war (Gr.) 21. Behold! 22. Planet next beyond Jupiter 26. Emmet 28. Sloths 29. Man's nickname 32. Dwelt unduly on 35. Dimlnutivo of Vivian, 36. River of lower regions (Myth.) 38. Ireland 40. Italian form of Charles 42. Bamboo-like grasses 43. Fragment woods 44. Circuit 45. Hawaiian food I 46. Edge of the mouth                 8. Shoshonean Indian 19. Finish 10. Often (poet.) 11. Norse god of war DOWN I. The petals of a flower t. Enthusiastic reception 3. Gasps 4. Malt beverage 5. Cry of pain 6. Bar of balance 1. Comes back                 8. Entertain 9. Ponders 14. Obtains 16. Rip 23. River (Suits.) 24. Apex 29. Employ 27. A gland in the neck 30. Greediness 31. A church of a monastery 33. Supporting crossbar of a vehicle 34. Suppose 36. Shaft of a feather (Zool.)                 Yciltrdty'i Amu 37. Claw ;39. Refute (41. Capital (Nor.) 42. Engrossed 47. Whether                 1 11 15 w r t w r r E IE _lli III"!1*"!!- 26 27 ^28 ^2T3O 31 IiE!L ^lll ^LfL IIl!L!l fl ill 1 _ll                 DAILY CRYPTOQUOTE- Here's how to work' it:.  Is LONGFELLOW One letter simply stands for another. In this example A la UMd for the three L's, X for the two Os, etc. Single letters.             . the length and formation of the word* we all WnU. Each day the code letters are different. A Cryptogram Quotation AMYB  A V X B 8 , FDVrQNLBH  A M M B- . Yesterday's Cryptoquote: AH, WHO AMONG US ALL COULD SAY HE HAD NOT ERRED AS MUCH. AND MORE?- 3.</t>
  </si>
  <si>
    <t>                                           NEW YORK -- (INS)--Here is a little yarn which, if written as fiction, you might be inclined to doubt could happen. But, we assure you every word of it is fact.</t>
  </si>
  <si>
    <t>                                           Durham Race Co. Presents Low Bid For Fine Arts Bldg.                 DURHAM, N. C- (    - Low bid for a heating facilities contract for the proposed 1300,000 Muslo and Fine Arts building for North CamUna College wan  by a Negro construction company here Friday. The Berry Construction Company, a young company which won the general contract for the faculty apartments at North Carolina College, submitted a low bid of $9,241 for heating. The proposed Music and Fine Arts building Is one of 12 new buildings In the  K expansion program It was planned by local,  M A. Ham, who worked cooperatively with members of the         Mule and Arts staff. Three other Durham firms were among the lowest bidden for contracts. An appropriation 01 $309,000 exclusive of furnishings, was originally set aside for the building. According to present estimates, count Ing the architects' fee*, the total cost of the building may run to approximately $260,118. nearly $50,000 less than the original estimates.</t>
  </si>
  <si>
    <t>                                           Hn Memorfam                 Ill  -y w.y  wife, our loving . grandmother, sister and aunt, Mrs. Elln Jones, who departed this life one year ago. August 14, 1949. Somewhere the sun Ls shining Somewhere there ls no parting I Somewhere there ls no pain Somewhere our loved one Is  ing To 'greet us once again. I Mr. John Jones, husband Mr. mid Mrs. Lewis Ware Mr. and Mrs. John Jones, Sr. Moses and Aaron Jones, i children. I In Memoriam In memory of our  and grandmother, Mrs. Mary Childs. who left us five years ago, August 14. 1945. No one knows the silent heartaches. Only those who have lost Can tell of the grief     bear in .silence. For the one we loved so well. Miss Mary Hardinan. daughter Miss Lcsslc Rutherford, granddaughter.</t>
  </si>
  <si>
    <t>                                           DONALD let Susan in.</t>
  </si>
  <si>
    <t>                                           NEW YORK, N. Y. -- As major baseball entered its 1950 home stretch pennant drive period. Mutual's "Game Of The Day" series, which airs the play-by-plays of these games, strengthened further its own broadcasters' roster by adding a sixth sportscaster to its crews...</t>
  </si>
  <si>
    <t>                                           "GOOD LUCK" to you from            Tills  LIST '.unlit"., . . fltt  10c  (II  all-        ) Intense Sue .Mimrv llr. Imilur Me l j t l. Intriiir nOc  lin\  turner flOo Alliril i III  Inrrti^r 9I.QU Mimiv  Oil Me I t .isl l.u.k Oil 000 I . Kriinnlnr OH 50c 1 I ' In Mirclfl Oil SI. 0.1 III Jr.hi. Itotil In Oil SI.00 Mom v llr. S. Me rj-c link S. .10r - I finir Un^h  l. lli. 1 1 in Ililh Mir Sui'irii Initip ll. f.d(            I'tfrfUdlf AOc A, I. in. ma r:vi'  Jl.ui)  l.nvr IN'ifunic ^0(~ Jinx Slick Inrt-imr. I) for Tillr Mi., .un   Tmr (* Ilirim  IMlc "l.tii fo Sl;ir" ^m  9I.M' I ll.   I'.. unv  H.ltO .    *\ llr.ttt Inc ~*. tit.fiO lM.   Hi     IliK  I.~IK  I.     ll. . I" (llic  M. lun.i Sinn l. Sr.ilv- I lor fl.llll Sti Omul ll.ilr ^^lnr nnr Sol. ll.ilr l rr       0r  - '.'ll-  K \l;-.ll ,\MllltO THIS WEEK. II M.ul- Is .  . l-l):iy Mnll- Sctvlcr AMBRO PRODUCTS 1.1.1 IIKATlll ST. \VA. l;ll!( ATLANTA.  i.\.</t>
  </si>
  <si>
    <t>                                           Red Spy Charges By McCarthy Are Denied                 (INS) Democratic loyalty Investigators today branded the McCarthy charges as a "fraud and hoax" and reported that there Is "not one" communist party  or Red spy In the state department.                 In a  report, the three majority senators denounced sen. McCarthy  R) WIs., (or what they called "perhaps the most nefarious campaign of untruth In the history of the Republic." The Democrats chairman Tyillngs. M0-. McMohon, Conn., and Qreen, R. T. said their .fourmonth Inquiry produced "not one shred of evidence" to back up charges that the Amerasla stolen documents case was "fixed." McCarthy lashed back at the findings as a "gigantic fraud" showing that the Democratic members of the Loyalty Committee have "degenerated to new lows of planned deception." He termed the report a thorough whitewash and said It not only gives the Kremlin a go-ahead for stepped up  but assures "Btalln's fifth columnists" a clean bill of health by the administration. Their report cleared Far East expert Owen J. Lattimore, Ambassador- At Large Philip Jessup arid others openly .accused' of. disloyalty or pro-Communism by McCarthy. It held' that the secret loyalty tiles of 81 persons  by the OOP 3enator "do not contain proof to support the charges." It complained that the two Republican committee   only 'nine and 12, te , of the 81 (lies.                 At the same time, the majority report recommended that President Truman name a  2-man commission, Including an equal number of Congressional Democrats and Re. publicans, plus government and private citizens, to survey the present loyalty system. v It urged that the House-Senate Committee also stUdy Congressional Immunity from lawsuit to make sure that It does not become a "license tor the character assassination of American citizens." The Democrats said that McCarthy .himself might well have been Investigated. As Republicans have accused the Tydlngs Committee' of doing, because; (ie had "no Information whatever" to support     original charges. This, they -contended, caused' the Republican  uy pf   whitewash" they said: "He had no facts to support his wild ana baseless charges, and lived In  fear that this situation would be exposed He has stooped to a new low In his cavalier disregard of the facts." In a minority report, sen. Lodge (R) Mass., concluded that only a bipartisan 6ri could do the job assigned to the Tydlngs com' . Lodge said the* committee had hot made a thorough Investigation' of the Amerasla case apd said/the       s handling of the 1M5 case was "shocking." The other Republican committee member, sen. Hlckenlooper (R)      said he would  report at UtU ^ContlnuVd on  i Citimtt IJH                 Red Spy (Continued from Page Onr) tlmp. Ho added that lie was     "pretty general agreement" with Lodge, especially with regard to the "complete Inadequacy" of the Investigation conducted under Tydlngs. The Democrat report cleared most of those publicly accused by McCarthy, including Esther Caukin Brunaucr. Haldore Hanson. Jcssup. Dorothy Kenjon, Lattimore. Service, nnd John carter Vincent. It dismissed consideration of three others Gustavo Duran. Frederk L. Schumann, and Dr. Hnrlow Shapley because they are not  department employees.</t>
  </si>
  <si>
    <t>                                           WASHINGTON -- (INS) -- Democratic loyalty investigators today branded the McCarthy charges as a "fraud and hoax" and reported that there is "not one" communist party member or Red spy in the state department.</t>
  </si>
  <si>
    <t>                                           !H!IIBBii^</t>
  </si>
  <si>
    <t>                                           Seventeen- year- old Elizabeth Watson, admitted slayer of her common-law husband, yesterday had been acquitted of a murder charge in connection with his death.</t>
  </si>
  <si>
    <t>                                           LOUISVILLE, Ky. -- Following an educational policy for Catholic colleges set at the National Catholic Education convention in New Orleans, the three Catholic Colleges of Louisville have announced that they will accept Negroes as students in all departments.</t>
  </si>
  <si>
    <t>                                           Honeymooners are always in for all kinds of complimentary parties wherever they go and so it was with those newly weds, the Wesley J. Jacksons who spoke their vows and then galloped off for honeymooners' paradise down in Florida.</t>
  </si>
  <si>
    <t>                                           BORED WITH LIFE? TRY SOMETHING NEW Chilfqnd Jh Serve like  mND AT A w  Oft HIKE A r r/l^"i. Ulslrlbulrd By: ASSOCIATED BEVERAGES CO. 728 Humphries SI.. 8. W. AM. 4021</t>
  </si>
  <si>
    <t>                                           The SIAC for the first Limo is picking an all-star baseball nine which is to be announced soon Four colleges participating irk the 13th Annual SIAC track and field championships failed to break into the scoring namely Knoxville, Alabama A. and M., Lane and South Carolina State Florida A. and M. look 51 of the 163 points in the 16-college meet WERD, flushed over the reception given its sportscast of the meet last Saturday, plans now to enter the football field next Fall.</t>
  </si>
  <si>
    <t>                                           NEW YORK -- (ANP)--Now that "Red" Barber, radio commentator and part-time columnist (Journal-American) has explained to millions of baseball fans the true feeling of Burt, Shotton for pitcher Donald Newcombe, ugly whisperings have metrically died down on 132nd...</t>
  </si>
  <si>
    <t>                                           4000 DEUVlRf 1NY ITEM    SOUTHERN HAS EASIEST TERMS IN TOWN A LOOKWHAMWIUPOFQRVOfr CHIFFOROBE RIOT         Hr 9 S^^^^ Enjoy a fine sofa by c lovely bed- I^H ^^H^i^H^I "JUtfO  a.v- Opens, up to CAo/ce 0/ Smart room suite.  B^lfl Terms as M ail full-size bed for Styles h ^B JH-^i^Hi.^P Low  i H WccWy %# Snrlnp-. Reg. $59.88 Vo/ue b" Sffli^^^ 9------* DAV ONI Y $25.00  ^DESK 1 Jo DOWN $3488 GAS HEATERS You Save $10.00- ^^ F1VE'      S30M                 tt Choose from  RAD1ANT Reg.?39.05  ^S^^ radiant VM SIMMONS INNERSPRING Im^^ ih. price ot ^v ^MATTRESSES Jgj^  H9  {     Tm95 r ^^^^^SHH Buy ^ow! $4 O95  i  B B8   X^    0wS3$Bl^^^^ LOOKS LIKE A $78 SKT ^ BBE^BH^BjaiiuiB^BB^^^^ U^lL ^ Bm^H bm^H  KITCHEN toJ i^'^SAVE $10 AO DOWN WW CABINET [Tw'ilHiwOll w-~~~~wb  il#      ^^SBBMr 1S5 Whitattflll Now yoa cm have       gif Term        M. AND TR.N.TV tSSS^^%^    ^^ BEST BOY IN TOWN Ouf of          Rant Dlitrlrt  , wm^ m mn mi I</t>
  </si>
  <si>
    <t>                                           Jitney drivers j Asked To Help Out In Sunday's Games                 fn making arrangements for the attendance of, patrons to Sunday's .- the Jitney Drivers' Club has asked that aU drivers who wish to participate in the pools to call MAin C0G3 before 5:00 P. M. today. The executive committee will meet at the YMCA at 7:00 P. M. to make assignments. Rally Set For McGee Freedom NEW YORK- The "Fighting At the Garden" Rally on June 28, will serve as a gigantic demonstration for executive clemency for Willie McGee and for the freedom of 27 other Negro victims facing death in eight states, the Civil Rights Congress announced Thursday. The Madison Square Garden meeting, first In many months, "is to let the  and the jailers know, the .peoples' .anger,". CRC said. "Together, .we can K. the jailers, the Jiracrow fascists, the antisemites CRC continued. "Together we can win the freedom of the real Americans- the peace fighters."</t>
  </si>
  <si>
    <t>                                           Sincere Congratulations I It's more than a  sure to welcome the new i Y. W. C. A. home A true landmark. During the 35 years of serving i the community, it has never been found lacking in those qualities which make a better i relationship among all people. Hooper's Crystal Market 206 AUBURN AVENUE, N. E.</t>
  </si>
  <si>
    <t>                                           $^~%^f# gs. c One of these sweltering summer days t^.^. %A'9 (when you d like to he perched on an ice-g- T^l m. )- try a -, iee- drink 1CC JL  made with Seagram's 7 Crown. SURE as the ice flouts. ..you ll never  anything finer. Soagtnm's 7Ciown HHNIirD WHISKEY. Sfi.8  Cby. Qiam Neiilial Spirits. SMgiam-Dislilleis Coip.. Chiyilei Bldg. N. ft</t>
  </si>
  <si>
    <t>                                           THB 3 MOST vs 4 POPULAR y MAfR DO S 1'AGE DOY-. This  useful hair piece  in with your own hair and  tho rough ends oven. Fitting from  cor to car and shoulder length, the Pnge Boy makes your new hair length look se natural that no one con toll the ;enco..^w.43.00 fi\. A MOU i^B^raj^H i agb no\\ 3^**~^Pr 58.50 This back of tin      cluster eM be worn in eight other styles cluster or plain. You do away with I the use of hot ,  giving your hair time to regain itr strength. .A. i ~^^^~P ~~'-j.'.i"i-~iJi ii,i_iii3P^u" '~il il 6      THE HALF GLAMOUR. When it) is length you , tho Half Glaimour lits your . As you  fit fastens at the crown of the hend and hangs naturally down the1, '. You can wear it ns an  or any style you like. (It LV (15 to 20 inches long). $10.00 "    NO MOXEY *-pa.y postman on delivery.' Stnd  a/ your hoit or ^ OKOtR TODAtl e  FASHIONS 312 ST. NICHOLAS     NEW YORK, N. Y. I</t>
  </si>
  <si>
    <t>                                           1. When summer temperatures soar, the homemaker-needs to plan cool. attractive dishes to tempt flagging appetites, for nutritional requirements do not change during the summer months.</t>
  </si>
  <si>
    <t>                                           THE SENATE DEMOCRATIC Policy Committee is putting heat on the Senate Judiciary Committee to get action on five judicial appointments, one of which is the nomination of Judge William H. Hattie to the United States Third Court of Appeals.</t>
  </si>
  <si>
    <t>                                           Yancy Hunt Unable To Digest Food -Hadacol Helps Him His System Lacked Vitnmins It,, B,, Iron nnd Niacin! Mr. Ynncy Hunt.* Eldrldisc. Alabama, n very  . writes: for some time was ^^  ^^9H food. My body wns    **.     4  t Irs. rtn n new IWSHSe i^^l mnn  lu-. working ." Mr. Hunt has Hint wonderful, i  HAUACOIj  everyone is talking  HADACOL not only supplies deficient systems with extra quantities of Vitamins B,. B.. Iron  Niacin but nl.so  amounts of C.il- clum, Pliospliorus ami Mangancso -elements so vital to help maintain good health. And these wonderful vitamins and minerals come in .special liquid form so that they arc more quickly absorbed into  blood- ready to ro to work at onco. Trial , only  1.25. Photo by  model. r 19S0,             (^</t>
  </si>
  <si>
    <t>                                           tin Memeriam                 \n sad but loving memory of Mjs. Mary Jane Respress who departed this life three years ago July 18. 1947. "It Just seems yesterday Mother When we saw your loving face But no one knows the pain We feel  you went away Yes there is sorrow in our hearts And a vacant place In our home That no one ever has shared And never can be tilled." Mr. Tom Respress, Husband Mv. and Mrs. Richard Freeman Mr. and Mrs. Willie Respress Mr. and Mrs. McKencly Wright Mr. and Mrs. Jake Collie Mr. and Mrs. Ulon C. Searcy Mr. and Mrs. Preston Miles Mr. and Mrs. Thomas Respress Miss Rosle Respress Rev. and Mrs. J. D. Respress Mr. and Mrs. Grady Respress Miss Annie E. Respress Mr. and Mrs. George Respress Children and a number of grand children.  In loving memory of our dear mother and grand mother, Mrs. Cornelia Frances Smith, who departed this life fifteen years ago, July 18, 1935. A precious one from us has gone. A voice we love Is stilled, A place Is vacant In our home That never can be filled. Mrs. IjIiIa Hatton, Mrs. Arehcllc Ellis Mrs. Zcttte White. Mr. Glover Smith. Mrs. Clco Moon, grand children. Funeral Notices  Mrs. Alice Credell, of 3821 'Lyons Avenue. N. E. mother of Mrs. Tommlc Slocum, passed July 11. Funeral announcement later. Haugabrooks Funeral Home. WISE Mr. Mcrrltte Wise (Jelly), tils funeral today (Thursday) at 2 p. M. at the Antioch, East Baptist Church. Survivors are Mrs. Lolse Wise and daughter. Miss Miriam Wise, Mr. Afcw Patterson, of Chicago, 111.; Brother Mr. and Mrs. Julius Wise and family, Mr. and Mrs. Outhrle Wise, sisters; Mrs. Ruby Scott, Mr. and Mrs. Charlie RngsdBle and family; Mrs. Corrlc Reid and family, many other relatives invited to attend with friends. Rev. C. H. Patterson. Rev D. A. Dixon, Rev. Matlies, officiating. Interment. Decatur cemetery. Pnllbciue.rs and flower ladles, meet nt residence at 1 o clock. Hnugabrooks Funeral Home. Deaths Mr. Herbert Vincent. 2 Boynton Alley. S. W., passed July 18 Mr. Jacob Oliver, 675 Ira Street . July 18. Mrs. Alice Crodell, 3B2 1-2 Lyons Avc., N. E.  July 17. Mrs. Mattlc Wcllmnkcr, College Park passed July 18</t>
  </si>
  <si>
    <t>                                           WHILE the Kings were battling over their breakfast table, Alicia Brandt, with a knee-length black satin coat over her purple satin pajamas and black mules on her bare feel, was sitting in silence and solitude. Lester had risen long ago and was now out walking...</t>
  </si>
  <si>
    <t>                                           MT. OLIVE FLOWER SHOW-This is a scene from Ihe Flower Show, May 8, Mount Olive Baptist Church sponsored by Missionary Society, Mrs. L. S. Weafherspool, president. Reading from right to left are Mrs. Jutloon E. Moses, a judge; Mrs.                 Georgia Brewer, chairman of committee on arrangements; Mrs. Hugh Owen, a judge; Reverend W. W. Weatherspool, pastor; Mesdames Willie Mae Reeves and Emma Pearson, members of committee,  Mts. L. S. Weatherspool, president.</t>
  </si>
  <si>
    <t>                                           WRESTLING TONIGHT CITY AUDITORIUM Promoter Paul Jones Presents Southern Heavyweight Title Match Featuring ART NELSON (CHAMPION) VS. TARZAN WHITE (CHALLENGER) PLUS TWO ALL-GIRL BOUTS MAE YOUNG Vs. EVA LEE AND BEVERLY LEHMER Vs. JEAN HOLLAND One Fall To A Finish Matches TWO 20-MINUTE BOUTS ED GOSSETT Vs. ROWDY RED ROBERTS AND BIBBER McCOY Vs. BUDDY KNOX Don't Miss This All-Star Card Avoid Standing in Line Buy Advance Tickets at RINGSIDE CAFE Now on Sale Purchase them in Adyanc*. avoid the rush Also Eat Good Food at RINGSIDE CAFE.</t>
  </si>
  <si>
    <t>                                           REPUBLICANS ACCUSE DEMOS OF CLOTURE BALK                 WA3. D. C. (       were quirk to crow over the fuel Mini. Miry rust a             Democratic Snnnlors tn limit  on the motion lake up tlic AclmlnlstraHnn's  employment practice 1)111 lost. Wednesday.                 Apparently .Senator Kenneth .4. Wherry, Republican, of Nebraska,  n statement, prepared in ad- . of the vote nnd nil he had to do nfler the vote was nil in  spaces with Ihr number of votes i east, for the .lon hy IlcmocrnUs and Republicans, respectively, nnd the percentage:; those votes represented In Democratic nnd Repnbll-  Hennte )or.     . Ouy  Oabrlelson.  of tho Rcpubllenn Nadonal Committee.,  the  of I', i B. P. C. a  of minority                 groups by the Democrats. "The clot me. petition on the F. E. P. C. bill (oiled In the Senate  (Wednesday! because President. Truman mid his lieutenants failed to keep their campaign promises to the people." Wherry said In Ills .statement, adding: "The result of the Scnnto vote proved again that the split Democratic party cannot deliver on Its promises. "The result  proved Mint the Republican party, the party of Abraham Mnr'nln. offers the best (Continued on page ft Column 1)                 Republicans (Continued from P*ge One) I hope for equal opportunity Icglsla- lion lor all, regardless of rnco or creed." LESS THAW HALF  Wherry pointed out that with six- if  votes needed to limit      * on thf. motion to take up P. E. P. C. the Democrats supplied only twenty-two votes. "This is  40 per cent of the fifty-four Democrat Senators," he said. On the other hand, he pointed out that of the forty-two Republicans In the Senate, thirty-three or nearly BO per cent voted for the mo- tlon. Noting that the fifty-five votes fOr  were {our short of twothirds of the eighty-eight Senators present and voting. Wherry : 'IThe result exploded the argu- ment that If the rule provided that two-thirds of the Senators present could Invoke cloture. the fight for  EPC could be won. "The cold fuel. Is that President I Truman and Majority Leader Lucas were able to produce only twenty-two Democrat voles out of fiftyfour, while the  party produced thirty-three of Its fortytwo Sennto votes. "These facts should be remembered on election day next *r." Using the same statistics as Wherry. Oabrlelson said the vote "Demonstrates once more that those Who hope and pray for civil rights action can only look toward a Republican Congress for results." He charged that "Again the racial and religious minority groups in this country have been betrayed by the Democrats and their false promises on civil rights."</t>
  </si>
  <si>
    <t>                                           WASHINGTON, D. C. -- (NNPA) -- Republicans were quick to crow over the fact that they cast a larger vote than Democratic Senators to limit debate on the motion to take up the Administration's fair employment practice bill last, Wednesday.</t>
  </si>
  <si>
    <t>                                           A Giant CIAA SIAC Intersectional Classic Friday Night, Sept. 29th 8 P. M. MORRIS BROWN COLLEGE vs. HAMPTON INSTITUTE "PURPLE WOLVERINES" "PIRATES" advance sale $1.20 A. F. HERNDON MEMORIAL STADIUM at the gate $1 so Advance Salp Locations r All Yatcs IMiltnn Stores Morris Hrown Hn.siness Otlice- I'asriial's- Allanta'Cjirroncy IOmIi.. S.      S heel, ^l)""^~~^sl</t>
  </si>
  <si>
    <t>                                           LAFF-A-                     "And you can t trust her... Did you know that ahe tried to take Harold back from me?;'</t>
  </si>
  <si>
    <t>                                           LODGE NOTICES WF.U.H. AUBURN AVE.*t HHL1ARD ST. SI. James Lodge No. 4 Tuesday, July 18 8:00 P. HI. J. W. , \V. M. L. C. Henderson, Secretary Gate City Chapter, No. 48, E. 8 Tuesday, July 18 3:30 P. M. Mrs. Rosa Brooks, W. M. Mrs. I. Reece, Secretary WE MAKE LOANS ON: Automobiles, Furniture Signature Did You Know We Make Loans As Low At $20.00? LIBERTY LOAN THRIFT CORPORATION 12) Wall 8tr*t,S. W. Acrow From The New Plata Pk.</t>
  </si>
  <si>
    <t>                                           mom ,v rin.i iT At GOWNS mid CAI S Jfa $5.00 up $B Cntnlopue ) 1' 7gH i.ouis .1. i.i\i)ni:k  J53-I) Wi'sl 33rd St. Now Yiirk City 1 Dressmaking Youth Center Opens Oct. 2 ATLANTA SCHOOL or Dross- i making Yciilh Ccnltr Clark  Frascr Stic ct.s - October 2. .  7 to P. M. Tour ni  e:   iM.inday ^li Tluii^dny, '.s  (iri . tle,.'\ -. .in ami ' music. For  call MAiii 2M0.</t>
  </si>
  <si>
    <t>                                           Card Of Thanks                 We wish to thank our many I friends for  kind and sympa. j  services, telegrams, cards of  aud florals during the death of Mr. Robert Terrell. We also wish to thank Mr. Carl Dinkier of the Ansley hotel and employees albo the Hartley's Funeral Home for their most efficient services. j Mrs. Lillie Heath and family. Funeral Notices KIMBROUGH. Mrs. Moliie of 455} Chamberlain Street passed away May 14. Funeral announcement later. Haugabrooks Funeral Home. JORDAN, Mrs. Annie Bell wife of Mr. John Jordan, of 505 Edgewood Ave., N. passed at the residence May 14. Funeral announce ment later. Haugabrooks Funeral Home. WALKER Infant son of Mr. and Mrs. Nathaniel Walker passed May S. Funeral today (TUcsday) at Greensboro, Oa. Haugabrooks Funeral Home. Deaths Mrs. Lizzie B. Hill, 144 Walnut Street, 8. W., passed May 14. Mrs. Fannie Northern, 107 Elk Street, passed May 14. Mrs. Millie Klmbrough. 455 1-2 Chamberlain Street, passed May 14. Mrs. MatUe Strayhand, Hogansvllle, passed May 13. Mrs. Ruben Beavers, St., College Park, passed May 14. Mrs. Annie Bell Jordan, SOS Bdgcwood Avenue, N. E., passed May 14. Mr. Alex Smith, 200 London Lane N. E.. passed May 14. Mr. Warren Reeves, Crest, Oeorgia. passed recently.</t>
  </si>
  <si>
    <t>                                           TTffl TYLER By Cyman Young                 FELIX THE CAT By Sullivan</t>
  </si>
  <si>
    <t>                                           LODGE 45       ] NOTICES Wf.U.M. mm AVEiw  ST.] Atlanta Consistory, No. 24. A. A. R. S. Tuesday, July 11 8:00 P. M, W. S. , C.-ln-C. M. II. Fcnn, Secretary Arena Cliaptrr No. 29, E. 8. Tuesday, July 11 3:30 P. M.    . Penrl Carr, W. M. Mm. Bertha Carroll, Secretary WK MAKE LOANS ON: Automobiles, i  Signature Did You Know We Make Loans Ah Low As $20.00? LIBERTY LOAN THRIFT CORPORATION 121 Wall Street, 8. W. Across From The New Plata Pk.</t>
  </si>
  <si>
    <t>                                           NOTICE All li.imei-  iits and Irlimds of Ko.-teli Sheet. Mitchell sired ami K. A. Ware Schools nro invited to u Kia lai'.  tonight. Sept. 15, (it H    M ill K A Ware .          1p;i.sc come Mrs Haltlc (irf-cii,  Miss J M ,Joni\s Is pi  (if Wui'e .School</t>
  </si>
  <si>
    <t>                                           USED RECORDS I 2 FOR 25c  ltt 01. AVE. WA. J586 i JEAN WORTH Palmist and Psychic Call!) Your j Name, Asks No question* I This lady does not I  Ilnttcr yon, she ^^^^^^^H tells your life o.m it Is. and should ^^UfH^H be. For every trou^Hj^^^H ble there Is a rem^FHB edy and In most    ^^~ cases, the remedy mVT^BI Is within your AvVB reach if you only ^KtLJm tm know how, for! while ignorance I may sometimes bo bliss. It is folly I of the most dangerous sort to be      of the problems of Love, I Marriage, Business nnd Speculation. This lady warns you   he suggests wisely she explains fully. She Answers All Questions Know Thyself end find success nnd happiness. No one In trouble turned away. This lady has helped thousands and 6he can nnd will help you 1269 BANKHEAD AVE., N. W. Almond Vart"ofa  Cit To Antitank Strati"</t>
  </si>
  <si>
    <t>                                           BURGLAR BARS EMlHH AND INJOY SURE BjtMf I    1B PROTECTION ^B Eitimate* Cheerfully Given W^^~ vv.^s^Vnlc'V SOUTHERN WIR? A IRON WORKS NISH , RepresenlnllvA RAyniond 9383 Phone MA. 5805 441 Momorlal Dr., S. E. Atlanta, Get.</t>
  </si>
  <si>
    <t>                                           ELIJAH WATSON Roofing Painting General Repairs Plastering RA. 3865 107 Arcadia Circle, N. W.</t>
  </si>
  <si>
    <t>                                           Classified as Semi-pro, the Central Alabama Negro Baseball League, with headquarters at the Washington Park Recreation Center, Montgomery, entered its top team in the Alabama State Baseball Championship tournament currently underway at Selma, Ala.</t>
  </si>
  <si>
    <t>                                           DAILY CROSSWORD                 ACROSS 1. Nonsense (Brit, slang) G. Weeps 0. Television 10. Vestige 12. Revoke, as a legacy (I,.) 13. Suffered' dull pain 14. Varying weight (InU.) 19. German composer 17. North Dakota (abbr.) 18. Unit of quantity of electricity 19. A fern 20. Toward 21. Russian city 22. Dirk 24. A salient anglo I 26. Nnlls 27. Wampum 28. Merit 29. Music note 30. Shout aloud (var.) 32. Selenium (sym.) 34. An alleged force 36. Chinese city 36. Malt beverage 37. Apportions 89. Young eel 41. City (Pr.) 42. Povertystricken 43. Places 44. Sailors (slang)                 DOWN 1. The rise am] fall of oceans 2. River (Cer.) 3. Observu 4. Fellow* (Span. Am.) 6. Pile 6. Band of performers (Mils.) 1. Exclama* tlon of contempt 8. Perfumed                 9. Receptacle for flowers 11. Edible  of the taro 10. A red dye 10. Most  21.Oppning.-i (anat.) 23. Domestic pigeon 24. Poise 25. Professional reciters 28. Leaping 28. Old measure of length 31. Kilns                 I Tl 1 1 L I IInIqBTIQIOTAI I $H. ^Br Ik . I ri s I                 }'~ Aaiwtc .'!2. Snow vehicles 33. Weird (var.) 36. Avow 38. Golf mound 40. Marshy meadow                 w r r r w r r r p l in l 1 Zwi 1_ 11- III 18 li _li_ III in 1- i!l!I ^11 1-I!1- Hi 37 58    40 #m I I UN I I b .1-3                 DAILY - Here's how to work It: AXYDLBAAXIt f Y IsLONQFElLOW One letter simply stands for another. In thi3 example A is used for the three L's, X for the two O's, etc. Singlo letters, , the length and formation of the words are all hints. Kadi day the code letters aro different, A Cryptogram Quotation TW  OSS   TPH -. Snturday's Oryptoquote: BOOKS WHICH ARE NO BOOfcS THINGS IN BOOKS' CLOTHING- LAMB.</t>
  </si>
  <si>
    <t>                                           Virginians Seek Injunction Against Town Bar From Beaches, Play Areas                 Plaintiffs Charge City Violates 14th Amendment                 RICHMOND, Va. (NNPA) Nine colored  of Colonial Beach, Virginia, last Friday filed suit in the Federal District Court here to enjoin the town and its Mayor from discriminating against them by barring them from the use of public bathing beaches and  recreational facilities.                 The plaintiffs  that the town Is violating the Fourteenth Amendment to the Federal Constitution by providing beaches, wharves,  houses and boating facilities for Its white residents and not for Its colored. The suit asked that the defendants be enjoined from denying the plaintiffs the use of recreational facilities already established or "similar mid equal accommodations and facilities." At Colonial Beach, Mayor Norman BrewliiRton said the town would be prepared to  the suit II the council voted to do so. CASK SIMILARITY The complaint is similar to one .filed In the District Court here on July 0, 1048, against the State Department of Conservation and Devclepomcnt which maintains Virginia's system of public parks. The .suit charged racial discrimination in that there were seven parks for white citizens and only one for colored citizens with no overnight accommodations. The department denied there was discrimination and said 11 tried to provide parks In proportion to expressed demand. It added that It was unable to provide sufficient parks to meet the full demands of either white or colored people and (ho question was .whether it must provide additional facilities In the absence of a showing of substantial demand. The case has never been tried, although it has nnt been dismissed. A now park for colored people wbs built, at Prince Edward Lake, five miles south of .</t>
  </si>
  <si>
    <t>                                           RICHMOND, Va. -- (NNPA) -- Nine colored residents of Colonial Beach, Virginia, last Friday filed suit in the Federal District Court here to enjoin the town and its Mayor from discriminating against them by barring them from the use of public bathing beaches and other recreational facilities.</t>
  </si>
  <si>
    <t>                                           Appointed To Welfare Board                 WASHINGTON. 13. C. (ANP)-Mrs. Idn R Taylor last work was  n member of the board of public  by the district commissioners to replace Dr. Ethel L. Nixon, who recently resigned to take another position. Mrs. Taylor, who heads the Gordon Convalescent home which she founded 10 years ayo, will serve until Dr Nixon's term expires June 30, 1952. In 1919 she was the first graduate of Howard university s then new school of social work. Since then she. j has worked in various phases of I  iind  work.</t>
  </si>
  <si>
    <t>                                           NEW YORK--(INS)--Al Weill, Madison Square Garden matchmaker, will give one of his famous vests to anybody who can help him make these three matches:</t>
  </si>
  <si>
    <t>                                           The summer program at Friendship Baptist Church begins next week with two added features to the social action schedule. The Vacation Bible School sponsored by the Church School, Miss B. B. Usher, Superintendent, begins Monday morning at nine and will continue...</t>
  </si>
  <si>
    <t>                                           CHICAGO -- Two stars who are being sought by several major league clubs, Clyde McNeal of the Chicago American Giants and Elston Howard of the Kansas City Monarchs, are among the first five player selected to play for the West In the Annual East vs. West Negro...</t>
  </si>
  <si>
    <t>                                           State Regents Turn Down Holley's Name                 The- State Board of Regents Wednesday rejected a proposal to put Dr. J. W. Holley In charge of the development of Negro education in  he state. At the same time the regents  the spending ol $6,000,000 for 10 new buildings at Georgia                 colleges. Dr. Holiey. former president of Albany State college, was cited in another board action. He was praised by the regents for his long service to Negro education In Georgia. State educational leaders had vigorously opposed the creation of a special director -In charge of Negro education. In another action, the regents approved the building of a library at Fort Valley State college at- Port Valley, and a men s dormitory at Albany State college at Albany.</t>
  </si>
  <si>
    <t>                                           The pickings are slim on the local pigskin front this Fall with only eleven intercollegiate games scheduled for Herndon Stadium. Despite the slim sports bill-o-fore some thrillers loom on green-carpeted lawn of the publicized Westside arena.</t>
  </si>
  <si>
    <t>                                           DETROIT--Thirty delegates from thirteen Michigan cities assembled here this week for a two-day workshop and organization meeting of the Michigan State Conference of youth councils and college chapters of the National Association for the Advancement...</t>
  </si>
  <si>
    <t>                                           World View Of Race Urged At Race Relations Seminar                 Leaders From 30 States, 3 Foreign Countries At Fisk                 NASHVILLE, Tennessee (SNSt -One hundred and twenty community lenders nnd authorities in the field  been gathering on the Flsk University campus this week for the seventh of the Annual Institutes of Hare Relations, lit-hl under the auspices of (he Aiiiincnn                 Missionary Association's n.ico Relations Department and Kisk University. Educators, ., social worker, government , representatives of management and labor, church leaders, artists- they conic from :    different states, north and South, and foreign countries. Dr. Charles S. Johnson, director of the Institute and president of Flsk University, .sounded the keynote to Mils .summer s two-week deliberations when he noted that race relations is no "separate and .special phenomenon" but it reflection of "the ninny nnd complex elements that enter Into problems of human relations associated with living, working and worshipping together, being educated nnd carrying out with dignity the responsibilities of common citizenship. Tills "human relations" approach was Inter given scientific validation by the anthropologist M. P. Ashley Montagu, who reported that genetic- evidence to date .Indicated "that all mankind draws Its genes from a common gene pool," making Inevitable the conclusion "that all living mankind constitutes a single ." Dr. Montagu recommended that "the term 'race' should be dropped from the vocabulary" to1 "open the door to man s understanding." In a paper rend to the Institute, the popular author Margaret Halsey  the roots of America's minority problems. She called on "us to look homeward"- not toward our foreign policy but Into our democratic, Judeo-Chrlstian tradition for the causes and cures of discrimination." No real, valid progress can be made toward racial equality In the United States unless we feel that racial equality is n good thing in Itself," she emphasized. That "difference is the essence of democracy" was stressed by both philosophers Edward C. Llndemnn and T. V. Smith. Speaking on the complexities of contemporary life,1 Dr. Lineman, professor of the New I York School of Social Work, said j that Just because n problem Is com- I plex does not mean It Is difficult, provided you know the formula." T. V. Smith, professor of philosophy and citizenship at Syracuse! University, better known to his ra- 1 dlo audience as the "Sage of Syracuse," added to these reflections  "equality U our fundamental political ideal," but "no two men are equal." They "ought to be given the  opportunities In order to disclose what Hip real Inequalities are." The president, of the Hoard of Home Missions of the Congrcgntlotlonal Christian Churches, Rev. William E. McCormuck called the institute s attention to the fact that (Continued on I'age 4 Column 1)                 World View (Continued From I'age One) "we Imve Jitsl about (~( SiUlclde." not only by our recent physical wars but "by n war of taboo and ostracism" in ) "untold millions of people have boon condemned to segregation and limitation of opportunity." Tim arts us u medium for improving race relations came to the Institute in the person of John Mason Brown, editor and drama critic for the Saturday Review of Lltera-: turc. Prejudice," he told the community  enrolled, "is a " which "can only be removed by nn operation." Pnylim tribute! to Hollywood for its recent films                 i:n minorities, lie remarked  "despite their courage" Hip.sc movies "have surrendered the Hollywood stencil of the happy ." Will Ma.slow. director of to        .st(iii on Law mid Sochi Action lor the American Jewish Congress, introduced the legislative and legal panel of the Institute's program, which will he continued next week by  Miller and Tlnngood Marshall. The Institute's labor-management section opened with reports from the Radio Corporation of America, the General Cable Corporation anti the National Labor Relations Board Both Joseph W. Bird. RCA's manager ot special recruiting, and R-. L. Greenman, Oenera) Cable's personnel manager  that "ll\e i policy ol' non- works." In the former s words, " und ! only on the basis of merit, .-; of a man s race. ::reed or color" is the only way that ,i company can successfully exist Hid truly represent America at                 ." Analysing .some of Hip cases I coming before the NLRB. Board member Paul L Styles Indicated '       .s -have been the special target of anti-union campaigns which have reached such a pitch that tin- Board has held thut the  made a free choice of collective bargaining representatives Impossible at the time." Labor's views will be presented next week. Also on the program for the last week of the Institute are the problems of India, the South, housing, education and the press. On the faculty leading these discussions will u p V. K. R. V. Rao of the United Nation's . on India, W. W. Alexander, Ira De A. Reid. FiMiik Home. George Schcrmcr, Theodore Dramcld and Perclval Prattls. among others Thurgood Marshall will close the Institute with a forecast of pending developments in civil rights and Dr. Johnson with a .summary of findings prevented at this summer s session</t>
  </si>
  <si>
    <t>                                           NASHVILLE, Tennessee --(SNS)--One hundred and twenty community leaders and authorities in the field have been gathering on the Fisk University campus this week for the seventh of the Annual Institutes of Race Relations, held under the auspices of the American...</t>
  </si>
  <si>
    <t>                                           n n ARMOUR S   JJ%  ; WiPbtiftiffb GRADE /       EGGS   *- Iv SWANSDOWN  COLONIAL-BETSY ROSS TISSUE .5 9C BREAD- 14C I BAMA 12-OZ. TUMOUR MORTON 1 IB. 10 OZ. BOX  OQcCAlT ftC BUTTER t3  HLI u_ [plantation ^p ^OLEOMARGARINE 25  fl*HOOP-DAISY ARMOUR S CHEESE" 43C MILK -12C S  OF ALBANY NOBLE BRAND [PORK 40c SMOKED 27c [SAUSAGE *~ [FRYERS s *49c</t>
  </si>
  <si>
    <t>                                           NORTH KOREANS HAMMER HARD AT UN DEFENSES                 U. S. Troops Strike Back To Hold Pusan                 TOKYO (Tuesday) (INS) North Korean invasion forces struck  to  Taogu from two directions Monday. Thoy  a 1 2-mile  into the East coast defense line that threatened to cut off the port of Pohang.                 Countcr- U 8. First Cavalry troops  the walled city of Kasau, 12 miles north nl the temporary    f Tacgu. They blunted a communist assault which had sent Infiltrntlng units to within six miles of the Key U. S. base. The Americans met strong resistance in Kasan. Tho Reds, pulling their main forces nut of Kasnn, set up a new road block on the main supply highway between Tucgu and Tabu- dong, 12 mites north, and Amerlcim traffic to the front line was (orced to run a gauntlet of enemy fire. Gen. Douglas MncArthur In his Tuesday morning communique  another communist force was  moving toward Tncgo from points 10 miles .southwest of the city, but gave no details. This new threat to Tncgu apparently was developing In the urea above . A twin -pronged communist drive south In the northeast corner of the United Nations defense ARC .slammed into the vicinity of .strategic Kyongjii, an eight-way communications hub linking Pohang with the rc--t of the  portion of South Koren. From Kyongju, 17 miles southwest of Pohang and 34 miles east of TacRii; the communists could .spear eastward 15 miles to the secondary coastal road and block the last ground, exit from embattled Pohang. The U.S. Eighth Anny .said It: a bulletin tint heavy fighting continued on all sector.s of the 120 mile front us the Red do-or-dle offensive rolled Into Its fifth (lay. The first Marine Brigade and Second Division Infantrymen chased communist troops back to th fi NaktonK river In a two-mile advance tn the western sector. They practically eliminated the enemy  that threatened to sever the (Continued inn page li Column 3)                 U. S. Troops (Continued from Page One)  lifeline   and (lie entry port of Piimiii. Front dispatches .said the enemy suffered "very heavy casualties." In the -south, U. S. 25th Division troops smashed a fresh red attack Irom the southwest aimed at the Masan gateway to Pusnti, 25 nlr miles fast. On Ihs northern "top" of the defense ARC. Gen. Mai-Arthur salti  troops were making repeated attacks against Smith Korean forces, but caused "no  change hi defense positions." As the north Koreans pressed their   all sectors of (he front, hundreds of allied planes ripped into enemy targets throughout Monday after wind and rain gave way to clearing weather. American destroyer.*  d enemy positions on the east coast north of Pohang and on Clilnhiie Bay coast In the South near Masan. in support of the ground forces.</t>
  </si>
  <si>
    <t>                                           TOKYO -- (Tuesday) -- (INS) - North Korean invasion forces struck closer to imperiled Taegu from two directions Monday. Thoy hammered a 12-mile wedge into the East coast defense line that threatened to cut off tho port of Pohang.</t>
  </si>
  <si>
    <t>                                           kkv.  v. imm.kv (In -rr Hi ti V.' I),- i-v :        ,Vo:  -  in .iv.il I h l- j:-.! ;i:.tl ..-,  il ~;~i'l .il 2J.') A  St. .S W. Ainiirr; .  - II flu; I !MH- :"h' 11.lnl.il     il ir ~..~k ii: -ii j  i i j in Tr,f l.cil r;n ill .hiii-  lly irl li lk. .mil ni:nlr il  h:s ih!   I'M "ii\r      '. In Willk ill l.r1 tin           I f f CJnil (ell yon  your     nil .mil lulu"'. 'Hi'1 AIiii'kIHv Ili'il'V In f- II III I ,        iM"l !n n ill h f-.r  'r;,')n- fil r       ri f.il-i' Ir.: l:il  iif;i    ':\; .ll il till I"  l"     !-   T IlK'V .III" ll"li  I "I Sl'.ll ItnlVll .~Hi HIMlllir I 1 V ill.ll .rl.iv IfMii" 'I Ml .i iii ii  V p iii  l</t>
  </si>
  <si>
    <t>                                           SPINGARN *XiEDAL:       Erwln Grlsuold, left, of  I'ntVenlty Law School presents ~\x  old C'lmrles .lnn, .)r., tin' 8Blh Spipgnru Alcdul.   hi* , the late  fift^ Houston,  tin  of .1,0(10. Orension Is the  session of the 41*1 Anmiul Convent ion of the Nutlonnl .Association for the Advancement of Colored I'eople in 1', Muss. Thurgood MjmhaXI, _~~    ~*torney, and Sir*.  look* on.</t>
  </si>
  <si>
    <t>                                           HIGH COURT GRANTS CLARENCE HENDERSON NEW TRIAL                 NAACP Pushes Fight To Win Total Freedom                 Atlanta Lawyers Robinson, Moore Plan Stiff Defense                 Clarence Henderson, Carrollton, CJa.. mnn convicted of staying n  Tech student, wns Kranted a new trial Wednesday by the Georgia Supreme court.                 The high court decided  to grant a new trial to Henderson whose (rial and conviction caused widespread comment. The Justices reversed a (Incision or the Carroll Superior court on the grounds that Henderson's conviction on circumstantial evidence failed to exclude every "reasonable doubt." Henderson was convicted in a Carroll Superior court of  Carl ("Buddy") Stevens, a Georgia Tech student, who reportedly was defending a girl companion from an attack. A group, dubbed thu Henderson Defense committee, organized for the Carrollton mans defense after the conviction. Activities of this group led to the conviction of four persons on contempt of court charges. Henderson's appeal to the Georgia Supreme court, however, was under the auspices of the Atlanta branch NAACP. Attorneys S. S. Robinson and E E. Moore. Jr.. argued the case successfully before the high court. The appeal had contended that Henderson's constitutional rights to a public trial had been violated. The court, however, denied this contention and pointed out that the convicted man s attorney at that time agreed that the public be excluded. On (lie other hand. Associate Justice Bond Almand declared, with all Justices consenting,- that: "Boiling down facts and circumstances In so far as connecting the defendant with the homicide, they (Continued nn page 4 Column S)                 NAACP Pushes j (Continued from I'age One) authorized the Jury to find that on t'.ie right of the killing the defend:~nt owned Hie pistol from which bullets were fired thut  the deceased." I Almnnd's decision pointed out j that Stevens' lady companion did not. identify Henderson and there was no evidence that he was In the vicinity at the time of the crime. The decision also said that the  stlc expert may  erred In Identifying Henderson's alleged ruii ns the one thot fired the bullet that killed Stevens. Laic last night the court s )  by Georgia leaders One leader particularly singled out for praise the two Atlanta attorneys who won a reversal of the decision before tho state supreme court. At the original trial. Henderson                 wns  by two  Owrt  attorneys.</t>
  </si>
  <si>
    <t>                                           Clarence Henderson, Carrollton, Ga., man convicted of slaying a Georgia Tech student, was granted a new trial Wednesday by the Georgia Supreme court.</t>
  </si>
  <si>
    <t>                                           You Save At Green's   $~         1OC JJATOESall' SCOTT CO. #1 CAN 3.Lb. BAG PORK BEANS SUGAR 39  MAYFIELD PHILLIPS CORN 10  PEAS 10c Hl-C FANCY ORANGEADE *r 25  FRESH ENDS AND PIECES Mullets? BACONS? FRESH TENDER CUBE SALT-CURED STEAK 69C Hog Jowl 1 7  SMALL FRESH FRESH LEAN GROUND Hens 33C Beef 39 Southern Gold /l COLORED Lb ?QC WI6O IN STICKS LD  a+9</t>
  </si>
  <si>
    <t>                                           NEW YORK--(Calvin New Service)--You girls with bony backs take notice forget your sunback dress and concentrate on other points. For backs which show shoulder blades protruding don't look glamorous unclothed. That's a funny thing: nowaday to do with a...</t>
  </si>
  <si>
    <t>                                           SMOLDERING RUiNS LEFT IN WAKE OF RED INVASION                 THE  DEVASTATION OF WAR us vi.iUM upon    I once peaceful South Korcun towns by tho Communist  is vividly .iW-H   .v this  from the Yeclion on-n. The course of                        till rages back and forth on  fr.mt. U'..S. /Ji'/msc Department Photo from Internalittital SnwidvUota)</t>
  </si>
  <si>
    <t>                                           TIM TYLER                 By Cyman Young                 FELIX THE CAT                 By Sullivan</t>
  </si>
  <si>
    <t>                                           I'..VMlI.K- ES 3  11011 AMI HUN Ami ~= *3 "Olympic C;ilv;*r.~tle fZ IHB^^^^^BB  g^*~   Vi. sin KfiiB ^^ES pj^  fef "        :   :ii" ^5 ]S til. AC K '.II Anil  2i     " SHOW"      JSS! g^  A.   3 ^           fe t-FHONTItllS "Ill" ESS  HIM. M.MO IT Ami ES /.AN/-" Also .C^g "Klin 01 JuinlclJiiid CSS H^^^^^^^H KR1KAV -yEE  *'         i^r " B3f TIM 1IIH.T Anil.    E37 "Oivmulo Calvdranr A1    l^b g^  ash """""~.t^igg ^UHH  fe E5 "IMndlt Klnc   l Trxas" ^5 gg 1IUI.KV I.AM". Ami     S3 "Makr  It." HS MAT-MAN A.SIt II    *~L  E3 ""^aWv '.'"ni a"^"" S Ej AMI'lS      ;VM00V' ^3</t>
  </si>
  <si>
    <t>                                           The Sixth Annual Baptist Ministers' Conference, sponsored by Morehouse College in cooperation with the Home Mission Board of the Southern Baptist Convention will be held at Morehouse July 4-7.</t>
  </si>
  <si>
    <t>                                           24th Infantry Has Long History Of War Service                 TOKYO. Japan- (NNPA)- If the famed 24th Infantry Regiment, a part of the 25th Infantry Division, 14 committed to combat In embattled South Korea, It will not be the first time this famed organization has seen action without i\ declaration of war. I                 The regiment was a part of the forces General John J. Perching used in the pursuit of the bandit. Pancho Villa, In Mexico In 1016. The 24th Infantry  was organized as tho result of tho manner In which colored freedmen and runaway slaves had acquitted themselves with Union forces during the Civil War. Congress, by Act of July 28, 18flO. directed that the enlisted men of two regiments of calvary and four regiments of Infantry should be colored. But on March 3, 1889. it directed the reduction of the total number of Infantry regiments then In the United States Army to twenty-five, and the four colored regiments of Infantry were -                 ted Into two. Actually, the regiment wa,s not activated until November 1, 1809,.(U Fort McKavItt, Texas. Many ofj tho original members of the regiment had (ought with Union forces  the Civil War. MAINTAINED ORDER Tlic 24tli s principal duty during the early years of Its existence was maintaining order among the early settlers and the Indians in the western  of the United States, which was then In the first stage of civilization. In the Spanish American War. the regiment won honor and glory when It took part in combat and helped to save Colonel Teddy Roosevelt's "Rough Rldera" at 8ftn. Junn Hill in Santiago, Cuba. It was the regiment s storming of the block-house at Ban Juan. Hill  Inspired the  of the regimental Insignia. The Insignia   of a blue diso edged with . and embedded in It Is a convention-. (Continued oh page S Columh Qfc'                 24th Infantry (Continued from Page One) til blockhouse of masonry with u tower, typical of the old fort that was  on Sun Juun 11111. which the regiment captured in the Santiago campaign. The  nre in Brny stone, the root Ik yellow, with 11 yellow ribbon scroll  the words: "Sun Junn." Below the disc and form ins; the base Is  yellow ribbon scroll bearing the Latin words: "Semper Paiutus," ; "Alwnys ," the regimental motto. After the fir. in Cuba . Hie 24th played n heroic purt in the fight against yellow fever at Siuoncy. Cuba, ond many of its personnel       IIvm In Die  lo nid humanity. In the period from 180!) to 1913, the 24th went to the Philippines three times to help quell insurrections. From 1918 to 1019 the regiment  in the Mexican Punitive Expedition against Pnncho Villa nnd his bandits. For twenty , 1922 to 1942, the 24th was stationed at Fort BcnnliiK, Georgia, as demonstration troops for the Infantry School. In April. 1942. the 24th salted from the States to the New Hebrides, islands in the South Pacific, to become the first colored combat troops lit the Pacific Theatre of Op- . They fought their wny up through the Solomons, the Russells, the Marianas and were on Okinawa when the war ended.    ,ANK ( The Rrcevt-*ci\ Jr\~\\cw  plane that landed on Okinawa with its peace emissaries was guarded by men of the 24th. The first unit oi the regiment to Join the 25th Infantry (Tropic i LlBhtnlng) Division in Japan in October. 1040, was the third but- tallon, and the main body came up from Ie Shlmn In February. 1947. The 24th has a zone of responsibility in the occupation of Japan, which Includes four sections covering 8.273 .square miles and a population of 6.500.000. Routine occupational duties consist of maintaining surveillance In the zone of res)            and acting as security guard for Kobe Base, the supply point for southern Japan. The regiment received UIrU commendation in 1948 for the maintenance ot order In Kobe during the Korean riots in April- Japan's only limited emergency. It also was praised for relief work and assistance during the Fukul earthquake disaster in June, 1048. The commanding officer of the  Is Colonel Horton V. White, former commandant of thu Command and Clcnerul Staff School of Intelligence at Fort Wuvi'iiworth, Kansas.</t>
  </si>
  <si>
    <t>                                           TOKYO, Japan--(NNPA)--If the famed 24th Infantry Regiment, a part of the 25th Infantry Division, la committed to combat in embattled South Korea, it will not be the first time this famed organization has seen action without a declaration of war.</t>
  </si>
  <si>
    <t>                                           Twenty islands have, been sorted by South Korean Marines. Designers offers chignon hate to cover short bobs, _..j4^</t>
  </si>
  <si>
    <t>                                           BEAUTIFUL FIGURES are as priceless as beautiful faces, but how many of them do you see muting your friends, among the people you pass on the street? Not many Think of the attention women give to their complexion, the money they spend for cosmetics...</t>
  </si>
  <si>
    <t>                                           How To Relieve Bronchitis Creomulsionrelicvespromptlybecauso it goes right lo the scat of the trouble to help loosen  expel germ laden phlegm and aid nature to soothe and heal raw, tender, inflamed bronchial membranes. Guaranteed to please you or money refunded. Crcomulsion has stood the lest of millions of users.   Couihl, Chut Cofdi, Acult            (::';.'':'X/;M 1: n i k :l% Don't 1 I let      a BACKACHE spoil your day Get fast relief from   w!               'h    :k I I'tASTEn- like waring n - . It nets a . (1) HrliiRa llin warming, healing  to tho forn  pol. (2) Supiiori.H  inn*clen      down  of . The flannel pad  in  hour after hour. Ituy Jolinson'fi Hack 1'i.ASTKn,      Johnson Johnson tho most trusted name in surgical dressings. At all drug Morel.</t>
  </si>
  <si>
    <t>                                           CHICAGO -- (INS) -- The 17th annual Major League All-Star baseball game which has become a summer stock company revival of the 1949 New York-Brooklyn World Series added two outsiders Friday to its cast of controversial characters.</t>
  </si>
  <si>
    <t>                                           Forgetting for a Moment the fanfare and pageantry of COmmencement for the sterner realities of life one can hardly fail but note an intriguing but traditional development on the sports front. Sometimes, this or next week jolly rumbling in conversation and transportation will herald the departure of some manly stalwarts for tobacco farms. One would only faintly associate this move with 'football 'or pre-Fall. training,' but there is a suspicion that, form life is a proving ground for the...</t>
  </si>
  <si>
    <t>                                           Houim Wired-       4 No Monty Down*' Tarmi $5 to $10 MenHi PROMPT  Ceneral Lighting Stf. CM, 6101 Night., CM. 710T</t>
  </si>
  <si>
    <t>                                           Although lilies are very popular in England, they are found in few gardens in the U. S. This is probably due to the mistaken idea most Americans have that they are hard to grow.</t>
  </si>
  <si>
    <t>                                           Frances Phillips visits kindly old Judge Grimes in Boston to discuss her late Aunt Rockey's will Two years hence, under captain conditions, she will inherit this estate. On set way up to the Judge's office in the elevator. Fran observes a very ... young man, one obviously just out of uniform. Because he chose to remain on army duty...</t>
  </si>
  <si>
    <t>                                           Sausage King On Brief Visit To Atlanta                 Mr. H. B. Klnncr, president and business manager ol the Klnncr Sausage Company, Mllwnukce, Wisconsin, the only enterprise of Its kind, owned and operated by Negroes In the northwest Is In Atlanta lor a brief May.                 Accompanied by his  wife, Mrs. Alberta Klnner and Mr. Hnnk Cabell, the wholesale  dealer motored from Milwaukee to Mississippi and Tuskeb'ee, Alabama where they spent a night with Mr. and Mrs. II. Hoy Partridge und u niece, Miss Came Kinner, . Mr. Kinner has been in Ihr. wholesale .sausage business lor 22 years, covering the stale ol Wisconsin with his products of pork .sausage, barbecue .sauce and a creation of his own In barbecued ribs und chicken.' His barbecue business comprises the largest barbecue  in the statu of Wisconsin. The Kinner Sausage Company's staff of employes number 14 workers and four trucks operate within a large range supplying a vast list of retailers.. One hundred and forty-eight Wisconsin stores urc handling his products. The popular visitors were the guests of Mr. and Mrs. C. A. Scott, Mr. and Mrs. T. R. Starr nnd the Misses Mugglc nnd Addie Perry. They left Atlanta yesterday for Social Circle, Georgia, where they will TlsltMr. and Mrs. W. P. Perry. They will also visit Gainesville, Georgia as the guests of Mrs. Gertrude Hoper nnd Augusta, Georgia where they will visit Dr. and Mrs T. W. Josey. The trio Is planning a stimulating round of activities In this vicinity during their eventful vacation. Mr. Cabell Is a foreman In Hie Ham and Bacon department at the Plankinlon-Swifl Packing Company.</t>
  </si>
  <si>
    <t>                                           Mr. H. K. Kinner, president and business manager of the Khmer Sausage Company, Milwaukee. Wisconsin, the only enterprise of its kind, owned and operated by Negroes In the northwest Is In Atlanta iur a brief stay.</t>
  </si>
  <si>
    <t>                                           Blanket Powers Voted Truman To Regulate Prices                 WASHINGTON --(     TinSi'ii.itg Banking Conunlttce  wi  Monday to t-lvc I'rt - Triunnii virtual blank   on  , and how to      .sc - .s. Under die plan, Mr. Truman  have broad                 IJuwcrs lo determine whether  controls shall be placed into effect, whether controls shall be on a voluntary basis, or whether n program somewhere between these two extremes is needed. The Committee agreed tentatively that the Pro- could: 1. Ask industry to adopt voluntary -- controls. 2. Impose rationing to tiny extent he considers nccc.ss.u-y. 3. Set up "selective" price-wage ceilings applicable only to  items or industries. 1. Place I ho entire economy units- r right controls as suggested by Kliier .State, mail  M. n.. The Committee stipulated that once the President has established "selective1' controls over n "sub.sl." part of the economy he must institute full control. I', would be left to Mr. Truman to determine when the point of "sub.~- control was reached. (Continued on page 6 Column 3)                 I Blanket Powers I (Continurd from I 'a go Our) i Senate Banking chairman Maybank (D) S. C. announced Hint the committee has definitely de- i j  to rc- In sos lon "until I I we get n bill." Maybank sai-~ tlio  will work ns far Into the nii?    as J . i</t>
  </si>
  <si>
    <t>                                           WASHINGTON--(INS)--The Senate Banking Committee agreed tentatively Monday to give President Truman virtual blank check authority on deciding when, and how to impose price-wage-rationing controls. Under the plan, Mr. Truman would have broad...</t>
  </si>
  <si>
    <t>                                           Fort Valley State College Honors Two Women Educators                 ViiWV VAI.I.KV, (i;i )..i't Vfilley Sl.iU' l.'olli Ui" riUM iu..i Georgia Jiani'.-, Mijicrvlsiug  .Sulurdiiy lor ( .service to I In'  ol Ni'Vio (Inlilrcn In Oi'oiKia                 Scrolls were presented to Mrs. Haltie M. Hcr.se, Jeaiu's . Doughtcry County, Albany, Gn.,  Mrs. Elizabeth U. Jackson  supervisor, Burke County, Wiiyiiesboro, Oa., at a .special chapel .service at which they were lauded for  work In behalf of youth of the .Hate. Dr. C. V. Troup. president of Port Valley State College, said the honor was for "having served nobly in Die past and for stimulating others to great accomplishments in I hi* future Mrs. Ethel Klght, Jealics supervising I earlier. Troup County, I., hi mi .ss highlighting the occasion said '.he outstanding women educators had ".shown many the road tm a b renter and       ' life." Miss KighL In her speech  Ihe educators for "{ rural I                 youth-,  i.i the .-... of .~~ll(il uni t  nil. i the ..iiis:i i.i ; where they will li;ivc i  lor a KKMU'i :     lift-." Dr. H. A. UdUcn. registrar and summer .school director, presented scrolls on behalf of the  and the  body of the college. Mrs. Kifiht in her   for improved conditions for education. She   and teachers to build "an educational ladder in citizenship by            ; to vote,  in the  of public , and  for n .stable America." She  there wero too many teachers who lucked nn appreciation for world problems and their .si!~' .      urged touchers to work for si stable world,  and .  ) education. The scroll presented the two educators cited them "for courageous, vigorous and unselfish effort iu a citizen in the interest. of the growth and development of an enlightened Negro community mid enlightened relationship between the rallies. Koit Valley State College will make the awards annually to :  of the state.                 HONORED FOR SERVICE TO EDUCATION Dr. H. A. Bowcn, registrar Fort Valley State College presents scrolls of honor to Mrs. Hattie M. Reese, Albany, and Mrs. Elizabeth B. Jackson of Waynesboro "for distinguished service to the                 education of Negro children in Georgia." Tlie presentations were made Saturday ul a special chapel service at Fort Valley Slate College. Pros. C. V. Troup looks on     the ( are made.</t>
  </si>
  <si>
    <t>                                           FORT VALLEY, Ga.--Fort Valley State College cited two Georgia Jeanes supervising teachers Saturday for distinguished service to the education of Negro children in Georgia.</t>
  </si>
  <si>
    <t>                                           EVANSTON, III. -- (INS)--A Northwestern University Professor of Education who turned from the pedagogue to the school child to find what, makes a good school marm announced his conclusions today.</t>
  </si>
  <si>
    <t>                                           LAFF-A-DAY                 .."Hero, MQ%gH* tto</t>
  </si>
  <si>
    <t>                                           No Increase  in Price!    *j - v</t>
  </si>
  <si>
    <t>                                           Atlanta         'd Publlikd Every MwaUvj     * M^day Jt'/T^" VOLUME 23, NUMBER  3 ATLANTA (3), GEORGIA, ^ AUGUST 8^ 1950 PRICE FIVE CENTS</t>
  </si>
  <si>
    <t>                                           Rev. A. G. Davis Is Wheat St. Speaker Rev. A. G. Davis Is Wheat St. Speaker                 ki:v. a u davis Hov. A. G. D.ivis, vice president -at-large of the Uem-ral Missionary Statv Suiuluy School convention of ; and lormer pallor di Beuiah BaptKt chinch ami principal of the city public school 'of Hamilton, Georgia, will Ihv l\\e Biiesl  at \l\e Wheat Street Baptist church, Dr.' William Ilolinw Dorilel-.i.  The subject of the morning service will tio The Second Advent of Christ. All members and friends lire asked to be present. ki:v. a u davis Hov. A. G. D.ivis, vice president -at-large of the Uem-ral Missionary Statv Suiuluy School convention of ; and lormer pallor di Beuiah BaptKt chinch ami principal of the city public school 'of Hamilton, Georgia, will Ihv l\\e Biiesl  at \l\e Wheat Street Baptist church, Dr.' William Ilolinw Dorilel-.i.  The subject of the morning service will tio The Second Advent of Christ. All members and friends lire asked to be present.</t>
  </si>
  <si>
    <t>                                           Madam Eva 29c SPECIAl  SWe g\       pmM II P A        . After 7 v Jim M   U then ilJI II y**1  lPl I JR problem* to     U ~/~*~iB Ktb  n*    IhT   "JllIL Bint  L\ u*Jk^lfl FACTS AND \V3      /I you an we1 I J 8. rill /if If Toa h*re hM. Vt W'a *~nd *r           rp# jfe  V     MM ff^^i Of/    h89M ft eU 1  R: Bt 4 Uf ~!          Uli if. Mftiieite 8^ !f. W, T*~~ Uu Iiuo*s lull TmU*^! Bn Imv* tt      tw.</t>
  </si>
  <si>
    <t>                                           Christine Minor, Charlie Collier Face Grand Jury                 Courtroom Bulges As Spoctators Crowd To Trial                 Muncipnt -. Frnnk White  ordered Mrs. Christine Minor nnd Chnrlle Collier hound over without bond to Triton County Orand Jury .under  of murder in connection with the  Friday slaying of Alphonso Minor, estranged husband of the                 held in police custody. The preliminary trial, held In the City Police Court, attracted a spectator crowd that Jammed seating and standing Toom capacity and .spilled over to an outside corridor lending to the courtroom. JudRt White rendered his decision immediately after Guy Tyler, attorney for both defendants, motioned that the suspicion of murder charge be dismissed against Mrs. Minor Attorney Tyler contended, follow- Ing arraying testimony of otto dc-  and       prosecution witnesses. I . '~Ihorn has been no evidence submitted that would Imp!!- cute Hny client (Mrs. Minor) ol murder." This contention failed to meet with favor of Judge White', who ruled that there had been "sufficient evidence presented for her (Continued on page fi Column 3) i                 MINOR SLAYING TRIAL A tense moment is registered in the preliminary arraignment of suspects in the September 8 slaying of Alphonso Minor. Mrs. R. P. Herndon "left), special prose- cutor, is shown standing beside Mrs.' Christine                 Minor. Charlie Collier, next to Mrs. Minor, IW. tens as Defense Attorney Guy Tyler (right) argues the case. Collier and Mrs. Minor v/os bound over to grand jury charged with .                 (Adair Photo).                 Christine Minor (Continued from I'agc One) to be bound over to the Brand Jury" 'The fact, (lint she ran away from him  Minor) tics her In with the case and shows 'probable cait-e. the judge Mated. Attorney Tyler then introduced a copy of a divorce suit filed May 3 by Mrs Minor against her husband, -showing that a restraining order was issued then by Superior Court Judge George P Whitman, Sr.. to prevent Minor from "molesting, annoying or harming his wife." Mrs R P. Hcrndoii. special prosecutor for the deceased man s father, countered Tyler's move when she presented two previous divorce suits which Mrs Minor had filed against her husband and then had them withdrawn, "apparently because of her husband s answer to the petition, charging her link with lottery LYONS TESTIFIES As the trial opened, Officer Ernest H. Lyons, listed us the patrolman who arrested Mrs Minor at her residence less than one hour after the shooting, took the stand. He testified that arriving at the" scene of the shotting I" front of 38 Tallaferro Street. N. \V. last Friday and found Alphonso Minor lying in the rain-soaked thoroughfare "with a portion of his brain spilled in the street" A preliminary Investigation linked Mrs Minor with the crime, the officer sold, and                 he took  Into custody lor                 rogation. Officer Lyons, under cross- by Attorney Herncion,  he did not find any weapon at the scene. He also testified Hint Mis Minor did not  a complete statement  the crime mid failed to tell him that she had been advised by hnr lawyer not to divulge nny information. coi.i.n.n )i;i(s i Detectives J A. Preston and H.l C. Newton (hen testified that they talked to witnesses during a probe j nnd Inter arrested Ohnrlle Collier  he surrendered nt police  with his attorney The homicide investigators said Collier admitted he hnd n .32 , apparently the death weapon. They quoted Tyler as saying he would produce the gun. Mrs Willie Alexander, of 38 Tnllnferro Street, N W. a prosecutor witness testified that she wns on the porch nt the time of the shooting She quoted Collier as asking Mrs Minor, then accompanied by her husband, "Tell me who do you want, me or him?" A shot soon followed, Mrs. Alexander-further testified       Collferi who reportedly had  up to the scene in an automobile, then drove off with Mrs Minor in the vehicle, leaving her husband wounded In n steady rainfall. Under cross- she testified that there wns no  between Minor and his wife prior to the  Another witness. Miss Millie Ann Jones, of 38 Tallnfcrro Strcfit. N. W. said she wns walking behind the Minors on Tallftfcrro and "heard Christine laugh once" Just before i\ car drove up She testified that both men were trying to get Mrs Minor to decide "which one she wanted HEARD SCREAMS Another witness. Identified as Willie Warren, of 43 Tallnferro St., N. W testified that the woman s high-pitched  summoned him to his door "She wns , Don't let him cut me. He's trying to cut me. Don't lei him kill me, Warren told the court, adding that she kept repeating those words over and over He,  Collier Inquired. "Who do you want anyway?" She replied, "I want you but don't let him hurt me." Warren quoted the woman Minor made a step forward, Wnrren said, and Collier shot him. Mrs Carrie Lou HcKcevcr. of 142 Hilltop Circle, N W. a defense witless, testified that she did not witness the shooting. She said she had been accompanied home by the Minors prior to the slaying. She  she heard Mrs. Minor say to her estranged husband}, "Please                 don't  me out and kill roc." He said lie wasn't going to kill her and that lie was going to  her home. Mis McKeever stated.  SUIT TOM) In presenting his argument to the JucIrc. Attorney Tyler produced j a divorce suit filed by Mrs. Minor against her husband. The divorce petition, with a restraining order, was filed May :t. Attorney Hcrndon submitted two divorce petitions, one filed in 1948 nnd another on April 18. 194!) by Mrs Minor The petition alleged, in part "the defendant (Minor) Is a pullman porter nnd Is out of town, of necessity, a great , but when he does return to AllnntA he spends most of his time away from home, his wife and two children." I. ) Minor's answer to his plaintiff wife s petition denied the . His attorney filed Minor's answer which read. In part; "The reason he stayed away from home as much as he did, his wife kept a bunch of people at their  and who were writing the numbers game, or the bug business, and she refused to keep her associates of the numbers racket from their home and he was afraid that he would become Involved and cause him to lose his Job with the Pullman company." Doth petitions Attorney Herndon said. Judge White, surveying the petition^ said sufficient evidence had been shown to warrant both parties being bound over to the grand Jury.</t>
  </si>
  <si>
    <t>                                           Muncipal Judge Frank White yesterday ordered Mrs. Christine Minor and Charlie Collier bound Over without bond to Fulton County Grand Jury under charge of murder in connection with the predawn Friday slaying of Alphonso Minor, estranged husband of the...</t>
  </si>
  <si>
    <t>                                           The coronation ceremony of Carver Vocational School, postponed last weekend due to Inclement weather, will be held on Thursday, November 2, when the Maroon and Gray Panthers Heap with the strong Brooks High School eleven, of Quitman, Ga.</t>
  </si>
  <si>
    <t>                                           The Veterans Administration has broadened requirements that veterans' farmers must meet for institutional on-farm training under the GI Bill, the VA has announced.</t>
  </si>
  <si>
    <t>                                           Tenn. U, Trustees To Study Negro Applications Today                 NASHVILLE, Tpiill- Oct. 19- I (INS)- University of Tennessee trustees will meet In Knoxvillo to- j day to consider a possible solution to the problem of maintaining         .ion at the university. dov. Gordon Browning revealed a plan whereby the university would be  to university level and would award university degrees. The Tennessee legislature in 1949 authorized raising the state agricultural and Industrial college for Negroes in Nashville and Memphis State College to university level. However, the Governor's plan was impelled by a recent ruling by the State Attorney General that Negroes would have to be admitted to the university graduate schools since there are no facilities foi professional training available to them in Negro schools.</t>
  </si>
  <si>
    <t>                                           Madam Eva 9Se SPECIAL READING Me f% World'* greater) \l 1 A . After     11*1 id           all then lU II L.   wlth jmu Slpllslr) problem* to   - 1 tl l/~l d*T     X \h*      . HUE  V\ i*~2.*~ FACTS AND V^V**!^./! *od or ke1 I I so1-"1*nil /if If y""  hnS' XT J band  r wUe UmJ ble,    nrt Mil pfc^Jf come  l i^SSf   f n. to U p. m.  and     *j 10U W. AtertetU BU If. W.          InmM     *       . Bu      i  l the JEAN WORTH j Palmist and Psychic Calls Your Name, Ashi No Questions This  docs not ^^mmmmmm (latter you. she ^^^^^^H tells your life ns ^^HHH^H It l.s, and should ^^EI^m^H be. For every trou^^H^^^H ble there Is n rem^^E^HH edy nnd In most  Hl^^^l cases, the remedy HrT^^^H Is within your ^^~H reach if you only ^^ know how, (or while Ignorance j may sometimes bo bliss. It Is folly of the most dangerous sort to be Ignorant of the problems of Love, Mnrrlnge, Business and Speculation. This lady warns you gravely Bhc suggests  she explains fully. She Answers All Questions. Know Thyself and find success and happiness. No one In trouble turned away. This lady has helped thousands and she can nnd will help you 1219  AVE.. N. W. Almond Park on niver Car To Anthony Street</t>
  </si>
  <si>
    <t>                                           AMONG THE SEVERAL Ohio students who returned for further study at Wilberforce University this school year is charming Joan Williams of Cincinnati, Ohio. Joan, who is one of the reasons why boys liko coeducational schools, i'. a sophomore who  to go into Iho  of social work. Miss William* insists that sports and leading arc her hobbies. She is  to complete hei schooling and engage in active work in the field. Miss Williams is a member of the Pyramid Club of Delta Sigma TIidIci Sorority.</t>
  </si>
  <si>
    <t>                                           Booker T Washington played Spencer High of Columbus, Ga to a sparse crowd that numbered less than three hundred.</t>
  </si>
  <si>
    <t>                                           Weather Mostly fair and mild, little  in t6.</t>
  </si>
  <si>
    <t>                                           DURHAM, N. C. PRINCIPALS from 85 North Carolina elementary schools met at North Carolina College here last week for their first annual j state-wide conference. The conference was sponsored by the North Carolina College Summer School, the State Department of Public Instruction, and the Principals' Section of the State                 Teachers' Association. Dr. J. H. Taylor,  of Ihe N. C. College Summer School, was in charge of local planning. A. H. Peeler of Greens boro, did the over-all planning for the principals with the cooperation with a special principals' committee composed of J. Estesm Byers, Myrtolene F. Gray, and H. M. Holmes.</t>
  </si>
  <si>
    <t>                                           RHYTHMIC LADIES SOCIAL CLUB meets with Mrs Eloise strong at 8:00, 559 Simpson St N W</t>
  </si>
  <si>
    <t>                                           4    a /^^^n^^^K WT"' '11/' CITY Atlanta JIM^ wmd         Published Every Morning Except MoncUy k/tu*rH        23         8 ATLANTA (3), , FRIDAY, AUGUST 25, 1950 "   PRICE "" I</t>
  </si>
  <si>
    <t>                                           Gis WHO SEE action in the Korean campaign will bp eligible for several benefits administered by the Veterans Administration.</t>
  </si>
  <si>
    <t>                                           Final Rites Paid Sergeant Hunter                 A grateful Atlanta   tribute to one of her sons - clay, when funeral services were conducted for Staff Sergeant John Hamilton Hunter, the  Atlan- i tan to be returned for burial at his home after being killed in ac- Mon in Korea                 Set Hunter passed in Japan,                 September 3. alter being injured some week? earlier His body was returned to his mother. Mr*. Viola Hunter, 139 Staffoid St S W Wednesday. October 11 i Rev Woods, pastor, Greater SprlnsfleM Biptlst Church of which the fallen soldier was a -r. officiated at the final rites held in the church auditor!- urn Iti a message developed on the theme, "The Battlefield ol I Life." the minister told the near  a- that ''all of us live, fight and die on this battlefield of life many in the army of the Lord," and termed the young hero as "being also In the army of the Lord,  on far away battlefield to  and defend those of us at his home He al;o offered word? of consolation to l he bereaved family and host oi friends AmiiK "lln-r speakers  timely remarks were U:m:(iii Mitchell :iii(l Mother Gilliui.  of Greater .           !d Choptain Ira S OiUs, ot Mania Uniwn College,  the military service, at the ', .N'..il Ccmetwv. Marietta,  military  of .or stood at the flag-draped coffin during the services and at     funeral home where hundreds viewed the remains. Army and American Red Cross personnel assisted Mrs Hunter v.-ith all arrangements.</t>
  </si>
  <si>
    <t>                                           A grateful Atlanta paid Mull tribute 0 one of her sons yesterday. allot funeral services were conducted for Staff Sergeant John Hamilton Hunter, the first Atlantan to be returned for burial at his home after being killed in action in Korea...</t>
  </si>
  <si>
    <t>                                           Backache For. quick comforting help lor Backache Rhcumallo Pains, Octtlng Up Nights, strong cloudy urine, Irritating passages, Leg l , circles under eyes, and  anklet, duo to non-organic anil non- Kidney and Bladder troubles, try Cyi'tx. Quick, completo CAtlslnctlon or money back guarantee*.     our druggist for CytUx today. ASTHMA Don't let co , wheezing, recurring attacks of Bronchial Asthma ruler sleep and energy without trying , which works thru the blood to reach  tubes and lungs. Usually helps nature quickly  thick,  mucus. Thus alleviates coughing  nd aids freer breathing and better sleep. Get  from druggist.  or  back . HEART ATTAClTOR INDIGESTION?  . When 11 strikes, lake Dell-nils . Tliry contain the - medicines known to .i (or the  of Ucorlbuin, ras  ud  . 35/.</t>
  </si>
  <si>
    <t>                                           WANT AD INFORMATION In Estimating space for Classified Ad, count Fire Word* for Lies 1 MINIMUM: TWO I.INK8 (10 Words) CALL WALNUT 1459                 Ask For Classified Ad Department Classified Ad rates apply to all advertising originating In Georgia, and are the same for Dally and Sunday Insertions:                 1 Insertion ISo per tins 3 Insertions Mo per Ilnp Insertion* 12c per line iO InsfHIon^ I to per Kce Beadrr Publicity 12c per line</t>
  </si>
  <si>
    <t>                                           Our White House Correspondent, Louis Lautier, in his current column "In the Nation's Capital", took a strong poke at the Negro Lund Grant College Presidents, who in their recent annual conference in Washington, followed what ho termed the "same old line of discussions" as in previous years, despite the serious implications the three recent decisions of the United States Supreme Court respecting higher education in graduate and professional schools</t>
  </si>
  <si>
    <t>                                           I }/M?I llw^ M sl '"";~s sll(l:" ) i. M ^^ft^W^ T^1- ^_^^__7 ~~;~]VS TINY  VlliNNA ^ I j^fT 1GE 2 33* 1  /'^1 just ow:n ami iii:vi-i.ii-.KVs c-~:   % If      [ BEEF HilSH 29* Mflffl I      ~^*"**^  **    PICKLES 22-ot 25c \/Srtm   2! 27* ISV'"ood 3 29c Dairy Producs \\^P^Ji4La Ca"  -.-.v      OF THE NEST         !J!~8M SAUCE s-ot. 25c I m- ^m ^m 1^^^~   ^^^ Lihhy's barly June ;    :ki.i.nr : V JtT V^ VI I ^^^^**3 SALT 2 26-oi. 17c ^~*-"===ss* HV B1" JK\ ^k ni:ini;      ; ui-c I r0AnF AM a 1 *fi/   /~'      ^** OR/-AOE 46.or. 27c LARGE Doz- 49 NO 2 *i 4 SI  ~'lll I.7..ITS I ^^fW C2--- ^        17c         . 33c { ^^^P) Libby's Tomato LlW^s Po'";rf ,.^?'   " 79c JUICE ME JIT  i8c ~^^^^==  ^ Brown 'N' Sorvo Clovorloaf \Mkm 27  I 29  a -^^W KOLL5 I     _     39* I SWEET cobn "Z 15  I fB1^^s_r:- 1 /iir, 20* I 'Mir'lMEBS 47* I  49* I _   _T CHOPS 53 I LIMA BEflMS 19* 1 I il*^fl- y-   *^ *W(~ M  l.~ .MI.S KNAI K AMI    K^gf BOAST j FIELD Peas r 15* "7 Vendor        g SAVE  40^      OUR CARD I ^-"" Lb 37c BOSTON i PLAN ON A 12-PC SET OF BEAUTIFUL I sHs-gff*-* butts j PRisciLifl 9srM I M.,.,.ny   *~ i. nu-HAVQicEn fl ~%_ Jfc V W _b Head l_flC M ROAST BEEF 49* ~^i^r^n=~^: *V I TOMATO SOUP -    "-"^f* I NEW DUZ *ud.   . 10* S  u. 19c I RINSO 10a I Kaw dried       3 u. *^c I  7c I YAMS s^ao. I IVORY I20 1 5 ib. 45c 2    2 u., XSc I \I1LD .i: .IJT SOAP $8 *^^. WOODBURY 3 23  I CflRRoi'S 2 *^c I .ni  ffl ^^^e *- Ii. DDIt Io bau-t market c k 3JOV 7e I -        ''-           1' ~""~W" i</t>
  </si>
  <si>
    <t>                                           Encampment For Atlanta Scouts Set Tomorrow                 For the first time in the history of Negro scouting in this section AtInntn Negro Bey Scouts will  the honor of participating in a three-day encampment at the Bobbins Air Base ,nt Marietta, da this week. Ralph C. Robinson. Field Scout Executive, who will be in charge of the encampment for the Negro Scouts, announced Monday afternoon that a group of SO Negro Senior Scouts be given first hand experience with the B-29 Jet Plane and with the Link Trainer plane. The group will leave the city tomorrow afternoon at 2 p. m. from the Scout office on Auburn Avenue. The three-day encampment experience Is being given to the senior scouts through the courtesy of the Unifed States Government</t>
  </si>
  <si>
    <t>                                           EA A A GRADE OftC I* (Id SMALL wv 6ALLARD WORLD S BEST FLOOR 55C COFFEE 69C COLONIAL- BETSY ROSS BILTMORE BREAD^12caa"ii0' AUNT JEMIMA GljgTS ILuoz- 14C ARMOUR S PLANTATION-COLORED RI83LK 1 2  MARGARINE 27  WICKLOW ^w Mcoa 49-  33' CUDAHY S- PRtZE OF ALBANY PORK SAUSAGE 35C</t>
  </si>
  <si>
    <t>                                           Baseball Results NATIONAL WEDNESDAY S .TS Itronklvn 7. Nirw York 10. Clilenjjci -I, Cinrhinnll 3. TODAY S GAMES Hrmjklyn ut New York (night) i'i((       ;li   . l. (night) CliHliinntl :il ClilrnKO  T TODAY S CjAMKS "I ~;hl("i;o at Detroit 7 St. l. al Cli'vclaud () I N'i'iv York ;it WashiiiKlon. i I'liiluloliilila ut .</t>
  </si>
  <si>
    <t>                                           Rev.George D. Daniels, 3129 Pine Ave., St. Luis, Mo., is 70 years old and has been a minister for over 12 years. He just recently retired from being pastor of the Pilgrim Rest Baptist church, 2904 Gamble. Rev. Daniels says he just can't praise HADACOL enough--says it...</t>
  </si>
  <si>
    <t>                                           StBmOl Regular $39.95 to $55.00 0*i MISSES' SMART SUITS il ""flra Sixes 9 to ISt *P -AT ^~~k __J   ^_ slics I0 20' / Tra^\ MMMfifll Novelty Vrepesl PlaMsl JQ IL^~bA I I vk *wj I Casual Coaly B^B    Wool  .f it,,,...i....w.. tit  tfi^ ^^^^K^^B^ i1/-' finely  Hiilt *{f  ft -W -W (^~~l I ^,5   ~~^^^^^V ^V ml^^^V ^WBTj ^HhB^H^HhI , coverts (S^HhI V K. 1 errant in    f 7/7/~/i7 and Kabardtncs  BBS (l K Iwool ^BPMf  MfAy j#MBB^B^BWBi lnU) *nd ^S^IHl 1 I' I</t>
  </si>
  <si>
    <t>                                           LITTLE ROCK, Ark. --(ANP) -- Have you ever counted to 2,000,000? Joenolia Barker of Little Rock has counted past that figure in taking note of the number of meals she has prepared during the past 27 years in providing good food downtown for the people.</t>
  </si>
  <si>
    <t>                                           Deaths                 MR.  MOORE, 24B Pine Place parsed August 31. MISS GRACE HUTCHINS. 878 Matthews St. S. W. passed August 31. MR. CLIFFORD W. COLBERT. 516 Hunter St., Apt. 11 passed August 31. MR.  CAMERON, 50 Cliappi'll Rond, N. W passed August 30. MR. EDDIE L. , 99 Thayer Avo. passed Augtist 30 MRS. DORA JONES. Laurinburg, N. C. passed August 31. MR. JOHN WILL Mcl.ENDON. 537 W. Fair St. S. W. passed August 31. MR WILEY REDMON, Jr.. Joncsboro, Ga., passed August 31. MISS JEWEL LUMBUS, 04 Hlllinrd St.. N. E. passed August 31.</t>
  </si>
  <si>
    <t>                                           The E. P. Johnson School welcomed graduates and former students on the first Annual Homecoming Day. Many students made use of the opportunity to come back to sec their former teachers and most of all they got their first glimpse of the new wine of the...</t>
  </si>
  <si>
    <t>                                           PHILADELPHIA -- (SNS)-- A brilliant two-hit whitewash job by Vic Raschi in the opening game of the 1950 World Series allowed the New York Yankee% to defeat the Philadelphia Phlilies, 1-0, before 30,/46 Shibe Park fans tune Wednesday.</t>
  </si>
  <si>
    <t>                                           Record Fails To Disclose Lanham Lanquaae. Threat                 WASHINGTON. D. -           transcript of ttm 5 before tlio House Select Committee on IjobbyiiiR Activities ins;. Friday fails to disclose . Rcpiescnt. -oii Lnntum,          . of Georgia, called William L. Pnttcrson,  executive                 I:iry of the Civil nights Congress, a "SOD" and threatened to assault him. At the point where Lanham cursed Patterson. Jumped up from the Uble at, which he was sitting, rnn behind other committee members scaled at the long desk, then turned and rnn toward Patterson, who was .seated at a   .ible in front of where Jjanhnm was presiding  n the absence of Representative Frank Buchanan, Democrat, of Pennsylvania. Two police officers stopped LanhJtn In Ills wild dash to attack Patterson and order was restored. Committee Counsel Benedict F. Fitzgerald h.id been questioning Mr. Patterson concerning hi; failure to bring with him records he had been directed to produce at the hearing in a  Issued by tho committee. CLAIMS DEFECTIVE SUBPOENA Mr. Patterson claimed that the subpoena was defective In that It was  to no. one officer of the OMl Rights Congress, but he                 ~; in a desire lo Cooperate with ~'.he legitimate activities of a Codric  committee" he ap,~ ill the honing. Thi: text or the  transcript of the homing leading up to Mr. XiRiihnm's outburst Is as follows:,Mr. Fitzgerald. And would you identify the. contributors to your organization in the last year. Mr. Patterson. I might answer  question If someone asked nw did so-and-so Contribute. But as far as having in my memory a list of the contributors, I haven't It. Mr. Fitzgerald. You  you enn t list one contributor to your organization during (he last year? Mr. Lanham Well, you have a list In your office. I lake it? Mr. Patterson. I think that comes within the purview of the questions that I said I have no Intention of answering Mr. Lanham. If you refuse, Just tell us. Mr. Patterson. I don't say I refuse to answer here. I say so far os my memory Is concerned. I say I refuse to answer ns far as furnishing a list is concerned. As far as my memory Is concerned, I have no recollection. Mr. Fitzgerald. And you refuse to  any list of contributor Mr. Potteraon, I do. U.lm ft? (Continued on page 4 Column S)                 Record Fails (Continued from Page One) fending my civil rights, ns I think r am right now. It's a question of defending their civil . Lnnham. Let's not get Into that. We are not Interested In that Now answer the question. Mr. Patterson. I am Interested In it. Mr. LnnhRin. We are not. 1 Mr. Patterson. I was fighting for I the life of a Negro in Georgia, nine i of whom were lynched The Stole I of Georgia tried to lynch the                 boro boys when I was- Mr. Lnnhnm. Thnt sin! Client J.s absolutely false. The State of Georgia tins never tried to lynch any Negro the pronounced It      ). Mr. Patterson. The SUUo of Georgia has lynched-how ninny-'.m it is known nil - the , nnd not only known In (his country but nil over (he world. Mr. Albert (Representative Carl Albert, Democrat, of Oklahoma) Is that in Oeorcn or Alabamn-Scotlsbnrn. Mr. Lniilinni. Lul's get (Ills stl-. You Mitel tin- SMtc of Georgia  attempted to lynch nine Mr. Patterson. The Scoluuoro Mr. Lnnham. I say that Is absolutely . There have been ) In Qeorgln,  there Is no excuse for any one of them. Mr. Patterson. I accept the correction. Mr. Ldiiham. I  speak In defense of any  in Georgia of  black or white. But, when you say the State of Oeorgla has attempted to lynch . then you simply He. Mr. Fitzgerald. I think- Mv. Patterson. Your language- Mr. b.. That Is the only language that fits it, because I hove been    prosecuting attorney in the State of Georgia,  if there Is any State in the Union where n Negro  Nigrn; gets a fair  when he gets into court, it is In the 8tate oj Georgia,  any statement to the contrary is absolutely . Mr. Patterson. The Stntfc of Oeorgln Is a state where the black man has no rights comparing to Mr. Lanham Thnt is another lie. Mr. Patterson. And yow.i Is a lie, too. (At this point, there wns a commotion in the room. After it had subsided, the hearing continued as follows) Mr. Fltgtrnld. In view of the witness s refusal, Mr. Omlinmn, to give lib evidence as to his contributors, X respectfully ^t  we adjourn at this time, I nm unable to continue without that Information, and I think he is in contempt of this committee for refuting to answer that question, and I  suggest that you adjourn  ot that.</t>
  </si>
  <si>
    <t>                                           WASHINGTON, D. C -(NNPA)-The official transcript of the hearing before the House Select, Committee on Lobbying Activities last Friday fails to disclose that Representative Henderson Lanham, Democrat, of Georgia, called William L. Patterson, national executive...</t>
  </si>
  <si>
    <t>                                           . AHO .N STARS PREFER I  i  HAIR SMOOTH $$~~~  size .,,v# 15  25  45  AH "Ki.-i lie Kiu" ^fc^jy^ }~ ^J VY/a    Available at j i \^tf/?Al/fl l ^d drug    ';'.." v store j *y,s $f*'*~-i ~$ ^vy*~~^ ASK fOf( DIXIE PEACH FACE POWDER l/    CO, Sill  Vf^ H. If.</t>
  </si>
  <si>
    <t>                                           WILBERFORCE, Ohio. -- Dr. Lore Roe David, a brilliant biologist and zoologist who received her Doctor of Philosophy degree from the University ... Berlin in 1931 and has done extensive research work in her field of specialization, will join the Wilberforce University...</t>
  </si>
  <si>
    <t>                                           SCIENCE SAYS: P^^^ Now you can have akin with the s.          of  free from ugly  Black and White Vanishing Cream's  "" uction . nnd helps 1 wnl   prevents it from seeping through to spoil your makeup. And because this wonder  is  - it won t cause pimples! Ask for it today at your favorite toilet counter for only iOt* I     . onl Whiff CIlQ'i'tl Cftom ,.     -up  r,6     ~'ocl ond VVWIi Cold Cr.om lo ~~#p i*'"</t>
  </si>
  <si>
    <t>                                           -A-DAY                 "Oh, boy! Just think of the  htfd held!"</t>
  </si>
  <si>
    <t>                                           Senator Pepper May Switch To N. Y. Politics                 ST. PETERSBURG, Fla.- (    - Sen. Claude Pepper (D) Fla., the "fair deal" Plorldlan who lost a bid (or  to the Scni-.te was  Wednesday to be considering switching to New York politics. The St. Petersburg Times quoted a " friend" of Pepper as predicting the senator may shift his law practice to New York whun his prevent senate term expires In January. When qualified, the Informant said, Pepper would seek a seal in the state legislature. He added  Pepper would try for :i congressional post later because, lifter 14 years In the Senate, ho "can t stay out of politics According to Die Times,  friend" said Pepper .it New York understands his liberal11  and his attitude) toward the Inter- problem. Tlie Timp.s s;ild Dint Pnpper h.is derided not to sei-k the Florida        .ship in 1952 or to oppo.se U. S. Sen. Spessnrd Holland for re-t  in Florida. The informant claimed that Popper nude hLs decision because of the so-called "smear" campaign waged against him by Rep. George i Snmthcrs (D) Fin. Smathcrs de-  Pepper in the Democratic senatorial race in May. Fears Witch Spell, Mother-arid Daughter Slain By Son-in-law KINGSPORT, Tcnn. -(INS)- A Tennessee mountaineer Wednesday confessed to killing Mils mother-inlaw and her daughter because they had cast a "witch s spell" on him Carl Walters told Klngsport polce that he walked Into the Church Hills community store Tuesday and killed My.'. Albert Gibbons, 21, and her mother, 44-year-old Mrs Alda Woods, who were In the store shopping. However, police discounted Walters' story about the witch s spell. They said witchcraft died oil* In the small community years ago. Friends of Wallers said he had complained of being under ~'spells." According to them, he had bin mod the death of his child and  \hnl h.is mother broke her hip in n  down a flight of stairs, on witchcraft. Accordlg to police, Walters gave himself up shortly after the shooting. He Is being held In Rogertvillc, Tennessee, Jail on flr.H degree murder charges. Odom Added To Police Force Atlanta Police Committee voted last night to employ Alan H. Odom, of 148 Lnwton Street, S. W. Odom Is a World War II veteran and received his training In physical education nt Moiehoii.se college. Odom's appointment brings the Negro police force up to a 12-man complement. The application of Willie Elklns did not receive favorable action, because of overweight. In other actions, the committee endorsed a proposed antl- ordinance, patterned after one passed recently by Birmingham City Council. The measure has yet to go before City Council for Its approval. At last night s hearings on the measure, Homer Chase and Jim I?. Kamm appeared to protest the passage of the ordinance but. neither was allowed to speak. The committee look no action on an alleged police brutality charge, brought by an Atlanta Negro, Pastel Lemon, 46 Janitor, against two Atlanta policemen, Sgt. Eaves mid Pll. M. C. Faulkner.</t>
  </si>
  <si>
    <t>                                           Survey Reveals Democrats Will Lead In Nov. Election                 II V l.Ol'IS I.                 ;AUEbFHlA  The best chances of colored people picking up n third Representative in the November 7 elections He in tho fourth Congressional district of Pennsylvania, where Theodore E. Spauldlng Is the Republican nominee.                 The Rcpubllcmis ore running colored men for Congress In five  throughout the country. They are till high typo men. Bui their  of defeating Democratic incumbents are slight, according to n NNPA survey.  Willlum h. DiiwKon. Ucmucrut. ol Chicago. Is -teil to retain his sent. .His opponent on the Republican ticket is                 Hit' Hrv. Archibald .1. Carey, minister, lawyer and eily councilman  a personable yount; num. H u t Daw.son has built himself u ll!?ht political machine in the eleven years .since he deserted the Republican party. In New York City, Elmer A. Carter, a member of the State Commission against Discrimination, lias been waning 11 .strenuous campaign  Representative Adam C. Powell. Dumocrut. in the  district. Mr. Carter Is ? as a -Libcral. Mr. Carter has been attacking Mr. Puwell on his absentee record, his left-wine votes, mul his failure to answer the diatribes of Representative John K. Rnnkin, Democratic, of                 Mississippi, lender ol the "white trash" bloc In the House. But Hnrlcin Is strongly Democratic. In . Mr. Powell lifts a congregation of 10 000 members as pastor of Abyssinian Daptlst Church. His  and -of-thechurch Democratic support ore expected to return Mr. Powell to Congress for u fourth term. In Cleveland, the ,Rcv. Wllllnin Hodge Is given only nil   to defeat the veteran IUpresentutlve Robert Grosser, Democrat, who has served seventeen terms In Congress. Sidney H. . Republican, has n good chance of winning In St. Louis. He Is running for the scat now held by Representative John n Siilliviin, Democrat. The Republicans  tin; eleventh Missouri  liM riot In 1016 by 1,323 votes, but lost It In 1018 when President Truman carried the State by the  Democratic plurality since 1930. With 120.351 votes cast In' the eleventh district In 1948, Mr. Sullivan carried it by a plurality of 37,473 "in" order to win In the fourth Pennsylvania district Mr. Spauldlng must overcome a plurality of 20.000 voles, b.v which Representative Earl Chndoff, his Democratic opponent, won In 1948. With President Truman carrying the City of Philadelphia In 1948 by the slim margin of 0.000 votes, Chudoff polled 70,000 votes In his district against 60.000 for Franklin P Maloney, Republican, who was elected to Congress from this district in 1946, and 6,600 for Joseph E Ralney running on the Progressive party ticket with Henry E. Wal(Contluucd on page 8 Column 1)                 Survey Reveals (Continued from Pace One) lace. Mr. Spauldlng defeated Mr. Mttloney for the nomination in the Republican primary this year. White registered votes outnumber colored  In the district a to l. Of 169,000 registered votes. 102.000 are white and 57.000 are colored. In only one ward, the 24th, arc  more colored than white voters registered. There arc 12.427 colored voters registered In that ward ns compared with 10.626 while voters. Mr. 8. , anticipates no defection  (hn             voters In Ills district. "In                 nil Hi'; sections or the city I have visited,  I have pretty well ^cd the whole area   us well as colored voters," lie ;:. "1 have not run  imy indication of cutting  I happen to be 11 Nctfro." Tlio Republican candidate Is running on Ills record its u private citizen In the fifteen years lie lias done community work here. Incidentally, this Is his first venture Into politics (us u candidate for imy office. His record includes live years M.TVlce as president ot the Philudelphiu Hrauch of the National Association for the Advancement of Colored People. Hi: uses tils service us such to  his  with                 questions Involving matters of equality of opportunity and civil . lit-  served its director of the Ohiisllnn Street YMCA lor four years. Dining thai time Hit: YMCA reached ii singe of integration in Philadelphia, lie averts, which really  to put the word "Christian into a the inclining in the Y. M. C. A." I His '.sl in OI.s mid veterans, he . is in(llc:ilt il by his four jimi s tif service us 11 -tor oi thr s. Uniiid Sttfet t)SO mid ills pp srul ilin.'(l(  .       ol Ihe Pliiln(lel)~iiiii Scrvicf OiH'.. n Joint   il till former USQ .-s which operated service center lor vi ti  nml OIs In this     . J'ioiii -in iiiii in.  view. Ills Interests Is Indicated by I                 fhb fact that he was one of the founders of the Unit/'rt TT.itions Couiu'il if . which was organized and received its name         United Notions                was formed, llo Mined us n  ol Mic Uitltrd Nutiuivs Council until l!)l!i.  II was nii iprd with tlio Korfitiii Policy Association anil hi ; the World Atfnlrs Council oi .      )hiu. He is now ? as u  of that ?~tion. Mr. Spuiildini! Mild the Unitrd NnttiiDs Coiinrtl and I lie Wulld Af  Coimrll   done mole lli;in  oilier ^ In the I'oiinliy lo '  on (     :il '.s. Tlu' Rfpubliciin  u/mi is II  of 111"  mid Wrlfarc (.'. This :     / .ilcs the activities of all                 rlc-s opor.iHns under Hie Community Che-t in Philadelphia 'Ihrough that un,'/         lit- .u(c.'~ hib  lu . uf feeling "Uu; community heart." Mi. Spaulding ul: was unc (he  s  mii (ihi:in:il . oi Ihr I'hiluOclpliiii fellow .".hip Coiiinii.s.tim. tin.'.' in 10 K. Tills / .s ul nine . -'  n  mailer.-,    Mifiiil ii I id religious groups In Plilliulclphtu. Hi- Iiiis Ih'imi a  t tui ol I lie I'liiladolphia Hou.sint; Association lor  ii years and considers this mir of Die most important phases, if lih civic work "Iktuu'c. it Ihero is anyone Ihini:   to  .v and  in I'l'iiclal. II. Is tin il                 ta2. I Mr Spauldhig graduated from I Jiownrd University In 1924 with the I  u ot  ot . and from 'ho University of Detroit In 1928 with the degree of bachelor of low.;. He practiced law for two .-. In Detroit und then moved to Philudclphia where he lues been practicing ever since. He  the  of Spuuldlng, Wllllnins, Tucker. Kiunkltn. Watson und Dukcr. One ol its members. John Francis Williams, died recently. Mr. Spuiilillnit whs born in Concord, North Carolhm. The labt of the so-culled Reconstruction Con1,-K'ssmnn whs nn uncle of his. His uncle. rU - Ocorgc H. White, lert CoiiKrexs In 1001   it  speech, in which he Mild he wns leaving the hulls of Congress bul his people would re-                 turn. It was -M-mi    ;irs Isal I cr when O.snir Uc I'i  was  iI Coii^rt ss  (he first Illinois district.</t>
  </si>
  <si>
    <t>                                           PHILADELPHIA -- (NNPA) -- The best chances of colored people picking up a third Representative in the November 7 elections lie in the fourth Congressional district of Pennsylvania, where Theodore E. Spaulding is the Republican nominee.</t>
  </si>
  <si>
    <t>                                           Monthly Cramps Now-A Teited Way to Raal R.lUf Without Paln-Dcadening Drug!   il'*w m~""elcS("t B.tw* for ''"ndi of (Irlf r.m^ 3- "? '"torch Indlcam       duo to          ot Ilia .d '?ln ln "~~ny       and In lomo cum nn!i Y DX~'A.'""' . O.t C. .?.mJ?'?^ i.1" ~'          raw / from</t>
  </si>
  <si>
    <t>                                           U. N. Troops Alerted For New Re3 Offensive                 SEOUL, (Wednesday) (INS) United Nations troops, newly merged in one fighting force in south Korea, were pledged to their "utmost" today against North Korean and Chinese Communist' Invaders already patrolling South of the 38th Parallel.                 The consolidated D. N. forces were alerted for an expected enemy drive south from the parallel by 500.000 Red Troops. U. S. 10th Corps troops, whose evacuation from the Hungnam beachhead was completed Christmas Day. merged Tuesday into the Eighth Army under the command of Lt. Gen. Matthew B. Rldgway. Ridgeway. arriving in Korea to take over the post vacated by the I deep-truck accident death of Lt. Gen. Walton H. Walker, pledged to hia men: "You will have my utmost. I shall expect yours."                 Entmy patrol actions were reported Tuesday within 28 and 29 air miles of the threatened South Korean  of Seoul and in the area .ut of Corwon, 33 miles Northwest of. Seoul. These stabbing thrust* below the parallel by solders officially " fled as Chinese Communist were the only break in the uneasy lull of the Korean front. General Douglas MacArthurt headquarters continued to warn of a  buildup by the more than half a million North Koreans and Chinese Communists arrayed just North of the- parallel. With all North Korea now in enemy bands, the formidable red force was apparently deploying for a massive twin offensive aimed directly on Seoul and down the eighth army s flank in the center (Coq tinned on page 5 Column 6)                 JN Troops (Continued from Fate One) ~{ the Peninsula. Warning 'that a major, and per naps decisive, conflict is In the off  ng came in a communique issue. by MacArthur's headquarters latt . The bulletin said: "Despite the deceptive appearance ji" quiet along the eighth V. B  fronts the enemy continue his preparations tor offensive op orations. The movement of troops supplies and artillery in close pros  to the front and the establishment of command posts In thi forward areas are indications. "Numerous reports received during the past 48 hours have established the fact that Chinese Communist forces now are deployed in the forward areas." A virtual ultimatum to American and UN forces to get out of  immediately or be pushed into the sen came in a Pelplng radio broadcast. II asserted that the "Chinese imd Korean peoples 'now have abandoned a state of peace for one of war." It issue a "last warning" to American forces to pull out of both Korea and Formosa "voluntarily" and said if this is not done "we shall destroy  by force." Vice Premier Kuo Mo-Jo was quoted by the radio as stating: "We do not wait for peace to come to us."</t>
  </si>
  <si>
    <t>                                           SEOUL,-- (Wednesday) -- (INS)--United Nations troops, newly merged in one fighting force in South Korea, were pledged to their "utmost" today against North Korean and Chinese Communist invaders already patrolling South of the 38th Parallel.</t>
  </si>
  <si>
    <t>                                           nise of 3^ per cent. In school 1 costs per pupil is noted. Armed forces set 3.000,000-ninn goal !n loi)K- program.</t>
  </si>
  <si>
    <t>                                           POSNEIt'S-'World'.fa* cat telling  and           .w fi ^ pre-  H"^   STRA/QHrfNEft ^^T^^7 BLACK RINSE SOLD AT ALL DRUG  I ...~~cd bf aU good           (j. I Atk for  ^-Kxtor'</t>
  </si>
  <si>
    <t>                                           SANDRINGHAM, Eng.--(INS)-- King George VI told the British Commonwealth in his annual Christ mas broadcast Tuesday that as the second half of the 20th century begins, man is facing his most momentous choice in history--love or hate, disaster or hate disaster survival.</t>
  </si>
  <si>
    <t>                                           i Returns $5,000 Verdict In Mob Violence Case'                 'CHICAOC'ANl')- An nll- circuit court Jury returned a $5,(100 j damages verdict here last week hi favor of the Rev Clarice Moore, pastor of All Nations Holiness church for the low of her eye In August, 1047, as a result or mob violence.                 The case, filed by Atty. Ulysses I S Keys, wns based on the anti- lynch low passed by the Illinois I                 legislature, which provides Hint: I "If uny person is Injured by a collection of people  two or more, In their attempt to regulate or correct this notion (lynching), can recover from the city or county I for nny damages done to his person or property in an amount, up to $10,000." Rev Moore testified that on Au(Continued on page 4 Column 4)                 Returns $5,000 (Continued from Page One) gust 17, 1047, she left her church with her . Rev. Butler Moore; Hev Sampson Southern assistant ; and two  to go to Harvey, III. At 103rd and Halsted streets, they came upon "some 300 or 400 people" milling around with stones and sticks in their hands and  colored motorists. 8he  muro than CO police officers  directing traffic The automobile in which  wits riding was routed west by the police. At'' 107th and Vincennes another moli of about 76 to 100 people -d   with stones and . One of the stones, according to minister struck her in the eye. As a result of the blow she lost her sight In that eye ami It was later  em^veil. The incident occurred during the outbreak of violence which followed the moving of eight Negro veterans In the Fernwood Veterans Housing project The rioting" continued for many days. The current suit is the ! to be decided In favor of a Negro - .of mob violence in Chicago In the last 30 . In 1949. Atty. Keys won a Judgement 4                 S'.'. in favor ol Kenneth Ken-  for ;. sustained at the Airport Homes project j The city indicated it would ap- peal the Moore case There are 30 or more Minilnr suits awaiting trial. i</t>
  </si>
  <si>
    <t>                                           CHICAGO(ANP)-- An all-white circuit court Jury returned a $5,000 damages verdict here last week In favor of the Rev. Clarice Moore, pastor of All Nations Holiness church for the loss of her eye in August, 1047, as a result of mob violence.</t>
  </si>
  <si>
    <t>                                           Reds Battled To Standstill                 24TH FIGHTER GROUP KILLS 600 RED SOLDIERS                 BY HOWARD                  TOKYO (Saturday) (INS) Countor- American troops fought three Communist divisions to a standstill along the new Naktong river defense line today as the  battle of the Korean war raged into its third day.                 Savagely-resisting GI's of the 2Stli mul 24Ui Infantry Divisions Jillcil up hundreds ot enemy dead in the first 48 hours of the Naktong River lighting where the Communists me trying to break through to the vital U. s. Supply Port of Pusan. less than 30 miles away. Gen. Douglas MacArthur announced that in one six-hour counter-attack on Thursday, the 24th division GI's killed COO of the enemy. Three major clashes have marked the firm stand by the Americans in their new and reinforced defense line, and MacArthur said In his communique issued early Saturday that "fighting continues" against unrelenting enemy pressure. The main Communist effort Is on the approaches to Mnsan, 25 miles west of the U. S. defense hub of Pusan, but MacArthur said: "The enemy still is unable to advance In this area due to counterattacking American forces. Fighting continues along an arc running 20 j miles southeast to 11 miles each to. 15 miles northeast of Chlnju." I MacArthur referred to this ex- 1 plosive front as the "Chlnju-Pusan Axis." Elsewhere, the front was i quiet except for patrol activity, In-r  the First Patrol by newly1 arrived Marines. 1 The Marines staged their first  thrust when they seized a hill position nt kn undisclosed sector of the front. A front dispatch said the Marines took possession ol the hill in platoon strength. The .small Red force holding the heights fled. Marine Corps airmen also roared Into action for the first time In the Korean battle and Joined other America)) and Allied flyers in a huge bombardment of enemy .S. The - Mnrinrs  Heel targets In the Chlnju area in r- of the U. S .25th Division, which has reinforced the badly-battered 21(1) Division. The Allied Air Fleet Is now . more than 400 daily air strikes against (he invaders. A Navy  also disclosed that an American destroyer did what It described as a "beautiful Job" In setting the torch to the town of chusan-Po on Korea's east coast just above Yonkdok. The destroyer poured 175 rounds of ammunition Thursday Into the town, n North Korean supply center not far from the battle-line. An ((' mi page I! Column 7)                 Reds Battled (Continued from Pago One) aerial observer said the town was almost entirely in flames. MncArthur said that except for the heavy fighting on the ChfnjuPusan front, the remainder of the 150-mlle line Is "disengaged." He .said indications arc that Communist forces are regrouping with the possible shifting of two more Divisions to the battle in the South. Furious Hunting continued in the vicinity of Yongdok on the east coast with the enemy employing heavy artillery and mortar fire but MncArthur said the positions were stable. The fresh battle on the Naktong defense line  around Wonbungni, 12 miles west of Mason. The notion apparently was regarded officially us possibly decisive, since all civilians were ordered off the streets In Piisbii.- The drastic emergency measure was not Immediately explained. Ptisan's streets, which for days have been crowded with refugees impeding military traffic, were cleared by soldiers who raced through the Port City's various   in trucks. i Behind the enemy lines, large mass i es of Red troops, tanks, artillery and supplies were reported being tunneled through the Tacjon Junction southward for what may develop Into Korea's 'Battle of the Mnrnc." An Intelligence  at MucArthur's  expressed belief these troops were composed of Koreans from Communist China's Manchurin, which lies less than 40 miles from Chonjln. The intelligence officers said they may be from a Korean colony which has lived In Manchuria for many years, and he added that many of these Koreans had battle experience in China's Red armies. He estimated the North Koreans could muster at least 150,000 of these veteran soldiers.</t>
  </si>
  <si>
    <t>                                           TOKYO -- (Saturday) -- (INS) -- Counter-attacking American troops fought three Communist divisions to a standstill along the new Nakiong river defense line today as the fierciest battle of the Korean war raged into its third day.</t>
  </si>
  <si>
    <t>                                           "Greoselest NoMxomo is " soys glam- BlemUhet* and unusually oily skin were Vanessa   Ruby Dec, now appearing in "The Gordon's beauty problems until the discovered Jackie Robinson Story", an Eagle Lion Films Re- Noxzema! She says: "Groaselcis Noxzema is a . "I use Noxzema regularly every day and t ect make-up base. As my night cream, thit  s my  make-up foundation." cated cream helps heal blemishes*, too!" new home mm Look lovelier in 10 days or your money back! Read these 4 simple steps developed by a doctor No need for lot of  .^y !      - $  . 3.- But you will be  Qet  no  "Tp^S "c* '     *h"  g"fn Noxremn now -and save on this rituals! With one , you can V?'cy .How Limited Time Special. Get your ...      protect. ..and help ^   ^/^i"  \i"at *h''i 85* jar for only 59  plus        ! The secret is u marvelous '^-3feH-       how almost hall       as much for -using just one I "nfer^ you ve            your money as in the Small sUe! . snow-white cream-!-- ^'^J^^X'S^^ At nil drug and cosmetic counters, mous ^ Noxzemn. It'sns /,   ?v           *4  do ns  your fnc*. fy*  Noxie^ ~?jS'3?? IUm!ih..~   HHM Audit enn help bring you a softer, ma into fare and a,^ ^l "Wh'n'f i^ to ^^^BBHi! smoother, lovelier- looking com- neck. Pal little 4 h,*"'*y     Noxiemt,"      S'^^^R^    in ns little as 10 dny*' f^rwh"^'^- WS-f/ S^ N^f i.~  '- ^^BfiiH time- or your money back!  g\~ftSZ?l 17^ SSSeS'S'iS'ili^ fc^^^ h,lp, your skin look softer, smoother, ." ^~-BW5r!!8SI Mere S Off you CfO too. And it s /   / No "smeary" MBMaMffiSaMWa l,~,~y  ^    -^ u t c face or messy pillow with Noxzemal    ?PliilWK?$l  Sylvia ^^1 Momlno- I.- ^~P^^HI Jon.i. "But f was ^       Apply Noxzama A skin doctor developed this new ^T troubled *jui K,^ _M over face and . Mn,,,m.             Whon c ^^~~  (~ rough, dry ,"     P-'*~ With a damp , Noxzema Home facial, wnen it     J "~~in l     /  /?n "  was tested on 181 girls - WKtw* ""' I^S /I /I      *  '~l      en, 4 out of 5 showed lovelier-     ^- i regular b. mUV' n/I\\1V] I Rin,Pcwe1i "CrVam: looking skin. And. this famous        " cleanses so thoroughly. Why, medicated formula con help your Au  Nox,.^,. ovon   ! skin look lovelier, too-or you get J SAVI ON  S..p2.-Af.e,d,y. your money back!, J Xf.h.nl STsSmX 8 '.XmrofVe^0 tSS Money-BackOlferlTrythenew ^TaV'j^ l No./ema for f\ U*"JW Noxzema Home Facial for 10 { Big 99$ MT I Jirtfi*' I qfl days. If your skin doesn't show J now Bflrf } ible Mm of     /77 rell) improvement, return the jar i only  7f i I</t>
  </si>
  <si>
    <t>                                           WHETHER YOU ARE I ALL ox SHORT, SUMoT STOUT, LIKE "EXTREME" OR CONSERVATIVE STYLES BY HAVING YOUR CLOTHES  fo you* *HCeuunc YOU ARE GUARANTEED 100% SATISFACTION Nearly 300 NEWEST and FINEST WORSTED SUITINGS TO PICK  FOR LOWEST PRICES SCOTCH TAILORS 16 Pryor St., S. W. i j ^     ' T* NATION S ^^SJUgiJ^ SIYU       in USA</t>
  </si>
  <si>
    <t>                                           Fifty young laymen and professional workers in the YMCA's in the South met at the Dryades Street YMCA in New Orleans for a three-day conference, July 28-30. The theme of the conference was "Planning for Security in a Changing Social Order," as released by...</t>
  </si>
  <si>
    <t>                                           ELLAVILLE, Ga. -- Mrs. Viney Kimbrough and children of Jersey City, New Jersey are visiting relatives here.</t>
  </si>
  <si>
    <t>                                           A real good Carver Vocational' School team is primed to swap blow with Washington High tonight at 8 P. M. at Herndon Stadium with the city prep championship involved in the ground of the gridiron fire works.</t>
  </si>
  <si>
    <t>                                           NEW YORK--(ANP)--This columnist was on hand at the Grand National Baking and Recipe contest luncheon of Pillsbury company to see the Duchess of Windsor present prizes to the contestants from all over the nation. For the first time a Negro girl. Lillie...</t>
  </si>
  <si>
    <t>                                           I am 17; my boy mend is 18 We had a very unnecessary quarrel recently and I said several thing that caused my boy friend to quit I now have dates with other boy, but I'm still in love with my old "used-to-be." How can I win him back?</t>
  </si>
  <si>
    <t>                                           Here's one of the greatest iron tonics you can buy to BUILD UP RED BLOOD  HORt STRENGTH if you have ^W^^^^k. SIMPLE ANEMIA JpPf^L You girls ar.cl women who yT-"' BW^^^ I  so from   \V ^^^^L^ dragged out1- -iV.il you ever ~;1m3^ jUI^HHI stop to think t;. is rendition \^S"' v         may bo due to lac:- r- blood- % j^,}           p ./s ' are one v- ^V^J^m^^  very best  ways to f ~-:*MySlaKSStsKMl M\fi build up red blood lo get ^^ more strength and energy-  ' ^^W 1 in such cases. Without a ?im.h  1L'       ^^L doubt they are one of the i*r"-   ?~i ift/*c /I greatest blood-Iron tonics you /"o.-'ic,;''/'"- ~:i''c'!1 nro ran buy today. See If you. too, ^'-~c/* c v ^//.."rf don't remarkably   ., c 2"~~ie Plnkham's Tablets are a/so CJ ~'~lv-"':cf, 0!"~~'~,,f,llp to a very pleasant  (il y tonic! All drugstores.</t>
  </si>
  <si>
    <t>                                           MHS.  1  TO NEW     . M.ii.io I. Hooker, whn has been in t'.K' c'.'.y visit     her  and l:i;ri(.'- In* rc'.ww il 10 Nou' York     ~~"..i)ic.</t>
  </si>
  <si>
    <t>                                           Court Opens Doors To1 Qualified Professiomtsris                 RICHMOND. Va.- (NNPA Federal court decisions  It "ine  that properly qualifier"" co   be admitted to 'some of tlie .professional department"." of - .s of   !shcr learning, Governor John S. Buttle declared last Friday.                 Segregation, he added, should be continued in Hie public elementary and high schools of the state. The Oovornor expressed Ills views In reply to questions concerning tlie "middle-of thc-road" .on policy In education proposed by Colgate W. Darden, Jr president the University of Virginia, In a .speech before the Southern Governors" Conference recently Governor' Battle emphasized that he was stating his personal views                 and was not intending    mako "a declaration of  policy in any ;cnso of the word." if any new policy is established, he sild It would have to, bo done or in conjunction with the appropriate boards, meaning the St^te Board or Education nnd the boards of  of the higher' Institutions 6t  ning, which determine questions of policy. V Dr. Darden advocated continued segregation In the public schools with full equalization of facilities, the voluntary admission of qualified colored students to graduate Mid professional , and efforts 'to improve colored colleges and to place competent' colored      school boards*</t>
  </si>
  <si>
    <t>                                           RICHMOND, Va. --(NNPA)--federal court decisions make it "Inevitable that properly qualified" colored persons be admitted to "some of the professional departments" of state-supported institutions of higher learning, Governor John S. Battle declared last Friday.</t>
  </si>
  <si>
    <t>                                           COMPLETE LINE POULTRY TURKEYS DUCKS GEESE i SPECIAL YOUNG TOM TURKEYS u. 39c TRINITY POULTRY COMPANY .52 TRINITY AVENUE, S.W. t</t>
  </si>
  <si>
    <t>                                           The Annual session of the Central Alabama Conference of The Methodist Church. Bishop J. W. E. Bowen. Resident Bishop presiding closed another fruitful session last week in Sylacauga, Alabama, the Rev J. M. Ridgeway, pastor Rev. G. H. Holman, District...</t>
  </si>
  <si>
    <t>                                           ri: IB m a H 1 P -UhHB -**ot p;v ~'18 v w r u ^~HhI lM* -ill  ~^^MnWTiTTfiTTw'^  I* Xl-vt. , com  '-In       iIm      Mjil DIXIE  AND BEVERAGE COMPANY 251 Spring      , S. W. WA, 5M2</t>
  </si>
  <si>
    <t>                                           LAKE SUCCESS, N. Y. -(ANP)- It has been announced that one of the United Nations Specialized agencies the World Health organization, is sponsoring the first African conference on malaria control now being held at Kampala Uganda.</t>
  </si>
  <si>
    <t>                                           Native Council Quits In Protest To Jim Crow                 PRETORIA. South Africa- (ANP) The natives representative council, an advisory group of natives which Is consulted by the government on legislation affecting native people, voted unanimously to adjourn indefinitely here Thursday last.                 This decision Us another step in the widening rift between the natives and the government over the Utter's all-out racial segregation policy. In deciding to cease Ite ad- j visory activities, the council may have signed its own death warrant since the Nationalist government favors its dissolution and Is                 ering replacement by some form of tribal council. Though the government s racial segregation policies are the determining factors In the rift, the trend has been toward that end for some time. Under the regime of Jan Christlaan Smuts, the "council had voted to adjourn indefinitely in protest against segregation and discrimination. However the National government, when It assumed control In 1949. reconvened the council In conformity with the law requiring that the native group work with the government  legislation                 fecting natives. The deadlock between the two bodies continued because Doctor Ernest Jansen, then minister of native affairs, refused to appear before the council to explain "apart-heid". His successor. Sen. Hendrik F. Verwoered. reconvened the session which ended abruptly Thursday. Before the counsellors voted to discontinue their advisory activities Verwoered gave his explanation of "apartheid" as the only "possible solution a form of development that keeps the whites and nou whites separate Instead or chasing wills-o-the-wisp and striving for equality with whites In a mixed community with confused ideas and inevitable clashes."</t>
  </si>
  <si>
    <t>                                           PRETORIA, South Africa--(ANP) -- The natives representative council, an advisory group of natives which is consulted by the government on legislation affecting native people, voted unanimously to adjourn indefinitely here Thursday last.</t>
  </si>
  <si>
    <t>                                           Mi' W y J T^~~Hb^bYb^BbYbYbYJt W^_. V_^L V_B ^^V_^*'fL^aHS^^S8^#^B!^b^ ^i^bb^b^bt _^^b^b^b^^^^^^^^^ bY ,^0^^^^^^ ^^^^5^^ ^^^^B^B^B^B^B^B^B^B^B^HJ^Bflln^BBB^B^B^B^Ii^B^B^B^B^B^B^B^B^B^BB^B^BVu I bb^ J wLv*Mbw ^^W^^* ^^^^^^~r*-^ ^i?Ji!$  7 Avtnniif^C Skf/lV ^ m       this week mean that you pocket a present of savings on every food pur5!jf/T^ S^ "^H^^'^^ ::~'^^XzV         d OUtl OllU/IVt-l*      chase. Actually, it s not so surprising when you consider Colonial's ConflFif*^ v^^jir1 '~'^%^7,4~*!r^R^' wt^- j nga ^HM ^BBSi Lr'iiir sistent Savings price policy. By shopping at Colonial month in and month toll f^^-ii !~ A(f i '''$        ^3~^^ IBF^BB aTP" %MbW jBJ flR^I .^^^i^^H^^^ out, you ll realize such considerable savings that it s almost like Christmas BfKMvL    -viB^^Bl^^H^^-JEC xi- t*~43^^3p*^^^ ^^^^^L^^I^^h i^^^b  J^b^KW b^b^bI^b^bw b^b^b^bI ^bTb^m^b^bW I b^b^b^H ^^ ^ ^r I I I Variety Oi BABY BEEF And HEAVY BEEF. bE^Bm^F^^^^MB 1 ^B y^ /~          *~*~^~ r jl 16-OZ. ^V) ft? C! Jf NATURALLY TENDER DEEF ROUND  BEEF COLONIAL  bT BH I 1 I I I I I M i^B jL it STEAK io 89C lb $105 UiU-  ^HWT^^ NATURALLY TENDER BEEF STEAK  BEEF COLONIAL PRIDE B^BM^mIbi I I ^BH ^^^*^*T"***BB ^BI Wt* U^ISivL^'^^^^^^^^.JJfi^^^ naturally tender beef t-bone baby beef colonial pride ^TTT*^^^^ l^\ VCSn C/lf*'fff* d CCll JlOlf Ijr^ll  89C *r9 fits-*-* HI  1 n ffi m V CS  Clrcen White ^B3^ naturally   beef colonial pride StCOkS LB 49C \l w ^Bn^^^ ^v^Bb BMbbS H^^B^ ^H Jb* BB ^^Sb tim \^KIII steak 81C 93C -lz^r S) Ullll IS Km A. Ai S I PI-ATE OR BRISKET STEWING FRESH GROUND PERCH LD. 33c W\~ CRISP jjk RCH^ H T^F C VlH    0Vi m vfi vn S u golden  wbk mmm t Xb^bM 1^0- Hj  9 BB^^ a^ -B^^^P ^Tm .^~CbI a^ftt Kbl^BI .^atal ^ B^P M w t4#% 'Y A v ^Mmm. Can jf^          1 ^bibI IbH "av ^b^bI HbOT ^bV AnuAEI L0- #"C JJ California sweet Thompson seedless W^s^JIt 39C 59C    ^rr25. m  grapes 23^^^J^ W7^^3^WMMf"       ^JJ/)^V^A STRING BEAMS 2  s.'27c ^^"Wa WhifpliniKP ^VE9^TI^=^ ^A  irf^m ill A B7A      /^Afl^*'-^^^^t-T   Ii^it t I f i "^M "X\ I U. S NO. I TOP QUALITY WHITE fpc ^A^r i*'^''  ^VjflfvB^J B^^S^S^        ^BB^HaBBBBWBMBDKSBBIHiVilw^^     ^BS9^ "WM^^^^^^Ifi^B^lM^^ Jr*^MBra^^^^^~^^^^ffB^J^B^^BTmJvB^H^r^ ^B^^v Sr Mellow Pure Apple ^^^J^L With every  at your nearby  Coloninl store you receive nn itemized cash refi- Y^f- DOTISTOlVC 5 Ihc kRAFT ^llc .  "1    fure  ^W^  ^  receipt. In this way you have positive proof of what you pay. If any discrepancies JM rW A A A Vw9 5Lbs KRAFT  U 10Lbs- KRAFT JTf BV m m     ^~Ba m^ occur contact the store where your purchase was made and an adjustment will be quickly \'Y fancy  small  I SAUCE  L and cheerfully made. f A  SQUASH 2 "'13* fl Ks3S!   BLUE SEA SOLID PACK 1 MEAT I 7 WW mm WUHWaB ^H BlV B MEr^ BE89 BIB BBI BHi BB tfV BIBB m    VBk^%~~      I fresh --.'.ut. . sit 121; 25C#^ TUNA FISH 39C ft fresh peaches 2 29 ^^L ^QW^^t^ roNY   ration    Due to Daily Market Chances Produce Prices Good Thru Sat,, Aug. 5, Only! !^^^^*4^^^^ DOG FOOD 3 can; 25C w Eb^BEI!S2K^^2ES[ fr^mr^^^l^^^ ^co^^rnE^MENTSEnvE^ tea-^b. p^'^^ )f By plainly price marking every item in your Colonial store you have ( J^ ^^*\hIs2^' IkII  B         VA'Lb- M ^C \1N tivo proof  r what     Pav- POSITIVE PROOF of lowest prices every day. liv ^."m5^_  Ji A Jj If AiMb JbIbTbIb^PbbIbbI Pke BUb9 v\J We invite you to compare our prices- they speak for themselves. ^feF /-i. r. i ^^     HEfREbHINU -^LB. PKO.  5C V^BP"/ B*l CP        WJP1 CMDirMCn % T II         pr cold, c^s^ie ^~~l v I'YpTOIU'S TEA %^ I^ff MILK e^?d 3 33C 01 CORN ^^fe. MMm\mT A 1#1H i9 A-iA pkg. JJ  A?     ]~~        brocks ,0.o,. iac     ^P^^BlBt*^ RjB^^^  oh .no^-s jewel I 1 V              MARSHMALLOW pk MkW 4 2 c 2 25ciK^ SHORTENING r 98C    CORN flakes k^,    ^~~^V Lans .^KIrSL^VwI^^ our   ihin sliced I ^k6- *H^ ^^^^^^^PS^^^ 0N EVAP-  MI peanuts 35c  ^4T CS Cul ^^ ^^VA STr BABY r0OD 3      29cL^r,c, jf.e-" ^xy  wOE^^^^-r^ 3 .^tra w7T"          t^^M i 4  Til^lBJ ski candy  allows   ^^^^e J Cans JM Il]J3               J# ANGELUS 'o.ol.19c!;Lb43c::lbj;3c;LB 6     M^ MiS BV *BiV tfV  Ba^^==_ "T"TTT*T*T^"^ BB^^^^B^^^^^^An^^^^^^JJB^M^K^^AW^          v   \ ft j {      BJ^^fe.^ VV**^  BVfVPPilVPff'Wll'H VINEGAR Pin, 15.CK.0F.THE.0E..A.. r1 no. 2 7  c       ^^ JELL-O I I! I 1 UM 1 2 ,0 3  1Gt EGCS .00,57.     All      ' \  =- *9l9c {^^~^^^^^^^^^^BL^L^^BaU^HVBYaB ~^N^       A     Bablei 3VVQl' J"c triangle pure   WKn JSWwJJ^^ ^~~~~^.^~~~~~B   ^^en-3 ^ milk i i BUTTER 67c Ml- Sffli^BmL^^^^^^ STARKIST CHUNKS CRACKER -ADE ^FT^O^OOL) 7M c H              TUNA JACKS -HI-C PARD ^'s" Our Modern New Self'Semce fpT Sw^^-i, no. -2 1ec a Pka$ Qc 46-oz. 2OC 16-oz. 5f c BAKERY DEPARTMENTS Ig^ y)~^ I-. -2i^Z^^l Can CanS IN THE  COLONIAL STORISt  n* iii-M- 111T f ,-^1 WASHINGTON STREET AT MEMORIAL  DOES EVERYTHING TOILET SOAP SOAP FLAKES THE SOAP OF BEAUTIFUL WOMEN WONDERFUL IVORY 1O78 peachtree street DUZ IVORY IVORY' CAMAY SOAP J*?W ;~~~==, w MED. PKC. i LCE. PKC. Pers. fie Lge %~~. Reg  Ccf Bath lie MED. PKC. LCE. PKC. )8  5 PIEDMONT ROAD Y%- *c_ Bars Pkg'. 211 b5 Bars J Size MM,     i 28c KEITH S CIRCLE, BUCKHEAD Y **c 5 *ol: I 125  , DICATUt y Pt'TZi-*'</t>
  </si>
  <si>
    <t>                                           Houim      - KtwltU m No Monty Down"     $5 to $(6  PROMPT SCkVICI Canural Lighting    . ^H.~2^ N)      CH. 710T</t>
  </si>
  <si>
    <t>                                           Wednesday night (Oct 18) was a sad, tragic night at the City Auditorium. They all went to the dance to speed a few hours of enjoyment but the life of a pretty 22-year-old mother was instantly smothered out by a stab wound in her heart allegedly done by her...</t>
  </si>
  <si>
    <t>                                           Mays Says School Suit Timely And Democratic                 MY V W .\                 Dr Hi'iiJ until K.     . p: ol Moreliome Collug'.', told r.n audience of diners at the Hunpry Club luncheon  In the IJullfi- Street- YMCA \Vi(         , lh;il the bull Atlanta     'o  asking for :il  oi)i) for their children                 an end to Uie dual system ol f,chool\ "Is reasonable, timely, awl democratic." His address before the crowded : \vas also  over station .      sneaker, chairman of the Atlanta NAACP education committee, declared that- the history of :~;:     has bicn a history of inequalities. Dr. Mujvs said that the parents' brief contends, and thin ii Is his personal conviction Hint equality ol opportunity  be obtained under the so-called "s- but " system. 'Die  is not mixed schools,'1 ho declared, "but Ilic real      !lon Is can  be  In .'.?" Citl"!!  won  .s cases, Dr. Mays alluded that Nesirut'N           Mil  down Jim crow i r I r 1 1 1 (in (lining '.'ills" in  lo .sit bi- white people.                 "They su?d  tin1 curtain were embarrassing and Immtli.iting.' lie asserted. Likewise, Sweat t an. McUiurln sued to enter tradition  white  not just to bi with white students, bui  they wanted tlie same education Die white students were getting. NO NEED FOR FEAR Pointing out that  one  mongers were ) ranting at the time these  suits were filed In the same way they arc demonstrating over tin Atlanta school suit, the  respected Atlanta educator predicted that, the South and his "native Georgia" would accept whatever decision the U. S. Supreme Court renders in the case. In quiet, confident tones he ad- i I vised, "there Is no need for panic no need (or fears; the founding fathers of tills great nation designed the wheels and machinery by which this country operates In-,  to the best ends of democracy. Clildlim critics of the suit. Dr. Mays pointed out that Negroes have not reported to arbitrary or j  action; they have gone to the courts, carrying their problems to this guardian of  ; concepts. In a challenging question the Hungry Club speaker asked: "Is Georgia willing to pay the  100 to 175 million dollars to remove the physical Inequalities i between white and Negro schools?" Then he wanted to know how long It would take to do the job. If It were only a matter of 2, 3, or 5 years, Negroes could perhaps be patient a little longer; but if It Is iv matter of 26, 50, or 100 years, then there Is reason enough to be uncompromising, he declared. TIME IS RIPE During a question- period alter Dr. Mays' addres.5, Prof. C. L i Harper, president ol the local ' branch, explained that the i Atlanta Board of Education had failed to act osi four different petitions since 1945. and the organization didn't intend to wait for(C'oiilluucd on page 6 Column 5) j                 Mays Says it.  il Iror I'.igf Onp) I cvi i Hi' declared tint "tin;       ; ul  an- falling' . '.ho time is     -"'    \m--\t lur full equality n MV Then the U WM.ible leader   "tlu1 -.vts of Hii-ii.~  on u.-: ir v c li',nt this, Ijatlli1 \vi- art1 also   Iwitlr tor '- Uic v. over." .laini-.- U Maitii'. a  in u r 01 the Hliylo'i net lulling firm .ma the Uibaii LifiiKiir. .staff, cited I.ea- Hiic ri  Ihat  the in- j   ap in  and Neyro M'hnols is ii( I in;;  i". "At the  iit nitr." hi- .-aid. "the In-   ml\ei- b? \       out."</t>
  </si>
  <si>
    <t>                                           Dr Benjamin E. Mays. president of Morehouse College, told an audience of diners at the Hungry Club luncheon meeting at the Butler Street YMCA Wednesday, that the suit of Atlanta Negro patents asking for equal educational opportunities for their children...</t>
  </si>
  <si>
    <t>                                           Can you tell me where there is a Negro Nun, up North or here in the South?</t>
  </si>
  <si>
    <t>                                           UNIV. GRAND LODGE, GRAND COURT MEET HERE                 Delegates from New York, 1111 i nois, MichlBan. Wi-, Tennes- I jce, Arkansas, Alabama and points j over  have assembled here fur the meeting of the Universal Ciraml Lodge and Orand Court of Ancient York Masons In session ' through Sunday.                 tober 22 al the Rueker Building, 158 Auburn Avenue Pro.- officers are Rev. .1. C. McKiblxm ol Delpill. Universal Grand Master and Mrs. K. L. McKililym, Universal Grand Matron, Homines of Jericho, operating in .separate . Isaac Harris ol Atlanta Is Slate grand master. More than 100 delegates were                 sent for Hie  session ol wri tome held Monday night at Allei. Temple AME Church, Rev. K. II. Porter, pastor, where Mnyor W. 13. HarUlicld gave the welcome tor I . Other public .sessions will Dp Fi'ldny evening, when officers will be  lit convention  In the Uucker   the special .- on Sunday al(), 2:30, at tile Bethlehem Hapiist Chinch, corner Fra.-,er and Clark Streets I DM,  Stated for the business sessions will be :i full program Including appointment of committees, roll call of officers and delegates, minutes ol past meetings, rules of order, new   business, reports of grand courts, grand lodges, grand  is. grand matrons Universal Orniul IjoUbc and Universal Grand Court, Universal Ornnd Lodet1 and Court of I leers, election of . memorial services mid tho .1 . A Biaantlc parade  the 20 person Victory Marching Club of Michigan and the David T. Howard .School Band will form at the Hucker Building, Sunday, at 1 o clock, move out Auburn to Jackson, out Jackson to Connolly, over to Klchardson, out Rlchnrdion  Richardson, out Rlchnrdson to Fraser and down Frnser to th.  Church where Rev. J. M. Maddox, of Monroe. O..iv.::i. will preach. A .sightseeing tour Thurs'lay )"~l a parade and barbecue Saturday Im Monroe, OeorBla, will be -r  points of the meeting.                 YORK k..~  MEET HERE Delegates from several eastern and  states have assembled here for the annual meeting of the Universal Grand Lodge and Grand Court of Ancient                 York Rite Masons. The conference will continue through Sunday at the Ruckcr building, 158 Auburn Avenue. Delegates are  above at one of the regular sessions.</t>
  </si>
  <si>
    <t>                                           Delegates from New York, Illinois, Michigan, Wisconsin, Tennessee, Arkansas, Alabama and points over Georgia have assembled here for the meeting of the Universal Grand Lodge and Grand Court of Ancient York Masons in session Tuesday through Sunday...</t>
  </si>
  <si>
    <t>                                           Plans have been completed for services at Wheat Street Baptist Church.</t>
  </si>
  <si>
    <t>                                           "Academy Picture" "Jezebel Of Jazz"                 The 23rd animal Academy  vill again be held at the Pantogcs j .heater at Hollywood and Vine- the Sate, Thursday evening, March 22 Sidney Potter star of "No Way Out" = a possible winner. At the Oasis, vivacious Anita 'Dan lived up to her name of "The Jezpjell of Jazz." .Nat (King) Cole ,vill be home for Christmas as usual. He will an featured at the Paramount with Jimmy Dorsey's band.</t>
  </si>
  <si>
    <t>                                           DAILY  SWORD                 ACROSS ft.        too), 6 Retort It.Oltyln Kentucky) It. Warning/ 1*11 12j        \ M.DIvlilon, of play) 15 Apex 16. Exclama-) lion 17 Personal pronoun/ 18. Town In' Illinois 81. Before I the war! 13 Anger H.U.Ir 25. To be In debt 27. Clilneiie silk 20. Short          - 32. Capital f (Bermuda)' 30. Sun god 38. Hebrew month 37 Period of time k 38. Winnow 1 39 Horse running a mile  1. Lassies 13. Mining town (Colo.) 45. Long fish 16. US president DOWN 1 Cutting machine '2. Saucy 3 Hewing tool                 4 Clamor i   . Half an em; 6 Stairs 7. Blue-grass1 /8. Moor 10 Broad smile Jl.Coarflef          I HV. S.) 13. Sharpen. s as a razor]  5. Sailor 18. Femalt. l)] sheep 9^ 10 Carting" %- vehicle 20. One of many                  22. Kind of chef up (Dm.) 25 Exclamation 26. Gained' 27. False 28. Skillful 2~.PigC pen ,10. Barter* 31. Without Perfect ,34. Rendered, fat or M swine, 'JflS !J8. Haze 40. Confederate. general                 41. Middle 42. Awing 44 Virginia (abbr.)                 (t 1 1  f AmIlillllM*r IaIi.H!IkITM5          Vttttity't Amwtr                 w i2    r ib w r r p lr llj I r II15 III-17 pis n 2  %W Ill-Ii 27 """HHi!! L- 32 1554 ^?5_ i^ "y r nil                 DAILY CRYPTOQUOTE- Horf1*  to work It:,  (LONGFELLOW On* letter simply  for another. In this example A Is used for tho three I,'s. X fnr  two O's, etc .Single letters, , the length nnd  of the word3 are all hints. End) ch\v the code letters arc different. A rr. Qnntntlon B Q B X X IBH N M II II R M D K 0 C  1 'G R K 0 1 B V. N B  W M R I 11  VeMerdny's Cryptonnole: WEAVE 8 DIVINE   NEW- . Dlilrlbulfd by       ii (</t>
  </si>
  <si>
    <t>                                           Madam Eva 15c SPECIAL READING lit ft World'*  /If A Pftlmtst After     Ml* III  MnnK til        TlL   fw fMp \ej ri VtobletOM t*       l/*t torn Era     mt  o"     8H1B OIF1'!'' ^i2r: *-Jl FACT* AND \^*9v* **rt TOD I 8CLTS. V n /if u     bap" \tl fy IwDd *r wUa     2^J Me. (m nr* m i^i O/ how* f to U p. m. dull? and Brw*~y 1 U W, MarieM* Bt, If. IV. 1     fee  Tw*~ Tr*    . Bm       it</t>
  </si>
  <si>
    <t>                                           SHAMBLES OP WAR         OF V. N. ADVANCE                 . REMAINS of Scmth Korcnn villages like the above me mot by tbr advancing United Nations                 . Villagers hove ti  together their Tew unbroken household jars, ( inl .S'oumlpliolo)</t>
  </si>
  <si>
    <t>                                           CHRISTMAS TREES! WIJITi; ) "Sl'KUCI-: or CAT -TAIL" HIr trees, little trees and everything between! Your nose, tells you Uiey'ic (rush from tho forest (heir -u ( (hick, tlr.'iisc and Jivitn;. Oct :~ now!  jji:Aiiiiri:i, potted POI N SETTI AS MARIE S FLOWER SHOP 10 ASIinY STnEE'f. S. W. KA. 723</t>
  </si>
  <si>
    <t>                                           Henderson Convicted Again; Lawyers Motion New Appeal                 Jury Fails To Recommend Mercy For Doomed Man                 , Oa.- (INS) Clarence Henderson, a Negro share-cropper accused of murdering a  Tech student In l!M8. was found guilty- without recommendation for mercy- for the second time Friday                 Judge Samuel J. Boykln sentenced Henderson to die In the Tattnall State prison on November 17 for the slaying ol college student Carl "Buddy" Stevens The execution date was                 tically postponed, however, after Defense Attorney Dan Duke filed  i motion for a new trial. Judge Boykin set December 2 as the date for hearing on the motion                 Henderson had previously been convicted of killing Stevens, who according to testimony, was slain while grappling with a Segro who attempted to attack his girl companion. But the state  court granted Henderson a new trial The jury returned Its verdict Friday morning after  that it was deadlocked Thursday (Continued on page S Column 8)                 Henderson (Conlinnrd from I'iirp One)  Henderson made u dramatic      for his life yesterday afternoon when lie told the jury that he had never .seen the murder weapon and that he* knew  of the crime Bcsidf.s Attorney Dan Duke. Attorneys 8 8 Robinson and E E. Moore, all Atlanta lawyer*, represented Henderson In his pica for k ,uc\v trial. The Atlanta  or the National Association for the Advancement of Colored People Is i sponsoring  ( the HcndcrKon's .</t>
  </si>
  <si>
    <t>                                           CARROLLTON, Ga.--(INS) -- Clarence Henderson, a Negro share-cropper accused of murdering a Georgia Tech student In 1948, was found guilty--without recommendation for mercy--for the second time Friday.</t>
  </si>
  <si>
    <t>                                           I've been having a ... with a gypsy who reads the tea leaves in a club we've been playing. It's a matter of great import, so I thought I'd call it to your attention.</t>
  </si>
  <si>
    <t>                                           Receive Nutsing Certificates- Terrell                 Members of ihe graduating class of the Terrell Memorial Hos,pital, who received their nursing certificates Mondoy night, October 1, at commencement exercises at the hospital, are seated: Misses Eva Wallace, Willie Mae Miller, Mabel Lee Townsnd, Charlszelta Garrison, Beatrice Bryant, and the supervisor, Mrs. Ernest Payne, Standing are the freshmen students: Misses Ruby Oldsley, Elsie Robinson, Louline Jaymes, Bobbie L. Macklin, and Lorraino Neal.                 MEMPHIS. Trim.                 iSNS)</t>
  </si>
  <si>
    <t>                                           Reviewing The News                 BY WILLIAM GORDON                 It Is obvious to all ti\:it under till! present  mankind mi c!     \to llu- danger  only through an effective United Nations . 'I'1)      "  the United nations as ;i  organisation ol nations for collective security would be                 mount lo (jiving L'reen light to war. U Is therefore, our '. duty to preserve ill nil cost Die universality of the United Nations mid constantly  the part it must play In (ill questions relating to war ami peace, in ' with Hip spirit of the  Nevertheless, the efforts I" Mrengthcn the United Nation.-; as un Instrument of peace and development of peaceful cooperation among nations on a basis of equality are meeting with harmful tendencies. If we Jail to allow equality to prevail as a feature In the United Nntlons program, it will become ineffective and Incapable of undertaking any efficient action on the question of war and pence. U goes without saying that the Influence and responsibility of great powers in matters concerning Hie questions of world peace lire of greatest significance. Through a well organized program of International relations implemented through the United Nations with the full cooperation and support of till the nations on the same level, the threat of war would never be a factor In the shaping of world policy and conditions. There would .i exist an understanding among nations that cooperation for the betterment of all would be the concern of all parti- i  In u permanent peace { movement.</t>
  </si>
  <si>
    <t>                                           It is obvious to all that under the present conditions mankind can eliminate the danger or war only through an effective United Nations program. To allow the disruption of the United Nations as a universal organization of nations for collective security would be...</t>
  </si>
  <si>
    <t>                                           Atlanta ^HS Meaikerei MM      dm  Btery MeraJog Ktee* Mertay,  t  V. A. Matt 4    4cr-PtkHtker,    . C, MM,        Am. t,  Beeua* Dally Hank U, UM Trtffcfcm        tUt Mm MmI lo rod OMm at AUanU (  , a** u Mcond tlMi mail      Art ot Oongrf, Match II, Ju MWI      aai Qmuni Mwum  bath by maili      4A7 Onl7  1 Tear  1M( MentiM  M6       1 rear I U.Ms f Hootfc* 9$Mi       KM 0 mSi Tear ISMi Months      Fweitat 1       Bate By Carriw W Weekly ID ATLANTA  WOBtD U an                      and non-, printing news absolutely  ~**n9ZxVtDM   It MUef ea to be to the Interest of Ita reader*       things  the Interest ot 1U reader*. m WOBtO           repudiate* re*            lor return of UMolWIed Metaree, *.. * sumps are . SroOOATIOMS to and make OHEOKfl payable to ATLANTA  . rather than to . THE  TO VOTE g.^,^1  KtiAff</t>
  </si>
  <si>
    <t>                                           Last week was a triple surprise birthday party for some well-known Atlantans. It was for Mrs. Hazel Clark, Mrs. Chrystyne L. Randolph and Charles Gideons. The hosts were Mr. and Mrs. Joseph Brookings at their very attractive cottage on Washington Heights Terrace.</t>
  </si>
  <si>
    <t>                                           Auiburn Avenue Hailed As Symbol Of Progress                 The District Manager's Conference of the Atlanta Life Insurance Company entered it s second day Monday with the first session, under the direction of Manager Q.- E. DeLonne, at 10 A. M. in the Boy's Building of the Butler Street YMCA.                 George W. Lee, Director-Manager I of the Atlanta Life,     the principal speaker at the banquet which waa held Sunday night, 8 P. M. at . Mr. Lee  of. Negro                  lor the last ten years. He listed both assets and liabilities of the race during this period, showing that great improvement and progress had been made. Mr. "Lee praised the Negro of Atlanta for his role in past achievements, and stated that Auburn Avenue is the symbol of the great Negro communities of America.  During the banquet, Mr. E. M. Martin, Secretary of the company (Conitniwd on  6 CobuBB 3)                 Auburn Avenue (Continued from Page One) ,:~t. 'introduced the officers of the Institution. G. E. Defljorme, Director-Manager presented company veterans, and drew a picture of those veteran workers whom the company had retired on it s unique welfare program plan. "Can you in '53 say we won in 91?" was one of the slogans adopted by the conference as the workshop was opened at 10:55. Monday, the workshop was divided into three sections. The first portion of the workshop was titled '^Primary Job of District Manager." Manager V. U McFherson discussed prospecting for agency personnel. Manager 8. F. Howell talked on selection, and the type of agent during emergency. The second portion of the workshop dealt with "Atlanta Life Career Opportunities." Permanent employment vs. temporary employment was discussed by Manager A. C. Strickland, while contracts was          -by Manager W. G. Holsey. Atlanta life Welfare program was the subject of the third discussion. Manager 3. H. Gregg discussed disability benefits, while Manager P. Et^WUiard talked on Old Age Economic Security. One. of the principal speakers of the Second session was Mr. Louis T. 3 Agent, Lincoln Life Insurance Company. Mr. Bates was introduced by Manager C. J. Greene who stated that the general agent -had attended -school at both Emory and Georgia Tech, in Atlanta. He described Mr. Bates as a mad -who had soW two million dollars worth of Insurance, taking active part in church affairs at the same time. The second session ended at 6 P. M. The conference will tie continued today at 9 A. M. At this tune emphasis Will be placed on selling. The conference will end with a dance held at the City Auditorium. The youngest visitor to the Conference was three year old Gilda Lee. who is the daughter of Mr. George W. Lee. She has been the house guest Mrs. W. C. Thomas and Mrs. G. E. Delorme.</t>
  </si>
  <si>
    <t>                                           The District Manager's Conference of the Atlanta Life Insurance Company entered it's second day Monday with the first session, under the direction of Manager G. K. DeLorme. at I0 A. M. in the Boy's Building of the Butler Street YMCA.</t>
  </si>
  <si>
    <t>                                           Senate Approves $180 Million School Construction Program                 Bill Awaits Talmadge Okey                 VThe Georgia Senate Monday passed and sent to Oov. Herman Talmadge a bill that will authorize  of oner 9180- worth of common school buildings.                 The Governor will appoint seven men with staggered terms to  the issuance of revenue certificates as local school officials request funds for expanding school plant facilities. Then the bonds will be retired by "rent" from the shoots administrative funds. House Speaker Fred Hand said: "The school building authority will not only raise the general standard of school buildings over the state, but will' strengthen our school system against  on segregation by equalizing facilities for the colored and white races." While nearly one-fourth of the House members went on an Inspection tour of Battey State Hospital and the School for the Deaf in Floyd County, the Lower Chamber was busied with local legislation and committee hearings. First, however, the House passed a -proposed constitutional amendment to .vend at least 25 state-financed students to medical school each year in a move to Increase the number of rural doctors in the state. The amendment provides a medical examining board to make loans to "deserving rural would-be                 ans." Senators received an amendment to the nuisance tax repeal bill which will lower hunting and fishing licenses to $1.25 each and call for annual renewal of the licenses The Senate Finance Committee approved repeal of the "emergency taxes" on cigarettes, gasoline and liquor. Public hearings were slated for tomorrow on the saies tax.</t>
  </si>
  <si>
    <t>                                           The Georgia Senate Monday passed and sent to Gov. Herman Talmadge a bill that win authorize conferuction of over $18O-million worth of common school buildings.</t>
  </si>
  <si>
    <t>                                           Atlanta JSHj^Wbrld EI$2N Published       Morning Except Mondiy ff 1$ f^ews" ~^^"~Tv6      ,' "       82  (3), GEORGIA, WEDNESDAY, NOVEMBER 8, 1950 5;^*Wi PRICE FIVE CENTS</t>
  </si>
  <si>
    <t>                                           ATLANTANS HAVE BEEN BUSY raising funds for the 1951 Polio Drive. Groups have worked house to house in an effort to increase funds for afflicted people. Pictured above is the Planning Group for the House to House Canvas, which is an active part of the Mother's March on Polio Group. BOTTOM ROW: Left to right: Mrs. Loretta Kempson, Mrs. Rosa L. Hayes, Mrs. Rachel Cost,                 Mrs. Narcissis Hiil, Mrs. Odessa M. Hart, Mrs. S. W. Rocker and Mrs. Idella Watson. TOP ROW: Left to right: Miss Ella Mae Tate, Chairman of Colored Division of the Mother's March on Polio Group, Mrs. Elizabeth Jackson, Mrs. 1. D. Shivery, Mrs. J. P. Sherwood, Mrs." Beatrice De Vaughn, Mrs. Lucille Baxter, Mrs. Marie J. Finch, Mrs. Ruby Jones Aubert, and Mrs. Maggie Gaines. (See Story on Page 2)                 MISS E.    TATE IN  BfclVE Hlftf                 " M. Tate.  in Atlanta Public schools and a noted Civic and Religious Leader in the community, wlU bead             March on Polio when the trite Ifeti underway Wednesday, January 31 from 7 to 8 p. m. Mto Tate Is      anxious to Wt workers to assist Iwr 4h the Drive. She is being assisted by Mrs: Mary Jordon, president Of the  Atlanta PTA Council and by  e*en(r organisations, churches  'MrorlUes. Misstate said that the PTAs                 of "etch                were particularly cooperating with the program. In very significant meeting last Friday,  agreed to belp her In the drive: Mrs. LoretU Kempson, Mts.- Sow h. -Hayes, Mrs. Rachel Cort. Mrs, Narctala Hill, Mrs. Odessa. M. .Hart, Mrs. 8. W. Rooker and Mrs. Mella WatBon, Mrs.  Jackson, Mrs. L. Shivery, Mrs; J. P. Sherwood. Mrs. Beatrice DeVaughn. Mrs. Luc^e Baxter, J. Ptoai, Mrs. J*$r        and  ni. - Ortui. Mks TWe te*4        of the National Borocityof PhlZfelU Kappa, who hw as:4ts.prol( money for..          ^Omlyais...</t>
  </si>
  <si>
    <t>                                           Files Suit, On Vol. U. Entrance Bar                 Charlottcsvillc. Va. (      OrcRory Hayes Swniison, nil . of Marllnsvillc, Virginia, lift Tuesday  suit. In I lip Federal District Court to  officials nf the University or Virgin) i from (irn.V'iig bin)  nil oilier   ii;   of Virr.inli                 tlon to Dip . I        thai ;i special  c-Judwp I'Vdnial emu I be convened Immediately to hear the case and (hit i (                - tlon bn issued In I lie  n- t-nm.'.t  ity officials to keep:  in from  :-.- ion to I qualified colored students. A similar permanent Injunction is  alter a hearing on the  its merits. A motion for a .uy Injunction was filed with tho complaint. Thn  charged Hint the refusal of, the board of vi.itors on July 10 to admit. Swunson to the university violated his const.il ution- 1 al rights'. The result Swanson said, Is t lilt lie and other nullified  .students nre  Irreparable injury. Swanson said he Is a graduate of LnnpMon High School at Danville. Virginia, and received a b. or arts degree f mm Howard University. Hi; added that lie met ail (he ? tor admission us a graduate student hi the law department of Die University of Virginia: bill lli.il he and nil oilier qualified colored persons wen; excluded .solely on grounds of race or color in accordance with Virginia'* Jim Crow school law. The SUilc Constitution, the State Jim Crow law and rules of the university which bar colored person from admission to the university. Svvntison . are in conflict with tilt? Const ItiiUon of the United Stales. He added tint Ihe -  Is a part of the       '.-~ educational .system and Is supported by tax money. There Is no other stale supported institution In Virginia at. which ho,  pursue  work In la'.v. Swaiison continued. I  N ) I 1 N lined as defendants in the still i were Dnrron P. Hlnck, of Norfolk, I rector of Ihe university; Colgate W. Darden, .-illy president; Frcj  D. a. nibble,  dein of the university s department of law. and Oftorce FcrRtisnii, .Ir., .of the university. Spoltsvvood W. Uoblnstm. Ill, a Rlclinioud attorney, said he and hi: ,tes representing Swiiison had patterned the cn.sn after thn! of - W. Mcl., In which tho United Sliitos Snpromi! Court ruled thai the University or Oklahoma had to admit McLaurln to its r.i  school under the .same terms and conditions that It admitted white students. Other lawyers representing Swan .son in the suit me W. Hill  Martin A. Martin, also of Richmond; Thurgood Mar.. special counsel for thn National Association for the Advancement of Colored People; George M. Johnson, dean of the Howard University School of Law, find James A. Washington, Jr., n member of the faculty of the Howard Law School. (Continued nn pane 6 Column 5)                 Files Suit j (Continued from 1'ago One) Hill, Martin mul Robinson nro attorneys for the Virgin!;* Stntc Conference of the NAACP. Thn Board Visitors or tlio I Univeiilty of Virginia nas Instruct-                 I'd Us attorney. Allan Perkins, of I Chariot , to collaborate with I Attorney General J. 1- AlmoiiR, Jr., In ; the suit.</t>
  </si>
  <si>
    <t>                                           Charlottesville, Va. --(NNPA)--Gregory Hayes Swanson, on attorney, of Martinsville, Virginia, last Tuesday filed suit in the Federal District Court to enjoin officials of the University of Virginia from denying him and all other qualified colored citizens of Virginia...</t>
  </si>
  <si>
    <t>                                           BIWGURBARsKlBl PROTECTION I(S*^iC SOUTHERN WIRE IRON WORKS I NISH WILLIAMS, Representative RAymond 9389 I Phone MA. 5805 441 Memorial Dr., S. E. Atlanta, Go. II</t>
  </si>
  <si>
    <t>                                           THE THANKSGIVING SEASON was the most enjoyable ever in Atlanta. Many pretty parties spiced the social calendar. To usher in Thanksgiving day was that of the Bon Mat club whose members entertained at the Magnolia in the early hours of Thursday morning. Their motif delineated a real Thanksgiving. The ball room floor was centered with a scene of pilgrims and an indian done in papier mache. They were surrounded with pumpkins and the festive fruits.</t>
  </si>
  <si>
    <t>                                           NEW YORK--(INS)--As a group, the most timid bunch of men we know are the major league club owners.</t>
  </si>
  <si>
    <t>                                           Funerci! Notices                 (MOORE Mr. Qlirer Moore, of 417 Auburn Ave. Friends and relatives j of Mrs. Halite Moore, wife; one brother, Edgar Moore, Atlanta: one sister, Mrs. Florence Jackson, Chattanooga. Tonn.; Mr. Clifford Jones, Indlnnnpolls, Inil.. Mrs. Evelyn Mcnrlile. of New York City; grandchildren, ninny nieces nnd nephews, 1 arc Invited to attend the funeral of Mr. Oliver Moore today Saturday at 2 o clock, at Auburn Chapel, Rev. Louis Foster officiating. Interment, South View Cemetery. Haugabrooks Funeral Home. HARRISON, Mr. George D.- The friends    ; relatives arc Invited to 1 attend the funeral of Mr. George D. Hiurlso.'i Sunday. December 17 at I P. M. Warren Memorial Methodist. Church. Ilev. E. \V. McMillan officiating, interment. Lincoln Ccmetcry, Monday at 11 A. M. The body will He in slate In our chapel imti'. ihe hour of the funeral. Sellers Bros. i I Deaths Mr. Henry Bell, tt-220 E. 14th Street, N. E.,  December 14. 1 Miss Dollle Mae Jones, Mountain i View, Ga., passed December 13. Mr. Wall Kord, Hogansvlllc, CJa., passed December 13. Mr. Arthur Burney, 536 Oonnally Street, S. E., passed December 13. Mr. Brvln A. Russell, Marietta, Oa., passed December 14. Mrs. Toinmic Cooksey passed December 14. Mrs. Tullle Hcndrlck, 428 nock Street, passed December H. Mr. Will SledRe. Dclray District, passed December 14. iMr. Clarence Tlgner, 31 Thayer Avenue, passed December 14. Mr. George D. -Harrison, 124 Jcplha Street, S. W., passed December 14.</t>
  </si>
  <si>
    <t>                                           HAIR STRAIGHTENED ONE APPLICATION KEEPS HAIR STRAIGHT FROM 3 to 6 MONTHS Buy PERMA-STRATE at Drug Store -only $2(</t>
  </si>
  <si>
    <t>                                           HHICAGO--(NNPA)-- Detective Tim Allman of Police Commissioner O'Conner's personal gambling squad had nothing to add last Thursday to the statements on policy wheels which he made on last Wednesday in the office of State's Attorney John Boyle.</t>
  </si>
  <si>
    <t>                                           Awarded French Fellowship For Year                 WASHINGTON, D. C- Nathaniel A. Tyler of Oaf . S. t graduate student at Howard University  In French, his been awarded a teaching fellowship by the French Government for the school year 1950-51. Mr. Tyler, received his A. B. degree at Howard University in June, 1949, will be  to the College for Continued on page 6 Column 6)                 Awarded French (Continued from Page One) Boys In Castelsanazlne. Prance. Mr. Tylnr is president of the French Club nt Howard University and was listed in the 1949-50 edition "Who's Who Among Students m American Colleges and Unlver-itics."</t>
  </si>
  <si>
    <t>                                           THIS POW WOW DANCE that the SIGMAS SHADOWS entertained their friends with on Friday evening was one of the most unusual that has been given this Fall. There was wide speculation as to what it was all about until the quests arrived at the Magnolia at ten o'clock to find the decorative motif just what the name implied.</t>
  </si>
  <si>
    <t>                                           House Approves $200 Million School Appropriation Budget                 Provisions Ask Retention Of Segregation Laws                 A state school building authority which  construct nearly $200-million worth of school buildings in Georgia was approved Friday by the State House of Representatives.                 At the same time the representatives were given copies ol the administration budget bill which would in effect do away with Georgia's public school system if segregation ends in the state schools and colleges. One section of the budget bill specifically prohibits any school or college from receiving state funds if it "does not provide separate schools for the white and colored races." The Governor's measure also provides that "If any portion of this (school fund) section is declared unconstitutional, the entire section shall be held invalid." Thus, according to legislative observers, Gov. Herman Talmadge la attempting to carry out a promise that he will "not provide millions of dollars for non-segregated schools in Georgia."                 The school building authority that would be established under the house-proved measure would, according to Speaker Fred Hand, "enable Georgia to meet the demand for equal educational facilities for the races and keep them segregated." The authority would sell bonds to construct school buildings for local school districts. Local school boards would retire the '."loan" of the authority with "rent" in the form of capital outlay payments from the state. In other action, the Senate passed, a resolution for a  $  for -' tlon of constitutional amendments with local application by voters of the affected area only. Atlanta's Sen. Everett MUHcan said the measure will' do away with "the bedsheet ballot."</t>
  </si>
  <si>
    <t>                                           A state school building authority which will construct nearly $200-million worth of school buildings in Georgia was approved Friday by the State House of Representatives.</t>
  </si>
  <si>
    <t>                                           Philander Smith College begins its 83rd year with a faculty second to none in training and experience. In fact, definite effort has been made to supply 30 per cent of the teaching faculty with persons holding the Ph. D. Degree, according to an announcement by President M. LaFayette, Harris.</t>
  </si>
  <si>
    <t>                                           I  C ^^H" I r m ^^r 7 ^m L t^^m ^r ^Em ^m  ^H I f ^^H ^^V k f % JP" H -'{</t>
  </si>
  <si>
    <t>                                           LONGER HAIR HELPS ^9B%~3~^^ Will Uto HY-  ond TAR HAIR POMADE.    It on Aid tot / thin, Brcaklna-off Hall and Itchy Scalp. GUARANTEED or Monoy Back. Hy-Beaute Hair Jrcsslng 35c Hy-Beaute Prening OH 33c Hy-    .e Skin Bl.och 35c Hyftsaut* Half SlIIC SO. i For Men and VVamsn Any Three Above Send 11.30 Agents Wanted HY- CHEMICAL COMPANY j 268 AUBURN AVENUE, X. E. ATLANTA, GEORGIA Madam Eva MC- SPECIAL READING- ZSe A World'* greatest if ft Palmist. After too  II* IH /(Consult all others  L II C       I0*" I I let dan     and aer % V SHB GIVES 14^ *W ~^{ FACT8 AND VAnC* WJ YOU GET EB- I \.~l fV -  L/ ble, be rare and P*~^   come  t once. ~^SSftf Of/ice hour* 9 a m. to 10 p. a, daily and Sunday (015 W. BUrietU St, N. W. Takr the Install       TroUey. Bw Btopt it the door.</t>
  </si>
  <si>
    <t>                                           Excellent Opportunity 6 Men Wanted For TV SALES Mutt have ear. Earning* up to $125 per week. Call MR. STRICKLAND LAmar 4655.</t>
  </si>
  <si>
    <t>                                           WHEN Marybelle was gone, Ives &amp;dumped Into his boots. He came out into the other room and Cory Lund ant there. Ives looked at Min and said, "So you curer, too."</t>
  </si>
  <si>
    <t>                                           MISS .1 A NICK .I.   Little Miss Janice Holloway was declared first prize winner in :i  "Miss (.- Brown" contest .sponsored by (he SI in Iclte Social Ciul) nl (lie WCA, November ft. Second und third prizes were awarded to Damtii Games and Karen Duvenporl respectively. of a Nobel prize, when the  1919 Nobel Literary Prize was awarded him by the Swedish  here Friday. Kaulkncr is the fourth American to receive a Nobel Prize in some field this year and  the fourth American in the 50- history of the Nobel foundation to win the literary prize Karlicr this year, Dr. Ralph J. Hiinehe, won the m50 Peace prize lor his work a.s UN mediator in Palestine urs. Phillip S. Hench and Edwaid c. Kendall of the Mayo clinic. Kocjlie.sler. Minncsotn. share the medical prize with a Swiss physician I'lcvioiis     winners were Hinclair Lewis and Pearl S. Buck both  novelists j ami  Kuurnc O'Noill. j</t>
  </si>
  <si>
    <t>                                           USED RECORDS f 2 FOR 25c UO C/\, AVK. WA. IJW</t>
  </si>
  <si>
    <t>                                           INSTALL ^Hf *)C /Vfl ^BH^^UUhH^^BII BURGLAR BARS            AND  SUM Hsftlljf     ^B PROTECTION IH^^S Kttimatm Cheerfully Chum P^^" ^^^^^^( SOUTHERN WIRE IRON WORKS NISH WILLIAMS, Reprewntatlve RAymond 9383 Phone MA. 5805 441 Memorial Dr., S. E. Atlanta, Oa.</t>
  </si>
  <si>
    <t>                                           WASHINGTON -- (ANP) -- If America should put an end to discrimination based on race, color creed in our generation, it would set an example for the rest of the world declared Senator Wayne Morse (R., Oregon).</t>
  </si>
  <si>
    <t>                                           JEAN WORTH   !tnl*t Miri I'.' f!(\               , Auk* No question* Tim  (I oca not ^M        you. she UflKJI^nH  your II fo its HHwVH it la. and should ^^BMStfH bo. lp"r every      ^H^^^H bio therein a ^^V  1y  In mo.st     ^KB .m, i ho   Is  you i ^9  If you on); 'WJlHii Gf ^m know how. (01 while  niHT RnnirllMiri ho , It folly ;~t      .l ( soit bo ' of  ~)iol).'i of I.ovc. MurrliiRO,  iL-,lims.s and Speculation This Imly  you gravely Khu     (Kc.sts  she explains fully, fihe Answors All Questlonh Know Thy.  find  tint) Iwpplnrss. No one In tro\ib!e turned . Thl.s Indy has helped  and she enn mid will help you 1269  AYE., N. W. Almond Park an Klver Oar            H(</t>
  </si>
  <si>
    <t>                                           MbEj r u Hfflmlr M:\I)AV ys BytffiTniCTy  te flt; Sroll AImi 1   Cnili of Hip Puny t.' pS f TOliT iV I- I n. scon .    kB ll.iil.ir I'll ml Vs Spy Kill! EEk ^RjHB  = ^]^\S\:\n\.\ Afll/ONA" ^5 3 U'llil Hill Klllntl and 3 "IIACKriltK"  3f "     Temorrn*          " fc: ^1 James Carney Aho BS g Nadar Tiilrnl    . Sny Kinc f"- Jflj^^ SIND.W j= f-iim  ti:xas" r- Autlln Murphy Also I .ir Patrol Vs. spy Klin fSS</t>
  </si>
  <si>
    <t>                                           ARMOUR S  EGGS 49C  CORN m COFFEE 75C I MEAL 34C LARGE JUICY COLONIAL BETSY ROSS f LEM0    25  BREAD -14' ARMOUR S     .. MILK ^2 23' i -314-OZ. CAN WILSON S i POTTED MEAT 8C %~  7$r DAISY COUNTRY STYLE CHEESE -391 Bt. 296 HfAVY FAT BACK 18</t>
  </si>
  <si>
    <t>                                           HAIR STRAIGHTENElf ONE APPLICATION KEEPS HAIR STRAIGHT FROM 3 to 6 MONTHS Buy PERMA-STRATE at Drug Store -only $2 ffi                 /^^~HBi-.'..' r.LAMOtiR. l ui-a.. As you  cc, ,.~85a H fastens At the crown of the head and hangs naturally down the back of the head cluster e*   back. You enn wear it as an up-      in  other   m sweep or  stylo you like. (It i* duster or plain. 15 to 20 inches long). v $10.00 t .^~MJ-   fc.        !    page BOY CHIGNON-FiW                #..$3.00 oa(     htU. r   /// Bra/W/, 23" / $5.00  AA^. 1  V.Roll, ..$}.* "^~         ^?^^^^^$III!?i5J5^^^5Pw HAIR FASHIONS 312 St. Nicholas Ave. Hiw YORK, NTS</t>
  </si>
  <si>
    <t>                                           GIs DRIVE HARD" TO STEM ENEMY ATTACK                 Mud Spattered Troops Brace For Red Assault                 BY HOWARD HANDLEMAN                 TOKYO (Saturday) (INS) Doggod,  United Nations Troops, deprived of air support by  rains, counter-attacked North of Kyongju Friday night to knock off                 once an  Communist assault.                 The Counter-attack caina shortly after an American General said the Communists obviously wilt try to tako the eight-way rail and highway center, and sweep down the 60-mile valley between Kyongju and the port of Pu. an. Pusan, he said, remains the Communists' "num ber one subjective." In the same Northern Sector, 18 miles Northwest of Kyongju. South Korean forces drove a Communist Unit Led by two tanks, from Yohgchon which changed hands for the fourth time since Thursday night. Yongchon Is astride the rail and highway lines linking Kyongju and Tcagu, the inland cornerstone oi the United Nations Defense line were the communists beat of counterattack by the U. S. First Calvary DivlMon. Rain which drenched the Battlefields Friday turning roads into Quagmires, sharply restricted allied air cover but B-29 superfort .smashed a Magnslum plant and rail center :~t Songjln In North Korea. 83 miles below Chongjin where a Key steel plant was bombed Thursday. The picture along the 120- rain-swept front a-, the Uth week of the war drew toward a close showed Northeast Sector: Close  J raged between the South Korean third Division and the Communist 12th three miles Southeast of fallen Pohang. A United Nations  attack launched Southwest of Angangnl, eight miles southwest oi Pohang, was "immediately counterattacked" by the enemy. Northern Senor: General Douglas MacArthur announced at 1:45 A. M Saturday (11:45) A. M. Friday EOT) that, enemy atacks In the Yongchon area have "diminished In intensity" and United Nations lines remain intact. Central Sector: International News service war correspondent Irving Levlne reported In a frontline dispatch that first calvary Division troops were thrown for a "net loss" when they counter-attacked seven miles North of Targu. South Central Sector: The U. S. 2nd Division beat off Communist drive west and southwest ot Changnyong, 22 miles South of Tacpu. A communique said the tro- "Yellded no ground, except for outpost positions." Southern Sector: Troops of the U. S. 25th Division repulsed communist attack.-;, regained one height yielded earlier. They advanced to the confluence of the nam and Naktong rivers 10 miles North of Hainan which Is 36 miles west of i Pusani</t>
  </si>
  <si>
    <t>                                           TOKYO - (Saturday) -- (INS) -- Dogged, mud-spattered United Nations Troops, deprived of air support by heavy rains, counter-attacked North of Kyongju Friday night to knock off bal. once an expected Communist assault.</t>
  </si>
  <si>
    <t>                                           VES IT S TRUE -YOU; Sit *$*~  SHOW TrCKET T/WTH   W*r*m EVERYBODY WINS YOU GET IT f*0WI :--ix i ;L. VjjV CHOICE TABLE READY ^^^^B^ FRYERS ^^g^B^ For     1    Sdke  B BOAST HX-       CtJiBAR BEEF J,.0?1:. 5      5 47c Can  ot ARMOUR S 8 MULLET BREAKFAST BACOWLh39o FISH u.. Me FREE DELIVERY SERVICE PHONE WA, 3698 GOING TO CHURCH SUNDAY</t>
  </si>
  <si>
    <t>                                           Dental Research Grants Awarded                 I I Awnrd of 28 dental research j grants, totalling $187,076, was  today by Federal Security I Administrator Oscar R. Ewlng.                 The grant-s wore approved By ur. Leonard A. Scheelc, Surgeon General of the Public Health Service following recommendations by thn National Advisory Dentnl Research Council. Twenty-eight research projects will be supported nt 20 Institutions (Continued on page 2 Column 3)                 Dented Research ': tic.i i:      l\iur Oiu'i loc:i-i-il mil. ,.iul I In- l)i l of t n!-;:'   ::i nic.-~ .n .-;'iil l.i: 11   lv i!' i i!</t>
  </si>
  <si>
    <t>                                           Award of 28 dental research grants, totalling $187,076, was announced today by Federal Security Administrator Oscar R. Ewing.</t>
  </si>
  <si>
    <t>                                           WILL EXERCISE REDUCE WEIGHT? Yes, but it takes a degree and intensity of effort that the average person will find hard to exert. This matter of exercise in relation to body Weight is one that we do not properly understand. Many people have, the idea that...</t>
  </si>
  <si>
    <t>                                           WASHINGTON --(INS) -- The Agriculture department said Wednesday that the 1950 corn crop totaled three billion, 131 million bushels and the wheat harvest one billion, 27 million bushels.</t>
  </si>
  <si>
    <t>                                           UMfiEl HAIR Oiq HY-BEAUTE  mi TAR HAIR POMADr. II li an Aid lot . tMn,            ? Hull and Ifctiy . GUARANTEED or Mjnoy Bock. Hy-Bcaute Kolr -).,f 3Je Hy-Broulo ProtllnQ Oil. 35{ H)T*BaauiO Sltln Bleach 39( HyBoauto Hair SlIX 50r for Mon and V/ Any Three Abovo Sonrf */.3O 4 Agonli Wanted HY-BIAfU CHEMICAL COMPANY ATLANTA. 5IA 208  , N. K.</t>
  </si>
  <si>
    <t>                                           BIG 4-WAY SONG BATTLE -FEATURINGthe famous WARD SINGERS ^Bv^^ii^i^^^^KtW^-^^S^ with CLARA WARD GOSPEL SOLOIST THE EVANS TRIO THE FIVE TRUMPETS SOUTHERN SONS with "BIG AXE" AUDITORIUM ""XT SUN., AUG. 20 "tr.T" AHM advance $1.00 1.. AT Box $1.25 CHILDREN 50c COMING!- THAT SOLID SENDER ROY MILTON -  'ii. iJ -and JIMMY WITHERSPOON CITY AUDITORIUM Sunday (Midnite) Soptr3 B. B. BEAMON, . 1</t>
  </si>
  <si>
    <t>                                           DEDICATION OF NEW $95,000 CLINIC SET AT BAINBRIDGE                 1DOK. Oa. (SNS) Citizens from alt. over Southwest Georgia will gather here Thurndny for the dedication of the now $05,000 Griffin Hospital and Clinic.                 The new facility is n dream  came true for Dr. J. II. Griffin, pioneer Nocro resident of BnlnUrldgp. nnd for 16- owner and operator of the Johnson Memorial Hospital. This  new structure Is in the heart of this small Ocorglu town and will serve all residents of the Southwest GeorRla section. Dr. Oriffin. who has enjoyed an excellent practice of medicine and  for the past 30 years, built                 the structure or a torm of appreciation to the people in the form of better  for tho faith they ve had In him during this period. The new Orlffln Hospital and Clinic is a fire resistant structure and one of Mm most modern and best-equipped In the section. This Is  the only hospital owned and            by and for Negroes In this section of the TrI-States. The dedication speaker will be Ralph McOill, editor. Atlanta Constitution. The entire program will be broadcast over the following radio stations: -Balnbrldge; WALH-Albany; WORA-Cairo; \VC (Continued on pace Z Column 8)                 Dedication Of                 (Conliinird from I'ngr One) HN-Qulncy. Fin.:  -Dothan. Ma. Tim  will start nt 3 P. M. EST. The band from AlnbnniA State College will furnish music. A Chorus from Albany Stntc College will sing. Aftei; the program guests will be feted nt n giant barbecue. T. Jan. Perry, n graduate of Alabama State College, is administrator of the new hospital. Balnbrldgc Is located In Southwest Georgia 15 miles from the Florida State line and 30 miles from the Alabama State line. Citizens of both laces have hailed the hospital built by Dr. Griffin as a bold and  venture for the Deep South. Mayor R. A. Griffin of BalnbrirfRc will lend a long list of lace! I officials in paying tribute to the Revered . A holiday atmosphere will prei  us Thursday tins also been proclaimed ns "Kitchen Pltchin' Day." when the PTA  spare In Ue school lunchroom by revert ing to  days. Construction workers will build the new unit In a fen- hours, then the hospital dedication will take the spotlight.</t>
  </si>
  <si>
    <t>                                           BAINBRIDGE, Ga. -- (SNS) -- Citizens from all over Southwest Georgie will gather here Thursday for the dedication of the new $95,000 Griffin Hospital and Clinic.</t>
  </si>
  <si>
    <t>                                           CALL LAmar 7712 FREE ESTIMATES ROBBINS HOME IMPROVEMENT CO. CALLING!  HOME  Materials are getting scarce Prices are going up Let us re-model your home Now at our old low rates. No Money Down Low Monthly Payments Call LAmar 7712-7713 -FREE ESTIMATESRooms and Bdsement Apartments Roofing-Siding-Plumbing-ElectricPainting and other Repair Work available CALL LAmar 7712 FREE ESTIMATES</t>
  </si>
  <si>
    <t>                                           BALTIMORE. Md.--The annual Delaware Conference Methodist Youth Fellowship Training Assembly and the Pastors School of Methods for the Delaware and Washington Annual Conferences met jointly at Morgan State College August 14-20 for the second...</t>
  </si>
  <si>
    <t>                                           SMITH -- The friends and relatives of Mrs. ElIota Smith. Mr. Charles Mason Smith, Mr. and Mrs. Otha Smith, Augusta. Ga., Mr. and Mrs. William Tillman, New York City, are Invited to attend the funeral of Mr. Lewis J. Smith (Big Smitty) Friday. September 29, 1950 at 2:30...</t>
  </si>
  <si>
    <t>                                           Isn't it about time for colored persons to stop acepting auxiliary status in professional associations where membership assumes equal opportunity?</t>
  </si>
  <si>
    <t>                                           GUNNING FOR PV: The fresh-studded Grambling college Tigers, who caused a lot of preliminary hand-rubbing when the season opened, hope to run to victory string to four in a row over Prairie View November 11. The contest will climax the annual homecoming celebration on the North Louisiana campus. The                 1950 Grambling eleven is a study defensive aggregation with a good straight-away running attack. In 1947 the Tigers beat the       ,,c n.n 7 H  34-12 in '48. and  bv                 yith a 14-13 victory last year. (Moss Pliolo)</t>
  </si>
  <si>
    <t>                                           J'5 A GRIM BUSINESS Fighting with the 2nd Infantry   \\\, northeast of the Chongchon River, Pfe. Major L. Cleveland of Fort Vallev, (iun weapons squad leader, points out Communist-led North Korean position to his machine ruii . .Members of the crew are Cpl. Freddie L. Howard of Los Angeles, Calif, gunner; Pfc. ( \V. Marsh of Oovington, Ky., assistant , and Pfc. Heibert II. Blount of Marianna, Fla. ( beh)    ammunition hearer. The tenseness and purpose of their young faces tells the  of the hitter hat t If of Korea.</t>
  </si>
  <si>
    <t>                                           MADAM EVA 25c SPECIAL READING 25c    A World's greatest fl Jfl l'i . Afttryoii W I 14 consult all others 13 *1 l0l"c w"''      v\ i It I      )lci"s JIftV I U l/^I (Iam ''    nl"' scc Jnlh          *l.*I FACTS AND fill AI If you have a V? J I jff husband or wife   ^ jff Iroublc, be sure ]fi^_iff antl conic at once   iw- Office hours 9 A. M. to 10 I*. M. dally and Sunday. 1015 W. Marietta Street, N. W. Take the Inman Yards Trolley. Itus :, at (In; door.</t>
  </si>
  <si>
    <t>                                           Mother And Four Babies Called Suicide Victims                 LOS ANGELES,- (IINS) A  painted  wagon was a  to (lie  Thursday Tor a mother and her four Uny,  . wlio-c bodies wer":  In tlic parked car by two   . Tl'.o   wore victims of murder and , according to the officers, who  n vacuum  lio:" was attached to tin.* -t  Us o)~cn und entered ihp s'-ilton  through n rear window. The vehicle wns parked under ;m oak tree In Uip woodland hills area Ju-st off mulholland drive near Topanga ri'.nyon. Tl'.e mother was tentatively                 tilled ;is Mrs. M: Rowney of Rnclno, Cnl. mid the children, three Miiall  and u f.lrl. b.s Peggy, 7; demur 5: Ouv -1' and Thomns2  one Matt. A  company that Ilnanml the    rtw :i!?o  tlic  111 its rc.y.'ViN. ('.I the x oocl panels of thj station wagon w.is  the name, "The Bi:it Wagon." "thr  ricc company said Mrs. Rnwney ~"ns n widow when   t Ihr ciir. Sim unite hero three years ago from , Maryland, With !Mc ch  after her 1. :i  worker, ~'ns killed In an ..                 Report 20 Seamen Die In French Coast Storm                 BREST- Twenty seamen, Including three Americans, were reported drowned, and five ships sent out distress  Friday In one of the worst storms to hit the Wench AtlRiitic" coast off Brest. Mountainous waves  by winds up to 05 miles on hour struck the area. Snow and  added to the storm termed one of "the most treacherous In the history of the French coastal area." Seventeen crewmen of the 3.658(011 Greek vessel Agloa Spyrldon                 the 7,000-ton American freighter Beaver State near Uslimit Island" Their      ;Izb(I after the the crewmen asked the Beaver Stair's  id. Radio reports Indicated that three  aboard the Amerlcan ship also' were drowned although the.  Identity of trie vessel from   were lost was not Immediately learned. Another American ship, the British Taiiger Aberdeen ind a Scandinavian vessel also were .reported to       w too      pir</t>
  </si>
  <si>
    <t>                                           NEW YORK--(INS)--The Brooklyn Dodgers brought an old warhouse back ... the mayor league battleground Tuesday by ... 52-year-old Charles Walter Chuck ... to a one-year contract as manager.</t>
  </si>
  <si>
    <t>                                           i jf 4 /tfc8l!       rTf T T 1 J CITY, Atlanta JwmSRk World. edition VOLUME 23, NUMBER 89^ ATLANTA (3), GEORGIA, THURSDAY, NOVEMBER 16, 1950 PrTcE FIVE CENTS</t>
  </si>
  <si>
    <t>                                           FOOTBALL l!).-.n City High School Classic DAVID T. HOWARD VS. BOOKER T. WASHINGTON I It II) AY, NOV. 17 8 P. M. HERNDON STADIUM Admission $1,00 Students SOu (No  tickets sold at )</t>
  </si>
  <si>
    <t>                                           Bishop Womack Opens C. M. E. Conference Here                 Linden street Institutional Church nt the coiner of Linden  Bedford PInce Is this  entertaining the 83rd session of the Georgia Annual Conference. In n newly constructed house of worship built, under the leadership of the Rev R n Brvson, who wns                 pointed while si student at Gammon Tlicologionl , as his first appointment, this church Is serving ns meeting place for the  conference for the first time In Its history. The first session wns taken up with a communion sermon and service and organization of the business activities of the conference. The nev H H. Davis pastor of Trinity CME Church at Augusta preached the communion sermon. The communion service was led by Bishop H. P. Porter a member of the CME Board of Bishops. Others who assisted Bishop Womack lii the communion service weft' The Rev. B. Julian Smith, hoad of the CME Church's Depnrtment Christian Education; Dr. H Carter, publishing agent of the                 OME C li u r c h; and Kldcr E. R. Bnrncs,  of Dm Augusta District The roll call revealed thai- Or. J. D. Hudson, formerly head of the Augusta District and Rev. n. F. Christian a superannuated minister of the Hobcy-AllRiiti District had passed since the lit st  conference Mrs. j D .Hudson Is attending the conference us n delegate from the Augusta District. Visitors at Ihe. session In addition to those already mentioned were Eider N. K. Klmball head of the Mlllcdgevllle District of tho Central Georgia Conference; Rev. M. L Key pa6    of the Jones Circuit of the Central Oa Conference; Dr. D. A 8tanton of the American Bible Society; Rev E. R. Wells a student of Phillips School of Theology and pastor In the Jackson, Tennessee area; Dr. D. L. Godwin, pastor of Holsey Temple CME Churoh at Macon, Oa.; Rev. A. Bell, pastor of Bethel CME Church, Macon, Oa.; El(Contlni^cd op page 8 .Colwnu il                 Bishop Womack (Continued from Pagr One) clcr Cl K Kvaiia, Head of the Macon District of the central Georgia Conference; Rev L H Wclchel,  of Trinity CME church, Maeon, Qa Rev R T Hudson, of Memphis. Tennessee; Dr E. p. Murchison, editor of the Christian Index of the CME Church and Rev. j c colclough, member of the OME Judiciary committee and conference    GUEST  Thiirsdny's morning .session will be honored by a special message from Bishop J w tf^Boweii who will be presented by tlie presiding Bishop Arthur.~w. Womack. The noon-day Spiritual treat will be offered by the Rev j c Cololough. This event will be preceded by a brief recess for the conference picture The night sermon will be offered by Dr G H Carter Thursday's session will begin at 9:15 Linden Street's members served the delegates breakfast from the I church s kitchen The members of Butler Street CME Church, Rev. R B Shorts, pastor, served a satisfying dinner Wednesday.</t>
  </si>
  <si>
    <t>                                           Linden Street Institutional Church At the corner of Linden and Bedford Place is this wetk entertaining the 83rd session of the Cleorgia Annual Conference. In a newly constructed house of worship built. under the leadership of the Rey. f D Bryson, who was...</t>
  </si>
  <si>
    <t>                                           Library Head To Direct State Association                 DURHAM. N. C- (A'NPt- Mrs. Anne McAden Johnson, of thr North Carolina College School n' Library Science staff .has !~? president of the North Carolina Negro Library association The association has a membership of more than 200 .librarians from public schools, colleges, and public libraries. Two other North Carolln 1 College library school staff members a*re associated with the organization s . Library Service Review D Eric Moore, Dean of thr N. C C. Library School, is  of thr publication mid Mis.-; Evcryn Popr business manager. The association recently concluded Us 15th   in Rockv Mount. According to^Mr*. Johnson the Association Iin.s been invited to meet, at N. C. in  In 1051 Gammon Prexy To Address Boy Scout Banquet Dr. Harry V Richardson, president of  Theological Seminary, will be the principal speaker Hi the annual banquet of the Hcrndon Division, Atlanta Area Council Boy Scouts of America, nt 8:30 o clock tonight, nt the Butler Street YMCA Boys Annex. M R Austell, divisional chairman nnd t. will Klve the words of welcome A  of ., Kla., l)r Rirh: holds  degrees from Western Reserve, Harvard Divinity  ;ind Drew 1 Unlveisily For fifteen years, he         as  and director of R^IIrIohs Activities at TuskeKre Institute. Under his ministry the Tuskegec Chapel became one of the outstanding pulpits in the nation. He Is widely known ns n leader of  people, and Is in constant demand as n speaker HlRhllghtlni; the program will bo a dramatization of "Oood ScoutIng," depleting the multi- activities of the Herndon Division, its  and achievements AI.'.o participating on the propram will bo Rev. Thomas Blue, Jr., pastor, Providence Baptist Church; Rev. 8. B. Usher, rector, St. Paul's Episcopal Church; Fred D. Browne divisional commissioner and R. C. JVobtaeon, ElCM SWUv CgWUtlYCj, ^^.   -</t>
  </si>
  <si>
    <t>                                           WASHINGTON--(INS)--The American Council on Education Saturday, offered President Truman the services of American Colleges and Universities to help speed the Korean war.</t>
  </si>
  <si>
    <t>                                           BISHOPS HOLD MEETING ON MORRIS BROWN SITUATIONWhile confirming their decision early last month in Atlanta, Go. that it wanted President VV. A. Fountain restored us head of Morris Brown College, the A. M. E. Bishops' Council,  its call meeting in Memphis Monday of this week,  action on charges against Bishop R. R. Wright, Jr., presiding  of the Sixth Episcopal District, which includes the "stormy" Gi;      (i Conference. The Council had before it Monduy ci ! ira,ut!st for removal of Bishop Wright on grounds that lie had not complied with tho Council's directive to have the Board of Trustros to restore President Fountain to full authority as president of Morris Brown. Just prior to the Memphis meeting, however, Bishop Wright called the Trustees together on the campus of Morris Brown and  voted to replace Fountain, who at the end of the 1949-50 term had been asked to lake a forced leave of absence. The president s refusal to do so set off the "fireworks". The Bishops' Council took the position in Memphis that Bishop Wright had                 plied willi hi directive to restore Fountain, and that as far as the '. iK) tho bi-Jiop wi/io concerned they would be placed in iIh-  Bishop John A. Grocjai, Council President, and Bt!,lio;j S. I. Oroone, secretary to study with a view toward calling tin- Council (or their consideration later. Bishop Grcgcj, because of the recent death of his wife, could not be present. Presiding in his stead was Bishop Crociui,  Bishop D. Ward Nichols u-ivL-d  is secretary. Bishops pose for World  following conference in Moniphis. From left, they are Bishops John Clayborne, host ; R. C. Ransom, R. R. Wright, Jr., A. J. Allnn, W. A. Fountain, Sr., L. H. Hemingway, S. L. Greene, C. A. Gibbs, D. Ward Nichols, George Baber, W. R. Wilkes. Bishops Fronk M. Reid, and M. H. Davis were present, but had left the city before the picture was taken. The one-day meeting was held ot Clayborne A. M. E. Temple.                 bv R. E. Williams) MEMPHIS, Tenn. (SNS)</t>
  </si>
  <si>
    <t>                                           The Greater Mt. Zion Baptist Church, 281 Piedmont Ave., N E., has completed plans for a full day services Sunday December 3, 1950. The following schedule will be followed throughout the day:</t>
  </si>
  <si>
    <t>                                           With Bridge enthusiasts from eight Southeastern cities, and as distant as St. Louis, Chicago and New York, participating in the University Bridge Club's Sixth Annual Southeastern Regional enrnival, made for an unusually successful confab.</t>
  </si>
  <si>
    <t>                                           ON 1'AHAiJK AT KT PAUL lOPI.SCOl'AI. CI10KC1I A a  Kiilcii-.- .11: P.u.h!*1 \'jii(': by  ir-- .f K:. Cnv-liV Cirrlc of St. l\ml Ki)i;,o;).il   ll-.irt.-li little Mis 1.\~.\ .Mu-li'.- \v;is  "Qui'iMi ul llu-!                 D.ty.' Second phoe prize was aw;     (l to Alaslcr Harold Mrikcr.-"11. All ci)!lli'.-l:i!in woe Kivcn Mirl'ivr  pii-imv (:.'inos in-c.ib!ii with St. Cutclia. Ho:'4 hum H'fi t'~  the                 ; hit Victor Vicks, Jr. I.lsn Mirhcllr Mclver, Joan Wel'Dorn, Hnrolcl Merknrion, GiiiKtr Emell;\ Sinrliiir. Kri'da Lo.vi\ Penny MltKclbiiry. Katliy Koi'ttt; Lane  Yvonne Hi-avers.</t>
  </si>
  <si>
    <t>                                           Among the highlights of the annual banquet of the John Hope Division, Boy Scouts of America, herd Thursday evening at the Phyllis Wheatley Branch YWCA, Was the presentation of the coveted Silver Beaver Award "for distinguished service to boyhood" to...</t>
  </si>
  <si>
    <t>                                           The B-L Company, Incorporated has Just announced the appointment, of Mrs. Esther M. Smith as its public relations representative. Mrs. Smith is well known as the proprietor of The Smith's Music and Appliance Company and in the civic and religious activities of the...</t>
  </si>
  <si>
    <t>                                           Atlanta^^Wbfld Members: 8N8 NNPA ANP IN*  Ino Morning Except Monday, at IM Aubkm Ann* N. B. W. A. 8 n, Fennder-FttbUsher, An* S, IKS to Fak 9,-UM Fowriad Aug. 5. ; Became Dally March IS, Ittt TelepfceM: WAlMt 14H     j Bntand la Post Office at Atlanta (3). Ga., as second da* mall under the Act of Congress. March IS. 187B. A. 8COTT ^1 Editor and General Majugw SUBSCRIPTION RATES BY MAIL: Dally: -$12.M; 8 Month* $6.50: S Months  S3M  Rate By Carrier 2Se Weekly Saturday Only: 1 tear HM; Months     Canada: Tear J5J0; Months 1345; Foreign: I Tear f-U THE ATLANTA DAILY WORLD Is an Independent   and non-partisan, printing news absolutely  and supporting those things it believes to be to the interest of its readers and opposing those things against the interest of its readers. TBB WORLD expressly repudiates responsibility for return of unsolicited pictures, manuscripts, etc.. unless stamps are sent. Address ALL COM-  to and make CHECKS payable to ATLANTA DAILY WORLD, rather than to individuals. THE RIGHT TO VOTE The right to vote must be open to all our   of  see, Color or Creed without tax or artificial restrictions of any kind. The sooner we get to that basis of political equality, the better It wui be for the country as a whole." -FRANKLIN D. ROOSEVELT.</t>
  </si>
  <si>
    <t>                                           BEAUTICIANS /^P/^ MAKE MORE MON^Y rUR      iii 4 pWi ~^m vm* tm WUm.         ik^r M Ml* Mtptuftnt IMfif,                TlU (MM cbM wv  ta* CImn  , w^~~* AM*a4  KhM *Um i*n4  if*~ Prin W  1. .     4*~ wwt,     (Mi  m%        ^  mw4 4.  NOW! in -               Mr</t>
  </si>
  <si>
    <t>                                           Expert Dry Cleaning Pressing While You Wait Alterations Work Called For and Delivered 1ST SIDE GLEANERS 794 Hunter St., S. W. R A. 9432 T. J. MORGAN Prop.</t>
  </si>
  <si>
    <t>                                           ENSIGN ELLEN E. , Nurse Corps, U. S. Navy, of 503 Grptit Avenue, Pontiac, III., prepares reports on the conditions of 27 Korean war victims, all soldiers' under her care at the U. S. Naval Hospital, Portsmouth, N. H.                 Ensign Strickland's position at the Naval Hospital, according to officials, gives further evidence of the Armed Forces integration program.                 I -(Official U. S. Navy Photo).</t>
  </si>
  <si>
    <t>                                           HAROLD TURNER SPEEDY FISK TAILBACK Harold Turner, speedy Fjsk tailback is expected to sea a plenty of action this afternoon, when the Gold and Blue Bulldogs tangle with the Morchouso Maroon Tigers in their homecoming classic, at Herndon Stadium. At home in tho safety spot, Turner will be a real threat on punt returns. Opposing him in the Morehouse backfield will bo his brother Wallaco, also a shifty and speedy runner as well as an excellent ?W!Y?r,</t>
  </si>
  <si>
    <t>                                           Walter of Gurnia, a student at Oxford an 1378, is the illegitimate son of an earl. For that reason and because his family's property has dwindled, his love for the beauteous Engaine seems hopeless. Walter and some fellow students go to a lavern. As they arrive a riot starts and they move outdoors.</t>
  </si>
  <si>
    <t>                                           The Wesleyan Service Guild of Warren Memorial Church, in looking back to the year of 1950 feels that it accomplished many things.</t>
  </si>
  <si>
    <t>                                           ^h ^B^^h ^B^^V ^B'- ^  -n ^B ^B ^^^^s ^^^B ^B ^B ^B ^B ^B*- ^B ^B^^^^^^a ^Bs^* ^B ^B ^B '^B ^^^B ^B ^B ^B ^^fl ^^^^k^H                 Police Say Two Others May Live                 Three or the me persons, who apparently went to sleep Thursday night, at 43 Love St., 6. E., with a radiant gas heater burning in an effort to keep warm, were found dead of suffocation around 8:30 p. I nl Frlriav                 The other two, who were still breathing when policemen and firemen broke into the three room  t block dwelling, were rushed to Gracty Hospital. Their condition h.ic*. not been determined, but officers quoted firemen as saying they may survive. Detective Sgt. L. T. Buliard and Detective H. E. Burdette, who completed the Investigation listed the dead as: Henry Thomas, 63, man of the house; his , Mrs. Mary B. Thomas, BO; and Miss Liz. zle Nell Crutchfield, age  of Covington, Ga. Rushed to the  the two sons of Mr. and Mrs. Thomas, 13 year old Jimmy Thomas and Clifton'. Thomas. 28. NO OXYGEN IN AIR The officers and firemen, who had to break out a window and force a door open, found the gas heater go. ing full blast. They told the Investigating detectives that duo to lack of ventilation, there was do oxygen in the air. 'When the officers arrived on the scene, they found Mr. and Mrs. Thomas, lying across the bed In the front room, dressed in heavy underwear. Miss Crutchfield was on the floor In the back room, near the window. Clifford was also on the floor, while Jimmy was lying across a bed in the back room. 8gt. Bullard^nd Detflctoe^Bur-. ^^^^ Crutchfield could have fallen where her body was found while trying to get to the window. HEARD GROANING The Investigating officers quoted one neighbor of the victims as saying he "heard someone groaning Thursday night. Then after Interviewing the occupants of the other unit of the double tenement type dwelling, the officers said the victims apparently suffocated Thursday night. The officers also Interviewed Mrs. Margaret Hammonds, ot rear 639 Washington Street, S. W., daughter of Mr. and Mrs. Thomas. She told Sgt. Buliard and Detective Burdette that she stopped by the house around 9:30 Friday  and after being unable to get someone to let her in, placed the                 Ing paper under the door and left. She said she thought they had gone to work. At press time, Friday night, the Investigating officers had not been able to locate the person who called the police and firemen. The Atlanta Daily World learned, unofficially, that some of the neighbors became  suspicious during the day, when they noticed lighted Christmas decorations through the windows.</t>
  </si>
  <si>
    <t>                                           Three of the rive persons, who apparently went to sleep Thursday night, at 43 Love St., S. E., with a radiant gas heater burning in an effort to keep warm, were found dead of suffocation around 8:30 p. m. Friday.</t>
  </si>
  <si>
    <t>                                           HOLLYWOOD--(ANP)-- Probably you are still wondering about that radio announcement in the voice of Louella Parsons which all.</t>
  </si>
  <si>
    <t>                                           Says Reds Plan Settlement Of Lend-lease Debt                 WASHINGTON- Reliable sources said Friday that Russia plans shortly to reopen negotiations for settlement of Its 11 billion, 400 million dollar lend-lease debt to the United States. The decision took diplomatic quarters by surprise and there were indications that the Soviet move would be viewed as a peace maneuver linked to the present discussion ever proposed meeting of the "Big Four" foreign ministers. The United States has virtually written the Russian account off its books since all previous attempts to reach agreement have bogged down in detail. Some sources believed that the Soviet overture Is designed to take the edge off Moscow's failure to give a direct reply to the western powers on a Big Four parley to consider a global peace program.</t>
  </si>
  <si>
    <t>                                           GREETS FRIENDS Pfc. George E. Mitchell, now stationed in Japan,  last Cumtmac .spent at home with relatives and j send* ?~*Liii}js of thr season to his I . hero. rfc. Mitchell is the son of Mir. Jrs.sic Ii. Mitchell, 572 Pulliam St.. S. W.. Atlanta. I</t>
  </si>
  <si>
    <t>                                           The Atlanta Baptist Ministers Union, Rev. A. Bell, president, held its Weekly session at Wheat Street Dr. W. H. Borders, pastor, Tuesday afternoon.</t>
  </si>
  <si>
    <t>                                           Have you Made Plans for Your FALL DANCE? THE MAGNOLIA Is Available "Largest Dance Space In the South" '} Reasonable Rates Decoration Service CONSULT US FOR PIANS FOR DANCES- PARTIES- BANQUETS, etc. CALL FOR DATES AND ARRANGEMENTS SOME CHOICE DATES OPEN CY. 7069 or Al. 8978</t>
  </si>
  <si>
    <t>                                           WASHINGTON -- (SNS) -- Thirteen of America's most prominent Negro men and women affixed their signatures to a statement urging Secretary of State Dean Atcheson to appoint one of the many qualified Negroes in this country to his staff.</t>
  </si>
  <si>
    <t>                                           DAILY CROSSWORD                 ACROSS 1. Confront 5. Strike with the hand 9. Kept 10. One who tunes 12. Metal 13. Ripe 14. Work out. as apian 16. Mother 17. Put in a niche 19. Layers (Geol.) 22. Type of short tale 33. Sesames (var.) 24. Marble 26. Sea * 27. Semblances 28. Original draft of a document 31. Hebrew letter 32. Natives of ancient Iberia 36. Musical studies 38. Place 39. Removes (Print.) 40. Concise 41. Fop 42. Pause DOWN 1. Game of chance 2. River (Engr) 3. Exchange operator                 4. Man's nickname 5. A. barrel, strip 6. Musical instruments 7. God of the sky (Baby I.) 8. Pervade 9. Thus (L.) 11. Prepares 13. Transparent silicate IS. Soaks, as flax 18. Dross                 19. Walked 20. Having  21. City (Nev.) 24. Roman      of love 25. Northern division of Palestine 27. Frosts 29. Helped over difficulties t 30. Fat 33. Manners 34. Cozy retreat 35. Prosecute judicially                 37. Curved knife (Esk.) 40. Treasurer (abbr.)                 Yesterday's Aa*                    Jk*L i li___^_ ^ii^I I !!!1 i_l_ 1_ 11 ill V S* ^IIIZllIII"                 DAILY CRYPTOQUOTE- Here's how to work it:.   One letter simply stands for another. In this example A la use* for the three L's, X for the two O'a, etc. Single letters,       trophies, the length and formation of the words are all hints. Each day the code letters are different. A Cryptogram quotation  JYC HY UKY CEY  PO. C ~,Y .   HZ       TV IX  EKM-TVBIYAltl Yesterday's Cryptoqnote:  I5.~%i EURIPIDES.</t>
  </si>
  <si>
    <t>                                           Progress Made For Diabetes Victims                 I LAKELAND, Fla.- Progress be- j ing made in the early diagnosis and treatment of diabetes victims wll' be outlined here in a1 two-day semi- 1 nar beginning Thursday, February 1. While seminar sessions are designed primarily for doctors, classes will' be opened to nurses and dietitian s who are assisting the medical profession with treatment of diabetic patients, it has been announced. In addition a special night see-' sion is scheduled for the general public February 1, at Lakeland High School, beginning at 8 o clock. All seminar sessions will be held at the New Florida Hotel in Lakeland, but -the public meeting was moved to the .high school auditorium to accommodate' a bigger crowd, H was stated. Doctors from all parts of .Florida and adjoining states are expected to attend the seminar sessions, which - *y-*$to; Department  of TEhe Graduate School at the University of Florida, Gainesville. 4 % SentencedOn Fraud COLUMBIA, S. C- (INS)- Four men, including the former dean of Allen University of Columbia, two ministers and a bank bookkeeper were sentenced Friday on charges of conspiracy to defraud the state by selling answers to school teacher examinations. State salary aid depended in part on scores made on the exams for which .the answer keys were sold Some teachers who bought them have been suspended. Former Dean I. M. A. Myers was sentenced to one year and a fine of $2,600 hi Richland Court at Columbia Friday. Bank employe Jack Williams was given five years at hard . The Rev. J. C. Spann was sentenced to one year, suspended on payment of a $300 fine. The Rev. A. L. Peterson also received a suspended sentence of one year upon payment of a $300 fine. Myers' and Williams were convicted of tbi fraud charges by a jury The other two men pleaded- guilty. RECORD VOTE A record vote for a non-PreslT dential year was cast on November 7th- a total of. 42,32*332, when Republicans and Democrats received an almost equal division of the 40351,862 votes polled, by Bouse candidates. The aggregate House vote also was a record for an offyear election.</t>
  </si>
  <si>
    <t>                                           IF  1 IF 'F + DINNERS 4* + GROCERIES + FREE F R E E + beauty          + + DRY CLEANING + FREE HERE S WHATS IN YOUR  SAMPLER COUPON BOOK FRAZIER S CAFE SOCIETY Chicken Dinner  CLEANERS-Ladies' Suit JONES' GROCERY Five Pounds of Sugar SAM CARROLL S TEA SHACK Shrimp Dinner CLUB POINCIANA Two Bottles of Beer DANIELS AND WYNN Lubrication ROYAL PEACOCK Admission HUNTER BEAUTY SALON Shampoo Press JACKSON S  Clothes Washed RECREATION PARLOR Five Free .MORRISON BELL BEAUTY SALON p Games -Man's Suit TIMMS JEWELRY CO.-$7.50 Discount. PARAMOUNT STUDIOS Photograph DENNIS CLOTHING CO. Felt Hat FORREST AVE. LAUNDERETTE Clothes ROBLEY HAT FACTORY Clean and Block Hat Washed FROST MOTOR CO. Lubrication. MOBLEY S AUTO SERVICE Clean Plugs MOORE S PHOTO STUDIO Portrait THE FAIR Two Dollar Discount JOE S MARKET-Five Pounds Potatoes CRAIG TAILORING CO. Five Dollar Discount PEERLESS FURNITURE CO. Lamp v TOTAL VALUE SIXTY DOLLARS COST TO YOU $1.65 THIS IS AX AltVntTISINK PROMOTION BACKED BY AUTHORIZED CONTRACTS WITH YOUR I.OCAI, MEIl(HANTS TIii-m- ('pinions arc Offrroil Von on A Money Back Ciiiarantrcr As Advertised on WHOK WGST. TO ORDER YOUR EBONY SAMPLER PHONE   ; J_k SENc $1.65 FXrHAMfiP lOA-* POSTAGE HHlB^ WITH YOUR NAME AND ADDRESS TO  \  6 ^L y: EBONY SAMPLER Wl. Will. SI-MI C 1). I  1 ) AVK.. S. E. ALL COUPONS GOOD UNTIL JUNE 1, 1951</t>
  </si>
  <si>
    <t>                                           The Pacific Coast is eating those words about Michigan being a "paper mache" champion History records that since 1800 four great warriors have overrun Western Europe -- Napoleon, Bismarck, Hitler and Sugar Ray Robinson ... Joe former heavyweight champion Joe Louis will make his second comeback tonight against Freddie Beshore in a bout that will be broadcast and telecast from Detroit's Olympia Stadium ... Lynn Waldrof, California hard luck coach can get his teams into the...</t>
  </si>
  <si>
    <t>                                           "Suffered 7 years -then 1- Pazo brings amazing relief!" tayt Mr. M. W., Lot AngtU$, Calif. Speed amazing relict from miseries of simple piles, with soothing Pazo*! Acts to relieve pain,  instantly- soothes inflamed tissues- lubricates dry, hardened parts- helps prevent cracking, soreness- reduce swelling. You get real comforting help. Don't suffer needless torture from simple piles. Get Pazo for fast,  . Ask your doctor about it. Suppository form- also tubes with per* fowled pile pipe for easy application. PtnOiHiwunlanJSuMmiUiiaii Yw'UkcptMitt ^V        . Kbt^^BwS^^L  children ^^^^M^^H when T(Mi fir* ^^^^^^^H^H  Stotfi VrS^^^^Hf Breulnlan j2^^^KS@9^~ efn4      *D   -~^~ Vlttmiat nd  -          ell. Btlpt  (trow right.        . teeth.        boan. HchMwardbircoUiwbnitlMgr.. lick, enough A*D Vitamin 1 fetH.U*                 it. Economical. Boy today st  dns</t>
  </si>
  <si>
    <t>                                           The 1950-51 edition of the LeMoyne College Mad Magicians basketball team. Pictured from left to right: front page; Maynard Jordan, assistant coach; Robert White, Charles Jones, James Gilmore, William Johnson, and Rodell Boyd. Standing are: Freddie Jackson, Curley Monroe, Edward Johnson, Floyd Blackburn, Coach D. J. Stewart, Saul Miller, Thomas Gibson, John Gibson and Edward Cox.</t>
  </si>
  <si>
    <t>                                           Deaths                 Little Johnnie Loo sellers. Smyr- j na, On., passed recently. Mr. Menzo (M. B Bell, 348 Auburn Avenue, N. K.. passed November 7                 Funeral Notices HIM. Mrs. Susie HUI, or 1407 Hnrdce Street. N. E., passed Nov. 7. Funeral announced later. Haugabrooks Funeral Home. HALEY: Mrs. Anna of 133 Pear Street. The friends and relatives of Mrs. Annn Haley are invited to attend her funeral this Thursday at 8 P. M. from Trinity A. M. E. Church, South Atlanta. Rev. a. A. SeweU, presiding Elder H. Carswell and others officiating. Interment Rock Springs Com. Cox Bros. In Memoriam In memory of our dear father and brother, Deacon Cash Jones, who departed this life, November 8, 1932, eighteen years ago. Your kindly face and gentle  With sadness we recall. You had a sweet word for everyone And died beloved by all, Yqu are not forgotten, and never shall bo. For as long its life with us lasts We will remember thee. Your children Mrs. Mary J. Coley, Mrs. Florence Wade, daughters Mrs. M. Beesley, granddaughter Miss Mary h. Jones, sister Deacon Walter Sttoucl,         -~ji-lnw And several nieces and nephews In Memoriam In loving memory of our darling j daughter, Virginia Elolse Long, who left us IK years ago today, Nov. 9, 1935. What peaceful hours we once enjoyed. How sweet the memory still But they have left an aching Void A world can never fill. Sigurd: Mr. and Mrs. J. A. Long, I Parents.</t>
  </si>
  <si>
    <t>                                           SIX PERISH, THREE HURT IN FARM FIRE                 By  L. JOH.VSO.V                 Tragedy. lurking with malice forethought in an oil stove, Interrupted a friendly family fireside ;hat in a remote section of Qlen  s (DeKalb County) v:ood and early Monday morning and . the lives of fix persons, three others suffered burns In a                 miraculous escape that could have only been engineered by dramatic I intervention of a divine power. l DeKalb Co officials and police officers answering the call shortly after midnight Sun., said they recovered bodies of the victims amid smouldering embers  the charred debris of the  (33 feet lout* 12 feet wide) plot of scorched earth where formerly stood a wood frame tenement. I The dead, all members of the  immediate , were Identified as: Willie Mundows, 25-year-old - employed by a construction company. Mrs Mamie Meadows, 25 yearold housewife. Robert Meadows, 4 year-old son. Norris and Doris Meadows, boy and girl twins, age 2. Diana Meadows, five years old daughter. At Cindy hospital attendants listed the survivors as little Mary Meadows, age 4, lone member of the  saved, Miss Nettle Sims, 20 year-old sister of Mrs. Mamie Meadows, and Wiley Martin, 21 year old, a visitor. The condition of all three was (Continued on page (i Column 7)                 Six Perish (Continued from Page One) reported "" by the hospital  who said Mary suffered burns about the body. Martin, a service station employe, received body burns of the chest and Miss                 Sltna 9          for bums  the upper portions of her bod?. J. h Austin and c. J. Bruce, patrolmen of DeKnlb county assigned to Investigate the (Ire, inter* viewed Martin at Orady to get an account of the tragic occurrence. By his own admission, the filling station worker narrowly averted losing his life by dragging little Mnry and Miss Sims out of the dwelling seconds after an oil stove exploded and turned the structure into a flaming inferno with six persons trapped Inside. Martin Bald they were seated [around (he room when the stove suddenly "blew up.'1 He said he he quickly grabbed two of the  and bolted out of of the flaming tenement house. When fire fighters from Avondnlc Estates and Olcnwood fire stations arrived at the Austin Circle address, 13 miles from the City of Atlanta and  the Covington state highway, the blaze had subsided and six  perished. Dy the the final ember had been, extinguished, the scene began taking on a ghostly appearance. Towerlngt twisting branches of pine, popular and oak trees rustled as unconcerned chilled winds whistled overhead. A single-blade axe stood sentry against a giant oak two pair trousers bent slightly  a plank on a triangular-shaped woodshed, and a clay dirt, single  trail turned sharply from the remains of the structure, darted suddenly beneath a hill, made an S-shape wiggle into the woodland and wound its way to a highway more than a mile away. Surrounded by trees, on a day with dry underbrush, the fire might have caused a forrest fire.</t>
  </si>
  <si>
    <t>                                           Tragedy, lurking with malice forethought in an oil stove, interrupted a friendly family fireside that in a remote section of Glen Haven's (DeKalb County) woodland early Monday morning and claimed the lives of six persons, three others suffered burns in a...</t>
  </si>
  <si>
    <t>                                           Govt Plans Cut In Civilian Use Of Canned Vegetables                 WASHINGTON (INS) The government said Friday it will cut civilian supplies of canned vegetables and paved the way for a possible further slash in auto and home appliance production by clamping almost complete controls on four scarce metAls.                 The agriculture department said the order affecting vegetables will be Issued next week and may be followed by a grain conservation order which would curtail liquor production. Simultaneously, the national production authority reduced supplies of tin cans for non-perishable foods, beer, pet food, lighter fluid, cosmetics and shaving cream another 10 to is per cent to meet defense needs.                 NPA ordered the steel and Iron industries to give the agency 30 (Say's notice of the products it will manufacture from scarce tungsten, chromium, nickel and  before starting production for any given month. Federal production officials reserved the right to restrict, limit or prescribe use of the strategic  after examining the Industries' proposed schedules. This is tantamount to almost full government control. The -vegetable -order, -requiring canners to set aside a percentage of their pack for the armed forces, will affect sweet corn, tomatoes, green peas, green and wax beans and several vegetables.</t>
  </si>
  <si>
    <t>                                           WASHINGTON -- (INS) -- The government said Friday it will cut civilian supplies of canned vegetables and paved the way for a possible further slash in auto and home appliance production by clamping almost complete controls on four scarce metals.</t>
  </si>
  <si>
    <t>                                           Final funeral rites were conducted here on Saturday afternoon for Mrs. Odessa P. Williams, pioneer in business and beloved educator and church woman. Dr. E. C Mitchell, Vice-president of Morris Brown college, read the scripture, lesson. Big Bethel Choir...</t>
  </si>
  <si>
    <t>                                           Mrs. Alease Conley and baby of Kansas City, Mo., arrived Monday. night to visit her mother, Mrs. Maggie Lester. King's Lane.</t>
  </si>
  <si>
    <t>                                           Sales Tax Panel Set Tomorrow Night By Business League                 The Atlanta Business League will sponsor a forum on the New Georgia Three Per Cent Sales Tax, Thursday, April 5, 7:30 P m. at the Butler Street YMCA, J B Blayton, St., will serve as moderator. The merchants, tax expert and  will be represented on the resource panel. Merchants in various lines of retail sales will present their system for meeting the problems of collecting the tax. Suggestions will be given merchants who have not arrived at a satisfactory method of collecting the tax in their line of business. J. L. Wolfe, president of the League states that there will be a general question and answer period end urges merchants and consumers to attend this informative tax clinic. Police Capture More Bootleg Whiskey Here Atlanta police continued their crusade against bootlegged whiskey Monday night and Tuesday morning, capturing 76 gallons of illegal spirits. Patrolmen' E. E. Michael and W. W. Gable spotted a pick-up truck at Vine and Foundry Sts., N W at 7:30 A. M. Tuesday. Two men were seen carrying sacks from the truck, and one of them was apprehended. The sacks contained 10 gallons of illegal whiskey. The captured man was listed as William Moses, 31, of 608 Foundry St., He was tried in Recorder's Court and bound over on a $300.00 bond. Officers W. E. Peacock and R. H. Brown confiscated two  night. One of tHe cars was stopped at 8:30 P. M- on Oliver St., at North Avenue, and relieved of seven gallons of illegal whiskey. The other was apprehended at Neal and Elm Sts., and found to contain five gallons The driver pof the first car, William Harrel, 24, of 571 Spencer St., N. W. was charged with disorderly conduct-whiskey. But the largest haul came earlier at 7:45 P M. when Dets. R. A. Boone and E. Sikes captured 54 gallons of illegal spirits at Neal and Vine sts. J</t>
  </si>
  <si>
    <t>                                           toW^fC       . In Kwty B- THE  HOmjUteRILL Ton. J*ft otf w.w^^.           ^wl^^{ig,^</t>
  </si>
  <si>
    <t>                                           ~^^                      [[By Itattftgi JEFFERSON FlAWWACAW XfaCP^I] APRIL Now high the dogwood lights it silver candle Above the creeping grass, And where the mosses drop their mingled mantle the saints of April pass. Like some tall priest arrayed In vested jewel with Holy book outspread. The oaks against a sun dog placid murial Lifts heavenward Its head! And sun crowned calls again to pine and maple The bounding feathered choir That answers sweet the merry call of April In topes of hallowed fire. -Thomas Jefferson Flanagan.</t>
  </si>
  <si>
    <t>                                           Sale Starts 9:30 Thursday! Sorry, No Phone or Mail Orders! Prices plus 3 % State Sales Tax HUGE SAVINGS IN EVERY DEPT.! ,~~*~m* MEN S FAMOUS MAKE y^^. //If 33 Misses TOPPERS NYLON HOSIERY All-Rayon Tropical Suits ^gfr /7/-) 7 [I  1 Thirds from famous -"I  H ^f "^^k^^^^^M^* MM maker. Some full fash- Just 400 of these famous Y/^^H/ I ^L^P^LI lUU ioned, 51 gauge, 15 denier, 1 In make suits. Single and dou-  \BBf /^f 60 gouge, 15 denier, and /I /I b ble-bre.-. Hiirlines. sol-  J'Igg jTw /WT W some seamless mesh. As-  f idr. and plaids. Sixes 36-44. i    \ W Some all-wool, some rayon gabardine. sorted light or dark shades. reg., short, long. New Spring fefe I j^JII W^ fully lined. Originally 8.98 to 12.98. Sixes 8V, to 11. ^des.      I  BOYS' BOXER SETS MISSES' SHORTS MISSES' HANDBAGS ^y^/~l 1st quality, combed yarn I #U I /Lfli ^KfJI I ~^LN shirt, with contrasting or I  I I /^Eml ^^r matching boxer shorts. All 1/9 I WW ^.^^B\ guaranteed washable. Boxer I Twills in boy shorts and  shorts. Orig. 2.98 to 5.98 \\^m^m^^m Jvli^^^^H Si shorts with two front pock- Many assorted colors, deep cuff trim. Save! Leathers, , and failles in y^^H^V I l/ /~'^     ets. Sizes 4 to 12. Sizes S. M. L and 12-18. a  styles and colors. /^BP^fll (f^W^BRr ErtD \A/Okill-N- Pare Silk Scarfs, 18" square, -ss"t patterns. 3 for 1.00 Spring clearance of women s ~"rwK / Women's Billfolds, plastics in assorted colors. Lacy Multicrepe Slips, save! Several styles in fine pl"*?X RFTTrR Illf F XnilrX rayon multifilament crepe. All lace trimmed, pink or Women's Luggare. lightweight whipcord. 21 over-  JL U\ UllLvU UllULU white. Sizes 32 to 40 1-69 n te case, beautifully lined plus tax 5.00 New Spring Prints and Cottons, beautiful selection Ladies' Handkerchiefs, cotton prints, solids, and pas- A big, big assortment of patent - jm  In misses' and women"s sizes. 12-20. 161/2-24V2. tels 10e ers in many, many styles, and in red, J* I II I and dark shades 2 for 7.00 R M beautiful  for Spring SiT 4 10- AA J 1111 Better Dresses, from stock. Mmited quantity, crepes outfits 2 for 1.00 J.1^.*^^- U .UV gabardines, broken sizes i.w Costume ~*. :. . earrings, pins. I 15 Misses' Unlined Suits, broken sizes 5.99 colored . and pearls plus tax 2 for 1.00 I 15 Misses' Toppers, 100% wool, pastel plaids. Ladies' Gloves, slight irrs^s. of 1. CO to 1.98. in navy. FOR CHILDREN- Orig, 10.98. 5.99 white, black, pastels, sizes 6-8 2 for 1.09 r^* Wmtl/UCPI 85 Jr. and Misses' Suits, lined rayon gabardine, beau- Children's Seersucker Pajamas, nursery prints,  styled in assorted Spring colors. Sizes 9-15. %  per fasteners, size 1-4 in 2-pc., size 4-8. 1-pc. .1.19 10-18 H.99 -FOR MEN- Size 4-8, girls1 and boys' 2-pc. size 1-4. 3-pc. .1.49 Pure Silk Panties, cool and durable, brief styles, in Flannel Receiving Blankets, white and pastels, size white only sizes 5 6 69c Men's Tropical Slacks, Spring rayon gabardine fab- 27 x 36 2 for 1.00 Women's Multicrepe Pajamas, rayon, tailored or 1 st quality pleated,  fly. tan Skipper blue Toddlers' Ail-Wool Sweaters, cardigan style, white Mandarin styles, solid colors with contrasting pip-  eV- brOwn- blue- Sl7es 28'4? 3'99 and pastels, size 1-3 1.39 ing on Spring print, adjustable waistband, sizes 32- Men's Zelan Jackets, 1st quality, water-repellent. Day Cowns, handmade batiste trimmed beautifully 40. Irregs .2.99 windproof, zipper front, S. M, L .2.79 with embroidery, white, with pink or blue .1.00 Cotton Cowns. cotton crinkle crepe in tailored styles Men's Argyle Socks, 1st quality! Manufacturer's Diaper Shirts, handmade Philippines, emb. and lace or Porto Rican batiste, hand embroidered. White, closeout. anklet length, large assortment of color trims, white and pastels 1.0Q pink. blue, maize. 34-48 2 for 5.00 combinations, sizes 10-13, reg. 79c pr 42c Babyette Dresses,  and sheers, . of Cotton Shorty Pajamas, in 2-piece style with  Men's Famous Make Ties, new shipment Spring pat- .^T";!T1^' S'Ze 9  12'. 8 m?l I, V '1 V trim, assorted prints, sizes 32-38 1.00 terns, all-wool lined, bold and neat patterns. Little Cirls Dresses, piques and , . fully made and trimmed, pastels, size 3-6x .1.88 Women s Anklets, mercerized cotton and nylon with  vc k fancy tops. shocking fluorescent colors ,       Sporf Shi f s ke short ~^^JZ^~~t^^    - 8-]] 3 for '-00 sleeves guaranteed washable, large ass t of rayons        and matching striped jacket, size Fancy Heel Nylons. 60-gauge. 1 5-denier, slight . . 2.99-3.99 1.89 2,4.6... 2.99 ~;.fa.m^s make- self colored heel-       or  Men's Broadcloth Pajamas, 1st quality, pre-shrunk. Children's Polo Shirts, made of fine combed cotton y/2-~(J'2 '*z* coat style, ass t stripes, sizes A. B. C. D 2.79 yarn in solids and stripes, sizes 1-8 .2 for.1. 00 Srl^wwS toV?^^ ^StlS Men's Broadcloth Shorts, .. Sanforized, full cut.  IDkllCUIKirC pink or wh te sizes 5, 6 1 gripper and boxer models, solid colors and stripes. HOMEF URNISMINGb- Rayon Panties, cuff or brief styles, white, pink, blue.  jz^ 28-44 59c maize, sizes 5. 6. 7 4 for 1.00 j' V V- Bate*  Spreads, seconds, singles and doubles. Extra Size Panties, flare leg. cuff styles, in pink or Me" s.Knrf        fu" cut- a" arou"d elast,c, sizes B 5.44 white sizes X. XX. XXX 2 for 1.00 M- L **e Organdy Priscilla Curtains. 36x87 3.59Famous Make Bras, .. cotton broadcloth or satin.     Undershirts, Swiss rib style, sizes 34 to 44. Ruffled Window Framettes 1.99 white or pink, sizes 32-40. A. B cups 39c 3*e Venetian Blinds, odd sizes 2.44 Two- Way Stretch Girdles, white only, girdle or panty Plastic Drapes 89c' style. S. M L .2.00 RfW^-     * Cotta8e Se*$ '.'.'.7.7.7.7.7. .7-7- 7    Dresses, Pinafores, solids and prints in cotton, not r UR DU I 3 Bedspread Fabric Remnants 2 for 3.00 every size in every color. 1st qual. and some . a^jhb .hjh^. 1.00 Boys' Polo Shirrs, 1st quality and selected .. Assorted Rug Remnants, and mill ends.                      , Housecoats, fine quality cotton, some guaranteed washable, assortment of stripes, sizes 4- ~..^bj j*, .f slight .. Spring prints. 12-20 2.00 16 69c Towelt by the Pound, seconds of luxury bath towels Nylon-Acetate Uniforms, ., button front with Boys' Khaki Boxer Shorts. 1st quality, Sanforized. *'s novel and '"expens.ve way! You II warn patch pocket, removable stud buttons, white only, in two pockets, sizes 4-10 1.69 V^ j    ~;_oc n in W 4fi 5 00 Tablecloths, plaid cotton and rayon ea. 69c . \Z-ZV, d8-~r6 5.UO g Knif g, f t             Cut. S, M, L.         .       mA^,trt*ine 7 99 Misses' Blouses, short-sleeve blouses in dressy and 7 .My. 3 for 1.00 Shower Sets, drape and window curtains 2.99 tailored styles, white and many assorted colors. 32 ^jci-i ^.j^- Muslin Pillow Cases 2 for 1.00 3ft 129 Boys' Guaranteed Socks, 1st quality, assorted stripes, nii*          .~r Pillow. 100 jo i.~7 .i -ii/. mi/    i.w t guaranteed for four months, sizes 7/2 to 10 Vl. Misses' Blouses, long and short sleeves, crepes, cot- 6 4for 1#00 Vanity Sets and Scarves 2 for 1.00 tons. Ass't colors and a few prints, many styles, 32-    #~   PmA* 5Qv7         2.9ft 38 reg 398-598 .....2.99 Boys' Sport Shirts, 1st quality, solid colors, plaids and Mattress Pad., 39x76 size, single, cotton .Z.~ Women's Skirts. 1st quality rayon gabardine, two fancy patterns, rayons and cottons, guaranteed - P- T.. assorted sizes m seconds^. ^9 styles, straight and pocket trimmed, grey, green, navy. able  00 S0^1!,!"? T* I'S red. toast. 22-30. reg. 399 2.00 Boys' Jr. Boxer Longies, gabardine, zipper front, 1st Terry Washcloths 10 for 1.00 Ladies' Tee Shirts, stripes and solids in short-sleeve quality, solid colors, sizes 4-12 .2.50 Striped Dish Towels .ea. 29e Tee-shirts, fine combed cottons in ass t colors. S, M, Boys' Windproof Jackets, zipper front solid colors, Unbleached Sheeting, 72" and 81" wide .yd. 89c L, . of 1.98-2.98 1.59 two front pockets, sizes 10-18 1.69 Chenille Bath Sets 1.59</t>
  </si>
  <si>
    <t>                                           j No place like home to stretch out and take it easy. No whiskey I like 7 Crown to join you and your friends in that pleasant I moment. No wonder more people enjoy its  satisfying taste at their leisure than any other American whiskey; Seagram's 7 Crown.  Whiskey: 86.8 Proof. 65% Grain Neutral Spirits. Seagram-Distillers Corp., N.v.</t>
  </si>
  <si>
    <t>                                           KANSAS CITY, Mo.--(ANP)-- A $25,000 damages suit filed in Jackson County circuit court here last week by the Rev. C. C. Wheeler against the Kansas City Southern railroad for injuries received when he was bodily thrown from a train after protesting discriminatory...</t>
  </si>
  <si>
    <t>                                           The written appeal made by Dr. H. Councill Trenholm, president of Alabama State College to the "Senior High School Principals a n d Members of the Alabama Interscholastic Association" at the latter fifth annual meeting held in connection with the ASTA...</t>
  </si>
  <si>
    <t>                                           Ala. Prisoners May Get Shorter Work Days                 MONTGOMERY. Ala. (ANP)- With the doing away of the lash by the recent public burning of 30 leather straps, comes a new incentive for convicts at Kilby prison to stay out of trouble: Shorter working hours. Oov. Gordon Persons, who issued the order banning the use of the lash against troublemakers, told several hundred inmates here last week that an eight-hour shift would go into effect immediately. However, he warned that the old 10hour day would be used if any trouble occurred. Pennsylvania Hires Negro Prison Guards PHILADELPHIA- (ANP)- For the first time in his history, the state of Pennsylvania has Negro prison . Five colored  recently were hired to work at the Moyamensing prison in Philadelphia. These men are: Louis Bivlrn, 26. Clarence Jackson Jr., 25, George S. Taylor, 25. Robert Goodsby, 26, and WJlbert Tillman, 25. All men  went on duty Feb. I. All five men are Phlladelphians. Bivin* is 1-and a. veteran of World War H. Jackson Is a drummer who has played with top bands including that of Ear! Bostic for the past eight years. A graduate of A and T college N. C, Taylor has been in Philadelphia for only a year. Tillman, a veteran of World War n, has lived in Philadelphia for 10'years. Goodsby war, an honor graduate of the Robert Morris Price School or Journalism in 1949. ..FARM FINANCES Farmers il the United States have nearly  22 billion in bark deposits, currency, saving bonds and investments in oo-          which Is more th-rn four times as :nuch as  had ten years ago. Ir. tl-.e 10-year period, farm mortgage indebtedness has dropped feu: teen per ant. Total agricultural assets are estimate j at. the WMid level oi more than $134 billon, two ana u half times those of 1341.</t>
  </si>
  <si>
    <t>                                           DECORATING PAPERING PAINTING F. H. A. TERMS ARRANGED SMALL  TERM A. J. MICKELBERRY RA. 1795 Guaranteed SHOE REPAIRING SHOES REPAIRED WHILE YOU WAIL "We Satisfy Any Shoe Needs" Shoes Dyed Any Color PARKS    3e rebuilders 854 Hunter St, S. W. RA. 5681 "We Have Saved Over A Milliim Soles" JEAN WORTH I'almhrf *"aq4 Psychic Cailjs Tdtir Name, Asks No Questions $     * Thk lady does hot j^ggL^ flatter you. the ^^^^^^1 tells your life ,Ks ^^^^H It Js, and should ^^^^^H be.Por every ^^^^^H ble there Is a rem ^^^^^H edy and In  cases, the remedy ^^H^^^H Is within your ^~^^~^1  if you only ^^HHB^B know how, for while ignorance may sometimes be bliss, it is folly 3f the most dangerous sort to be ignorant of the problems 'of .Love, Marriage, Business and Sjieculatioij. This lady warns you 'gravely i^she suggests -wisely -'she explains fully, ^hp .Answers All. Questions. Know Thyself.and  in4 success, and  throne ra trouble turned away. This lady  helped thousands and she can and. win help 126?'" BA^rf^AXir    ^,; N. W. Almond Fark^on RlVer Car To Anthony Street</t>
  </si>
  <si>
    <t>                                           f im ^ 1M1 Moji folks  reed     call I It fire which add to the family s saving*, keep department. But  like In know it is life insurance ready to act when needed ready     rush protection lit   mast. if flames . And  pay taxes Life OF Georgia has helped Southern for well-manned modern equipment. families for sixty years, constantly  insurance is  protection panding its services to suit growing (~.r the family against the certainly of nerds. Today's Life of Georgia protection old age and death. Premium deposits, is as modern as the sleekest fire truck, Thumpers Hauled the Pumpers ^     AV*ifPi Hoof- horses hauled       -         ilH^'wer pumpers lo * back in 1891. the  ^~^Fwr*^^BW*~ Lire of Grortla was founded. Yon can fi^MaSKKfflM^ read about that era In "The Southern Sentinel.1* r^*~^~^^      ^f/         j; D  SINCE 189  ^^^-'Jr? Oivision Office. Room 306, 23 Broad Street, Building J^^S District Offices: 139V2 Alabama Street, S. W. Get Your FREE Copy 225 Grant Bldg., 44 Broad Street, N. W. ot -me  sentinel" 10M05 Baptist Bldg., 291 Peaehtree Street, N. E. today-~ 108 Thompson Avenue, Eajt Point     *. or 915 Church 5    *~, Doentur.</t>
  </si>
  <si>
    <t>                                           ^^^^^^^^^^^^^^^^^^^BEj^^^^^^^ 8        9^^wtl^f wwr fWr APEX PRODUCTS .^tf^^. AfO 1NA    ^~DC^^ (PIhToi)   raMAN mT IPtatTai) m. Nt MMlttwt *w oil        hf ^mtmm*     '~  '^ r?**  SCALP CREAM    (MmToi) ^F SeAt^ ^B Wr m*      T. *^~ii i^I^^^^Sh^SSb^ Vte^M^ Aft tf^^ ^^  f.   .^fc, chafer               0D*        *  **?Z--</t>
  </si>
  <si>
    <t>                                           NASHVILLE, Tenn. -- (ANP) --Tennessee State College last week became the first Negro College with an approved chapter in Theta Alpha Phi, national honorary dramatic fraternity, according to Dr. Thomas E. Poag, head of the college's department of speech and drama.</t>
  </si>
  <si>
    <t>                                           JEAN WORTH Palmist aaA Psychic Calls Tov Nm Ask*    Question* This lady does not flatter you, she ^~~K^H tells your life as   It is, and should ~' be.For every       %~J^eV ble there Is a rein        edy and In most fc 1/     , the remedy MB U within your   A reach if you only ^^m^m^m- know how, for while Isnozsnce may sometime* be bibs, it Is  of toe most dangerous tort to be. Ignorant ot the problems of Love. Marriage, Business and Speculation  lady wains you gravely she suggests wisely she explains fully. She Answers AB Question* Know Thyself and find success and . No one. in trouble,  away. ThU lady baa helped  and she can and wUl help you. 1269 BANKHEAD AVK. N. W. Abnmd Wk oa Stver Car    Antheay Stoeeft</t>
  </si>
  <si>
    <t>                                           STONE MOUNTAIN, Ga.--:Last Sunday regular services were held at the Bethsaida Baptist Church; Rev. H. J. Jackson, pastor delivered the sermon. There were several visitors from Atlanta and Decatur.</t>
  </si>
  <si>
    <t>                                           Hovms Wlrad-Rowirad 10% DOWN Twms $5 to $10 Month IQ  WrIMn Prompt Sorvieo Gen1 Lighting Service ELECTRICAL        NW.to.CH.TWT "A FMend To Know WbM Fun BlnT</t>
  </si>
  <si>
    <t>                                           Success stories like that of Catherine Hardy, Fort Valley State College junior, who set a new indoor mark in the 50 yards run at the National Women's Indoor track and field championships, always provide sportswriters with the Horatio Alger and Frank Merriwell rags-to-riches sagas that make the sports pages our liveliest news mediums. Morehouse College makes its annual excursion to Birmingham, Ala., Thursday, where the Maroon Tigers play a single game with 'Bama State. The two teams...</t>
  </si>
  <si>
    <t>                                           Soldiers. sailors. marines and airmen in the United States armed forces throughout the world will observe Christmas in prayer and charity and at the Yule table.</t>
  </si>
  <si>
    <t>                                           3  XMAS HAPPY NEW YEAR NEW MOON BAKERY % 223 AUBURN AVENUE, N. E. j j v Pies Cookies Famous Hot Dors 5 Phone CYpress 9737 j E. L. WRIGHT, Prop. { ATLANTA, GEORGIA. j  t!              ]       )   )~   )~                  ))       )iK5 CENTRAL METHODIST CHURCH 503 MITCHELL ST. S. W. REV. L SCOTT ALLEN MINISTER I ^T 1 iJP NIGHTINGALE W^ SCHOOL OF NURSING i MERRY CHRISTMAS AND A HAPPY NEW YEAR r To the Employers and JjpP^^^^^ f f co-operation given us .~K, \W during this year. We ^^~fc *^?^Jp hope to continue to ^^B^. serve you with the       ^^^^^^^H best in service during ^^^B /Sk J^H J. E. MATTHEWS We Specialize In Technical Labor H M EMPLOYMENT BUREAU 837H HUNTER STREET, N. W. J. E MATTHEWS, Mcuifqpr</t>
  </si>
  <si>
    <t>                                           Railroad Bias Hit Again By High Court                 WASHINGTON (ZN8) Ito supreme court Monday reaffirmed its opposition to segregation of Negroes on railroads. The court refused to consider an appeal by the Atlantic Coast Una Railroad from a lower court decision. The case involved Williaat Chance, of Rocky Mount, N. C,      was arrested at Emporla. Va.,"alt* he refused to take a seat ttt t Ob Crow day coach at Richmonit-'ViL</t>
  </si>
  <si>
    <t>                                           ATHENS, Ga.--Mrs. Mattie E. Taylor has returned from Nashville Tennessee after attending the Southern conference on children under six. Enroute to Athens she visited relatives in Chattanooga and Atlanta.</t>
  </si>
  <si>
    <t>                                           Climaxing what was considered their most colorful celebration of National Better Beauty Culture, the Atlanta Beauty Culturist League along with several visiting beauticians representing leagues throughout the State, gave an elaborate reception Wednesday night...</t>
  </si>
  <si>
    <t>                                           AS HE SEES IT An Air Base in Korea. Cpl. Emmanuel Pippins, Aiken, Ohio, sketches a typical scene outside his tent at this Korean air base. A member of the Far-Eastern Air Forces 0127 Air Transport Group, he is kept busy during duty hours scheduling and getting troops aboard the airborne carriers of the 315 Air Qi . The young artist s cartoons of an airman s life in Korea have been shown around the world.</t>
  </si>
  <si>
    <t>                                           MADAM EVA tSc SPECIAL READING 18% #11 1 ft Patanba. After yat UN 14 A**"""1* I lLJ 1 1 Lmdm with yaw IMFlpVfipraMaM to MaI 1 v ~/4 mm Era and  m LibVJ bhb  kA 1**~~^~ FACTS AND      ^i4TOlJ or 1 \l#l8 V nil /if u 7M taT* TsffM  n* M. to It P. H. dally ul Buday. tUS W. Martette Stmt, N. W. raka tlM Hum Tat* TnDv.BM  at tk* dM*.</t>
  </si>
  <si>
    <t>                                           Carver Vocational School Sponsors Big Kickout Dance                 Hie whole town is talking about the biff Kukout Danoe at the Magriolla next Thursday night, February 8, 'from 9 to 1 ThoBnoe-Repairinj Class Of Oar;rer.:8 is sponsoring ^ilay^ in order to help raise  money to purchase a TZmxATtoEt.- TtoJAmbaisadots Till nix up the music :f or the dance; Bilty Wright, Ctavoyltecbtdlng Star.~wni rim the latest  Wts, ana the 'Jocfcy bolder of the luck; ticket will be     ^-                 wakes you up with pretty music on these ugly mornings, absolutely free, (whether be is present or not). Persons not present may mail the stubs of their tickets to C. P. Davenport, student president of Carver Vocational school, 1275 Capitol Avenue, 8. W., Atlanta, not later than Wednesday, February 7, 1951. Tickets are on sale at Yates and Milton store number S, Fair and Roach Street; Paschal Brothers and the Dairy Qoeen let Oream parlor on Hunter 'Street.- Advanced tickets are 75 cento and $1.00 at door.</t>
  </si>
  <si>
    <t>                                           1 1 IVS9TALL ^y^ ^y j *m b^^I^^^^^^^^^^^^I I BURGLAR BARS tj^lHI I  OU1JIEIIIt ^1~* A IKON WORKS' : MA- 6305 441 Memorial Drive, S. E., AtUnU, II NISK ,                HAyipond 930</t>
  </si>
  <si>
    <t>                                           UN Troops Meet Fierce Enemy Onslaughts In Drive For Seoul                 UN SPEARHEADS PLACED 7 MILES S. OF CAPITAL                 BY HOWARD HANDLEMAN Far Eastern Director, International News Service                 TOKYO (INS) Chinese forces, stiffening their resistance along the western front, hurled three counterattacks Saturday at United Nations troops pressing their northward advance on the Korean capital of Seoul.                 But the Allied General advance scored gains up to more than a mile during the day as two of the fierce enemy onslaughts were beaten off and South Korean troops were reported holding their own against a third.                 UN spearheads were placed at less than seven miles below the outskirts of Seoul after capturing the town of Anyang, eight mites southwest of Seoul. Contact w:tn the enemy was reported light along the central and east-central front. But unconfirmed reports indicated that a possible Red buildup of troops and supplies  v.s in progress just north of the S'uihon I urea where an American-French regimental combats team Friday defeated two Red regiments and inflicted casualties estimated at 3,600. Heavy fighting with three Red  entered the  day. at the. extreme eastern end oi ^(~/4kn  8 Column .4) Si: Li                 UN Spearheads (Continued from Page One) the 140-mile front but reports on this fighting, near the coastal city of Kangnung, were skimpy. Chinese concentrations striving to mount other counterattacks en the western  here hit by UN artillery which "cascaded a nightlong stream of shells and parachute flares into the area north of Suwon, communications city 17 miles- below Seoul. B-26 light bombers contributed to the rain of fire by launching a "" bombing of enemy troops and supply concentrations in a three-mile square area on Seoul's southern outskirts. The B-26s hit the enemy with 500-pound bombs and Pir=t Lt WiKiam. Boswell of Compton, Cal one of the navigators, said that "some of those 500-pounders blew the top right off a ridge." Twenty- four Mustangs followed up the bombers to rocket firebomb and 'strafe' the Reds and results of the entire mission were described officially as "excellent." A reinforced Red battalion  at the Turks 10 miles northwest of Suwon at dusk Saturday seeking to drive the colorful                 'East fighters from  high ground.  Torts withdrew from positions on a frill they had secured earlier in the day, then repulsed the Reds. The attack against the Americans, launched with artillery, mortar and machine gun fire, was also beaten off after dark. A fierce two-company attack by Chinese against Republic of Korea troops on a precipitous mountain slope due north of Suwon was still going on at U p. m. The ROKs reached the crest of the hill by nightfall but were unable to secure positions before being viciously counterattacked. They were- driven from the rest and forced 50 yards down the slope but dug in and held firm against assaults. Allied artillery pumped a steady stream of shells into Communist positions on the peak. An Eighth Army briefing officer said that not only the entrenched enemy but the terrain held down the Saturday advance to gains of between 1500 to 2500 yards. High hill masses bar the route to Seoul which is easy to defend but tough to attack.</t>
  </si>
  <si>
    <t>                                           TOKYO -- (INS) -- Chinese forces, stiffening their resistance along the western front, hurled three counterattacks Saturday at United Nations troops pressing their northward advance on the Korean capital of Seoul.</t>
  </si>
  <si>
    <t>                                           liME TO CONSULT THE MAP                 'MWllAWUt SI AT                 BROTHERHOOD WEEK Spomsrtrf kr N*             *nct of Chrliti.M  ml      '</t>
  </si>
  <si>
    <t>                                           WASHINGTON --(INS) -- President Truman Thursday authorized A-Bomb tests on the Las Vegas (Nev.) bombing and gunnery range in a move made necessary by the speed-up of U. S. Atomic weapons production, including development of the Hydrogen "Hell Bomb."</t>
  </si>
  <si>
    <t>                                           WASHINGTON -- (INS) --The Government announced Thursday That auto and consumer goods production will be cut 20 to 30 percent by April 1 and said boosts in retail prices of clothing, furniture, and other household articles Will be permitted next week.</t>
  </si>
  <si>
    <t>                                           Two Virginia Boys Drown                 PETERSBURG. Va- (ANP)- A 10-year-old boy was drowned here last week while he and several playmates were trying to see who could stay under water longest at a park lake. In  section of the state an 11-year-old boy was drowned the same day when he waded into deep water In a creek and was unable get back to shallow water. The Petersburg victim was identified by police as Clennis P. Arrington. of Petersburg- A two-hour Attempt to revive the victim after his body was recovered from the shallow waters of the West End Park lake was without success. The boys were enjoying a splash in the lake which is only about three or four feet deep at Its deepest point when they decided to sec who could stay under water longest, police reported. Young Arrlngton went under water and didn't come up. The other children called police who recovered the body. The second victim on April 29 was Alvin Brown. He was wading in Peak Creek about 1 p. m. with two white . Denver McMillan find Frankie Williams. The  Ixtys. under If) years of aer,   In reach Brown after he waded into water over his head</t>
  </si>
  <si>
    <t>                                           LOWEST PRICE IN GEORGIA 5-^^^ STRAIGHT  ^"^5^ 'GEORGIA S LOWEST PRICED,* 90 PROOF, 4 YEAR OLD, STRAIGHT BOURBON WHISKEY. wna ir tan$n  crop. * t .</t>
  </si>
  <si>
    <t>                                           "3I00ER BARGAIN I / than it wts 1 0 /ears ago J*     JjiP **    a smaller item IP -~~w9te 'n dur    *% budget The number of telephones the typical Southern* family can call at the local service rate has more thaa doubled in ten years. And the service is better. Meanwhile, in a period of rising prices, the  of telephone service has increased  than wages and family income far less than most of the goods fad services that make up the every-day cost of living. Yes, telephone service always was one of the biggest bargains in the family budget. Today it s an even bigger bargain than it was ten years ago  till  AND TILIfelAPH COMPANY</t>
  </si>
  <si>
    <t>                                           Men's Day will be observed throughout, the day Sunday, February 25, at Greater ML Calvary Baptist Church, Rev. B. Joseph Johnson, pastor.</t>
  </si>
  <si>
    <t>                                           ^^K^*ft' ~~-S^K ^^^^^r x^     /Bfcx^/ r^f^U</t>
  </si>
  <si>
    <t>                                           HEART ATTACK OR INDIGESTION? THANK  Most attacks are Just add Indigestion. When It strikes, take Bell-ana tablet*. They contain the fastest-acting medicines known to doctors for the relief of , gas and similar distress. 25*.  Far quick relief Irom itching ca  by ec^ma, athlete s foot, scabies, pimples and other itchin," conditions, use pure, cooling, medicated, liquid D. PRESCRIPTION. A doctor s formula. Greaseless and stainless. Soothes, comforts and quickly calms intense itching. 35c trial bottle proves it. or money back. Don't suiter. Ask your druggist today for PRESCRIPTION.</t>
  </si>
  <si>
    <t>                                           MAKE THIS PROVE WHY YOU NEED THIS  /'H   ^^' Before making upj m 1 mttr "PPly Black and I JJ W White Vanishing /^M9^ Crejm. Then  jT touch tinue to your face. Afo oil  off- proof that thb cream ii oil-free I And thu wonderful cream it not only - it hat the remarkable "Sealo" action that , check* and     / your oily ddn- protect* even the pore* from dirt. weather. Million* of JjgE^S^. women u*e it. You should ^^S too) Buy it today. 35^ APfe^^J UwbotfiSfacfcoixfWMi* ffS9 C/tomhs      ..;</t>
  </si>
  <si>
    <t>                                           M^^^BBri i  HALF GLAMOUR. A, you      afi2tt it fastens at the crown of the head I and  naturally down     Thia b4ck it tka hf**D* back. You can wear it as an up- to right   mM sweep or a^y style you like. (It it       *      . R 16 to 20 inches long). $10.00 ^flH^^ M Better      , PAGE boV - Fit* fike       1   /7 Br4 23' Jtfgg  S JQ  ^f   . V-loB, .. I ))     *n on ^ vl i VMM HAIR DO FAiHlONS J 312 St. Nicholas Aw.** touch. Y. M</t>
  </si>
  <si>
    <t>                                           ADDIS ABABA, Ethiopia--(ANP) The kingdom of Ethiopia, situated in the mountainous, volcanic section of northeast Africa, is steadily weaning itself away from an alliance with Near East or Oriental nations and becoming more and more closely indeitifable with...</t>
  </si>
  <si>
    <t>                                           QUINT'S worry that Jennet would reproach him for writing to her father of her whereabouts had been a waste of feeling; not once since she had appeared in the door of the parlor had her glance come to him. All that rebellious talk of here had been just talk...Anger...</t>
  </si>
  <si>
    <t>                                           To back up OUR men and women in uniform by helping to keep AMERICA financially strong I do hereby PLEDGE to buy EXTRA DEFENSE BOND(S) totaling $ (in addition to any Bonds I now am buying). J will make the purchase at: (Please Indicate- Name of bank and address, post office or branch, or other issuing agent) THIS PLEDGE is MY answer to my Nation's call for support in this national emergency. Nome- Address Phone City Zone- Stofe This pledge which you nave just signed will be turned over to your State Director for Defense Bonds. It it not In itself TaduSrUatloK for "an  bond: The surest way for you to make good your promise to your newspaper carrier Is for youto ID to your nearest bank or post office, these Institutions seU Defense Bonds as a community and patriotic u service throughout the year. You may also authorise  to Increase your payroll savings allotment to provide for the extra Defense Bond you have pledged to buy. I GIVE THIS PLEDGE TO YOUR WORLD CARRIER</t>
  </si>
  <si>
    <t>                                           1 00 Memphians Left Homeless In Fire                 MEMPHIS. Tenn.                 (SNS)                 Firemen, police squad cars, anc1 ambulances fought their way through a maze of tr., greatly increased by the Armed Forces D?y Parade, Saturday to North Memphis where a wind-swept fire in a matter of minutes wiped out an area, of eleven houses and                 ed homeless approximately on hundred persons, mostly Negroes. The llame spread with terrific and destructive speed from the point its origin in the rear of 243 Ivory creating a frightful smoke tower as scores of tenants fled far their lives. The Intense heat, -1  a 15-mile wind, realted in minor injuries to approximately twenty persons. They suffered minor burns heat prostration, and smoke . Included on the list of injured were:Frank Bates, of 224 Ivory, treated ait John Gaston for suffocation and minor burns; Fire Lieut. V. H. Barnes, burns on left ear; Fireman J. D. Sutton, Fireman Ralph King, Fireman H. E. Lemar, Fireman H. C. Horton, Fire Capt. J EHiston, Fireman Francis                 . Jack Pannel, and Llndsey Pannel. Red Cross Dlaster Director Gene Glaze administered first aid to the injured He arrived on the scene shortly after the 3-alami fire had Begun its devastating sweep. The area swept by the fire is bounded by North Sixth, North Seventh, Cedar, and Ivory. It was a Memphis newsboy, Lucius Vessel!, of North Thomas Street, who first notified the World staff. Lucius was delivering his newspapers in the vicinity at the t mc the fire broke out. He rushed tc the telephone to call the office, anti then back home for his small -amera to take some action shots of the disaster. "I believe I got some  ones too," he proudly told the World. Houses fc the destroyed area were  by Valley Shaw, and family, of 249 Ivory; I Rutherford and family at 243 Ivory; Jesse Field* and family, and Henry Whitfield family at 243 ivory; Gertrude Stanley and family at 335 Ivory; I. C. Jordan at 220 Ivory; Lucy Smith and family at 248 Ivory; R T. Bowlin at 244 Ivory; and James Brown at IMfi Ivory. Police Commissioner Armour left the Armed Forces Parade to join his  in. ;ne fight on the fire, ile said r.tu; w.ij the fastest spreading fire he had ever witnessed It was in -he rear of the Henry Whi. field r house at 243 Ivory that the flame originated from a burning trash puc, igniting a neatby woof'.shed. Ths  was suddenly swept by a  15- and hour wind, and the  frames were licked up as much dry kindling Most  houses were single and double rental units owned by H. W. Bickf-jrd, realtor, who estimated damage to be approximately $25,000 They were only partially Insured, the realtor stated. Only one home occupied by nearby white residents suffered severe damage. That was the home ot Tony Casaretto located at 1120 North Sixth Street. ''Our mid-summer weather dried these frame Negro homes out completely ind it was like touching a match to a pile of dry straw. "Commissioner Armour commented. For hundreds of yards the entire area was obscured by the pan of black smoke that shot as high ns 250 feet into the sky. J</t>
  </si>
  <si>
    <t>                                           Firemen, police squad cars, and ambulances fought their way through a maze of traffic, greatly increased by the Armed Forces Day Parade, Saturday to North Memphis where a wind-swept fire in a matter of minutes wiped out an area of eleven houses and...</t>
  </si>
  <si>
    <t>                                           "Pardon me, lady," said the young man on the trolley who had just received some American Cancer Society literature from a volunteer worker, "I'm not trying to be smart but have you heard of ANYONE being cured of Cancer?"</t>
  </si>
  <si>
    <t>                                           36TH SPINGARN MEDAl WINNER Mrs. Mabel Keaton Staupers was awarded the 36th Spingarn Medal for distinguished achievement of a Negro American. The presentation was made by Miss Lillian Smith, world-famous author and lecturer. Mrs. Staupers' citation read: "Mabel                 Keaton Staupers, as executive secretary (and) president of the National Association of Colored Graduate Nurses, spearheaded the successful movement to integrate Negro nurses info American life as equals." When her job was completed Mrs. Staupers was instrumental in dissolving                 the Association. (Photo by Perry)</t>
  </si>
  <si>
    <t>                                           IN HUDDLE JUST BEFORE NAACP YOUTH PROGRAM Pictured is a group shown in a huddle behind stage just before NAACP's Youth Program got underway at Municipal Auditorium Thursday night. June 28, as, the National N. A. A. C. P. Convention continued in Atlanta. Young people have been given a greater voice in N. A. A. C. P. affairs. Reading from left to right are: Walter Carrington, 'president, Harvard University branch of NAACP; Albert Henderson, Piqua, Ohio; Alvin                 Krebs, white, Pascagoula, Miss., who became famous when he wrote an editorial while attend ing the University of Mississippi advocating the entrance of a Negro student to the all White school in Mississippi; David Sims, Richmond, Va., master of ceremonies; Rev. H. I. Bearden, pastor, Big Bethel AME Church, who gave invocation and Rev. Taschereau Arnold, religious editor of the Atlanta Daily World. Mr. Carrington         major address as did Mr. Krebs.</t>
  </si>
  <si>
    <t>                                           New Evidence Aids Defense In Trenton Six Murder Case                 TRENTON- A whole new body of evidence throwing as entirely different  on the Trenton Six murder trial has been accumulated and will be of  assistance to the defense, \t was announced today by attorneys for the National Association for the                 vancement of Colored People at the conclusion of the selection?! jurors for the trial.             of the six young men ub6        murder of an aged ^n Jan- uary 27, 1948. , here on. March 5. -Jt Raymond Pace Alexander of Phi-, . Clifford R. Moore of Trenton, and J. Mercer Burrell of Newark, attorneys representing the two men whose defense is being handled by the NAACP. revealed to day that they have  by virtue of pre-trial investigations and  a number cf important documents and other information denied to the defense in the first trial. Among these are police docket reports on the arrest  nd detention of all prisoners prior to the apprehension of the six defendants; (Continued on page 4 Column 6)                 New Evidence Continued from Page One) police teletype reports describing the original suspects N and the car they allegedly used (descriptions which the defense claims are not applicable to the defendants); the radio log of the Trenton police department showing similar descriptions; nnd other police reports and records from which considerable information was obtained. Also available to the defense for the first time is a digest of statements made by Mrs. Elisabeth Horner, widow of the murdered man, at the Investigation of the case. Defense attorneys hold that these state ments are at variance with Mrs Homer's testimony at the first trial and that new evidence as to the nature of her Injuries after the sieged crime also contradicts testimony at the first trial. Evidence seriously questioning the murder weapon has also been discovered. Another significant development for tho defense is the securing of Information as to the cleavage with In the Trenton police department prior to the first trial. Charges of bungling, mishandling and  with much evidence have been , together with            of  such evidence. In the re- trial, defense attorneys lave been successful in obtaining                 the court s agreement to inspect the police station where the defendants "confessions" were made and also to  the vicinity of the alleged crime. The court also agreed to segregate prospective jurors so that 'they would not hear testimony exchanged in preliminary examinations, and to keep witnesses from hearing the testimony of other wit. nesses before testifying themselves. Defense requests that the court follow these procedures in the original trial were ail denied.</t>
  </si>
  <si>
    <t>                                           TRENTON--A whole new body of evidence throwing as entirely different light on the Trenton Six murder trial has been accumulated and will be of immeasurable assistance to the defense, it was announced today by attorneys for the National Association for the ...</t>
  </si>
  <si>
    <t>                                           Allied Forces Seek Foe, Find Minor Resistance                 BY HOWARD HANDLEMAN Far Eastern Director International News Service                 TOKYO- (I N S)'- United Nations patrols, probing northward to seek out a reluctant enemy Saturday, encountered only scattered units of the enemy s bogged down spring offensive force UN main lines edged back into positions abandoned to the Reds in the early days of the two- counter assault launches by the. communists with the announced intention of driving the UN forces "into the sea." Tank led patrols roamed north, northwest and  of the I South' Korean capital of Seoul, but the Eighth Army's Saturday night communique said that they made "little or no enemy contact. Other patrols lanced through the mountainous central and Eastern fronts, seeking out possible Red buildup areas, but found only small groups of the evasive enemy A front Dispatch reported that a UN infantry patrol drove north from Chinese abandoned Uljongbu, 11 miles northeast of Seoul on the historic, "invasion corridor" and advanced to a point we d north" before contacting the enemy. There the force ran inco a Red force estimated to consist of two platoon* and withdrew to permit the Red. to be blasted by artillery.</t>
  </si>
  <si>
    <t>                                           PHILA. -- Negro owned retail liquor outlets scattered throughout the United States, along with all the other outlets are faced with the problem of staying in business and maintaining full inventories. At the same time distillers and producers face other types or short...</t>
  </si>
  <si>
    <t>                                           Pearl Buck Banned From Speaking At D. C. School                 WASHINGTON- (ANP) M^:. Pearl S. Buck, famous author and lecturer, was prohibited from speaking at the midterm commencement of Cardozo High School by District school board officials.                 School superintendent Hobart M. Cornlne claimed that Mrs. Buck's engagement was cancelled because her record was "not clear" with the Tfnure Un-American Activities Committee. The well-known writer branded Coming's reason as a "trumped-up excuse." The real reason for barring her from the lecturer platform was. in her opinion,  3f her private, public and steadfast stand         racial discrimination In the Nation's Capital. Such discriminatory policies, she i!    . "have done the cause of American  throughout the world untold damage." I ~\\M not chanee my po.'it'.on is bi^ as I live" emphatically st*     i he Nobel and Pulitzer  w:. Mrs. Busk hsd accepted an Invl'.at:on to ~!peak at the- ;! ';~e.s to* be held there next . When "Dr. Cornlne heard :ho plans, he had the  on          the                  had failed to seek permission to have the author speak there. The school board adopted a resolution in 1947, according to Supt. Corning, requiring schools to set permission from the board Invitln?  speakers. Cardoso ignored that rule, he stated and  Mr" Bts;k without permission. When he learned of the invitation the Un-American Activities commit tee for clearance.      had material In toe file which Included allegations that Pearl Buck's articles had appeared In New Masses. Ownpior, and m Soviet Russia       a!I three periodicals listed as - 1 list fronts. The committee further claimed 'hat the writer was one of the . ;ors of the Congress of SovistAmerican Friendship, and had   a meeting of the Council )n African Affairs. at s; Buck denied Hrittng     of the three   :d or of ever ? any Soviet American Friendsnip Cciisres*. Slia  that she once addressed Jic Council on, African Affairs prior the time it     listed aa * in.</t>
  </si>
  <si>
    <t>                                           WASHINGTON-- (ANP) -- Mrs. Pearl S. Buck, famous author and lecturer, was prohibited from speaking at the midterm commencement of Cardozo High School by District school board officials.</t>
  </si>
  <si>
    <t>                                           Rev. E. Webster McMillan, pastor of Warren Methodist Church will use for his subject on Sunday morning, May 6. "A Man Is No Liar When He Dies For His Friends."</t>
  </si>
  <si>
    <t>                                           BEGIN TO HAVE      *. LIGHTER SiMMtfan. ni/iiT //N. AMAZING ACTION WORKS \w JjAV^ I DIRECTLY ON THE COLOR *+O/ It's true' Your skin will look ^H^^ ^^fe -^^^H shades lighter, softer, smooth- ^Hf;: ^***jl$WM  bleaching action goes ^EL ^^^   ^^^1^W1 right into the layer in your HfcK. WQ0H   jSu3       lated! Yes, Black and White I^Bff*  4^SP^^^^BH^H I dressing table use as directed ^^^       ^^^f(I^^^Kfc^^^M you ve' ^d for.5 And 'his ^^BfeS.^^L "^^^K^ wonderful cream costs so lit- MBB^HElsffiZ!~5^5    ^ ^S^ti^j tie. Don't wait! For thrilling rP^^^S2   A/A results start using it today! *~^^^^^^^S7^y BLACK an5 WNlTTE ^.w^BLEHCHinG ^iw^</t>
  </si>
  <si>
    <t>                                           I Atlanta Jllllp, World edition ^^^^^^I "^*f r *%[--** "Hews White I ft PyblUktd Evwy        Except Monday y M fc-^ J VOLUME 23, NUMBER 195 ATLANTA (3), GEORGIA, TUESDAY, MARCH 20, 1951 PRICE FIVE CENTS I 1.</t>
  </si>
  <si>
    <t>                                           DR. Wm. M. MIZELL DENTIST and DENTAL LABORATORY ROOMS 3 AL. 1887 1321 Whitehall At Mitchell St. Open Til 7 P. M. Sundays 10-1</t>
  </si>
  <si>
    <t>                                           The regular order of service will be conducted on Sunday, June 17, at the Greater Mt. Zion Baptist church located at the corner of Piedmont Ave., and Baker Street, N. E. The following schedule will be as follows.</t>
  </si>
  <si>
    <t>                                           TUSKEGEE, Ala.--(SNS)--Morehouse College served notice on the SIAC Saturday night not to count the Maroon Tigers out of the "dark horse" category by overwhelming the Tuskegee Institute Golden Tigers 68-50 in Logan Hall.</t>
  </si>
  <si>
    <t>                                           Plans have been completed for fine services Sunday with Sunday School being at 9:45 a. m. with Dea. J. W. Latimore, supt., in charge. Pastor Langston will be at his post of duty throughout the day. The Lord's Supper will be served at the 3 o'clock services The Senior Choir...</t>
  </si>
  <si>
    <t>                                           Prominent Baptist officials, upper churchmen and district workers of the Georgia Missionary Baptist and Educational convention, of which Dr. William Holmes Borders is chief executive: Rev. D. T. George. president of the District and Mrs. Geneva Haugabrooks president...</t>
  </si>
  <si>
    <t>                                           MADAME LINDA WILL CALL TOUR SWEETHEART BY NAME gfi* and date of Marriage MnRft Advice on all affairs UMUl of life. I (to what j. Hpgil others claim to do. 9JKB Special Reading 50c VwjH Truth or Nothing. ~~^r Readings Dally and Sunday. Permanently located 3 ic!les East of Tucker. Ga. Highway 29 to Lawrrncevlilp, Georgia at Morris and Gartrell Store Look for large hand sign. Located tn large house trailer. I</t>
  </si>
  <si>
    <t>                                           On the first Sunday after Easter at Beulah Baptist Church, Rev. L. Juan Burt will preach from the subject, "Is Seeing Believing?"</t>
  </si>
  <si>
    <t>                                           A FEW LEFT MASONRY HOMES 2 bedrooms, living room, large kitchen and bath: streets paved: all city utilities: beautiful lots overlooking city on top of hill: Price only $6,275.00. Requires only approx. $625.00 in cash and monthly notes approx. $43.00 per month. Purchaser must have income of $190.00 per month. Built under FH A. Go So. Prybr Road '3-4 mile So. of University Drive, turn right and follow road to top of hill. Salesmen on premises Thursday, Saturday and Sunday afternoons from 3 to 6 P. M. Call Mr. Hamilton or Mr. Mayer, AL. 8511: D. L. STOKES CO. INC. BROKERS Volunteer Bldg.</t>
  </si>
  <si>
    <t>                                           Sunday at Warren Memorial Methodist Church, Rev. E. Webster McMillan will use for his subject during the morning "My Brother's Heart and Mine."</t>
  </si>
  <si>
    <t>                                           The Work Goes Faster When You Work Refreshed iLM the same thing. v ^^^ Wf^   *         Of THE COCACOl* COMPANY  Y ATLANTA COCA-COIA BOmiNG COMPANY !l</t>
  </si>
  <si>
    <t>                                           From the bedside; Dizzy, groggy and weakened by a siege of influenza which floored us immediately following our return to Atlanta from the history-making 18th Annual basketball, we've been studying the results of tournament competition in much the manner of a poll-taker after a national election. The news analysts, columnists and political experts along with the poll-takers examine returns and hold post-mortems over them. It is a popular pastime that has become popular in these United States.</t>
  </si>
  <si>
    <t>                                           14 GRADUATE FROM SCHOOL OF BLIND IN NORTH CAROLINA A class of 14 students was graduated recently from the North Carolina Reconditioning Center for the Blind in Butner, N. C. Among the graduates were persons from all sections of North Carolina and one girl from Richmond, Va. Helen Cutting is supervisor of the school. She is shown above standing at the extreme left. Members of the graduating class shown                 above are: Seated (I. to r.): Clara Malbine, Merry Hill, Margaret Campbell, Rocky Mount; Bertha Nevills, Weldon; Harvey Bryant, Wilmington; Lillie Davis, Va.; and Rosa Thompson, Rowland, N. C. Standing (I. to r.): Carolyn Grimes, WinstonSalem; Louise Bryant, Rockingham; Cullen Pippin, Kinston; Juanita Atkinson, Four Oaks; Lillie Davis, Greenville; Lee Smith, Maxion; Robert Mauney, Lincolonteer, and Lizzie Foreman.                 Greenville. (ANP)</t>
  </si>
  <si>
    <t>                                           NEW YORK ity--Sherman White, well on his way to being named the player of the year, has been dropped from Look's 1951 All-American Team. White and LeRoy Smith of Long Island University, among the confessed guilty in the recent gambling disclosures, had been rated...</t>
  </si>
  <si>
    <t>                                           ATLANTA, Ga.--(SNS) -- A magnificent field k expected for the South's premiere golfing event -- the 13th Annual Southern Open Golf Tournament -- which will be played July 1-4 over the links of the New Lincoln Golf and Country Club.</t>
  </si>
  <si>
    <t>                                           The Poro National Convention will hold their fourth annual meeting in Atlanta, Georgia, July 8-11, with convention headquarters at the Butler Street Y. M. C. A.</t>
  </si>
  <si>
    <t>                                           MR. AND MRS. ARNOLD CAMERON CUTTING THEIR WEDDING CAKE are Mr. and Mrs. Arnold Cameron at the small reception following their marriage at the home of the groom s mother, Mrs. Mamie Cameron, 50 Chappell Road, N. W. on June 23, 1951 with the Rev. L. S. Allen, pastor of Central Methodist Church, officiating. The attractive Mrs. Cameron, the former Miss Palmyra Elizabeth Jones, is the daughter of Mr. and Mrs. Sham Jones of Chicago. She is a graduate of Northwestern and a second-year student in the Atlanta University School of Social Work. Mr. Cameron was graduated from the Atlanta University School of Social Work this June, and will take his bride with him to Chicago where he will be associated with the Urban League. They will leave the latter part of this month.</t>
  </si>
  <si>
    <t>                                           ARE YOU IN DEBT? UNABLE TO MEET YOUR BILLS? let us arrange to get you out of debt with payment you can afford. Regardless of how much you owe. No Security No Co-Sifncre DEBT MGRS, INC. 522 Grand Theatre BIdf. AL. 8856</t>
  </si>
  <si>
    <t>                                           PHILADELPHIA -- Despite inflationary factors responsible for rising costs and an expansion of its services the Home for Aged and Infirmed Colored Persons, 4400 W. Girard Avenue, has completed its third consecutive year of fiscal operations within the available...</t>
  </si>
  <si>
    <t>                                           WASHINGTON, D. C. -- (NNPA)-- The Senate last Wednesday killed an amendment designed to protect members of the armed forces from violence while in the performance of duty or on account of the performance of duty.</t>
  </si>
  <si>
    <t>                                           TONIGHT IS THE NIGHT 11  SIGMA THETA SORORITY Presents "WESTERN FANTASIA" The 1951 Edition Of The JABBERWOCK At The CITY AUDITORIUM 8 P.M. Admission $1.00 Student Tickets 60c</t>
  </si>
  <si>
    <t>                                           DOUGLASVILLE. Ga.-- Sunday was regular Pastoral day at Zion Rill Baptist church with Rev. Gresham preaching at both services. Mr and Mrs Bobble Carter, Mr. John Carter of Detroit and Mr Rollin Carter of Oakridge. Tenn., spent the week end with parents.</t>
  </si>
  <si>
    <t>                                           CHRISTIAN SOCIAL CHARITY CLUB meets this afternoon at 4:30 with Mrs. Elizabeth Palmer, 554 Nutting St.</t>
  </si>
  <si>
    <t>                                           SUBWAY MOTORMAN DIES PINNED IN WRECKED TRAIN                 DOOMED IO DEATH, -muri Anthony l., 5'J. beats desperately at llan.es in his cab (left) after his New York City subway train crushed into another Ten minute* later  (right) struggle vainly m release the  man ('               (inset)  a la.ider to administer the last rites                 ot Uie chinch. L. v.jl ili/ud -ij UiKi'd from  .:  ;t-        an d.~ui . {International}                 9</t>
  </si>
  <si>
    <t>                                           Wants To Become Uncle Sam's Nephew                 KINGSTON, Jamaica- (ANP)- A suggestion that Jamaica be ceded to the United States was made here a tew days ago by a member of the executive of the People's National parey. led by Norman Washington Manley.  Isaacs, second vice-president of the PNP, told the Jamaica Time* newspaper that he would put thv idea to Maniey as soon a.the latter had sufficiently rested from his trip to the United States. "I am convinced," declared Isaacs, that economic betterment in Jamaica is possible to the maximum extent, only if we establish the closest economic ties with the U. S. I "My suggestion 16 not Influenced     an any considerable antiBritish, feeling -But I can see no better imy out for -the country than to link up with Uncfe Sam". The PNP man added that his socialist party should work for these Wes." immediately after we obtain more power to decide- our political destiny. I will go as tar as to propose that, when self-government is achieved, we would open discussion on the possibility."</t>
  </si>
  <si>
    <t>                                           FIVE STAR ATTRACTION TO PLAY HERE TOMORROW NICHT,JUNE 7                 BinS BROWN                 ROY BROWN                 WILLIS JACKSON;                 JIMMY ROGERS                 STARS, STARS, STARS Five big ones will be here to entertain Attantan. Thursday N.ght, June 7th at the City Auditorium 8:30 P. M. to 12:30 A. M. Heading the parade will be R u t h BROWN, followed by lorry DARNELL, Roy BROWN, Willie JACKSON and Jimmy ROGERS. Advance $1.25; At Box, $1.50 B. B. Beamon presentation.</t>
  </si>
  <si>
    <t>                                           Funeral Held For Att'y S. D. McGill In Jacksonville                 JACKSONVILLE. Fla -~    - Funeral rites were conducted herr Wednesday for Attorney S. D. McOill, 74 year-old lawyer Hnd civic leader for more than a half century in Jacksonville. The Reverend B. J. Ferrell, pastor of the 8t. James AME Church and instructor at Edwards Waters College, delivered the principal eulogy. Attorney A. T. Walden of Atlanta and Atty. T. Nutter of Charleston, West Virginia spoke on behalf of the legal profession. Attorney McOill was instrumental In winning the equal salary suit for Jacksonville Negro teachers He was for many years, prominently identified with the work of the church, the community and with fraternal life of Jacksonville. And* at one (ime headed the Jacksonville chapter of the National Association for the Advancement of Colored People.</t>
  </si>
  <si>
    <t>                                           FISHERS FETED AT WEST HUNTER-Pictured are a portion of the people who attended the third anniversary reception in honor of Rev. and Mrs. A. Franklin Fisher, of West Hunter Baptist church Monday evening. May 28. Seen presenting the cake is Mrs. Alice M. Ogletree, fourth from the left. Among other treasured gifts, Mrs. Arthur M. Houzell, finance chairman, presented to the honorees a book whose pages were covered with money contributed by members and friends as a gesture of appreciation for their capable and loyal leadership. Each auxiliary also made presentations with best wishes for their continued success. An orchid was presented to Mrs. Fisher                 and a carnation to Rev. Fisher by Mrs. Carrie E. Bennett as a compliment of the auxiliaries.  hown in the picture are reading from left to right: Mesdames H. Calhoun, R. L. Mapp, general chairman; Mrs. Carrie E. Bennett, Alice M. Oglelree, Rev. A. F. Fisher, Mrs. Fisher, Mrs. Ora Pinson, reception chairman; Mrs. Arthur M. Houzell, finance chairman; and Mrs. Elease Smith. Others on the committee not shown are: Mrs. Eubirdia Elliott, decoration chairman and Mrs. Lucille Payton. The honored pair graciously accepted each token and expressed sincere appreciation to every one.</t>
  </si>
  <si>
    <t>                                           Miss Ellen Tarry, of New York City and formerly of Birmingham, will have some of her books on display at Columbia University's Twenty-Seventh Annual Summer Session Educational Exhibit being held July 9 to 20. Miss Tarry and Oliver Harrington, illustrator and...</t>
  </si>
  <si>
    <t>                                           You Have Only To JULY 1 TO GET YOUR Liability Insurance To Comply With The New Safety Responsibilty Law, Which Affects Every Car Owner In Georgia. Failure To Comply With The Law Will Mean You Can Lose Yoor Driver's License. Operating Privileges And Your Vehicle Registration Plates Can Be Suspended. YOU CAN SECURE THIS INSURANCE ON EASY INSTALLMENT PAYMENTS CALL OR COME BY IMMEDIATELY ALEXANDER CO. General Insurance 208 AUBURN AVENUE, N. L ATLANTA, OA. WAInut 0549</t>
  </si>
  <si>
    <t>                                           Racing with a police patrol car had grim results early Thursday morning for a ... year old Atlanta man, when his car was impounded and his right leg broken after a lengthy chase through several city streets.</t>
  </si>
  <si>
    <t>                                           Invitations bidding friends to the last of a series of parties given by Mrs. M. L. Jackson, 1390 Hunter Street, S. W., were so very unique and different, when opened - read:</t>
  </si>
  <si>
    <t>                                           Charles Milton Laid To Rest At Marietta                 services were conducted here Thursday afternoon for        Robert Milton from the Auditorium of the Frlendshtp Baptist Chwrh, Rev. Maynard Jackson, pastor officiating.                 The Rev L. Scott Allen, pastor Central Methodist Church, read the  and spoke the prayer The choir, under the direction of Miss Florence Harris, rendered music lor the occasion. H J. FurJowe. accompanied by his wlte, sung .solo t election: "I've Done Mv Work." Tributes were paid to Mr. Milton's  sagacity and  -s by P. C. Hutchtnson. Chairman. State Birbers Board, ana J W Wanhttch, Secretary of the City Barbers Board. Mrs L D. Shivery .representing tht schools and the Atlanta community, paid tribute to the exemplary life of Mr. Milton and quoted "Invlfilus" and "Crossing the Bar," which she said were strong points in shooing Mr. Mil tens life and philosophy. Prince Hall Masons, led by F W. Sullvsn, Dr. X. L Nea). and Mr. Ray, presided over the Impressive ritual for a brother Maaon, placing his Masonic paraphernalia in Ms casket representing the  of brotherhood. Pallbearers included members the American legion chapter and its Women's Auxiliary. The main eulogy was impressively delivered by Dr. Jackson who call: "Mr Milton's exemplary Me ht* provided we with the theme froin which I speak." Re made -a contribution to the economic and spiritual life of this community'.' Interment took place in the National Cemetery with full Military       at Marietta. On. He was burled lr. tlie .  f or vet* erans of World War 1.</t>
  </si>
  <si>
    <t>                                           Funeral services were conducted here Thursday afternoon for Charles Robert Milton from the Auditorium of the Friendship Baptist Church, Rev. Maynard Jackson. patitor officiating.</t>
  </si>
  <si>
    <t>                                           TURNER THEOLOGICAL SEMINARY CLASS OF 1951 This group will attend the Banquet tonight at 8 o clock in the Morris Brown College Dining Hall. Reading from left to right; front row: Dr. Frank Cunningham, Dean of Turner Theological Seminary, Acting President E. C. Mitchell, Dr. S. L. Greene, Jr., newly elected                 sident of Paul Quinn College in Waco, Texas, Bishop S. L. Greene, Sr., Chairman of the Board of Trustees and Chancellor of Morris Brown College, Dr. S. H. Giles, Dr. G. A. Sewell, and Dr. J. R. Coon; second row: Reverends Otis Burnett, Oscar Maddox, Samuel A. Hammond, J. D. Husband, J. S. Horton, Oswald E. Talbot.</t>
  </si>
  <si>
    <t>                                           UNITED NATIONS, N. Y.--(ANP)--Within two weeks after it issued its appeal, the UN Secretariat Committee for Food Relief to India announced receipt of over $10,000.</t>
  </si>
  <si>
    <t>                                           MR. "HEART AND SOUL" MAKES A HIT Making his first appearance in Los Angeles since he became a singing sensation two years ago, Larry j Darnell scored with  at the Oasis Club I                 last week. Smiling her pretty approval is Damita Jo, who appeared on the same bill with him. From LA., Darnell moves on to San Francisco for a two weeks stay at Longbar's Show Boat cafe.</t>
  </si>
  <si>
    <t>                                           NEW YORK -- (NNPA) -- The Joe Louis-Lee Savold fifteen-round heavyweight scrap was finally washed into Madison Square Garden as intermittent drizzles halted the fight for the second night in a row. As a result the International Boxing Club was forced to abandon the Polo Grounds as a site for the fight because of a major league baseball ruling.</t>
  </si>
  <si>
    <t>                                           Atlanta      World Members: 8N8 NNFA ANF INS Published Every Morning Except Monday, at 210 Aabnrn Avenue. N. E W. A. Scott II, Founder-Publish**    . 5, 193S to Feb. 7. Ittt Founded Aug. S, 1928; Became Dally March U, IMS Telephone: WAtout 1469 1460 Entered in Post Office at Atlanta (8), Qa.. as second class mail under the Act of Congress, March 13. 1879. C. A. SCOTT Editor and General Manager SUBSCRIPTION RATES BY MAIL: Dally: I year $12.50; 6 month* $6.75; 3 months $3.75 Saturday Only: 1 year $4.65; 6 months $2.65 Canada: 1 Year $6.00; 6 months- $U0; Foreign: 1 Year $8.00 Subscription Rate By Carrier: 26c Weekly THE ATLANTA DAILY WORLD to an Independent newspaper nonsectarian and nonpartisan. printing news absolutely  And supporting those things It believes to be to the interest of Its readers and opposing those things against the interest of Its readers. THE WORLD expressly repudiates responsibility (or return of unsolicited pictures, manuscripts, etc.. unless stamps are sent. Address All COMMUNICATIONS to and make CHECKS payable to ATLANTA DAILY WORLD, rather than to individuals. THE RIGHT. TO VOTE "The right to rote most be open to all oar  Irrespective of Race, Color or Creed without tax or artificial restrictions of any kind. The sooner we get to that basis of political . the better it will br for the country as a whole." -FRANKLIN D. ROOSEVELT</t>
  </si>
  <si>
    <t>                                           Wean afford-     5~-^WB I and enjoy         ^gH  t umm.   .. msm. p*.  man * *m- .</t>
  </si>
  <si>
    <t>                                           The Rev. Taschereau Arnold, widely known evangelist and religious editor of the Atlanta Daily World, will appear at two local churches Sunday. The Rev. Mr. Arnold will appear at Greater Mt. Vernon Baptist church, Dr. E. M. Johnson, pastor, Sunday morning...</t>
  </si>
  <si>
    <t>                                           STATESBORO, Ga. -- The Bulloch County PTA Council met at the Willow Jr. High School, James Wells, principal. The District President Julia P. Bryant presided in the absence of the president, Mrs. Amanda Smith. The other officers are: Secretary, Mrs. Luetta Moore...</t>
  </si>
  <si>
    <t>                                           3t</t>
  </si>
  <si>
    <t>                                           flavor- "SUI JL YELLOWSTONE) ^jjf ftL Cl Kentucky Straight^JWl ^Bourbon Whis- %W key... the leader   ] today as in 1872  with those who 1^9) Bourbon. "%~ JjfsL.~. I JhtuCHV     100 PROOF  IN BONO . INC.. . KY.</t>
  </si>
  <si>
    <t>                                           Alberta Copeland, Hendersonville, North Carolina Jean Martin, Camden, South Carolina; and Edith Powe, Cleveland, North Carolina discuss the growing vocational                 mands for trained librarians with Mrs. Hallie B. Brooks of Atlanta School of Library Science. The young ladies are students at Bennett Collesre. Greensboro. North                 lina. -Photo by Ward</t>
  </si>
  <si>
    <t>                                           In Memoriam                 In Icivinu  of our dear  \nri brother. Mr. I:n.ips l.   .-s win (imparted .s life July 5. 1950. Death is a . yet. 1 ilc s -s ?;;d  smile w:!l always be near. Sndiv mi-^i-ri by Mrs. Ruby Lak-js. wife Mis Fanuio Lakes, nuther and family. In Memoriam In ? memory of our husband, son and brother, Arthur B. Starks, who departed this life two years ago today. The Starks family. In Memoriam In 'ovin? memory of George Ai1s?u?tus Reynolds who departed this life July 15. 1950. I cannot say, I will not say that he is dead: He is just away. With a cheery smile and wave of his hand, he wandered into an unknown land. Gone but not forgotten. Mrs. P  Reynolds, wile, Mrs. Marvin Reynold.-, mother. In Memoriam In memory of Mrs Alberta Wilf-on, who passed July 4, 1947. "Gone but not Forgotten." Church Aid Board ot West Mitchell CME Church*                 MR. J. LAKES</t>
  </si>
  <si>
    <t>                                           Barkley Sees No Action On Civil Rights This f ermi                 BT ALICE A. DUNNIGAN                 WASHINGTON (ANP)- VicePresident Alben W. Barkley stated last week that he saw no  of accomplishing any part of the civil rights program in this session, and probably not in this Congress. }                 In an interview with reporters, the vice-president admitted that the alliance of Democrats and Republicans in Congress has not only brought about a stalemate on civil rights but on many other issues. But looking back over the record of the Democrats in Congress from the South, he claims that they have been fairly liberal in most matters other than civil rights. They have been liberal in regard to agriculture legislation and monetary legislation, he stated. This only natural because the agricultural program has probably benefitted the south as a whole more than other sections of the country. There would be much of an issue between liberalism and conservatism in the Democratic party  for the civil rights Issue, thinks the vice president. There might be some solution to the question of civil rights by state methods as some progress has been made through this method. He cited the fact that Georgia has already abolished the poll tax as a requirement to vote. Louisiana did the same before this acute agitation grew up. It was done in North Carolina and Florida. The tremendous increase in voting in those states after the abolition of the poll tax proved that a great many more people were being disfranchised by nonpayment of a poll tax than could be numbered among the voters of any group or race.                 He pointed out that the vote ta Louisiana increased by approximately 75 per cent; in North Carolina, about 90 per cent, and In Florida around 110 per cent. If the states would go ahead and abolish the poll tax it would  be a better thing, thinks Mr. Barkley, but inasmuch as there is a group which won t do it, it must bo considered from a broad, national standpoint whether the national government owes any duty te those people who live in states which Insist upon holding on to the poll lax as a prerequisite for voting.</t>
  </si>
  <si>
    <t>                                           WASHINGTON -- (ANP)--Vice-President Alben W. Barkley stated last week that he saw no possibility of accomplishing any part of the civil rights program in this session, and probably not in this Congress.</t>
  </si>
  <si>
    <t>                                           JEAN WORTH   nd Tiijrhlr     .          . A.~.    Qowitlon. Thl*        am /latter  ou     ^H"I U9 4j*m over;  ^B-jK^iB *"ri (n        ^^kjA^^H 'nnh If  oni}  hlt* Mcnonuiw   or . it if  f Lhc  ,.  nrl In hr Ut   of     * of Love  . BtiKlnpju. *nn .Swrulatlnn Thto      warm you  ne * wildly shr   illy shr         AU Queatlons Ctinw Thyself und flud         and  No one in  turned way.       lady hn*    aod w can and win bt]p UW  AVC. R. W *    (J Park on Strtr Oaf    4        n*l</t>
  </si>
  <si>
    <t>                                           WASHINGTON, D C.--Since the wrecking crews--Jackie Robinson, Roy Campanella, Larry DoLy, Monte Irvin and others--have been hovering around the heights of the pennant chasers, it has been hard to take millions of colored Americans away from the radio or television...</t>
  </si>
  <si>
    <t>                                           GRADUATE NURSE COMES HOME-Mrs. Sadie Jones of Albany who attended the National School of Nursing in Philadelphia is shown above above in a "capping" ceremony as she                 graduated from the school with honors, on April 30, 1951. Johcs is hero visiting her mother, Mrs. Mary J. Johnson and other relatives.                 i ALBANY. Ga (</t>
  </si>
  <si>
    <t>                                           Hl.LKI) EASTER EGGS 35c CAPITOLA KRAFT' 71-Oz. BOX 5-uE,g57c DiNUERS2F.r25c  KOSS COLONIAL OCTAfiON  BREAD 1 5c SOAP Bar 8c 14 Oil. MAT I SARDINES 2 15c SHA!~IKO(K I  TALL CAN CIH M MEAT 3j c,n 8c SALMON 55c MEADOW  I ORK WIENERS 35c SAUSAGE 37c SLICED BACON 1-Lb PKG ENDS PIECES 21c</t>
  </si>
  <si>
    <t>                                           MONROE, Ga. -- Three boys from Walton County attended the State Conservation in Dublin, Ga. last week. Each of the three boys won a $2.00 scholarship to attend camp. These scholarships were given on the basis of conservation work done in the county. The boys had to take...</t>
  </si>
  <si>
    <t>                                           CHICAGO--(NNPA)--A flew boxing star was born when Johnny Britton of Chicago, wan a 15-round split-decision over Charlie Fusari of Irvington, N J, to win the National Boxing Association version of the welterweight championship of the world.</t>
  </si>
  <si>
    <t>                                           DETAILS $   SOON  iw</t>
  </si>
  <si>
    <t>                                           WANT AD INFORMATION to  space for Cludfled AA,  FIt* War* tm Urn  ONIBniH: TWO LINES (U   (4a) CALL WALNUT 1459</t>
  </si>
  <si>
    <t>                                           PHILCO... Greatest Of All TV Sets m^^mM^^^ REVOLUTIONARY 2-DOOR PHILCO H Sspl^Si 111 AUTOMATIC DEFROST ^^~BiV ^^^^~~~iiS f'S^S^^^^^SHBBBi features and value at its  Built-in Zero Zone Freezer PHILCO BALANCED BEAM ^ TV PHONOGRAPH A Oil [rfi $38495 17-Inch Television Phonograph IB^^^ I' s H Famous Philco Balanced Beam Plays the new "LP's", the new ^^JrallB I I 150 square inch rectangular "45's", as well as standard B^H    #^^WIB I H picture- no blur or smear! Du- records. Up to 6 hours of      ^^^H Pj^'^x^i^^^aB I JJ plex Chassis. Built-in Aerial, tinuous music. And there s no B^^Hl l^^^^^^^^V I j H Yes, unequalled TV quality! tone like Philco tone! fl^^H \~[]f^~ I H Both Services Yours in  QQQqc MHll t^^^^vOs I one Luxurious Cabinet ^%J%f\}^0 ^^F1^^^^^^^**--^^ I j^~^W EXTRA SIZE EXTRA SPACE ^^  ^^^      3   ^       ^^^Hl ^rom ^~P to Bottom. Full width zero ^^^Hl 'c^^H^HI^^^^HII^^^I zone freezer stores a 49 Ib. supply of frozen ^^^^~1 Jf d^~ VfeU ere^ ^eat Compartment, large glass-cover^^^^~1 mS E: J^H mfl ed Double Crispers. De- m Hf ^    ^H. Ml  Philco King Size +*JgZA AC BHIM 0E^2^^B rlM Power Unit. Easy-Out Ice 9  95  B^Hf ^K^^^^^^V I III Trays. H WgLJf Philco Super- Value 1H /^~^B^^L^E^Har^^Bl Focub 97  q. inch picture on a V  ^1 m^HgS^^B^BaHf. 12 H" tube. BuOt-In AniaL ^T ^T \L.^H^^          ^^ Mahogany- cabinet: Included At No Extra Charge 1S^ (LIMITED TIME ONLY) OVk    V/ $25.34 Record Collection!      1// 60 Musical Favorites Top selection on fine long-play Vinylite MH records. Beautiful simulated kidskin Album trimmed in gold.  H U Yours with any Philco TV combination or Radio Combination ex- M\\ ^r^t  ModeM330.     CE^ 3-WAY TV LAMP ^ 3-way lamp with 2-way shade in soft colonial nsS^SBHQaS green, trimmed in gold. 24 inches tall. Yours JMLjJ^ESBWtn* with any Philco straight TV set, except model ^^BbTb^^V 1207. ^^Kd^^^ Hopkins Furniture Appliance Co. 141 Auburn Ave. N. E. Al. 7838</t>
  </si>
  <si>
    <t>                                           High School Diploma At Home In your spare time Prepare for college or for a better job Instruction by experienced teachers certified by State of Ga. Board of Education No Classes Books and Materials furnished. DIPLOMA AWARDED MAIL THIS COUPON TODAY. SOUTHERN STATES ACADEMY Box 144, Station E., Atlanta, Ga. Name a-, Address '''[''ll iy'['" c?*y '.'.'.State.'.*.'.'.'.'.*.'.'.* I BURGLAR BARS^       II  WWC A ^ORKS 1 III none: KA. 5305 441 Memorial      , 8. K, Ailanta, CtaJI  WILLIAMS, *  *3</t>
  </si>
  <si>
    <t>                                           SAVANNAH, Ga.--(ANP)--Calvin L. Kiah, 40, head of the department of education and teacher training at Georgia State college here, recently earned his degree of doctor of education in educational administration from Columbia university.</t>
  </si>
  <si>
    <t>                                           I THE TASTE THAT ^^Hi i ^w v     ., vrft ~^-i/ l ^^^B^^^H^B^B Since 1877 I    PROOF, 72^^ GRAIN NtUTRAl SPIRITS,  A BURTON, INC., BRISTOL PA,</t>
  </si>
  <si>
    <t>                                           Atlanta Father Will Occupy Home Despite Dynamite Blast                 BY GEORGE                  A blast, which ripped up a section of the floor of a house at 124 Fourth Street, N. W., early Sunday morning, has not changed he mind of the new owner, Alonzo Johnson.                 Mr. Johnson, who at present is living at 152 Boulevard, told on Atlanta World reporter Monday that he is moving into the house Saturday, even though there is a possibility of another "bombing."                 ine ncme was Tecenuy purchased and the previous occupants moved out Saturday. Johnson and his family- that consist of a wife and three children- had moved in. He stated that he had Insurance, but did not know If it would take care of damages of this sort. But he planned to repair the home this week and move In. The 29-year-old Attantan said. "I've got to move by Saturday." because a preacher has bought the house he formerly lived In The neighborhood contains both white and Negro . The block in which 434 Fourth Is located is predominately white, but  the corner, Tumlin St., N. w. is almost completely occupied by colored people. NEIGHBORS HEARD BLAST According to neighbors the blast took place between 2 and 2:30 a. m Sunday. Detectives N. A. Chastain and W. E. Peacock quoted a neighbor as saying she saw a white man run up the street after the explosion, and later heard automobiles drive away. Nearly all the residents in the immediate area said they heard the loud blast. One woman stated that wares had beer, knocked from the shelf by it. Another said she was still unable to sleep Sunday night. The five room house is located on the corner of Fourth and Tumlin Streets. The explosive was  planted on the side facing Tumlin. because a supporting pillar on that side was crumbled, a window broken, and a section of the floor in a front ripped from its beams. Mr. Johnson said that early reports failed to clarify facts about the house. He stated that he had two jobs, one at H. B. Locke Company, at 106 Sixth St., and the other at a sales firm managed by Frank w. Collins, Mr. Collins, said Jolraon had previously Investigated and found that the neighborhood was zoned for Negroes, and later reportedly asked white citizens in the                 borhood if they Mad objections to Johnson living there. Johnson said that Collins, alter completing arrangements bought house, and that he was to pay him back for it. He said that he had worked for Collins for about 23 J years. Johnson also said that as far as he knew no report was made of the bombing until alter he discovered i it later Sunday morning He stated I he visited the house about S a. m. Sunday to prepare to move in. The white tenants had moved out Saturday, only hours before the house was blasted. He added that he saw the blasted floor when he opened the front door, and called the police. ONE OTHER NEGRO HOME There wps one other Negro family living almost directly across the street from Johnson's blasted house.                 rhey stated they had moved to 9, shortly before someone threw explosives In the home  the street from them. Membcn of '.his family stated that most of the houses In the block were either   r up for Bale. From all appearances the explosive had been thrown under tto front room of the house from the  street side. The houte on the opposite side U occupied by whites, but there were no signs of damage on this  of the bouse.</t>
  </si>
  <si>
    <t>                                           A blast, which ripped up a section of the floor of a house at 124 Fourth Street, N. W., early Sunday morning, has not changed he mind of the new owner, Alonzo Johnson.</t>
  </si>
  <si>
    <t>                                           The Easter Parade at the golf course was delayed until the gang took their families home from church The Easter bunny had a field day hiding our gulf balls in the tall grass and soft med.</t>
  </si>
  <si>
    <t>                                           I" It's iht Bourbon Buy 1 of the Century" 90 PROOF STRAIGHT BOURBON J^ OLD TIME^r STUIGHriOOtlOII - Bisntitts. .</t>
  </si>
  <si>
    <t>                                           U. S. Senate Votes To Lower The Draft Age                 WASHINGTON (INS) The Senate voted Friday to lower the Draft Age from 19 to 181 years and set up Machinery for the first universal military training program in American history                 Final Senate adoption of a compromise version of the Draft-UMT legislation was by voice vote. The house takes up the bill next Thursday and is expected to send it to the White House after little more than token opposition. Following Senate passage. Sen. McCarthy (R) Wis., announced that he would have opposed the measure had there been a record vote. McCarthy said he objected to sending American soldiers into Korea and western Europe while Nationalist Chinese troops and western German and Bpanish manpower are not included in the build-up of anticommunism forces. The Wisconsin Senator blasted secretary of state Acheron as "the Red Dean of Foggy Bottom" and said he is responsible for excluding these potential allies from the global defense program. Besides lowering the draft age and providing for UMT, the measure worked out by Senate-House conferees Includes: 1. An extension of the present draft hitch from 21 to 34 months. 2. Lowering of selective service mental standards to bring in about 150400 persons previously rejected. 3. Continuing the draft, which is due to expire July 9, until July l. 1956. 4. Creation of a five-man commission to develop specific plans for the universal training program..                 6. Allowance of a 45-day period for Senate and Rouse Armed Mrvices committees to consider  actually putting a definite DMT plan into effect, with toy member of Congress  to bring it to the floor.</t>
  </si>
  <si>
    <t>                                           WASHINGTON -- (INS) -- The Senate voted Friday to lower the Draft Age from 19 to ... years and set up Machinery for the first universal military training program in American history.</t>
  </si>
  <si>
    <t>                                           CHICAGO (NNPA) -- Truman Gibson, Jr., attorney and secretary for the International Boxing Club, spoke on the issue of whether the IBC is operated as a monopoly in violation of the Sherman antitrust act.</t>
  </si>
  <si>
    <t>                                           Deaths                 Mr. i Johnnie) JotWlc Moore. 530 3:ri St. N. W.  .Tu'v 2E. Mrs. LotiveH* ^ Y.ypi  Hft 1-?. McD?nicl SI.. S.W passed July 26. Mr. P.ml Orren  recently Mr. W M H-rden. H?         . Ga. passed .July 26. Mrs. Estelle Wright. 599 Magnolia St.. N.W. pn^od July M^s Irla M^o D;:!ii:. 36 Glenway Coiir) pissed July 26.</t>
  </si>
  <si>
    <t>                                           MADAM EVA U SKCIAl READING IS ^f%^ Warlft' '        1  A  Aflat j* Wr\l4*a* Ma flam ETa and n. she       F A Q J B ANI tod an kb  U m tan  w #tt InabK k*  mr and mu at Offle* hma to I* r. M.  . ul    U W. HartotU Rtnat, N. W. rak* th* Inmaa Tar*        . i at</t>
  </si>
  <si>
    <t>                                           In Memoriam                 In sad but loving memory of Mrs. Mary Jane Respress who departed this life four years ago July 18, 1947. "It  seems yesterday Mother When we saw your loving face But no one knows the pain We feel since you went away Yes there Is sorrow In our hearts And a vacant place in our home That rlo one ever has shared And never can be filled." Mr. Tom Respress, Husband Mr. and Mrs. Richard Freeman Mr. e.nd Mrs. WlUle Respress Mr. and Mrs. McKenely Wright Mr. and Mrs. Jake Collie Mr. and Mrs. Ulon C. Searcy Mr. and Mrs. Preston Miles Mr. and Mrs. Thomas Respress Miss Rosie Respress Rev. and Mrs. J. D. Respress Mr. and Mrs. Grady Respress Miss Annie E. Respress Mr. and Mrs. George Respress Children and a number of grand children. Deaths Mr. Clarence Lewis. 143 Chestnut Avenue. N. E., passed July 16. Mr Robert Benton. Route 3, Llthonia, Gfl., parsed July 16 Mr.' Laura Smith, Mansfield, Ga., passed July 16. Mr. Edward S. Buggs, 217 Elm Street, N. W passed July 16 Miss Irene Moscly. Monroe, Ga., passed recently IJ  uu mi Mrs. Charlotte Cudger, parsed In Milledgcville. Ga., July 15.</t>
  </si>
  <si>
    <t>                                           TEXAS CITY. Tex. -- (INS) -- Texas City, proud of its comeback from the explosion and fires that made it a crematory of destruction on April 16. 1947, will observe its half-billion-dollar recreation program Saturday.</t>
  </si>
  <si>
    <t>                                           RIBBONS FOR 4-H ACHIEVEMENTS District Extension Agent Paul Brooks, right, of Oklahoma, looks over the 26 ribbons which 4-H'ers Valeria and Wilbur Robinson of Hennessey, Okla., have won with their projects. Their pigs and sheep often dominate their divisions of                 the State Junior Fat Stock show. Their parents, Mr. and Mrs. Elmer Robinson, left and center, were sharecroppers until 1940 when the Farmers Home Administration made them a loan to                 buy a farm of their own (USDA Photo)</t>
  </si>
  <si>
    <t>                                           CHICAGO--(ANP)--The 30th annual meeting of the stockholders of the Supreme Liberty Life Insurance company, held in the home offices here. was highlighted by the approval of the stockholder of a stock dividend of $250,000 The stock will be distributed to the...</t>
  </si>
  <si>
    <t>                                           LONGER HAIR I HT.HAUTt SUirul AND TAR I M**P *~*P *     hair and I Itching . OARANTfCD Hr-        Hair Or./lng 35 M Hy-~      ^ 35 -I Hy*        SHh Do^i foe Mwn... .25 ,1 Hr-*     Ikla  Jl AOINTfWAKTCO I                    Co. I U* Auburn Atlanta i, 0~. DR. Wn/ M. MIZELL / and DENTA LABORATORY ROOMS AL. 1881 132}         At MJtcheU St. Open TIT F. M. Snndajs 10-1</t>
  </si>
  <si>
    <t>                                           We had the privilege of talking with a returned soldier from Korea two weeks ago out in Minnesota. He was a young white man, a wealthy farmer and Methodist layman. We were visitors at his church as part of the plan of the National Town and Country conference, held at Sioux City, Iowa to visit some 272 Methodist churches within the area of Siouxland: meaning Iowa, Nebras a, South Dakota and Minnesota.</t>
  </si>
  <si>
    <t>                                           [UMt gumo  ,   u, 17 OAT    4Ul.    hid ji0^  h..~  , j^,, fl M    fc I      Dio.if jo, ['I lack I  0  I J*~i          30,  if!!!''?" 'f" I Ofni^ JO, I Slllltl (10 ) rn I fail l.ik sot  -n, I -MclMnniit. 90c lr..^~ ji.. K,m.*i.  OrMlaf. ,,M j^ *MS*os   noon      aoc  l nUt  "'i'll i HIM ~.s till JiSf.i 5*"' 60 W...II90 I "~T"     "~~-    *lO0 I       4 1100 Mfc0 ,Mt      2  o*    aoc l****^^^ CHARU M, I (~CNiri.(   .u    .j,u  imc u9   I     .~t. Mmo* MYtTONt  t.~~ ^w^       ^~r^</t>
  </si>
  <si>
    <t>                                           DOUBLE STRENGTH^P SKIN WHITENER Mow you can have lighter, brighter, smoother ! Dr. FRED Palmer's New, Improved DOUBLE STRENGTH FORMULA works TWICE as Izit- Clears up externally caused pimples, bumps ant] blemishes. Suns lightening action the instant you apply it. Satisfaction or money back.     for and get the original Dr. FRED Palmer's Skin Whiteocr. Accept no substitute. AT Ml MUG Jt COSMETIC  Dr. FRED Poker's, Box 264. Atlanta, Go.</t>
  </si>
  <si>
    <t>                                           FRIENDS SAW THROUGH HIS PLIGHT                 THE OlD TRICK of a small boy sticking his head into an opening rrom which he cannot get free again is revived in Chicago, with two-- Gerald Halley in the main role. Neighbors answered his c;ies and sawed                 him loose from a wooden barricade. (international Sounrfphoto)                 a</t>
  </si>
  <si>
    <t>                                           Marrying playboy stonnie Tompkins is mysteriously alain in his ... nome, respite the eagle eye of Detective Mack McGann, engaged to guard him against possible violent death. Ronnie's ... friend. Frazier Farwell, a ... jockey, had been asleep in the house the night of the murder, put heard no sound of struggle...</t>
  </si>
  <si>
    <t>                                           June Thorndyke has just graduated from college and is devoting herself briefly to her family. She is engaged to be married to Cy Leonard, an ambitious young lawyer, who works in a distant city. Having had speech training at school. Julie secretly hopes to find a career in radio. Affable Mr. Carey, manager of the local radio...</t>
  </si>
  <si>
    <t>                                           Funeral Today For Mrs. Nida Bell Weems                 Atlantans today will pay final respects to Mrs. Nlda Bell Wems, a city school teacher, at Allen Temple AME Church. She will be eulogized  n funeral ceremonies by Rev. R. H. Porter. Final rites ere slated for 2   - m-with Cox Brothers mortuary in charge of the body 6he wiU be laid to rest at Boattertew Ceme.tery. to -death        " at  home 164 Stafford Street, 8. W.</t>
  </si>
  <si>
    <t>                                           Odds-makers have installed Joe Louis as a 13-5 favorite over lee Savold. A feud smouldering between Kentucky and St Johns over the use of basketball star Solly Walker in next season's game at Lexington, Ky. Semipro baseball at Herndon Stadium tonight with the Atlanta Braves facing the Macon Caidinals. Old fire-horses like Satchel Paige show what experience has taught when they display that ice-veined...</t>
  </si>
  <si>
    <t>                                           a^a^a^a^Bff^^'^^P3' 'I,,' ;=*==*g^^SJE=^B?3P"^r ^p /^UtC as an Island ^t: ^5as^ is surrounded by water ^S: ,~.*+.yr And any ice cube- in a drink made with \V \rw "Tt -**"j^ Seagram V 7 Crown- ia Sure to be entirely V^".'.* ^239   ^  hy- perfection: XfH^T  wi Seagram's 7 Crown. Blended Whiskey. 86.8 Proof. 65% Grain Neutral Spirits. Seagram-Distillers Corporation, N. V.</t>
  </si>
  <si>
    <t>                                           ATTENTION (!s Big Sale On Paints 35%jOff On All High Class Pairp READY MIXED (All Colors) $1.83 Per Gallon INTERIOR HIGH GLOSS $2.69 pir Gallon PAINT CAP FREE PETERS FURNITURE CO. 476 EDGEWOOD AVE., N. E. (Cirner Blvd.)</t>
  </si>
  <si>
    <t>                                           WOULD YOU BUY THAT NEW AUTOMOBILE AT A DISCOUNT, SAVING YOU P TO $400? Brand New Models Offered At Big Discounts With Or Without Trade-Ins New Terms: 1-3 Down 18 Months Pay Balance 5% LOANS AND 10% DISCOUNT ON COLLISION INSURANCE (PREFERRED RATING) AL. 3348 or AM. 7181 ROD HARRIS You can t beat my deal on NEW or USED CARS and TRUCKS Juit Try!</t>
  </si>
  <si>
    <t>                                           MADAM EVA 25c SPECIAL READING 25c _fl WorWs creates? II t\ PalmIst.After yon Jl* LI ^consult all others  L I r come with your *lT [wr Problems to Ma1 ~/~idam Bva and see _ifc.V/~n- SHE GIVES   \ ~^Jtt FACTS AND V^ftT** d4VOU GET RE. m\ /if If yon -nave a XT 1 w husband or wife ^~^f trouble, be sure W^4f *   come at once USSSi Office hours 9 A. MTto 10 P. M. dally and Bandar. 1013 W. Marietta Street. N. W. Take the Inman Tards Trolley. Bns  top* at the door.</t>
  </si>
  <si>
    <t>                                           Pittman Park Swimming Pool To Open At 2 p. m. Today                 Today at two P. M., the new Carrie B. Pittman Park will open to the public. Although the park as a whole will not be j dedicated until June 9, the swimming pool will open on schedule with the rest of the city park swimming pools.                 P.irk Superintendent J. B. Fan-i nlng announced that ;here will be! two lifeguards on duly, at all times He stated that the names  be revelled some time this morn ng     Atlanta Recreation DepartTnent announced that it will have                 a JuilUffit stall of recreational supervisors" on' duty at the park during the hours It is open. Heading the three-person group is Mrs. Sara Lowrie, she is assisted by Etfjah Poythrcss and Turner Sibley. George L Simons, manager of Atlanta parks, said that on the                 opening day. Saturday, the pan-k will be open from two until 10:30 p. m. On Sunday, the hours will be from two until ten. On Monday June 4, the park will be ipen daily from 8:30 a. m. until 10:30. p. utr On Sunday* two until ten. The park will be formally dedicated on Saturday, June 9 one week Irom the opening of the pool. On that day, Rev. B. J. Johnson, pastor of Greater Mt. Calvary Bap-~ tist Church, will be the speaker, j</t>
  </si>
  <si>
    <t>                                           Association Once Qualified Negro Doctors For Surgery                 BY DR. E. B. PERRY                 HOUSTON. Tex. (ANP)- T*ie National Medical Association which will hold its annual convention i:i Philndelphia, August 20-24, once qualified to be certified as specialists in surgery. The American Board of Surgery has a ruling .t. "all prospective diplomats be required to hold membership in both the County and American Association." Since Negroes were now allowed  r-hln in th "MClattOIU,                 the board bas to wink at this provision and allow the National Medical Association to furnish credentials for this phase of qualification. Today, however, the Specialty boards fail to recognize applications of applicants who do not belong to the County or State Medical Association. Doctors whom the NMA qualified for certification Included: Carl Roberts, Douglas Stubbs,.Roscoe Giles and Henry Hampton.</t>
  </si>
  <si>
    <t>                                           AUTOMATIC DEFROSTING AT ITS BES0 ^~r /"^j^ Mf I See the new Wcstinghouse II I  SI^/    m\ I erator that counts! It  door IH ~__^_2_^_l_   _. **r^^ U I u , because door opening!  H r^^  '~"^^^^W11' HI I I let in warm air which cause* '^H ^njl '^^~fS^^S^ HbbhIMIbI I    and ^B ImI_JUS^B3b^SrL BW^^-^Bm I automatically  the ^p^JJJ.u.ja.J?^^'wl j j                   .~    OONVmnHT BUTTHt MWB WANT- HtHU CMtST w BOASTiOfV MEAT  KflKfl IflllM  Cwt Stone *J*~Utyt GEORGIA POWER</t>
  </si>
  <si>
    <t>                                           A 26-year-old man was shot to death early Saturday morning marking the second consecutive weekend that a gambling game has had a tragic ending. This was Atlanta's 53rd homicide of the year and of the total, 49 of the victims were colored.</t>
  </si>
  <si>
    <t>                                           Marion E. Jackson, Atlanta Daily World sports editor, yesterday was one of 500 sports writers who received a "thank you note" for serving on a panel of football experts that picked 1951's two-platoon All-America for Sports Album, a quarterly sports magazine.</t>
  </si>
  <si>
    <t>                                           V Making Rail Service Stronger For Southeastern Shippers..^ f The Central of Georgia Railway has      ^^^^^*^^^*^^        $l$Jm^^Em* chased the properties of the Savannah ^^^fST-^^SS^^^^*^^*-^ ,^^^Bt^^MHJBt^^B^      ^^jj^lB^^g i Atlaotm Railway, with the unanimous ap- ~^s B^~'"'"T^^^^^~''*^SiBI^Slii^^^-^\i j L I ^^BBiBBwWi^^^WTi'a^^^BHHiBI proval of the Interstate Commerce Commis- g^^^C^BlBteSlBfegJ^^ft U 1~^^^^ y !^J^^^^^*j^^^^^^^3B^  ^^^Hp chala of progress of the Friendly CenttaL JPb^^^^^^^K""^^^B^^^^Sk5^L SMI i im     PARTNERS IN SERVICE f^^^g^i PARTNERS IN GROWTH The Savannah Atlanta, which extends ,r IsSxW VI To the S A is added the experience of the from Savannah to Camak, Georgia, 141 !~^^5A2l^MBH Central's Industrial and Agricultural Departments. miles, will continue to operate separately I ***%SS5SS^^^ Industry and agriculture will be fostered, promi* j under its own name to preserve the advan* %^BM[y BMMWPiB88SI tiaS more expansion and prosperity. Right now tage of competition.    v ~=^" ^fill! 4 00  acres oi the finest industrial and           ! f Yet the S A will have the backing of ~^^b^QM^^^   lands are available for. development. r a trunk line railroad to give it greater II?          Tne Central of Georgia forecasts an even more I strength to serve the public Now its re-  in4Mi^l?ilJ successful operation for       A with continued sources for service will be greatly increased. iBB^^Hffff^l security for employees, better service for its  W A Y rons and exPanded facilities for the entire area.</t>
  </si>
  <si>
    <t>                                           I gj ENROLL NOW 3$v2 BEAUTY CULTURE      A NIGHT CLASSES NOW FORMING We teach you a complete course in the latest method! of Beauty Culture. Cannolene Graduates stand out because they are better trained. GRADUATE IN 6 MONTHS PAY AS YOU LEARN START ANY TIME A JOB GUARANTEED  FOR OUT-OF-TOWN STUDENTS FOR COMPLETE DETAILS CALL, PHONE OB WRITE  BEAUTY COLLEGE 859!* HUNTER STREET RA. 2036 ATLANTA, GEORGIA.</t>
  </si>
  <si>
    <t>                                           Tar/:... In .in.) "F OWtliT KlV.i llu ,    t  Hwm      .-  nli  v Cot.uer -ONK .-van- .si.i.~ and Tmi Holt W.M.Mi .ST Win',- II.;, all, I .lrr uaii  UAhltM a i.i.ii! .i. In.. Ha'iliu i LINCOLN Wl.it.-  AlDi  li mi Ford ROVAL Shi,~  ..\vn unit II. ml  ii-  -" KITZ Turrfin Trlumplis and Druri Mm,  i.,lil I ) "Hi.mli:ilr"  Uunninv l"r       :r'</t>
  </si>
  <si>
    <t>                                           Police Board Frees "Victim" Of "Frameup"                 ST. LOUIS- (ANPi The St. Louis Police Board last week accepted Hie story of a Negro epileptic in preference to . or two white detectives and   on a concealed  .                 The board ordered an immediate Investigation into the- arrest of Founteain Boyd, 40, and agreed that he had been the victim of a police frame-up. Boytt. who steadfastly maintained his Innocence while in Jail nearly four month!!, was discharged on a nolle pros by Joseph L. Walsh, (Continued on  5 Column 6)                 Police Board (Continued From I'age One) assistant, c. attorney, who believed his story in preference to that of Detective Sgt. Glen Scosm  ind Detective Cpl. Claude Roth Walsh declined to prosecute Boyd. Boyd testified the detectives questioned him on the street after overhearing him ask a pawnbroker how much his pistol was worth. They  him home and Scosm offered to buy the revolver for $12. he said. Hr refused the offer and was told that he would not be subject to arrest if he carried the unloaded weapon out of the house to sell it. However, a short time later. Boyd                 said, Scosm and Roth stopped him on the street and arrested him. Boyd said he asked Scosm why he was arresting him after  he could take the gun out unloaded. The detective said: "You know y.ou got to have a license to sell anything anywhere in the state of Missouri." Scosm and Roth had testified that they saw a man in a nearby lot not knowing he was Boyd, and searched him because he "looked like" a man wanted for robbery. Finding the pistol, they arrested him.</t>
  </si>
  <si>
    <t>                                           ST. LOUIS--(ANP) -- The St. Louis Police Board last week accepted the story of a Negro epileptic in preference to that of two white detectives and freed him on a concealed weapon charge.</t>
  </si>
  <si>
    <t>                                           In Memoriam                 In loving memory of our dear daughter and sister, Mrs. Nellie i Lindley Davis, who passed away several years ago today, June 1, I 1944. We often think of those happy j days When we were all together. Your loving smile and cheerful j ways I Will live In our hearts forever. The Lindley Family.</t>
  </si>
  <si>
    <t>                                           Roosevelt Walker became the third Negro man killed by a woman in the past three months when his wife, Mrs. Faustine Walker, 1211 Thomas Avenue, reportedly slashed his jugular vein last Saturday nite, July 28, in East. Albany in front of the Silver Moon. Before she killed...</t>
  </si>
  <si>
    <t>                                           NEEDED Cotton Pickers Families or Individual! Lance Sonth Georgia Farms PAY $3 per 100 lbs. Transportation to farms and housing furnished. Workers furnish cooking utensils and arrange for own meals. Return transportation furnished. Inquire At Once Georgia State Employment Service 78-79 Marietta St., N. W. MAln 9753</t>
  </si>
  <si>
    <t>                                           NEW YORK--(SNS)--Feeling as he does now, free to take up the challenge of any limitations upon himself which do not circumscribe to other players, for the first time since that day in '46 when he broke all traditions as the first Negro to play baseball in the major leagues...</t>
  </si>
  <si>
    <t>                                           Trenton Uses Anti-Bias Law To Open City Pool                 TRENTON (ANP) The sixyear-old New Jersey anti-discrimination law was used for the first time last week when Sam Sukup. white owner of the Hightstowa swimming pool, in a 'cease and de " order was instructed to stop excluding Negroes from use of his                 pool. Sukup was told to extend privileges to all persons "forthwith," abandon any admission requirements of reference for club membership. The order was Issued by Joseph L. Bustard, assistant State commissioner of education in charge of the division against discrimination. According to the law, hearing shall be held only after conciliation end persuasion have failed. Several hearings already had been held with, Sukup. His was the first case to reach this stage. The case centered on an incident which occurred in 1949. Five Negro children were barred by Sukup from participating in a learn- campaign, sponsored by the local American Legion Posti according to the complaint. Sukup denied discrimination and insisted that the five children failed to comply with admission                 . He did admit, however. that no Negro ever had used the pool, and pointed out that admission depended on membership in a club. Membership in a club, in turn, depended upon a person being recommended by a club member. Bustard found that Negro children were barred because of their color. He ruled that the so-called club membership existed  to effect illegal discrimination.</t>
  </si>
  <si>
    <t>                                           TRENTON -- (ANP) -- The six-year-old New Jersey anti-discrimination law was used for the first time last week when Sam Sukup, white owner of the Hightstown swimming pool, in a "cease and desist" order was instructed to stop excluding Negroes from use of his...</t>
  </si>
  <si>
    <t>                                           Dr. William Holmes Borders, pastor, Wheat Street Baptist church, Atlanta, Georgia, told 190 graduating seniors, representing twenty states, at Tennessee State, Nashville, Sunday evening to "Get Your Hands on Some Money, Make Strenuous Efforts to get Your...</t>
  </si>
  <si>
    <t>                                           Preacher Accused In New Orleans Bonding Scheme                 BY JAMES B. LaFOURCHE                 NEW ORLEANS (ANP) Illegal bail-bonding operations involving Negro property owners was disclosed here last week with the Rev. Colbert Pye, 67, pastor of the First Emmanuel Baptist Church being the principal figure. The  is alleged to have signed bonds totaling more than $106,000, using as security his home which is valued at $12,000.                 Another to figure In the exposure was a woman, Mrs. Mary Woods, whose home was used by a former state senator, Peter Hands, now referred to as a notorious gamble.-, to obtain the release of ex-convicts and well-known criminals, Negro and white. She is said to have paid $1,000 in cash to the sheriff's office hecause she could not produce a bailee for whom she was responsible. Since the code of criminal procedure prohibits lawyers from signing bonds, the Rev. Pye allied         with G. Wray Gills, prominent criminal attorney, using his home lor security. The bonding operations were halted last January when it wis disclosed that the minister had  100 times for a total of $106,000. including $36,000 to insure the appearance for trial of defendants in 26 narcotics cases. In an interview, the Rev. Pye stated that he did not sign the bonds for money but only as a favor to Gill, and that from time to time the attorney would give him $10. and would also make a                 contribution to the church when requested. Gill stated that some of his clients for whom Rev. Pye signed bonds were members of the latter s church. The attorney further stated that: "I didn't realize the bonds had piled up that way. The years rolled by, and the just accumulated. Go easy on the old man though; it isn't his fault." But here s Rey Pye's story: "About four, or maybe five years ago, I needed some money pretty badly, and a friend of mine told me that lawyer Gill would help   ;. He took me to lawyer Gill, and lawyer Gill  me some money, about $1,000. He didn't charge me any interest and said I could just pay him back and maybe do some favors for him some time. "That was how I got to      lawyer Gill loaned me some money, back. He came to me from time to time to sign bonds. I never     question him about any of them. He told me that he would be responsible and that he would protect me, and that I didn't stand to lose anything."</t>
  </si>
  <si>
    <t>                                           NEW ORLEANS -- (ANP) -- Illegal bail-bonding operations involving Negro property owners was disclosed here last week with the Rev. Colbert Pye, 67, pastor of the First Emmanuel Baptist Church being the principal figure. The clerio is alleged to have signed bonds totaling more than $106,000, using as security his home which is valued at $12,000.</t>
  </si>
  <si>
    <t>                                           ' DETAILS I #jw SOON I C0W8IGHT   0</t>
  </si>
  <si>
    <t>                                           Twenty six year old Walter Thomas Johnson, of R-320 Crew Street, Apt. 6 was arrested Monday and charged with the criminal assault of a four-year-old girl.</t>
  </si>
  <si>
    <t>                                           SOS CALL being sent out by organizations for women as you know they are playing a vital role at home in the fields of business and on the war front however there is still on urgent need for women - so this appeal.</t>
  </si>
  <si>
    <t>                                           DR. FELTON CLARK TO STUDY COLLEGES IN EUROPE-Dr. Felion G. Clark, president of Southern university. Saturday set sail for Europe on the S. S. America. Overseas, Or. Clark will visit the chief universities in France, Italy, Belgium, Switzerland, and England, to study them. He is especially interested in the services these institutions render to rural as well as to urban populations. In the above picture. Or. Clark is chatting on deck with Mrs. Frances Kraft, also a passenger on the ship. Mrs. Kraft is a                 fessor of mathematics at Southern.- (ANP).</t>
  </si>
  <si>
    <t>                                           A champion 4-H trader, Elmer Crosby of Evergreen, Ala. Will be among the 120 delegates who will attend the fourth annual Regional 4-H Camp. August 21-28 at Arkansas A. M. &amp; N. College Pine Bluff Ark</t>
  </si>
  <si>
    <t>                                           Tractor Driver Champ Named To 4-H Club Meet                 EVERGREEN, Ate- (A N P)- E! Crosby, 15-year-o!d  4-H tractor driver, will be among the 120 delegates to attend the fourth annual regional 4.-H camp, Aug. 21-28 at Arkansas A' M and N  in Pine Bluff, Ark., accordIng to an announcement made here last week by W B. Hill, state lead- I er of the Alabama Extension service. Ebr.er and seven other 4-H'ers will make up Alabama's  at the encampment. Delegates will be drawn from 17 .southern states. A live on the farm and like It youth, Elmer has been driving a .tractor for three years. With an older brother now In the armed forces, Elmer and his younger brother do all the tractor work on their father s -acre farm. Gfaner recently took first prize award in a tractor driving contest with Negro 4-H*er8 throughout the state.</t>
  </si>
  <si>
    <t>                                           Red Artillery Fire Against Allies Reduced By Bombing                 EIGHTH ARMY HEADQUARTERS, Korea- (INSi- Enemy artillery fire directed against Allied Troops  on "Heartbreak ridge" on the East-Central Korea front was reduced Thursday by a saturation aerial bombing of Red gun positions.                 Bombs and rockets were poured by 56 Navy and Air Force FighterBombers against Red mortars and artillery. Other American pilots knocked out two more Red Russian-built Jet planes Thursday in the third consecutive day of Jet battles over "MIO Alley" in Northwest Korea and rained explosives on large movements supply vehicles. Okinawa-based B-29 Superforts joined in the great air strikes, hammering at Railroads and key bridges in North Korea with half-ton bombs The Superforts dropped almost 50                 tons of the bombs on the  bridge at Slnanju which Is 1.900 feet long and 72 feet wide and spam the Chongchong River. The Navy disclosed that along the Eastern Coast the giant battleship New Jersey bombarded Red Forces out of hilltop bunkers. On Wednesday alone the "Big J" blasted the enemy positions with 95 tons of big shells. The Fifth Air Force reported 1U pilots sighted nearly 3.000 enemy vehicles moving through North Korea toward the front and flew 676 sorties to smash the Red supply effort. The pilots reported they cut enemy rails lines in 51 places, killed or wounded 120 Communist troops, destroyed or damaged 64 rail cars, a rail tunnel, one locomotive and two supply dumps.</t>
  </si>
  <si>
    <t>                                           EIGHTH ARMY HEADQUARTERS, Korea--(INS)-- Enemy artillery fire directed against Allied Troops entrenced on "Heartbreak ridge" on the East-Central Korea front was reduced Thursday by a saturation aerial bombing of Red gun positions.</t>
  </si>
  <si>
    <t>                                           Virginia State College Seeks $12 Million To "Equalize"                 BY CARTER JEWEL                 I PETERSBURG. Va-(ANP)- Appropriations totaling mare than $12,000,000 were requested by Virj ginia State  last week. Dr R. P Daniel, president, explained that he  special consideration lor the college to make Us courses comparable to those                  at a teachers college, a land grant college and a liberal arts college'. Virginia State Is seeking for its Norfolk division $363,614 from the general fund for operations- an Increase of $198,000 and $3,056,000 for new capital outlays The college Is seeking a total of $2,600,331 from the general fund to meet operating expense for two years This sun, minus the $363,614, would be  at the parent college here. The new operating budget Is twice as large as the allotment of $1,242, S75, it received for 1950-52. Commenting on the college request. Dr. Daniel said, "We believe that the commonwealth of Virginia would want to provide as strong a program at Virginia State college as in any other school in  state within its present educational service as a teacher college, a land grant college and a liberal arts college." He also  that the college Is asking for "special favorable consideration" to make it possible for it to otter course? comparable                 with those offered by "a teacher college like Longwcod, a land ( college like Virginia Polytechnic institute and a liberal arts college like the University of Virginia The $3,058,200, if granted by the general assembly for the Norfolk d.(Continned an page 3 Column 4)                 Virginia State h (Continued From Page One) i vision of Virginia State college, j  be u.sed as follows: An administration, classroom and I c library building, $1,100000; vocation- 1 1 al building, $680,000: equipment, $56,200; home economics; cafeteria and health center: $600,300; gymnasium and ROTC building, $500, 000; auditorium and music c".a*s roms, $600,000: land and  structures, $300,09. The current request for the administration, classroom and library building is only $30,000 since the college already has $600,000 available. Also approximately $180,000 is available on a vocational building. Jeaving $500,000 for the present budget request. Dr. Dauiel said the facilties requested tor the Norfolk division  would accommodate 1,590 students If the general assembly approves the budget, the funds would be available after July 1, 1952. Flans in Norfolk call for the construction of a college plant at the new site for the institution on the Memorial Park Gclf course. OTHER BUDGET REQUESTS Central State Hospital at Petersburg which handles all typos of Negro mental patients is requesting $6,414,940 for operations in 1952-54 The colony which operates a school for feebleminded children, is seeking an appropriation of $448,365, The increases for the two Jnstiutt'.ons, respectively, would be $2,305, 330 and $83 3C5. At Central State Steward R. E Skinner noted the institution was one-third over populated. He also explained that a larger budget was needed to meet the  cost of Jivng.</t>
  </si>
  <si>
    <t>                                           PETERSBURG, Va--(ANP)--Appropriations totaling more than $12,000,000 were requested by Virginia State rollege last week. Dr R. P. Daniel, president, explained that he requested special consideration for the college to make its courses comparable to those offered...</t>
  </si>
  <si>
    <t>                                           Allied Battlefront Action Serve As Warning To Reds                 BY HOWARD HANDLEMAN For Eastern Director, INS.                 UN TRUCE CAMP NEAR KAESONG (INS) A tma*h by Allied troop* almost three milet into a  buildup area grimly emphasized today the deadlock of the Korean Armistice conference.                 The battlefront action coincided with a flat warning by UN delegates to the Reds at the Kaesong Conference table that the .Allies will never accept en "indefensible" cease-fire line. The Comtmmlrts, instating for seven    along the 38th- Parallel, were reported by Peiplag radio to havo rejected the Allied proposal lor a Una running roughly along the present battlefront. The Red radio broadcast -quoted Nortii Korena Gen. Nam D, head of the Communist Tnice           , h.s saying the Allied position is 'unfair and unreasonable." Tension over a possible breakdown in the armistice talks tnw  ss the de!=  to rel ini to Kaesong for three 18th I scs ion ol the conference at 11 A.M. I 1 7 PM. Tlmrsday CST). 1 Eighth Army Headquarters teI ported Allied troops stabbed 3,000 to 5.000 yards in the central front Red buildup area South-Southeast of K'jmsong Thursday, but met "little or no resistance           B-28 Superforts blasted  frontline positions with 500pound anti-personnel bombs cat to explode just above the ground. Allied war: hips pounded the Wonsan area on the east coast Vice Adra. Charles Tuner Joy, chief of the UN delegates, told the Red delegation Thursday, the Allies have "no intention of violating any military  agreed upon." Joy then bluntly added: "Neither will the United Nations Comand place itself in an indefensible position n the event of an  violation by the other side." A UN briefing officer. Brig. Gen. William F. Nuckols, disclosed that Joy created a flurry of                  by twice demanding of Nam H an answer to the question: 'Do you or do you not agree that the security of bis forces is the  of a commander during the military armistice?" i Oca. Nuekols said the "non-pluss=ed" Reds whispered among themselves, tried to draw Joy into further statements but failed to anwer the question and finally asked for a recess until Friday.</t>
  </si>
  <si>
    <t>                                           UN TRUCE CAMP NEAR KAESONG -- (INS)--A smash by Allied troops almost three miles into a communnst buildup area grimly emphasized today the deadlock of the Korean Armistice conference.</t>
  </si>
  <si>
    <t>                                           Ns,^^ /^r tOUi*  ^^V. gg I "Scuse our boasting but we at Colonial believe that we offer you the MOST m ^^J^M *l g i  ti 0 t \f for your food-buying dollar. The most in quality because we uphold the most I ^^Bfi^^^^^  Gift /$ f?$$ 1 \S  standards in all departments throughout the store, because we assure your sat- I ^IP^B^M^ I %  UJija eA/tfi of fG M isfaction on every purchase with a money-back guarantee. The most in savings I ^^M ^^^^K^^^ I ^^            SHOp 9f % because our Slornvide Low Prices (instead of a few low-cost "specials") enable I V^^^a^^A I ^^^T you to buy a full week s supply of groceries for your family with the lowest possible ^^^WM^^D I ^^***^^^^^^^^0^^^^ TOTAL Food bill. Save every day save in every way at Colonial! R ^^B^^^^W I T^  C RICH FULL-FLAVORED TELLAM S % W B FR^AY T%  BUTTER 29C T 53C Irfffk JS^fc^c "77#MI/ li VIlvB PURE. CLEAR, TEMPTINGLY DELICIOUS M^^II   BAMA APPLE JELLY 25C  "3SBWy AT YOUR FRIENDLY GOOD TO THE LAST DROP ~^^^^^111 *M SP^^I W colonial store MAXWELL HOUSE COFFEE 81C  'JBT IN at YOUR I JUST SLICE AND SERVE D9l9 3*"""        LUNCHEON MEAT 43e 3      YOU      RECfclVi. NUTRITIOUS AND SO ECONOMICAL f ^^^%       ^^      .,  free SANDWICH BREAD 14~= I      [l A S.X BOTTLE CARTON OF AN  DEAL WARM         D,SH_STANDARD KJA K Vff I sor!f S?" ES CHUM SALMON 45C 2 r 45C ^f^r5 UflTH TOTAL FOOP PURCHASES i SUNSHINE LUSCIOUS YELLOW I iT-?^1**1 2^~ I i WITH or ss.00 or more VDrFCTAIUF  C )SC " ^-.J this  GOOD FRIDAY WITE t        1 VlllXl  T Jtft^ Can A9 I **  tc 47C I TH1  a.2q p M. RICH, SMOOTH, FINE-FLAVORED 1 1**1*LE Spi"d '?.0  ^M. :      =J  S MflTONNJUSE -e 38' ^=^1, -p- z  niMM^asr i %/ii*ii/i I s Wkf M ^*m  % 111! 'T---_-- tt^^'tttt? '^""-"-'"rr'^r' "  - ^"_^c-if:-m- rf.:;/--^^""' ^=j=.-=r--^rrr======-^^ .tl^.~- ,_Hi^zr"~~il uPf   " /I- C tj m jmr-^jrf? I M//Y}f//?AA/ U*Tvfyn ^^^X^k^C Tender Lea! Tea j Silver Label Tea j      ... featuring   I LGE-         :^^f LI A AM CL shank ,r n (Dk SWIFT S JEWEL OIL 32' I (7~-^^C niF^lwH^^ END  V^V SILVERLEAF LARD 95' 1 ^v ^1^^ SWIFT S CLEANSER 13C I V 4 BUTT END OR WHOLE HAMS 55  DBBn nAr rAAn f^c I \WMw\ BROOKFIELD SAUSAGE 49C jewel shortening 28I^^A SKINLESS WIENERS Sif^lTT**T ^WWSg SLICED BOLOGNA 59' (^^^^.RIPENED l^^m^mM^ FANCY QUALITY GOVERNMENT GRADED ^AiRVAl AHMf I ^KW^^ Yom- BABY BEEF Y"'" I  1111111^^   ''T ROUND, SIRLOIN, T-BONE, CLUB C/loice I ^T"iT^W" ^9PN^S^K^H6t^7 III! LARGE CRISP CALIFORNIA ICEBERG ~% S^^ STEAK 99C N11^ 2S I  i/^^T!!-5^^^^                   1 ^k-flV ^^^L ^H^^^l^^k J^^L^^^L^^^m ^^m ^^m il u' s' T0P 0 baking j .sh sweet juicy .ui a       ^^ I^   (     ^ Potatoes 5 35  j Oranges 2 u. 23* II             ^            ^^^^^^111 tender  string fresh medium size green mountain 111 ^^^BPv^ir'^ra ^^^M^^^^^B^^B^F^r^k ^ 2 Lbs 25( ii Cabbage 3    - 18* ^m'~-     ^m^KUDflPlIf I^VdBll  ___^^^M^^^^l^^^^^^^^^^^^B^V^^^^^^^^A^A % %^ W^T^^^      n Daily           Freih Produce Pncci  Thru Sat., Aug. 4 I Bed 65' \^^^y gL.N Marg^toe b 10* TOILET SOAP IVORY BEAUTY SOAP ^^~H^^^P^/Ad B^ u2P w ^Jw^ 1 SUNSHINE  BLEACH IVORY SNOW CAMAY ^^JlSV^~^J        tt 9' ft 31' ft 9' 'Itirv^^g!^ SiJ- til* I a 19* DOES EVERYTHING  SOAP SHORTENING LIQUID SUDS POWDERS CHICKEN CHOP ^tSU iSS.^. WHITEHOUSE APPLE DUZ     GRISCO JOY DREFT SUEY DUFfS SAUCE it; 3   2 5,,, 15  a 99  a 31' ft 31' 64* t^ff1" 13'</t>
  </si>
  <si>
    <t>                                           Post-season bowl games featuring Negro elevens are mushrooming everywhere. The latest is the "Grapefruit Bowl" set for Lakeland, Florida, Christmas Day, December 25 which will feature two major collegiate elevens under the sponsorship of the Elks Ben Hogan has been named "Golfer of the Year" for the third time in the four-year history of the award and will receive a plaque of the annual PGA meeting in Chicago, Nov. 26-28.</t>
  </si>
  <si>
    <t>                                           LAFF-A-DAY                 "I nw you on television. Tour left lateral Incisor is developing</t>
  </si>
  <si>
    <t>                                           You can make your dull, W ^WJSkK/I^^^^^w dry, hard-to-manage hair v ^^i^^^^^^B sparkle like diamonds! Use  i^^^^^k Piuko Hair Dressing and sec '*^tHt^0 ^^H^^BH   highlights. ?s J^^I^H^^S With Pluko your hair looks r ^       ^^K^^^Efr softer, longer, silkier- be- V ^^^H^  ^^H^~~^   comes so easy to arrange. V ^^^^~9^^^f^^^^^B 'fer-^__---^~^^^ci=5^Bi\ Always fl^^HBSftfljflPli^^E i$iT j^^ wh;:e,ioc. ^^MK^n^H</t>
  </si>
  <si>
    <t>                                           Fluff-Dry Laundering Your Best Laundry Buy WE WILL FLUFF-DRY YOUR LAUNDRY AND NEATLY FOLD EACH PIECE FOR ONLY 9c PER POUND MEN S SHIRTS (Finished) 10c Extra ONE HOUR DRY CLEANING SERVICE We will un it through our synthetic unit and have you wearing it one hour after we receive it and cost is only 85c per garment This service is offered daily from 8:30 A. M. to 5:30 P. M. at our McDanlel Street Plant, 704 McDaniel Street, S. W. We invite you to try our regular Cleaning and Laundry Services We specialize in Draperies and Seat Covers TED LEWIS CLEANERS  PUNT 704 McOANIEl , S. W-   .  NO. 2 r- JW9 h*m* S, L, iA. 48j6^HO. t MS* TotntHlSt.  . W., tA. 9?f%</t>
  </si>
  <si>
    <t>                                           Cincinnati Bans Bias In Redevelopment Project                 CINCINNATI- A  of urban redevelopment policy banning descrimination and segregation in housing projects developed under this program has been adopted unanimously by the Cincinnati City Council. The resolution, introduced by Councilman Theodore M. Ben% a member of the NAACP national board of directors, affirms (1) that "in the temporary relocation or permanent re-housing of families displaced from a project area there shall be no discrimination or segregation: (2) that displaced families                 "shall be entitled to a first preference to rent and occupy dwelling units within the redeveloped area" from which they were displaced; and (3) that no private developer "shall be permitted to establish or practice any method of restricting or limiting the sale, rental or occupancy of dwellings in the redeveloped area for any reasons other than the financial means of the applicant or such standards and qualifications as may be applied to all persons or families irrespective of race, religion or ancestry."</t>
  </si>
  <si>
    <t>                                           Atlanta           Members, SN8 NOTA ANT INS  Every Morning Except Monday,  l 21* Aobam AvnM, N. K W. A. PsoU n, Founder-Publisher. Aug. S, 1 M Feb. 7, UM     . 9, M2S; Became Dally JWaron U. IMS Telephone: WAlnul    UM Cn(~    in Post Office at Atlanta (S). Oa.. as second clan mall  the Act of Conuttv. March 13. 18TO- a. 8COTT Edlter and General Managw BCB8 RATES BY MAIL: OtS\j. 1 year %IIM; 8  $~.75; S month*  S)~ 8      7 Onlj: 1 year J465; 6 months I2.M Onuda: 1 Year )6.M; month* $3Jt; Foreign: I Year M.~~ Bubwiiptlon Bate By Carrier: 2 c Weekly THE ATLANTA DAILY WORLD ta an Independent newspaper  and ,  news absolutely unbiasedly and  thwe thinus It believes to be to the Interest of Its reader* and                  against the Interest of Its readers. THE WORLD expressly repudiates responsibility for return of unsolicited         . manuscript*, etc.. unless stamp* are . AddressAU 0NICATION8 tu and make CHECKS payable to ATLANTA DAIMr WORLD, rather than to Individual*. THE BIGHT TO      right U  oU  be open to all our  UrtspecUte  i RMC Color or Creed without tax or artificial restrictions of any hind. Vhe sooner we get U. that baak of political equality, the better It will    f.r Ibe country a. a whole." - D. ROOSEVELT</t>
  </si>
  <si>
    <t>                                           Rites Held For Mother Of Johnson C. Smith Dean                 .'JACK31.1.K. Fla. (     'Kunerul  wet? lu-Ui ia.-t wet-K." lor Mrs Ci P McKinney, motl.pi hi t. FJ. Mt'Kinney. clean of Jolinscf; C Smith university, and ; an educational and religious leader of Florida, who died recently in her home here. Cause of                 death was not disclosed. The Rev. A. L. James, pastor of the First Baptist church. Roanoke. Va.. had charge of the service held at Central Biptist church here. Mrs McKianey was the- mother of several prominent persons in the education field in the South. In addition to Dean McKinney, she has a son. G P McKinney, principal of the high school, Social Circle, Ga.: another son, Richard I McKinney, head of the Department of Philosophy, Morgan State                 I lei,'(\ Baltimore. Md. and a daughter. Mr.-. T V Randall, principal of [he high . Brandford, Fla. Mrs McKinney was the daughter of the Rev. and Mrs Richard I Ellis, pioneers in Negro education in the state In 1889, .she was graduated from Ihp Florida Memorial college, which her father helped, to found. A former teacher in Greenwood, Fla.. she was married to the Rev George Patterson McKinney, who died in 1933. In addition to the above children, Mrs. McKinney is survived by Herman L. McKinney and C H McKinney, two sons employed in government service at Detroit, and Mrs. Ethel A. Seldon, a daughter, who is active in the community life of Jacksonville.</t>
  </si>
  <si>
    <t>                                           JACKSONVILLE, Fla.-- (ANP) Funeral services were held last week for Mrs G P Mckinney mother of T. E. Mckinney, dean of Johnson C Smith university, and also an educational and religious leader of Florida, who died recently in her home here. Cause of...</t>
  </si>
  <si>
    <t>                                           Deaths                 Mrs. Sallie Jones Martin, 308 Forrest Ave. passed November 12. Mr. Fred Gay, R. 938 Mytrle St. N. E passed November 11. s Mrs. Ollie Greenlee passed November 12. Mr. Henry (Pistol) Bradley, Social Circle, Ga, passed November 11. Mr Frank Smith. 853 Kennedy St., N. W. passed November 12. Pfc Stewart Drennen, 100 Maple St N. W. passed in Ashville, N. C.  jut</t>
  </si>
  <si>
    <t>                                           SAN FRANCISCO -- (INS) -- Andrel Gromyko, Soviet Deputy foreign minister, predicted last night at a San Francisco diplomatic reception attended by President Truman that the Japanese Peace Treaty Conference win last at least a month.</t>
  </si>
  <si>
    <t>                                           CHECK NEW RED BOMBING CHARGE                 1IAIS0N OFFICERS, assisted by ordnance and operations experts, examine a crater which the Communists charge was created by a bomb dropped by a United Nations plane in the restricted and neutral area of Kaesong. An unidentified North Korean officer (center) points out to Col. Andrew J. Kinney, . liaison officer, alleged bomb fragments. U.N. mission                 called thia second bombing a fake :__ ^(International Radiopholo)</t>
  </si>
  <si>
    <t>                                           MADAM EVA     SPECIAL  IS* f\  k WotWi great-I  . Aftcryn lUI I I kMm* "Kb      -'3 II problem, to Hsi\  ~*   - 8HB GIVER VN. T*-J1 FACTS AND VycSv/iToo on be. [7 1 tmvn. 1    1 1 1****** I^Sf Offoa Inn t    !l r. CnttT   4 Hnfwr. ItU W.        9tr**, W. W. Vaks      Tar* TnOar.Bv ct**a at Um  m*.</t>
  </si>
  <si>
    <t>                                           Beginning last Sunday, November 11, the Butler Street Association began the observance of Annual YWCA Week with a very successful Fall Planning Conference. Members of the public who did not attend this conference are urged to drop by the 'Y' one day...</t>
  </si>
  <si>
    <t>                                           Thanksgiving To Him who made the autumn gold Where bright the hoards of harvest hold And ever/ song is one of praise Hear us in these troubled days When we tender thanks to thee For these the bulwarks of the free. The dreaming hills of oak and pine That march along the sunset line In beauteous rounds the vigil keep Where the restful ages sleep And high above the dew and sod Man beholds the face of God. This be the day the thankful kneel. The  s gleam  the field, And every star that gazes down Lights the glow of beauty s crown As she struts among the blast The lanes of Thanksgiving rest. THOMAS JEFFERSON FLANAGAN.</t>
  </si>
  <si>
    <t>                                           Now and then one hears someone express the opinion that the old girls among us should not use make-up. A lot of nonsense. They are the ones who need and who get a real uplift when they lay on the synthetic glory. The only stipulation is that they should select the...</t>
  </si>
  <si>
    <t>                                           On Sunday, September 2, at six in the evening. Miss Ruth R. Thornton, youngest daughter of Mr. and Mrs. Frazer Thornton of Morris Brown Drive, was given in marriage by her father to Mr. Hubert W. Griffith of Birmingham and Atlanta.</t>
  </si>
  <si>
    <t>                                           Y^^U^KB^r shoulder length. ^~BE^' Double weft 10 add beauty and thickness four bair. 5O00 PAGE BOY-- CLUSTER CURLS Large Clusters as picture with a      Base to insure long wear and perfect shape after cleaning. ~^~~~~~~B We will match your ^K/^^F hair to blend perfectly with this Coif which is 18 to 20      . Soft and thick as pictured, h ate can be worn many other ways. Mikld Grey $1.00 Extra C.O.D. Orders filled  NU-CHARM Hair Products r.O. BOX 363, DIPT. COiUOt    -. MW VOtK 30. M.T^_</t>
  </si>
  <si>
    <t>                                           Dodgers Shutout Phillies, 5-0 AsNewcombe Sparkles On Mound                 BY FRANK BliUKK. International News Service SPORT WRITER                 PHILADELPHIA- (INS) -Brooklyn's embattled Dodgers regained a first place tie In the bitter National League pennant race last night as they shut out the Philadelphia Phillies. 5 to 0.                 Big Don Newcombe. thrown into the breach with only two days rest, pitched one of his most  games as he scattered seven hits to wins his 20th victory of the season. His efforts, a 10-hit Dodger attack and some loose Philadelphia defensive work enabled Brooklyn to match the New York Giants' 3 to 0 win over Boston. Both now have 95 victories and 58 defeats going into the regular season finale today. Robin Roberts of the Phils, seeking his 32nd triumph, was hit hard and Ills mates made four errors behind him, three Of them contributing directly to Dodger runs. Brooklyn wasted little time in giving Newcombe a lead. With one out in the second, Roy Campanella socked a long double and Andy Pafko followed with his 28th home run. A third tally came in the same inning as Gil Hodges and Newcombe singled and second sacked Dick Young of the Phils' booted Carl Furillo's grounder. In the third, Jackie Robinson and Pafko .singled. Robinson was j trapped off third, but he scored v.hen third-baseman Willie Jones (Continued on page 4 Column 8)                 Dodgers t (Continued from Pa*e threw wildly to plate. The last run came in the fifth as Duke Snider walked and scored on a single by Jackie Robinson that Dick Sisler kicked around in left field. Newcombe fanned the side in the second and didn't allow a man to reach base until Roberts singled with two out in the third. He  only one man to reach  base- Richie Ashburn in the fourth-and a double play eased him out of that hole. Big Don showed signs of tiring In the ninth when Ashburn got the last of his three hits and Sister walked. But the next three men went down In order as Newcombe preserved the shutout. The game was played before a surprising crowd of 28,839 fans, lured by the possibility of seeing a possible break In the pennant struggle. Manager Charley Dressen indicated he will call upon his other overworked ace. Preacher Roe, today although Roe pitched o*ly Thursday and has complained of a sore elbow. Bubba Church is the Philadelphia choice.</t>
  </si>
  <si>
    <t>                                           PHILADELPHIA--(INS)--Brooklyn's embattled Dodgers regained a first place tie in the bitter National League pennant race last night as they shut out the Philadelphia Phillies. 5 to 0.</t>
  </si>
  <si>
    <t>                                           In Memoriam                 In loving men- cry of our dea? mother and wfe, Mrs. C. B. Coates. who departed thi.* life four years ago, November 9. Four years have passed,  i mother Since God has called you home To be with Him in heaven Around the wow-white throne We miss you, oh. we miss you How could we help but cry? But if we live as you lived, We'll meet you again by and by. Miss A. L. Coates, daughter Mr. William Coates, son Mr. Lee Coates. husband Card Of Thanks We wish to thank our many friends for their kind and  service shown during the recent illness and death of my husband. Mr. John B Davis, also for the telegrams, cards of condolence the beautiful florals and the use of their cars Especially do we thank Row George W Dudley, also Murdaugh Bros Mortician for their  .service Mv Pinfc:e F. Davis, wife and .                 MRS. C. B. COATES</t>
  </si>
  <si>
    <t>                                           NAACP Branches Balloting On Board Members                 NEW YORK-  S N Si Billotbearing the names of 19 canu: for 16 positions on the national  of directors of the N.i:ional Association for the Advancement of Colored People have been sent out to NAACP branches throughout the country. Walter White, executive i                 secretary, announced Saturday. The branches will vote ior 16 candidates and must return the ballots to the national office not later than December 31 The   to the national 00108* not later than December 31. The scaled ballots will be opened and counted the Association's annual meet:   ; January 7. 1952 Three of the candidates were nominated by petition and the remainder by the  nominating committee . ^ci ~{ four members elected by tho ;i: convention and three by i ac board. The nominees are Dr Joseph Berry. Tuskegee. Ala.: Norman Cousin?, New York; Judge Hubert T Delany. New York: Lewis S Gannett. New York: Judge William H Hastie. Philadelphia: Prof S Ralph Harlow. Smith Collcpc. Northampton. Mass Rev Jame = Hinton. Columbia. S. C Dr. Claude Hudson. Las Angeles: Mrs Daisy Lampkin. Pittsburgh: Carl Murphy. Baltimore: Walter Reuther. Detroit: A. Macco Smith. Dallas: Arthur B Spingarn. New York: Dr. Channing H Tobias. New York. Andrew Weinberger, New York: Dr U S Wiggins. Camden; James E. Allen, New York: Mrs Grace B Fer.derson. Newark; and Kivie Kap Ian. Boston. Every year the branches elect 16 members of the 48 person board for three year terms. i</t>
  </si>
  <si>
    <t>                                           NEW YORK--(SNS) --Ballots bearing the names of 19 candidates for 16 positions on the national board of directors of the National Association for the Advancement of Colored People have been sent out to NAACP branches throughout the country. Walter White, executive...</t>
  </si>
  <si>
    <t>                                           ^WX m this is NovemderA- ML When yon gee that 7 on a calendar you re Sure of the ^BP . And when you see that 7 on a bottle -you re Sure. *~~Wk of the whiskey! It's Seagram's 7 Crown. ..Sure to be the  '~finest* every day of every year! ^ Seagram's 7 Crown. Blended         86.8 Proof. 65% Grain Neutral Spirits. Seagram Oistillers Corp., N.Y.</t>
  </si>
  <si>
    <t>                                           REDS TALK TRUCE BUT MASS TROOPS                 A NORTH KOREAN RED OFFENSIVE, employing as many as 7*0,000 troops, is in the making, according to United Nations officers, who describe the enemy s shilt as readiness for possible failure of Kaesong (3) truce talks. Allied observers report an average 1,000 Communist vehicles per day moving from the capital at Pyongyang (1) to the coast around Wonsan (2). Reds concentrating in that area, 60 miles above U.N.  (broken line), are under continuous UN. naval bombardment.                 p</t>
  </si>
  <si>
    <t>                                           MADAM EVA Me SPECIAL READING tU FafanirtJUtor m ill f\  an  j Mr Iw  imM I "TO. II LMm*  Ha 3TMI UP y  to M*. I "I I If* dka ETk iM*** ZJtr A T S AND \MfiT* ^/l70^ on beV 1 /~J n ^W f     hk   -*l end mw at wom mg*$ Offte km t a K to M F. ft dally and  MU W. Marietta Stmt, N. W. Tmk* the Innan Yard* TraOar.      at tba .tear.</t>
  </si>
  <si>
    <t>                                           'LEND LEASE* MUSIC- The youths of Barbados. British West Indies, ate not unlike young people in other parts of tho world. They enjoy 'swing' music, and the most popular of these are the composition* originating In the United States. HTieti the members of the Barbadian Youth Club found it difficult    purchase American records, the V, S. Consul stepped in. Here Albert V. Nyron. Virn-Consiil  an Ihiim of Amrricui  tn                '.</t>
  </si>
  <si>
    <t>                                           Senators Warn Against Jap Recognition Of Red China                 WASHINGTON      - Fiftysix senators  President Truman  thut they want to see Japan recognize or make a bil. part with Communist China alter ihe Peace Trenty is ratified.                 The - 39 Republicans and 17 Democrats-  a letter cir- I ciliated by Sen. Knowland     i California, to "make it clear" that they would consider such deals adverse to the best Interests of ine people of both Japan and the United States." The document prepared for the president said: -As members of the United States Senate, we are opposed to i he recognition of Communist China by the government of the "United States or its admission  the United Nations. "Prior to the submission of the Japanese Treaty to. the Senate, we i  to make it clear that we                 would consider the recognition of Communist China by Japan or the negotiating of a bi-lateral treaty with the Communist. Chinese regime to be adverse to the best interests of the people of both Japan and the United Slates." Know land said the move was made to "put senators on record" as to their attitude in case Japan enters into agreement with Communist China -as she could do if she chose, after (he Treaty Is ratified. Knowlartf has advocated quick Senate ratification of the Treaty, with a special session of the Senate before January l if necessary. He said that swift action would hold the initiative" which the United States gained over Russia at San Francisco, and that It would not increase the danger that Japan might make agreements unfavorable to the United States.</t>
  </si>
  <si>
    <t>                                           WASHINGTON --(INS)-- Fifty-six senators told President Truman Thursday that they want to see Japan recognize or make a bilateral part with Communist China after the Peace Treaty is ratified.</t>
  </si>
  <si>
    <t>                                           REAL ESTATE B. F. HURT REALTY CO Ml ANGIER AVENUE. N. E. Phone: AT. 1991 "IF YOU HAVE THE MONET WE HAVE THE HOME" MONEY TO LOAN Wanted Now MO New sad OW Customer* THE DIXIE COMPANY 106 Peten Bldg. MONEY TO LOAN PAY DAY LOANS 30 60 90 Day loans Our Services are fast, friend* 1/ and free from red tap*. Dollar Loan Co. H PeachlrM Arcade Building</t>
  </si>
  <si>
    <t>                                           RAY ROBINSON TKO S RANDY TURPIN TO REGAIN CROWN                 English Boxer Asks Referee To Halt Fight                 Harlem Hammer Wins Championship Battle After Ten Rounds                 NEW YOR K- (INS) Sugar Ray Robinson brought the middleweight championship of the world bock to America Wednesday night with a stunning tenth round come-back that turned England's Randy Turpin into a glassy-eyed heap and caused                 Referee Goldstein to stop the j fight. Bloodied and at the end of his glamorous rope, so It seemed, Robinson turned almost certain defeat Into startling victory. The British boy, a mulatto who rose from the galley of a British warship to an upset victory over Robinson in London two months ago, had decisively  and out-bulled Robinson up to the beginning of the fight s stupendous ending. It appeared to be the end for Ray a moment after the tenth began when he emerged from a rough collision with Turpln with blood streaming from bis left eye. Ray met his  -and warded off the rough embrace. Then he moved back, to gain the leverage which he had been sorely deprived of through the sultry night. Turpin moved to him again, content that the guns of the tarnished ex-champion had been stilled for all time. Then, taking dead aim brought his gore, Robinson hit Turpin flush on the jaw with a right that would have broken a horse s neck. Turpin's legs turned to jello. He squatted dazedly, , bereft of all but the instinct to fight on. Turpin, reaching into another world where lay his senses, hobbled to the ropes and again through instinct stopped Robinson briefly with a brutal little left hook. But Robinson fought with the fury of a man who knew It was probably now or never. His punches clawed Turpin away from the ropes to the center of the ring, and as Turpin walked toward him again he hit him with a very hard short right and, as Turpin looked up with the  of hurt tighter and exposed his jaw again, Robinson flung perhaps the hardest right of his life in the ring. It was perfection. Turpin fell (Continued on page 6 Column 4)                 English Bexer (Continued From Page Oee) straight over backwards, his eyes twin reflections of the garish chandelier of the ring lights. Somehow, he got up at nine, and found himself caught in the dozen bear traps of Robinson's all-out attack. Robinson herded him tempestuously to the ropes, pinned him there like a great tan bug impaled in a museum showcase, and hit him with more unblocked and unrequited punches than  had seen since the night Louis nailed SchmelIng on the ropes and made him scream like a stabbed horse. Turpin would have fallen a half a dozen times but for the sheer weight and succession of Robinson's punches. It was not an easy decision for Referee Goldstein to make stopping it with less than the required knockout count of ten seconds left. But it was eminently correct one. Turpin was out of his head, and                 what was inside his head was in danger of being knocked out by Robinson. In the bizarre bedlam that followed, the new champion found It difficult to stay on his feet, so completely had he spent himself In the superb climax and so boisterously loving were his handlers and others who piled into the ring. George Galnford, his Negro manager, danced with Joy, and through a full piano keyboard of gleaming teeth kept shouting, "I -told you it was only lend-lease!" Judges Harold Barnes and Joe Agnello had Robinson briefly ahead on points, and Goldstein had it even, as the climax arrived. Their opinions were not widely shared around the ringside. Robinson plain ly was showing his 31 years of age and more than a decade in the big Timo Turpln appeared to be as strong and aggressive as when he entered the ring, and gave every evidence of staying that way if the fight went the distance.</t>
  </si>
  <si>
    <t>                                           NEW YORK--(INS) -- Sugar Ray Robinson brought the middleweight championship of the world back to America Wednesday night with a stunning tenth round come-back that turned England's Randy Turpin into a glossy-eyed heap and caused...</t>
  </si>
  <si>
    <t>                                           BIRMINGHAM, Ala. -- (SNS) -- The "Steel Bowl" classic will be revived in Birmingham, Ala., on Tuesday, January 1, 1952 and will spotlight two of the nation's top sepia football teams.</t>
  </si>
  <si>
    <t>                                           Holiday Deaths Near BOO Mark                 BY International News Service                 The nation celebrating its 58th Labor Day holiday Is new faced with a death toll of 481, and it was still going t'.p kite Minday night. The National Safety Council has revised all of its pre-holiday forecasts, and now fears the                 death toll may pass the 500 mark and set a grim all-time record. More than 184 persons were killed in auto accidents throughout the country as some 40 million autos swarmed highways heading home Irom recreation afforded by the three-day weekend. The National Safety Council in Chicago said the greatest number of traffic deaths generally occurs on the last day the return trip. The council, urging motorists to                 exercise caution, predicted 390 persons will die during the weekend. An all-time high of 410 traffic deaths was logged by the council 111 194L ATLANTA- A  that crashed in flames near Browns Mill Road on U. S. Highway 41 brought Georgia's Labor bay weekend accident death toll to nine. State Highway Patrolmen indicated, meanwhile, that the overall number of deaths would not be as many as the 13 listed for the 1950 holiday Robert E. Vickery, Jr., 24, of East Point, Ga., was burned to death in the  accident. Fulton County Police said the vehicle war moving at a high dip of speed when It glan(Contlnued on page 4 Column 3)                 Holiday Deaths (Continued from Page One) red off the lefa rear fender of an automobile ahead of it then shattered a utility pole before overturning and bursting into flame. Three others including the driver, 21-year-old Fred Brown, also of East Point, escaped with only minor injuries. At Macon, James Trice Dunn, 41, was killed earlier today when he apparently was struck by a hit-run driver while working on a flat tire. A rescue party  their search, meanwhile, for the body of H. A. Boose, of Winston-Salem, N. C, who was drowned Saturday night in lake Olmstead near Au-, gusta. He had been on a boating party. Pour Negroes were killed Friday and Saturday in three different auto wreck% One death and considerably property damage was reported Sunday in the wake of a thunder and lightning storm that broke over Atlanta late Saturday. A Negro Caddy, 15-yearold-Bobby Jos?y was killed by a lightning bolt that cracked across the North Fulton Park Golf Course. Lightning also struck a residence and wind filled trees and severed electric wires in some sectors of the city. SOUTH CAROLINA COLUMBIA, S. C. The South Carolina State patrol counted 14 deaths from accidents and violence over the Labor Day weekend on the basis of yet incomplete repents. Nine persons died in traffic mishaps. There were three drownings. a stabbing and a fatal shooting, the latter in Columbia which apparently was free of traffic fatalities. ALABAMA MONTGOMERY, Ala.- A seventh death for the holiday weekend in Alabama was attributed to highway traffic. State Patrol Headquarters said the worst smash-up of all occurred Saturday near Heflin when a bus and auto collided, resulting in the death of Freeman Bell, Mulga, and Carl Turner, Choccoloco, who were occupants of the car. NORTH CAROLINA RALEIGH, N. C- The highway patrol reported that 17 persons have died on North Carolina highways over the Labor Day week-end. The patrol s central radio division at Raleigh, clearing house for highway violence reports, found that another 168 received injuries in the 91 accidents reported for the holiday. MISSISSIPPI MERIDIAN, Miss. A fifteenyear-old Negro boy was drowned today while swimming jn a 15-foot water-filled highway construction hole. Three companions were unsuccessful in an attempt to rescue him, because none of them knew how to swim. WORST TRAGEDY The worst single tragedy did not strike on the highways. It took place in the Atlantic Ocean, a half mile off Long Island, N. Y., where a 50-foot fishing boat somersaulted during a sudden squall. Thirtyseven are believed drowned. Only 19 bodies so far are recovered. Other  brought the nation s total to 45. Miscellaneous deaths reached 31.</t>
  </si>
  <si>
    <t>                                           The nation celebrating its 58th Labor Day holiday is new faced with a death toll of 481, and it was still going up kite Monday night. The National Safety Council has revised all of its pre-holiday forecasts, and now fears the traffic...</t>
  </si>
  <si>
    <t>                                           The Carver Vocational School is celebrating Halloween Wednesday, beginning at 12:00. The special event will be a Carnival which is sponsored annually. Already one can sense the excitement in the air as students vie with each other in planning the most attractive...</t>
  </si>
  <si>
    <t>                                           HAACP Workers Report Meeting Tonight At 7                 The regular Friday night s Workers' Report meeting will be held tonight at the Butler Street YMCA at 7 o clock promptly. All workers and associates are asked to come promptly and make reports on all memberships solicited this week This is important in order to forward the names of members to the National Of fleer that they may receive "their membership' -cards promptly. In years past, several persons have complained that they did not receive their cards for month or two after paying their membership dues. Much of this delay and embarrassment can be avoided if solicitors will report memberships promptly and not just hold them until It Is convenient to come to a meeting. Tonight's meeting will be open for receipts from all individuals, group workers and from churches. A list of the memberships and total amounts contributed by the churches will be printed In Saturday's issue of this paper. Another report on churches will be made in Tuesday's issue. Every church in the community is asked to re- port a minimum of 100 members. Several have accepted a voluntary goal of 300 members and two of the churches which will be listed soon, have almost reached their goals. The meeting tonight, as all NAACP meetings must be from here on, will last only an hour.</t>
  </si>
  <si>
    <t>                                           The Nineteenth Annual Leadership Training School of the Atlanta District Sunday School and BTU Congress at Morehouse College November 5-9, 1951.</t>
  </si>
  <si>
    <t>                                           Whether you and your friends watch football at the stadium, on your T-V set, or listen to it on the radio, the end of the game is the kick-off far refreshments.</t>
  </si>
  <si>
    <t>                                           I' SMtt JUMMt. Milk. 0          MM (MM MM ft. IT  CaMlai. n, tL00          ,  Mtmwn wall* v ti.M RWIi M*~~     Tk I       Drub* ,.eoc I Fmi l.ct I *       eoc                .t eir lico          "~CC0 m-wmO. -~oc I ami (kola* 10c I JIM       10c I F.H Utt lot WiWBrwF?**"*1**"'0 Vwt tlw toe I  ot_t Jre.   .   ..*. KwMkt toe M"~             wa jo,      . tL0O....     .    0 tVe.2L*     oc Q^^^^^^OMAit qmG^TT^/T'TT'soi u T^*"1** CMMH'Ktkl Me **CN(Tt.(     -     _jta. (ncN We  .    t.t mi.cii.1, I   * t,.  *M KtMTONC ^^JJJ^J*      ^~    0</t>
  </si>
  <si>
    <t>                                           HOLLYWOOD--The exciting task of bringing the legendary. "Amos 'n' Andy" to television life has created a galaxy of new stars in the world of show business--brilliant Negro performers who are riding this vastly entertaining TV vehicle to national fame.</t>
  </si>
  <si>
    <t>                                           AMAZING VALUE!              i A /0g YEARS Jm /wnn ^~^g-T 7 proof  IT      t   or UNiucicr , tcr. j</t>
  </si>
  <si>
    <t>                                           The Atlanta Yankees will play a three game holiday series this weekend against the East Point Bears and Augusta Giants at Yankee Field in Rockdale Park.</t>
  </si>
  <si>
    <t>                                           SAN FRANCISCO--(INS)-- Diplomats from fifty nations assembled in the Golden Gate City Saturday to complete or dispute a pattern of collective alliances created to preserve peace in the Pacific--by force if necessary to counter Communist aggressions.</t>
  </si>
  <si>
    <t>                                           ORANGEBURG, S. C.--Employing the power of the Single Wing and the trickness of the "T," Claflin College stayed in the running for the Southeastern conference championship by defeating a fighting Paine College team of Augusta, Ga. 26 to 13 Saturday before, 1500...</t>
  </si>
  <si>
    <t>                                           DR. Wm. M. MIZELL D E NT I IT and DENTAL LABORATORY BOOMS S 4 AL. 1MV 132] Whitehall At MKohen St. Open TD1P.E Sunday! 1~-1</t>
  </si>
  <si>
    <t>                                           In buying a fur coat for a college girl, many parents find quite a problem. This is because in many cases the type of coat depends on the location of the school.</t>
  </si>
  <si>
    <t>                                           New Groveland Trial Beains November 6                 TAVARES. Pla The celebrated Grjvclnnd case will come into Jocus  on November 6 when the retrial of Samuel Shepherd and Walter Irvin. whose conviction for the rape of a young Florida housewife was unanimously reversed by the United States Supreme Court                 last April, is scheduled to begin Thp trial is scheduled to be held in Liike County Circuit in Tavares Alex Akerman. Jr.. of Orlando.  the attorney who has represented the National Association for the Advancement of Colored People In i the case since Its beginning in the I summer of 1949. will ask the court for a change of venue, shifting the scene of the trial to another county The NAACP has consistently maintained that a fair trial is impossible in Lake County, the scene of mob terror and racial violence at the onset of the case JUSTICES SCORED PRESS ROLE In addition to the unanimous decision handed down by the high court on April 9. reversing the lower court verdict. Justice Robert H Jackson handed down an opinion excoriating the press of central I Florida for biased and Inflammatory I                 handling of the "passion-arousing events" in connection with the case. Justice Felix Frankfurter concurred in this opinion, which cited the publication of the story that the defendants had "confessed." This story was never denied nor was any "confession" produced in court during the trial The publication of such stories so influenced the jury, the opinion stated "that the conclusion is inescapable that these defendants were prejudged as guilty and the trial was but a legal gesture to register a verdict already dictated by the press and the public opinion which It generated." I Justice Jackson said: "these convictions accompanied by such events do not meet any civilized conception of flue process of law." He called the original trial of Shepherd and Irvln, "one of the best examples of one of the worst menaces to American Justice." Attorneys associated with the, case, in addition to Mr. Akennan, t are NAACP Special Counsel Thur- I good Marshall: Assistant Special Counsel Robert L. Carter and Jack i Oreenberg, and Paul Perkins of1 Florida.</t>
  </si>
  <si>
    <t>                                           TAVARES, Fla -- The celebrated Groveland case will come into focus again on November 6 when the retrial of Samuel Shepherd and Walter Irvin, whose conviction for the rape of a young Florida housewife was unanimously reversed by the United States Supreme Court...</t>
  </si>
  <si>
    <t>                                           NEW YORK-- (ANP)-- George S. Schuyler associate editor of the Pittsburgh Courier, expects Jim Crow to pass from the scene completely in another generation if current discriminatory measures continue at their present rate.</t>
  </si>
  <si>
    <t>                                           HE S NOT WORRIED- Won't Rive it a thought' Sugar Ray Robinson, deposed , s middleweight champ seems to nay of his return match with the new . Randy Turpin. Shown here with his wife and sister, the  clouter seemed undisturbed about the British-bora fighter who promised to give Sugar another one of those 'bad ' like the one in London t\   month* ago when the unknown      won the Sujjnrlrov's .</t>
  </si>
  <si>
    <t>                                           Armed Forces To Open Exhibit Here Monday                 Twenty-seven  r* with j defence contract1; are expected t" a'- 1 tend the Srnithenstern Armrd For- ces Small Business Exhibit oper.ir.g In Atlanta Monday. Capt. D T. Giles. USN, Arr.icri Forces Regional Council acting j chairman sa!d the show will be con- sidered a success  tf It emV.es Southeastern Business to obtain a share of the defense business. Georgian To Ask Ban On Sunday Baseball ROBERTA. Ga.- (INS)- Georgia State Rep Nat P. Walker, of Ro-, has announced Mint he will be a Gubernatorial candidate in the next  i Walker announced h!s platform for 1954, or earlier, will Include states rights; sales tax exemptions on meat, bread, burial expenses and the Holy Bible; abolition of state Ad Valorem taxes and a ban on I baseball and fishing on Sunday.</t>
  </si>
  <si>
    <t>                                           PARIS, France -- (ANP) -- Mrs Franklin D. Roosevelt declared last week to the Soviet Union that the United States does not claim perfection, while admitting that "Negroes are victims of prejudice."</t>
  </si>
  <si>
    <t>                                           Man Uses Stick In Chase To Get Bandit                 Charlie Corbin's Friday night and early Saturday morning vigil at hit service, station, to guard against robbers, paid off Saturday when he single-handedly subdued and captured a rob* ber-suspect with ohly a measuring stick for a weapon.                 The believed bandit s capture came minutes after he reportedly held up and shot an elderly furniture and clothing store manager who said he had attempted to sell ;he suspect a Jacket. Corbin, whose service station is located on the corner of Magnolia and Davis Streets, N. W., told police he had spent most of Friday night and Saturday morning In his station to guard against a second burglary there. The station was burglarized earlier during the week. So Corbin was on the spot when the shooting occurred. Identifying the robbery suspect, Usted by police as George Harris, 23, of 144 Maple St.. S. W.. Corbin said he grew suspicious of the man shortly before 8 P. M. when he saw him standing near the clothing store. Corbin told police: "I knew he was up to something, so I kept  him The victim, W. Thornton Sr., 32, of 764 Parkway Dr N B and manager of the C. Adams Store at 122 Davis St N. W told police that the suspect entered the store on the pretense of wanting to see some jackets. Thornton said he becan show*"" the man some of Ms warn. A 88 caliber pistol, wh ch p Thornton as saying was lying on the store counter as a  o6  burglaries was spotted by Harris The store manager said Harris picked the pistol     and started toward the front of the store. Thornton attempted to stop him and was shot during the ensuing struggle between the two men. Police said Thornton was shot twice the right side, the lower portion of the ribs. Thornton said Harris then dashed to the cash register and scooped out a handful of bills and change Police said Harris had $18.50 In his possession when arrested. That was the point where Corbin came In The service station operator said be, already suspicious, i ran to the store when he heard the                 shots and  Harris, askIng: -You've shot the man. haven't you?" The 23 year old suspect then dropped the revolver and fled with Corbln hot on his heels. Other* gave chase also but fell behind It was to the misfortune of the bandit suspect that Corbin carried a gasoline measuring stick along with him on the chase. During the first two blocks, Corbln effectively pounded the fleeing Harris over the head with the largs stick. After five more blocks he captured him and held him for police. Robbery Squad Detective Sgt. George Christian praised Corbin's efforts, saying he should be commended for having tne nerve to  a person who bad just shot another. The victim was taken to Oradj Hospital after be and .Corbin identified Harris as the hold-upman Latest reports stated that 83 year old Thornton was to ^" condition. Harris was arrested and lodged to city jail on suspicion Of robbery and assault with intent to murder.</t>
  </si>
  <si>
    <t>                                           Charlie Corbin's Friday night and early Saturday morning vigil at his service, station, to guard against robbers, paid off Saturday when he single-handedly subdued and captured a robber-suspect with only a measuring stick for a weapon.</t>
  </si>
  <si>
    <t>                                           Two Caught By Postal Inspector                 NEW ORLEANS (ANP) Caught In a federal postal inspector s dragnet last week were Webster D. Bridges. 35, a mail truck       , and Peter M. Millet, 25, a  porter at the Union Station. Both are involved in the steal mg of $850 in coins from a railroad baggage car. A test shipment was made from Natchez, Miss., August 28, to Wood \:lle, Miss., via New Orleans. It arrived at 7:30 p. m the following day and was to have been transferred Jrom Illiribls Central railroad train No. 3 to another train at Union Elation. It was arranged for Millet, a suspect, to handle the transfer.</t>
  </si>
  <si>
    <t>                                           @ mere is no/fang finer  a STROM BERG -CARLS ON before you d find a furniture piece witli more graceful lines.   -,-;^ ~^e ^^^^~^B 9    ^^ I H Exouisitc ,  from -cnt Honduras Jf ,^-M, I8SHB8 Hh ^Sl !L H TUC DCMDDni/C    " "ii i" ^^%  j ^S8' WB inc ^ixc rectangular tube, with inclined safety glass, gives sharp, j I t^f M IfflBKffml^f i a^^jlj/B Every moment with this lovely new reflection-free pictures. Finest AM radio. j J' f-.?.1*! ^pP^K %^J'-mM combination is completely enjoyable. 17-inch Wonderful 3-sneed - record-player. Wi^ lW' Mu^^St^S^^B       9        i i l .~i i-r  i r K: #% :^~H^n ~^~b^^^^"~ Ijlacl^ rectangular tube gives T)ig-as-life ^St_ v /i^^P'S^P^^^^HS pictures- inclined safety glass to avoid reflections. Tru-Lok tk ^Ib^^m^^W^^V'^S^SwlSRi tuning. Fully automatic 3- phonograph. Finest AM radio S^l^^ ^fl  magnificent tone from 12-inch speaker. Graceful modem cabinet, tf%M%0U JACKSON S SALESMEN in mahogany veneers, completely hand-rubbed. WILLIE SCRUGGS JAMES A. BAILEY Recommend Stromberjr /to ncw m '   s TE STAFFORD -~9~~~* Carlson as the finest in television. compact faWc mode/. $295.00 THERE S STILL TIME! $445-00 1*4 GIVE THIS "GIFT SUPREME" AND GAIN THE EVERLAST- B B *~r ING APPRECIATION OF THE ENTIRE FAMILY. DELIVERY J CAN BE MADE BEFORE CHRISTMAS. A EASY TERMS r mmZ^STfm ARRANGED  PEN '.YmT NI6HT ^Chcotr:- We"*/ Of Free Parking Space UNTIL See The Chinese Mahogany! .S 9 O CLOCK ^i^^?m^^^rm^^~ Behind Store JACKSON S INC. 185 AUBURN AVENUE, N. E. AL. 6533 "If Your Credit Is Good Anywhere It's Good At Jackson's" j</t>
  </si>
  <si>
    <t>                                           SAVANNAH STATE COACHING STAFF Plans of attack against the Morehouse College Maroon Tigers are discussed by the Savannah State coaching staff. They're shown (left to right) Ass't                 coach Al Frazier, Head Coach "Big" John Martin and Ass'l coach Henry Bowman. The SCC Tigers oppose Morehouse Saturday afternoon at 2 P. M. in Herndon Stadium.</t>
  </si>
  <si>
    <t>                                           A few months ago wire services were gleefully sending out ife begins at 40 stories" on Jersey Joe Walcott, but witness now ose same mediums shouting "Joe Louis is through at 37" BC coach E. J. (Ox, Clemons is masterminding the Purple Wolveaes on a week-to-week basis. He says the toughest game is the. ext one his team has to play Florida A &amp; M will be idle weekend as a result of the cancellation of its game with nnessee State. Henry Arthur Keon's eleven may be helped...</t>
  </si>
  <si>
    <t>                                           ^^lfS^_^ 3wr because Hs 90 PROOF ^^J%0?^^7ww AND BETTER THAN EVER^        KKmticxY WmsKBY- A Blend.  l . 70% (MM WJTUl .   BT,Blt.M.~.t</t>
  </si>
  <si>
    <t>                                           ZJke Worst f-^       ff/ Can (       MOONSHINE WHISKEY can ~.a often does) bring sickness, blindness... death! The bootlegger is a criminal ..~so one more crime more or less doesn't mean much to him. USE GOOD SENSE! When you buy, be sure that any whiskey you drink is government sealed! PHY SAFE! BUY ONLY FROM A LEGAL LIQUOR STORE.... 9 1 ^^^^^^^HB^^^r</t>
  </si>
  <si>
    <t>                                           WANT AD INFORMATION ^noting Span for Ctauified kd, Cotfnt Tiw* Worth     MINIMUM: TWO UNES 00 WORDS' CALL WAlnUt, 14^9,                 for Ctenlfled Ad Department  a* Ad rate*  to all ad  originating la Georgia, and the same for OaO  aad 8                      I  m*   Me pt I  Uo pe  Uc  w II InwrtioM Up pt  JMMMt? \*f 9f</t>
  </si>
  <si>
    <t>                                           ALBANY. Gn.                 '                     THEY CONFER Coach F. V. Rollins of Albany State College is seen above giving some pointers to co-captains Williom Nelson (center) and William Toney         prepared to take the grid- i                 iron last Fall. Coach Rollins will be back with the Rams this year assisting Coach Obie O'Nec^who will report to the campus early in September. Coach Rollins is also instructor in the Science Department.</t>
  </si>
  <si>
    <t>                                           HACK OF PACE BOY THE  CLUSTER TTiij most useful hair p.rrr Mrndv This itrm ma.lr Trom onr in with your own  *n.t keeps of our Clamour T.icr Hoy*, ami the  cods even. S3.00 yon ran c.i-ily make II . tf you rare lo $700 ^^^8 B^^ T11K AT. I .-'. "m! KOi.l. THE HALF CLAMOUR This -n: i- ,i time and money fastens al Ac crown of ihc head an.) saver. Ue.nr il and t-'    - ner banes naturally down the back. Ml i e.-5ily for cor.-t.intl.  \.r.n own 15 W 20 inches      .     S10.00 hair. Trn-   H     (=~'~ -A HAIR-DO FASHIONS       312 St. Nicholas Ave. r.  ^^H</t>
  </si>
  <si>
    <t>                                           An entertaining program was presented on the Spelman College campus by Dorothy Callaway, Iyric-pinto soprano; Robert Hamilton, baritone; and Peter Melnikoff, pianist, in a Joint Concert Monday afternoon in Sisters Chapel.</t>
  </si>
  <si>
    <t>                                           WINSTON-SALEM-- (ANP) -- A Forsyth Superior Court is expected soon to decide how to follow terms of the will of the late George T. Brown, who left the bulk of his estate to build a hospital for Negroes.</t>
  </si>
  <si>
    <t>                                           Poison Liquor Picture Same People Still Drinking "Stuff"                 BY GEORGE COLEMAN                 Thirty-two dead nearly 3Q0 treated 14 will have impaired vision for the remainder of their lives and others still drinking bootlegged whiskey believing their bootleg- get s ""stuff/ fs pora and clean Three -on liquor,  the total still expected to rise I                 This was the grim picture Thursday night. We have -seen the ill brought in, some screaming, some stiff, others just sick. We have heard many ignoring the "awful truth" that the "stuff" could be anywhere now. "No one needs a prescription to buy it." says a Qrady physician. The brew is readily available and plentiful in supply. And when asked what a good solution might be, the physician and  who have been asked this question all hint softly that the trouble may be economical, social, ind possibly governmental. After talking to many, an answer is possible that, as long as moonshine is permitted on the market, and "poor devils," who feel they must drink, can t afford the price of sealed                 whiskey, the "stuff" will be  Orady physician who  his name not be used, said the poison moonshine brew that hat killed many snd left- maur - ; is not wholly  that ^Bit"     "awful  of     " (Continned on pact 4 (Mum I)                 Poison Liquor (Continued From Page One) have eye trouble. The doctor said that when methyl alcohol enters the body it damages the optic nerve. The whole retina is inflamed in some instances, he said, and in many cases the optic nerve finally dies. Many patients, at present; are simply able to distinguish black from white. Others can see a little better but all objects are blurred. He stated that in practically all in* stances, the victim s vision is badly impaired He added they stood "poor" chances of ever regaining normal eyesight. When asked if other parts of tie body would suffer from contacts with the poison brew, the doctor said that methyl alcohol damages the entire body, but survivors would suffer permanent damages only from their eyes. He added: "They do not actually die from the eye trouble The doctor was doubtful there would be cases of recurring illnesses for those who were treated. He stated the physicians had learned a lesson during a previous epidemic when patients were released too early and were back again in about 24 hours. The hospital Is  out a new test that may in the future save many lives. He stated the poison attacks its victims anytime from a few hours after to three days later. He said that three days  be cited a fair limit on a person bein? attacked. THREE WRONG NAMES Two more died Thursday This brought to 30. A previous total was retracted when the Coroner's office and Grady Hospital said three names were those of deaths not incurred by the poison moonshine. These three names are: Fannie Hall, 889 1-2 Coleman St 8 W Pannie Mae Dowdy. 310 Grant St 8. B.; and Mack Howard. 47. 304 Chestnut St., S W. TWO MORE DEAD The two Thursday deaths are: Eunice Wynn. 234 Trenholm St., 6 W., and William Pruitt, 30, 633 Crew St.. S W EVIDENCE OF MORE DRINKING There was evidence Thursday that people are still drinking bootlegged whiskey in some Atlanta . This was made certain when three people were fined Thursday for being occupants in a place allegedly selling "Solax." known to have a high wood alcohol content Jesse Pear. 64, 25 Boulevard 8. E was fined *100 and costs. Vent Lee Tomer. 45, of the same address and John Cross. 41, 77 Howell St were fined iSO.00 each and cost. Tried in Recorder's Court, they had been arrested by Vice Dets Plnson Hammond and R. H Brown (g forF cl</t>
  </si>
  <si>
    <t>                                           Thirty-two dead ... nearly 390 treated ... 14 will have impaired vision for the remainder of their lives ... and others still drinking bootlegged whiskey believing their bootlegger's "stuff is pure and clean,...Three arrested on liquor charges ... the total still expected to rise ...</t>
  </si>
  <si>
    <t>                                           J^t^^JS^'SS *~u   '* Iw ?*   $$  on* tff top* Toms I S ^fe^' PWmittkn, TENDER u ft1  I i ^m Jl^ t u r ke vs Hens S$ ^     ** ^^^^^^J^^H^^^U^r^W. SUPER 1UGHT SMOKED- WHOLE OR HAW 3 I ^^^SiS^ty^ t^^wS^* ^^^~^fS^S?^^P^ SniokirfPicnfesw) We S 110 TREATS IN CHRISTMAS SWOTS! -~e^j(B8M _^^^r FLORIDA sweet juicy pink apple ^^^^l^r^JT 3w    * ^Sj^^^ Oranges ^^.1^,^39/ ~~^g^^~~^~^i^pMy X If 8S li^^^^f^J 30-Lb. Mesh Bog 95  40-Lb. Moh Hag $1.75 H^^^^^^L^^ 9 -S WARWICK-DARK OR  W^^IE^W^Mm WASfflNGTON STATE RED DKL1CIOUS j WKfflSmEMSfflSHKUlMP CHOCOLATE COVERED        7 ^^^SH*  17  !:-Xma, Bo* $3,29 PHRffilll0  ^Ml^HS I Sfe f^ ll C I* I" I c S ^^^j!/,^F'/^!pM^2^^^\ WASHINGTON STATE RED WINESAP H^H^^^WHlB^E^E^H^V' S 1 jA, m^M/M^^^^^ Apples b- $2.59      ?^HB^^^H^^^ 3 l-Lb. Box *   3C '^ i'/'/]' 9 ap ^^E^E^BH^^bE^HI^E^E^E^E^E^E^eI S S WARWICK- ASSORTED MILK J^^HF^MBjfe^^FT^SnW FLORIDA LARGE SIZE AUjg PAGE-STUFFED V    Chocolates 60/ ^BHI^bS^^^^ .Grapefruit ^~^    29/ Placed Olives 2^gu5,23  a IK, WARWICK ^^^^^^^^W^ 3 for 25  ANN PA02-515*1114"1 S I Thin Mints 391 w Gelatin Desserts 3^20^ 1 WORTHMORE GREEK GIANT- GREAT BIG ^i??~~~ ANN PAGE S CreamDrops 29r Sweet Peas ys^^^W Ground Nutmeg .-~-21/~ CARNIVAL-GUM AND If W li I VU9     T ^*3**W^T*Z ANN PAGE 1^01*28^ 17-o,Canl9^ ^^^^^8 Vanilla Extract ^~^25if 1 Stocking 29/ '"~TomatoJuice 2No-2    2S* '~^^^^^   Tomato Soup .co.i1/ IJg BOB S-GIANT PeBCheS HalVeS Iona-Y.C. No.2 Can 29  ^PR ^'^i?'!~~ ANK PAGE B Sticks 'Candy"^ 49/ seedless Raisins   .MUd 6 wz.23* fM ^~SSw Strawberry Preserves 9 Stick Candy 2Lb- 55/ CrdnbBfry SdllCG ^HilHBHis^^   12- Jar 35^ S     WORTHMORE- CHRISTMAS g^j,JJLj^^       ^   ] L    MAVOl^lf Ml IV l-Lb. Can ^~9^ MHB^^^yy^^B UNCLE BEN'sl-CONVERTED S A_ Pineapple Juice Libby's no.2  14c BB^^^^AgJLaBil        Gfdili RlCfi S    l-Lb. Pkg.   f FrUit COCktaH Sultana No.2^Can 39  gg^^^^^^^^^M I S l SEASON S GREETINGS     Sliced Pilieapple No. 2     31* B^^^^^^^H Cto. 2802,0^35/ S IU A II       ' Oflft** VACUUM PACKED-WHOLE KERNEL J^^^^^^^^^^^U^bIH "'~' lf S I ss 49 Niblet's Corn CakeFIour-^39^ I box 1-55 bo, 2.49 2 no* ^s 35^ JANt ^^OPPED Mince Meat 19/ I BRAZIL NUTS MIXED NUTS BUnS UOz 25/ -  HOUSE l STUART PECANS ^k^^LjD" "^t jane parker-brown -n serve Drted^eef   )z.Gi/59e ;yap. Milk 2t^27  1 S NlltS in Shell ^^^^ow- RollS       2 15/ ^r33o3.Lb.89e PlaiitTlour sLb 54  !8 M m IliTlraSBfcl CHBSn"11 f ^^ CRESCENT CITY SULTANA it, % Lb- 45^ JlJJir^^^  y ^^i^^. Coffee i-Lb. Bag 59e Rice i-Lb.i*~.    Si PfffffWfflil I (~Sureties ^;j0jm3 Shredded Coconut 1 JH PHILADELPHIA DHin#~a A Hk^W^ I W*          "O9Q  ALWAYS  Z I Cream Cheese I 1LbCan90^ ^^2^ c^~A*P coffee I i g' Borden's-Pasteurized American Cheese \t\tm ^Mfci ^^     # ^^tW^P^/5nr^ MILD AND MELLOW S I Spread 75/ NAbiscO Efeht OXIock 77/ -.2.25 1  COLORED. AME^ WHCat THIrtS "H-O, P". 25/ ^^^H  CH AND KULL-BODIED Cheese ^53^ nabisco-chocolate ^^^^^P Red Circle ^.^79^ 3^.^2.31 1 I l I Mallomar Cakes ^,27/ ^^S^^^ ^oro^ S -4-CR0WN MUSCAT JAM  SANTA..B B K 8 T ~-Lb. Bkfi gj,^ 3-Lb.     2 37 S I PopcoriT 2^ 9/                 ^33^ . , I CaiimyrnaFigs --37^ Cake     ^~~~~~   ^^^^ i ANGELUS BONNER*S-GOLDEN BLEACHED THOMPSON ^J*^P  ^   ^Bw'^ 3 Marshmaiiows Seedless Raisins -'i-,-~- -1," WBImlMUmMm I 'I 15O7, Pkg. 21/ Open Wednesday UntH Noon. ^B^I^HII^^PJP^ S     BARTLETT HALVES PEARS 16oz.can ...^^^^.270/^ ASTORIA RED MARASCHINO CHERRIES 8 or" glass 25c  i A P FANCY APPLE SAUCE No. 2 can 15e S COMSTOCK PIE SLICED APPLES 2 No. 2 cans 35c EGG NOG MIX  5t. GtTI. 90c g</t>
  </si>
  <si>
    <t>                                           % ^B^B^V I B^BH ^BB^B^ A. -A I ^m. mil M t B A_^^^BlB^B!~Bry^i7^^^^^3^BP\ ^^^t^Pjm!^^^Btr $M m* ^B^bI mi I II /~3Ub^Hb^bW ^^B^ ^B^B^B^B VBVflM. ^b^B^b^b^b^b^b^b^b^b^b^b ^h b^b^h ^B BB Kbbb ^^^1 ^B^l ^B ^B bp^^^b bb^ ^^^B^B^BiB^B^B^B^B^LHfl^B^^Br^KrS^ b^bT? BB v!^       ^^E^^^Bfl^BH^SI^B^BRs^B^B^BBflB^^rJv^SLi.'^'^K^fls^B^EKi^r ^^wa. ^^Iss^B^BlB^B^BflHBf ^^^^^^^^^^b^b^b*  v^^^^^^^^^^^^H^^^^^H \*f 1^ ft I B K ^k^^^^B I B^B9Ss^B^B^B^b1L^3!/^^^^    ^% ^ll^k^^~3^^ ^^^^^^3Wk?^^B^. jj^Ok^^B^BJBRi^^^L^, *v* ^Bv vfl Ml ^Vh^b^bbb^b^b^bVI IS. ^.J. .Jl i^L^J^BU^JEPlB^BB^B^BB^a^r' ~^^Bk ^^^^^w"^      ^BBbbi ^^1!^^^^IS^^^^bbb^9^^^!(b^ i _-3p^^bV ^^^___7 *^BbVr9bW .^BVflVflVflVflVflVflVI^BVflVflVflrSn^nR^BBTflBVflVBVflVflBBVflVflVflVflV^V^^^f^S^^^K^ ^r ^r f f ^^^^SflYflYflYflYBBWflBiBB^^u. ^^^__________^L^^^^^^9 'I^^BHBb'T^^^^^^^^^^^^^^^^^.^ Wflv^ BBIBVflVBBVBBW^^BVflf Bafll H Bh H ^^BBbVbbIb^ Ii^U^ ,^^JB^^t^^K!~~^^B^^^^^^^^^/^^^^^^BSSiSB^^^^^^^^^^^^K^^^^^^KB^^B^^^^^*m'**^^^^^^^*^L ^.^^^^BBBBBBBflB^^ BVflVflVflVflVflVflBBBVflVflVflVflHBVB^M^^^^B^B^BVflHI^BVflVflVBBT^^^B^B^B^BlBL ^^S^^BBbIbVbW^^X ^^^^^^^^fc-I^^*  ^^L^ BBIBbYbbYbbY^b\^Bb1       .^.^BVBflaJ^BVBBpQ^^BBflVflVl^^BVi MtSGBBRM y^MWohlMkA         ^B*a*WB^B^^W^B*aW^B*^B*^BBBRfr^nBB^B^?" ^~BBBBBBBBfll ^BB^^B^B^B^B^B^B^B^B^bW ^BB^B^bIb^H .^Bfl^B^B^BB^HBfl^BflB^Bfl^Bfl^Bfl^HfllB^B^B^B^B^^^^^B^B^B^B^BV BbI^ I I ill  J^"\\T"iJ Af ^B^B^B^^B^B^BBMnlwVflBHNl^B^BflbGSBQvBfl^fl^BM- ^f T^^^Z^^ ^B^B^BBBflVflVfll BVflVBflVBflVBflH B^BVflDBVflV^BVflBVflVflVflVBflVflVflVBflV BVBflVBflVBflVBflT ^BVBflVflYAVBflVBBr  TflFBflBBV^BB^B^BB^B^B^T^B^B^B^B^B^Bft ABBVflVflVBflVBflW ..^fl^B^BVflVflVBflVBfl^BB^k.                    ^^      ^J,MPm MBJjIlBI  t 4 v.V I N V^^^^t^yT-'^^p^KrPH^^m' TOMS HENS HENS I 3n DUs JU  Ltwe jh ^n. v M x. A nick-of-the-flock Colonial turkey. Each bird is tern- w W WV v n  i\ J  tender and pleasingly plump, with a deep fl 4fc #Hn A ^7/ O///Z W .)^ 1. V V v ill meaty breast and flavor that reaches perfection. V C "-fEC ^W M ^nru I Hon., . 24th U ^~ IV y We         .to your M LBS AVG { 6.,0 l65 AVG j ,,.16 LBS     ^ -cS91  -I.  WM_Sai' iii  "'""'   " stub or swifts premium 1  2TT 2"T55  S 1 /v /v. 1 HENS 55C gi m^p AWim UBlf G L  23c S I ^h f^ hIms -55  SMOKED HAM9 ',^. 8   m?y 8,2lBS. ^^IJ 12-16 lbs. C"?0 SiwlElf^2^35  1 DOLLS ji ii^lGE- 49* " lB- OfS  LB- I SSaT" srw ^^OIAIbbF j! 0AUI1R.U ^^---^ fl SSS^SSSm *x la 18-INCH SIZE } 24-INCH SIZE jj u. s. choice  check DYSTEHa ^"X^fe ^ff-ST"^ '~Nv 0 PEACHES     6* H !i WVi M^ n C iu "VE6 y. t^^ttT'^L^L^sx, ~*%~ ^*n^ W\  shredded HI WITH CASH REGISTER RECEIPTS    BOflTST lb- 68* 99* 93* ^^J^J^S^^^^^^ H^^^ W Sffifil'eow 2 *~rIS# f I I 4/^*^* 'K^^^^i^^r %:::    I ^*\.x0 $* s iJf BAMA APPLE U TrtTAl IKJ^I CIA All DRESSED AND DBAWIff J\ 2j^ I 1^^^9 ^*f" *% "~% J9  ^K^ H totaling $10.00  .k "ZI* ^J^SPr^ MW?^? JELtY 25c fl S*^~l ALSO A WIDE VARIETY OF SMOKED TURKEYS, **  -^     lPC"!1 ^J*^*"^H^^^^^l^r 1* J*" *jq l^f/ V SMITHFIELD HAMS, GEESE, GUINEA HENS, CAPONS, M^^ V fl"L"VI ^^9w/^~ iTa7777afc^SgFFWiFll 1^1 FRUITED AND COOKED HAMS AND PICNICS X^R ^^1 LUSCIOUS UBi^*^*^^ ^^^^^IV  W^^H^J^   ^*B^^^^^^H^^^^B^^^^^^^^^H^^V^^^^HH^^V^r7^_3F - lemon - Mf/9 KISSES pkg! 25^ #~n ^^^SIr/[ii!Luiimr FRUIT CAKE -^79  POUND CAKE t?t49~^~^l. M ffi\ ^^^BBBBBBBj^BBK_V^^kA^^^^^     ^B_^K^^ -i.ayeb full moon golden hN  MINTS L" 396 Oil ^^^^^^~~~~^^^^^?%l COCONUT cake 79 J PLAIN CAKE TsMtffl ~*"T* "LLO" W!   . FLORIDA C/t^M y h\ HARD candy 99* \kn FRESH, SWEET,   \    southern   ^.$..98 w*. $1-69' /fV 5 .fll OVA l^V -#V Vb! CI U?(v        v^~fc (JA CANDY CANE 27* Mb AB mvI ^1 JKl l9 wn^h UJ'.rL,,, Huh  r whe"youl9buy  g DROPS    29  flM BBBJIBHl ^~~~p KlA\ l/\\ ^- I iUlO e^ brocks chocolate  Hill i \k) "Golden Gift" I  55* Yin) AA. AH. il/.~, M^ 7C ft /T /M LARGE WASHED  I2JE I VlUltUlltlV  0X /   / Mesh 4M Mesh Hfl #Mesh I JfA/ WWHIi      CELLo4~^ UHilllltiEl^ /I POPCORN 1*6 AAH      Tj*J I ~^/KjkMLft LONG BABY ENGLISH    T^ fl         CAM- #WV ^JVI '^^r l/     ^^k   ~-b. A.%* Join the nationwide drive to aid cancer Li\ -s creams and jellies  \(^~r/ ,^S^T search! Your money- s too- ^1 KING MIX VJft 2   UB   BBBBkvBBBBftvBBH HHB flM vVr^- *1 HffWIVC lb din will further the work of scientist /J/ brocks novelty  mixed IIM __m.M_-  B H^B^bTB^bT ^E'^Bf -V  W*B cello"!*^ in their search of a MH* V CAMflV i7fi fkB RED  A  (JmT^ PECANS .~.43* Get yours today! ^W W ^W VA. DELICIOUS  ^%^^^  Jffi .^t^~K^^^^^^^ FANCY YORK APPLES TrKr 5 49' ^T^BRW^W Cranberries 29e  *MflS^^^^^WflTHHil^BH^^H^_ SMS-p-i" TREES ^^'^^-***lilB^^^^^^ H-i.-- Lo, -ft^ Mlo 17^ RED EMPEROR ,i ^^i^^fc^r^Sr^Kl Celery .L^. 19c 1/c 3.4 feet 5-6 feet .-A. a grand gift An ife^At^^^toto^^'^Ji large meaty Italian T ZilC A      3S FOR  91  ^^^i^!~~~~^Xr 0 T A fk^3 r ^6 *Uffl Chesftnuts 19c A Lb$ *Ob 05^ $I35 Wonly 1 lm^^^     -ffl Fancy Yams 17c calif,  7.8FEET j 9-      8 wonderful for any kId! CompIetei 8 COLON1AL .~UJi^S.^^^Ji"HjJ^t  *  ^    SI .79 ,L $9.29 PLAY STORE including "product." to sell, play money, store manager ^rl^   /M?  A7* RSS^H    W^'J/Zt rop  yellow Lfa$   -~C Each ~~.#T button, check-out counter and display shelve*. ^C^*        #~^~1 Cw V/WY OltlOnS u- s-   - 3 AI**"1" BMt of      buy     famous brand items listed on coupon inside ^^^^BWiSlffSlw W) '*A/ FRESH CAUT- ICEB5BG  sr 2_0c yoa; 18c t8aa^^"^yW^r.Jg,!^  be r" ^^^^^fS^/ ^BiBVJBVABVAVJB^BiBiB^BVAVAVJBVBVAiBlBiBiBiflBfl^B'^B^BlB^BiBiBBB^B^^BB^BfliB^BBlQ^Bs'SflB^BB^B^B^HB^B^BHBiB^BiB^B^B^ ^^*^^^~J ^BBfS^B^ J ^T *^^r x ^^B^i^A^BHBVBBBBBBBBBh</t>
  </si>
  <si>
    <t>                                           Our Hopes Are Still High; Others To Help Cheer Fund                 Even though the Atlanta Daily World knows that many more friends and clubs will make last minute contributions during the day to the Christmas Cheer Fund so that as many under-priviledged and unfortunate people as possible may enjoy Christmas, it is with many thanks and the deepest of appreciation that we acknowledge these and previous contributions. Two Thursda/s contributions, given below, of $5.00 by a Friend and $25.00 by Colonial Grocery Stores, did not appear in yesterday s edition. Friday's Contributions: Red Fox Saving Club $2.00 Ten Sisters Savings Club 2.00 ^a Friend v:.::..;rr/.^:^.:. l.oo Rev. R. B. Shorts 1.50 A Friend 1.00 Coltempo Social and Saving Club 2.50 Orkin Termite Company, Inc 100.00 Miss Odessa Campbell 1.00 Turner High Y-Teen 1.00 Mr. and Mrs. D. R. Watkins 2.00 Central Methodist Church, Rev. L. S. Allen, pastor 7.00 Rev. J. H. Walker, pastor, Welcome Grove Bapt. Church 2.00 The Ready Twelve Social and Saving Club 5.00 Mr. Robert L. Freeman 2.0*0 j Mr. Henry Lomax 2.50 i Mr. H. Q. Whigham 2.00 A Friend 5.00 Atlanta Daily World Employees 18.00 Little Miss Pat Washington, 165 S. Chapel St., S. W. 1.00 j Colonial Grocery Stores 25.00 Previous Contributions 1,323.14 i TOTAL TO DATE $1,47?64 i</t>
  </si>
  <si>
    <t>                                           Fairburn                 St John AME Church Missionary Society sponsored a Women's Dny program on September 30 which was a great success. The Junior Missionary worker had a wonde.ful program Sunday morning before n o clock services conducted by the president, Mrs. Mattie Mae Sanford. Inspirations speaker for 11 o clock service was Evangelist Miss S. W. Westbrooks, teacher of Falrburn Junior High School. Thi pastor, Rev. J. W. Sanford preached the closing sermon on the program on Sunday night. Visiting ministers were Rev. J F. Brooks of Palmetto, Rev \r flin and Rev. Brown of Fayetteville.</t>
  </si>
  <si>
    <t>                                           i ^p^p^^^p^p\ a^BsSBB  ~^BSa^^^BB,\ v^bh k^^B^^^^^ a^^^^^^^i^ ^^^ai ^IH ^B ^h ^I^^B ^^h ^^^a\ ^V^B ^I^^h ^B i BM Bm  ~~%~  bbI flU IB bbI IbbI D t4bT HHi ^Br ^kr I il BbW ^Mf   BBW ^i-* NAIVIri r\ IRREGULARS V 1 1 WL- M H 9mmmm Wmm*    ^ FAMOUS-NAME BRANDS WHICH ARE 6^m BBH ^HJT -u^y QUANTITIES ON MOST ITEMS, SO BE ^^io^ HERE WHEN THE DOORS OPEN AT V 9:30 THURSDAY MORNING. SORRY, NO MAIL OR PHONE ORDERS! freg. $45 famous reg. 2" housedresses reg. S2 men s nylon shorts men s all-wool W gabardine suits 1.99 99C suits i^ftl f J A ^%^% prints. Sixes 12 to 20, 16 '/i to 24 ~/2 regulars of 2.00 values. In white only. AA J J      ^I'jUf 111 I II I and 38 to 50. Sizes 28 to 44.     /I /I M^HliBs^! IJiUU reg ^g hosiery men s dress shirts aii iit mmt } 75 of these wonderful bar-      I DO Every suit is fint quality and W^        :' gains, so rush in early! In 1WW a  make. A sensa- i^ts^EPaUsWl black, dacia, grey, wine and First quality 51/15 and 60/15 hose. A.  MS^BK' green. Sizes 9 to 15. NO With beautifully constructed heel Slight irregulars of famous-make dress tl0n" purchase at this low ^^HB^BBBBfll      Durtkic ADrtFDCf and in a" rhe new fall shades. Sizes shirts for men. Full cut and completely price! Reaular 50.00 values! 'A^BBBBb^DBBBbM MAIL OK r-HUNt . 8V2toll. . In sizes 14 to 17. r ^^HHdVK_ reff. 2.99  gowns reg- 6-95 nylon slips reg. 8.99 pea coats toys' first quality sport shirts 0 QQ G .1 fill 11 MM Slight irregulars and some first First  mult.crepe gowns 4 A w. ,U UT L x U-UU  sport shirts for boys. With 4 A A which are beautifully lace tr.   T f II Nylon kn.t slips made by a famous First  regular 8.99 all-wool pea- long sleeves and is assorted solid I Mil rned. ,n sample 32, 34, 36. JJ ^ll^,,^^1^.-: c^.^cu^and lined l^/lbr c^ ..orted ,. Broken (J  J In pink, blue and maize. ^~r or white, sizes 32 to 40. warmth. In navy only. Sizes 6 to 16. res. 3.98. 5.98 women s skirts I     2-98 blouses famous Rosebud drapes Sintex seersucker spreads IAn UU Seersucker spreads by Simtex, ,ff LiVU regular 4.99 value! They are col- fl Illl cotton jerseys, suitings! in gored H fifi Poo.,!,, 3QQ iu,9i  with  or-fast and washable. In five dec- I UU and pencil slim styles. Brown, JW%W\ An assortment of crepes and . SKftL SMS Trimmed wJh  orator shades. Full and twin bed Z-3lJ black, navy and green, also stripes. /fill In short sleeves for work, play or Tm, 9 il T Hunt sixes.  Sizes 24 to 30. fc lUU party. In sizes 32 to 40. crimson, gold, chart euse, Hunter green, rose and wine. 90 long; children s flannelette pajamas )ren s overa"s Angel Foam P'liows ('3 (etl towels 1^1 7 fnr I Cannon bath towels in attractive Children s flannelette  in ,^     IttI fa I *lbl A      te nursery patterns. In one- 1  Children's  overalls ard Fine quality crushed latex  t2   n be LV.rt ~!d"' ! lH piece style, sizes 4 to 8; two-piece I Illl  ?es  ,e c=r. e2           . Have no  a,d are  l- 9re"B ana 9~"- ,   style in sizes 2 to 4. I MM duroy in wine, blue, green and lergy-free! Standard sixe. Regular 5.99 Regular 55c each values! w^ brown. Sizes 3 to 6x. values, reduced for your savings! Jewelry, pins, earrings, necklaces and bracelets. In pearl, M Girls' Sweaters, all wool cardigans. In pastels and dark Boys' Flannel Sport* Shirts, first quality. Full cut and. wash- rhinestone, gold, silver and stones plus tax 69c colors. Sizes 7 to 14 abla. Assorted plaids. Sizes 6 to 16 Handbags, in suedes, calf, plastic and leather. Many styles oet Children', Cotton Cardigan, interlock knit. Applique and Boys' Heavy Dungarees, sanforized First quality with zipin black* brown, granted and navy plus tax 1.88 embroidery trims. Pastels and darks. Sizes 1 to 6X. per and button front. S.zes 6-16 u i j i j i u u j Knir Suit* a*"1 Cabana Sets, assorted styles in knit and cot- Boys' Famous Make Underwear, reg. 69c. Briefs, tee shirts, nn Belts, women s belts m suede, velvet and leather. Cold and ton comb;nations.        and stripeS/ pastels and darks. -ft undershirts and boxer shorts. Irregs. Sizes 6 to 16 3 for 1 .00 silver metal with or without emblem I .UU Si2es ,.3 1.29 Boys' Confederate Battle Crey Caps, Confederate flag inHollywood Coat Sweaters, 100% wool$ In green, black,      , \~'ork Quilh, in rose, blue, green and gold. Regular Q side cap S, M and L sizes brown, navy and wine. Sizes 32 to 40 3. 8 99 values. Size 72x84 for twin and double sizes   .**y Boy$, Bjaser j0Xf reg 25c. In anklet length, assorted colors. Reg. 3.98 all wool sweaters, short sleeve . In      2.49 Simtex Cotton. Print Table Cloths, seconds. Size  Selected thirds. Sizes 7V2 to IOV'2 8     I#UW classic weave and crew neck. Assorted colors. Sizes 34-40    5^52 jB. I -UU Boy$,         ,  quality, full cut and washable. Reg. 3.00 Brassieres, firsts and irregulars. Assorted styles,      7,99      Springs Blankets, in yellow, blue and rose. Q- In coat and middy style. Sizes 8 to 14 l./y with good uplift. Nylon, satin or cotton. Sizes 32 to 40 in M^e of nylon and rayon. Size 72x84 Bov$' Black Rubberized Raincoats, first quality. Full cut _Q A, Band C cups I.UU ^qq wi:h matching hood *~n Reg. 3.99 Smocks, rayon crepe or cotton in tailored and Cofton Mesh   $B $'     5c n ftn 8oy$. Bombcr $/ reg 850. Heavy gabardine with full  styles. Sizes 12 to 20 Z.Oa Heg# 35,. oj$n Towels, 25 o linen and 75 b cotton 5 for I.W   for  Zjpper front, 2 pockets, mouton collar. Reg. 1.95 Nylon Hose, thirds of 60/1 5 and 51/15 hose. B  MrA p.A   H       in white 1 .00 Assorted colors. Sizes 6 to 16. First quality O.V9 Self and dark seams. Assorted new colors. Sizes 8 V2 to 1 1 3 1 C ^g. 1 .59 Ironing Board Pad and Cover,, ,n white Reg. 1.50 Nylon Pants, elastic leg, brief styles in lace trim Reg. 2.00 Embroidered Bridge Sets, in white llW in assorted colors. Crease resistant. Sizes 28 to 42 ^.SW or tailored styles. White and assorted colors. Sizes 5, 6 R g9 $ fc   . fc T        seconds. 5 in package. 1 .00 Men's Plastic Raincoats, reg. 1 .99. Full cut. folds to small and 7 5 size. S. M and L sizes Better 3.99 and 4.99 Cowns, multifilament rayon crepe QQ Reg. 25c Cotton Printed Napkins aox. i.w    %     Wool Suits, first quality in herringbone, tweed.. with lace trim. Assorted colors. Sizes 32 to 40 Reg. 39c Bath Towels, in solid colors of gold, rose, blue and and cheviot single breasted. In assorted colors. Sizes 36-44~.W Reg. 5.95 Nylon Knit Pettislips, to match 3.88 slips. White OQ green "c g 99 or pink. S, M and L sizes Shower Curtains, reg. 3.99 to 599 values In -out pat- m "~ra Matching Slacks /"a". Reg. 1.00 Extra Size Rayon Pants, or Vests. Run-resistant. terns 3*uu Men's Dress Shirrs,  of famous make. Broken sizes y Pants with flare leg style. Vests with built-up shoulders. nn Faille Traverse Drapes, reg. 4.99 value. Assorted colors. QQ and counter soiled Pink or white. Sizes X, XX and XXX 2 for I .UU 90"  ong pair Men's Sport Shirts, in assorted fabrics and styles. Firsts and qq Reg. 89c Rayon Briefs, assorted colors in elastic leg briefs.  ft Reg. 3.98 Permanent Finish Organdy Curtains, in assorted . Broken sizes, counter soiled. Broken sizes     Sizes 5 6 and 7 Tc colors. Size 42x72. Needs no starch 2 for 3.WU     ,$ Corduroy Sport Shirt,, first quality. Pinwale in ma- Reg. 1.50 Garter Belts, in satin or nylon. Several styles to  Q      Gauge Rubber Tile, size 6x6. Marbelized finish. roon green and grey. S, M and L sizes choose. In white or pink, sizes 24 to 30 69c Long-wearing little upkeep!. :  'Te yC Men's All-Wool and Part Wool Sweaters, coat and pull- Children', Pajamas, two-piece style in stripes and prints. m Jj "~shF""ged R'~     ' S1ZC     P*' 77 over        Sizes 36 t0 46 D V" 4*" For boys and girls. Sizes 4 to 8 2 for 3.00 tern, liable Famou$ MAe Dre$J ShifH f  ,ity Broadcloth Training Pant,, double knit, combed cotton. Sizes 1 to 4 J* ^J     ^8 Ha" and Stair    P*d. 3.98 with regular collars and cuffs. Sizes 1 4 to 7 2-35 4    }M Re? 2 99^0'' Round Chenille and Loop Rugs, color-fa st Men', Lounge  5 kHUm ^eK "SS ta      ze a Children', Boxer jean,, sanforized denim Copper rivets and and washable. With latex back 1 .99  nd^ $0 3.89 colors. Assorted weaves. Sizes 1 to 3 I.UU Embossed and floral designs 1.00 .^i-. Children', Sweaters, all wool cardigans in assorted novelty Reg. 3.49 Permanent Finish Organdy Spreads, in frosty Men's Sanjorixed I Flanne Pa,, coat and "~Typs^JJ 2,99 weaves. Past.ls and dark colors. Sizes 3 to 6X. 1 .69 white lV_. 99c Assorted stripes, first .ty, reg. 3 29. A, B, C and P sues *.^2</t>
  </si>
  <si>
    <t>                                           0  lL ^i ill  iiii Ocean-Rocked  Whiskies Rl^l BLENDED WHISKEY 86 PROO? 72!i% GRAIN NEUTRAL SPIRITS" MR. BOSTON DISTILLERS, inc.. Bo^ron</t>
  </si>
  <si>
    <t>                                           ^t v^ Mi 1M Jb iM. BLENDED -WHISKEY J6 PROOF 72h% GRAIN NEUnTRAL SPIRITS' ML BOSTON DISnUSK. Jnfa Bwte,</t>
  </si>
  <si>
    <t>                                           W^Hl J^A earth they sing I i  V V ^f B9\ crown us witn I ^mm* V ^m S 1 UK JO/ OS IlCftVCll T i u JONES' SUPER MARKETS NO. 1. 952 MAYSON I TURNER AVE, N. W. NO. 2. 841 HUNTER ST. At MAYSON TURNER</t>
  </si>
  <si>
    <t>                                           ^^1 LEARN Sy^n  UnlWk STUDENTS CALLED FOB AT HOME The only complete Dual Control cars in Atlanta DUAL CONTROL DRIVING SYSTEMS. INC. VErnon 6600 1000  ST., At Tenth, N. E. Official Easy Method School MADAM EVA 25c SPECIAL READING 25c World's greatest II n PalmlstAfter yon Jl*  J consult an others lie ) y"" tT \s]r  to Ma1 I/* dam Eva and see ~.ia J'J'a' SHE GIVES ^V i** FACTS AND 1 . X* I 1 M  or wife    ? trouble, bo sure  and come at once Offlee hours A. M. to 10 P. M.  and Sunday. 1015 W. Marietta Street, N. W. Take the Inman Yards Trolley. Boa  at the door.</t>
  </si>
  <si>
    <t>                                           Women's Council Music Festival At Clark Tonight                 The Atlanta Metropolitan Council of Women Included a night of cultural and educational entertainment In the form of a musical festival on its agenda at the Davage Auditorium or Clark College tonight at 8 o clock. The group will' feature Francis Long, operatic tenor and artist of two continents, has studied and rendered concerts extensively in America and Europe. Among the other participants are Alice Idlett. pianist, who will play with the Atlanta Symphony in December, Barbara Yancey, pianist, who enjoys the distinction of having appeared with the same group back In 1949. Others to share the - i dlts are: Francis Chatman, Monica Tdlett. Ruth Davis, pianist, Mrs.1 Thelma Jones and Miss Mignon Lackey, sopranos. This concert, in opera fashion, will be one of the finest of the season. The participants will be attired "in evening wear and spotlighted for gala effect. The program will begin promptly at 8:30 P. M. and promises to be a full and enjoyable hour of musical appreciation under the direction of Mrs. Elsie Foster Evans.</t>
  </si>
  <si>
    <t>                                           Homer Almond Sentenced To Chair Sept 28                 BY ROBERT E. JOHNSON Atlanta Daily World Staff Writer                 DECATUR (SNS) A DeKalb Superior Court jury yesterday deliberated from 4:19 to 5:01 P. M. before reaching a verdict that condemns to death by electrocution 48-year-old Homer Almond, construction worker and handy man of Tucker, accused of the August 20 strangulation murder of Mrs. Winnifred Gabriel, a white woman.                 Trial Judge Prank Guess sentenced Almond to die in the electric chair at Tatnall on September 28. Court-appointed counsel for the do.irr.cd defendant said they would seek n new trial for their convicted client. The defendant s wife, Mrs. Sarah Almond, broke down in audible sobs as she heard the verdict. Almond, balding and bent from the two-day trial strain stood before t'.ie bar of justice noddin? his head backwards and forwards as Judge Guess -.varied throuph a written death sentence document Apparently unlearned and unlettered in matters of legal language, the- defendant stiffened somewhat and his seemingly nod of approval came to a sudden halt when the Judge told him he would  by electrocution on September 26. A battery of uniformed policemen immediately  htm from the courtroom. His wife made one last tearful grasp for him as members of the police detail moved him along. She stood momentarily frozen in dejection as she turned for a comforting hand, only to find stares of several white spectators. She placed her tear-drenched face in the bend of her right arm and moved  through the mass of spectators. A lone Negro woman, standing in the rear of the court chamber, clasped her by the arm and led her out of the building. Almond went on stand at 10:51 a. m. to male 3 an unsworn . the only defense offered in his behalf. He immediately- discredited two "confessions" which were admitted in evidence shortly before he took the stand. 'I did net kill Mrs. Gabriel. Clarence Rcgland did it," he said. He said the white man, purported to be a "lottery operator and bootlegger," forced him at the point of a gun to help hide the body in the basement of the Gabriel home Mid dispose of her clothing. He said he was in debt to Ragland for some whiskey and the latter promised to cancel the unpaid balance for helping him. 'Tin guilty of hiding the clothes, but I didn't kill Mrs. Gabriel," he pleaded to the Jurors. "I had to. say yes when the police questioned me. They told me they didn't believe Ragland killed Mrs. Gabriel." He said he was afraid to dispute the police. Twenty-one minutes after the defendant mourned the witness stand, he was prepared to leave when he turned to the twelve white men who held his fat? in their hands and said: "I ask the mercy of the court and God be with you." Earlier in the trial proceedings, two "confessions" -igned by the                 fendant were admitted in evidence Defense Attorney H. Hubert did not object to their admission. He asked that the confessions be put into court with the reservation that the jury be allowed to  whether or not the statements were, true cr properly made without "the slightest hope of reward of the remotest fear of punishment" Dr. Herman Jones, Fulton County Criminologist. testified that a comparison was made of Mrs. Gabriel's hair with that found, on the defendant s clothes He said the comparison showed the sample? had the same characteristics. He further testified that coal dust was found in Almond's shoos and en Mrs. Gabriel's underclothing. In final arguments to the jury, the defense sought to use the testimony cf Dr. Jones, a state witness, to support a theory which conflicted with the one held by the prosecution. Attorney Hubert contended that Mrs. Gabriel was killed in her home and not in wooded area as contended by the state. He said the criminologist gave no evidence of finding leaves, grass or other wooded substances on the victim s garment. The defense lawyer said, "We do not ask and do not expect you (jurors) to acquit this defendant. If there s any doubt of the defendant s guilt, his life ought to be spared." He pointed out that If jurors f-eed Almond, he could not be brought to trial again, "lor this crime." He said "Ragland" may turn up teter if too -Jury sentenced him to    .' SoUoltor General Roy leathers "sermonized" his argument before the jurors. He  the "Good Samaritan" nurse as a helper of the poor and moved the victim s busband, Gamett N. Gabriel, to visible tears with a memory sketch of their happy days. He said the defendant "manufactured the statement accusing a man who "does not exist When jury arguments ended, the defendant s case rest on  statements- two written and one oral. All were his. The latter repudiated the former. After the jury retired. Judge Gupes commended tiie spectators (all white except a few Negroes) for "your orderly conduct" during the trial. He requested that they "receive the verdict, whatever it is. with the dignity that DsKnllb Conntj is known by." Solicitor Leathers read the verdict in open court as the jury stood He then balloted the verdict. Each juror said his verdict was "guilty." The jurors answered to the names of B. H. Spiers. George DeLay, T. A. McCord, Earlo V. Russell, T. Dennard, M M Albright, Jr C H. Keith, Paul Graves, D. D. Grlppo. G. P. Goode, John M. Allen and B. W. Durling.</t>
  </si>
  <si>
    <t>                                           DECATUR -- (SNS) -- A DeKalb Superior Court jury yesterday deliberated from 4:19 to 5:01 P. M. before reaching a verdict that condemns to death by electrocution 48-year-old Homer Almond, construction worker and handy man of Tucker, accused of the August 20 strangulation murder of Mrs. Winnifred Gabriel, a white woman.</t>
  </si>
  <si>
    <t>                                           The Radio Broadcast will be heard this Sunday at Wheat Street Baptist Church over Station WERD at 8:30 A. M., Reverend William Holmes Borders, the pastor, has chosen for his subject at the morning worship service, 'Who is the Hinz of Glory?" Seven choirs will...</t>
  </si>
  <si>
    <t>                                           ITME MO SCtEEN STARS PHEfEl T" MAKfl HAH SMOOTH ^~r. LARGE SIZE j \^^^^^Ruby Hill I^^^^I^^HH \EHI Fimeui inn fl^BR^in^^l k\ly ind Kt-/n mr H^K '?1^B  f4      Kullrr T^^^^K^^^^H 111 KIM    Kit." "^^^~'^j-SB K.1' ''~fc *^/j ji#~# /7// 'ive and dime VSCv'ir"^*^ and drug N*   3i? store ASK FOR DIXIE PEACH FACE POWDER THt UHOtH C0^ Stt AVt- W. T.</t>
  </si>
  <si>
    <t>                                           Housing Tension Flares Anew In Florida City                 MIAMI. Fla. Carrying out a telephone threat made to Coral Gables police, terrorists or cranks tossed a lighted stick of dynamite at a Jewish Center early Sunday after a policeman had ended his all-night watch of the building. The explosive failed to discharge when the fuse apparently was pulled from the stick when It hit tree branches. Jewish war veterans immediately offered their services to guard Jewish religious centers in Coral Gables. The offer was not accepted when Rabbi Morris Stop told Police Chief W. Q. Kimbrough that he believed protection was the job of law enforcement officers. Mr. Kimbrough said he had received three telephone calls Saturday night warning that a synagogue would be bombed. He ordered a policeman to guard the area until the custodian arrived at 7 A. M. The dynamite Mr. Kimbrough said, apparently was thrown from a passing car between 7 and 7:30 A. M. The unexploded stick was found by Henry Smith, the custodian, who thought it was a "brown stick'1 and threw it into a near-by gutter. Later Arnold Levy, 12 years old, passing the scene, found the dynamite and reported It to the police. After a search, the police found the partly burned fuse under a tree on the lawn.</t>
  </si>
  <si>
    <t>                                           Fort Eustis Training Men To Take 'Casey Janes" Post                 By JAMES L. HICKS, NNPA Correspondent on Tour of Army. -Navy -and Air Force Installations                 FORT EtJSTIS. Virginia- For the first time In the history of the United States Army, colored men, workIng in integrated units, are learning actually to operate railroad locomotives, maintain and service them, and perform all other functions which .will qualify them as                 railroad engineers in civilian life. The move took place at Fort Eus- tis last Friday as I watched 34 col- ored men transferred from port bat- j  of the Army's Transportation Corps to the 702nd Railway Grand Division headquarters and take up actual work on the steam and diesel railway locomotives operated by the Transportation Corps here. The step was just another Dhu'P of General Harold R. Duffle's move at the complete Integration ot coi- ored personnel into Transportation Units at Fort Eustis. Before General Duffle assumed command a few months ago this had been strict- ly a white personnel operation. j Under orders from General Duffie. Colonel D. E. Ingman, commanding officer of the Grand Division, who is general superintendent of the railroads, sent the men to all units of his command, placing at least two in every one of his companies and not allowing any company to receive the bulk of the 34 men. All but one of the 34 men were natives of the deep south. They aproached their new highly .skilled duties with an evidence of timidity but all of them with whom I talked resolved to do the best they can on their new Jobs. They were sent to railroad companies which actually operate the trains, other companies which maintain the tracks, and still other companies which are heavy shop companies that actually disassemble locomotives, repair them inspect them, and keep them in operation. I watched Pvt. Willie C. Christian. 117 Rampart St., New Orleans, climb into the mouth of a locomotive and begin immediately to learn to recondition a front flue sheet for the installation of new flues in the engine. A white, soldier, Pvt. Claude C. Gilllland, 3320 Emerson St., Ft. Worth, Texas, gave him all the assistance that one could expect. Both are now members of the Company B, 756th Transportation Railroad Shop Battalion. The 34 colored w.en, the companies to which they were assigned, and their home towns, follow: HQ. ft HQ. COMPANY 702D TRANS BY. GRAND OIV. Pvt. Elijah Pierce, Houston, Texas; Pvt. Theodore E. Price, New Orleans, La. 784TH TRANS. BASE DEPOT COMPANY Pvt James D. Green. Clay Hill, i                 Texas. Pvt. Cnlvin Horton, New Orleans, La. I1Q. COMPANY 714TII TRANS. RY. OPR. BN. Pvt. Willie B. Wilson. New Orleans. La.; Pvt. Bobble E. York, Houston. Texas; Pvt. John D. Voss Reidsville, N. C; Pvt. Elijah Thomas, Montgomery, Ala. CO. "A" 714th TRANS. RY. OPR. BN. Pvt. Murphy H. Jackson, Natchez, Miss.; Pvt. Louis C. James, Kosciusko. Miss.; Pvt. Herbert Reavis, Haleco, Ala; Pvt. Marvin H. Ellzey, (Continued on pace 2 Column 4) I                 Fort Eusfis (Continued from Pare One) Chicago, HI. CO. "C" 714TH TRANS. BV. OPR. BN. Pvt. Albert Prlchett. CartersvUie. Oa.; Pvt. Harvey L. Wilson, Alber, marie, N. C; Pvt. Nathan King, Ferdandiana, Pla. HQ. CO. 756TH TRANS. RY. SHOP BN. Pvt. Thelbert R. Dawson, Kinston, N. C; Pvt. Roland Norris, New Orleans, La.; Pvt. John Oroce, Black Mountain, N. C. CO. "A" 758th TRANS. RY. SHOP BN. I Pvt. Eugene Russell, Dora, Ala.; Pvt. Broley W. Simms, East Beck- I ley, W. Va.; Pvt. Prank W. Burrls, Kings Mountain, N. C; Pvt. Melvln Singleterry, Clanton. Ala. CO. "B" 756TH TRANS. RY. SHOP BN. Pvt. Richard Savage, Lambert, Miss.; Pvt. James V. Stance], James- ville, N. C; Pvt. Willie Christian, Booneville, Miss.; Pvt. Charles M. Smith, Birmingham, Ala.</t>
  </si>
  <si>
    <t>                                           FORT EUSTIS, Virginia--For the first time in the history of the United States Army, colored men, working in integrated units, are learning actually to operate railroad locomotives, maintain and service them, and perform all other functions which ,will qualify them as...</t>
  </si>
  <si>
    <t>                                           IN MEMORIAM                 In loving memory of our dear husband and father. Mr. Andy David, Sr., who departed this life, October 3, 1940, eleven years ago. Some may forget you now That you are gone, But we will remember you, No matter how long. Mrs. Jimmie Lee Davis, wife Mr. Andy Pavis, Jr., son Deaths Mrs. Helen Evans, Lloyd, 683 Fair Street, S. W., passed October Mr. Alvin E. Thomas, Woodstock, Georgia, passed October 1. Mr. John Graves. Cleveland, Ohio, passed October 1. Mr. Clifford Wallace, 388 Pine Street. Apt. 2. passed October 1. Mr. Jasper Jones, Chattanooga, Tennessee, passed September 30.</t>
  </si>
  <si>
    <t>                                           Supreme Court Refuses Ta Review Jim Craw Coach Case                 WASHINGTON. DC. -(NNPA)The United States Supreme Court last Monday refused to interfere with the judgment of the Seventh United States Circuit Court of Appeals at Chicago ordering a new trial in the case of a woman who was put off a train and arrested in                 Virginia for refusing to move to the Jim Crow coach. The Norfolk and Western Railway Company had asked the high tribunal for a review of the case, which it won in the Federal District Court at Chicago. The Court of Appeals remanded the case to the                 trict Court with directions to grant the plaintiff, Mrs. Rosa Charles, a new trial. The circuit court held that the trial judge had erred in his instructions to the Jury relative to the right of the railroad to make rules and regulations requiring racial segregation on its trains and also concerning the conduct of Mrs. Charles. Mrs. Charles, who was on her way to visit her husband at Camp Lee, Virginia, at the time of the incident contended that she had been a "perfect lady while railroad em(Continued on page 3 Column 7)                 Supreme Court (Continued from Page One) ployees were/insisting that she move to the Jim Crow coach. Mrs. Charles bought a ticket at the Central Station in Chicago February 4, 1944, for passage to Petersburg. Virginia. She traveled from Chicago to Cincinnati over another line. At Cincinnati she could not get Pullman accommodations and tipped a Red Cap to take her and her baggage through a side door so that she could "board the Norfolk and Western before the crowd waiting .to get on the train. She rode in a coach, where she was the only passenger. Shortly before the train reached the Virginia line, the front brakemen requested her twice to move forward to the Jim Crow coach. He asked her a third time after the train was in Virginia. The conductor also asked her to move She refused and kept her seat. At Chrlstianburg, twenty-five miles west of Roanoke, the conductor telegraphed the superintendent, station master and special officer at Roanoke. The specie 1 officer boarded the train at Roanoke and asked her to move. She refused. According to attorneys for the railroad, when he went to pick up her coat to hand to the porter, Mrs. Charles slapped him in the lace and said: "Leave that damn coat alone." Mrs. Charles spent the weekend in Petersburg with her husband and returned the following Monday morning for her trial. She was found guilty of disorderly conduct and fined $5 and costs amounting to $6 60.</t>
  </si>
  <si>
    <t>                                           WASHINGTON, D. C. -(NNPA)-The United States Supreme Court last Monday refused to interfere with the judgment of the Seventh United States Circuit Court of Appeals at Chicago ordering a new trial in the case of a woman who was put off a train and arrested in...</t>
  </si>
  <si>
    <t>                                           MARIETTA, Ga--Mrs. Kathryn Woods entertained her club. The Social Ten last. Friday evening at her home, 805 Lawrence Street. Honored at this meeting was Mrs. Jennie Wright, who was presented with lovely gifts in celebration of her birthday The Spirit of...</t>
  </si>
  <si>
    <t>                                           TAVARES, Fla.--(ANP)--The trial of Walter Lee Irvin, 25, last of, the ill-fated Groveland Four, accused of raping a white housewife will begin January 14 at Ocala, Fla. in Marion county.</t>
  </si>
  <si>
    <t>                                           OPEN FRIDAY NIGHT TILL 8 O CLOCK    ' TALL CAN QQ ARMOUR S CHERRIES PINK SALMON SLI. BACON 47' 49' 39' 5-lB. PAIl 248. BAG JIM DANDY Chitterlings 99c GRITS 17c FITTER S 8.OZ. PORK EARS 21c HOT CATSUP 14c BEST GRADE CUDAHY S GRADE A SMALL STREAK-O LEAN         FRESH EGGS 37* ib 43 lb 49' 4-LB. CTN. REX 1O-LB. TIN PAIL PURE LARD 87c CHITTERLINGS S1.89 DICED (For Fruit Cakes) ARMOUR S    "T FRUIT MIX 54c CORK-ED BEEF 43c ORR S NEW CROP 17-OZ. OCEAN SPRAY SORGHUM SYRUP 68c Cranberry Sauce 18c LUZIANNE BIG RED DELICIOUS 5-LB. CLOTH BAG COFFEE APPLES ^qUr 7P* I 5* I 57*</t>
  </si>
  <si>
    <t>                                           f  r NEGROES I WHO COT '^L ^^^^^~v^l ^^j f YOU CAN T cET JET, SEND 15c TO -7 Johnson Publishing Company, Inc           *S. 6f        JET TAN CONFESSIONS 1820 SOUTH MICHIGAN AVENUE CHICAGO. UUNbiS</t>
  </si>
  <si>
    <t>                                           BIG PRIZES Lots Of Fun Dance Tonight, December 19 8P.M.-Y.W.C.A.-Adm.30c</t>
  </si>
  <si>
    <t>                                           RE-OPENS BEAUTY SHOP Mrs.: Beatrice Smith, of 79 Raymond j St., S. W., Bea's Beauty Box an- nounces to her customers and friends that she has re-opened her shop for business. Call RA. 8666 for appointments. Mrs. Smith is a well known beautician. She worked with Young's for a number of years. She is well experienced in any line of beauty culture and is always ready to serve you. ADV.</t>
  </si>
  <si>
    <t>                                           Miss Jacquelyn Vernell Blackburn was honored on her sixteenth birthday on Tuesday evening at the Roosevelt Hall with an enjoyable dancing party from eight until twelve o'clock.</t>
  </si>
  <si>
    <t>                                           CHICAGO--(ANP)--Touched off by the Christmas night bombing in Miami, Fla., protest against violence ... Negroes and minorities continued to grow last week.</t>
  </si>
  <si>
    <t>                                           ASHBY "The Rrd Danube" with Walter Pldteon. Ethel BarrTmore CARVER -Between          and Dawn" and 'Badmcn of Tombjtont" EIGHTY-ONE "BRdmen Tombstone" _Jind -Retwren Mldnlitht and Dawn" FORREST "When The Daltona Bode" u?2? "v onian on the Run" HARLEM -YounB Man with A Horn" and 'Tn- in the sierras" "NCOI.N -      Man With u. Horn"  nd,         In the Sierras" %    "L-' The       - with Van HefUn ??~!        wtw I     \   "Rtdwr of Pert Bock" (in* I</t>
  </si>
  <si>
    <t>                                           Atlanta has, at long _last, reached the point where families of deceased members are beginning to exercise common sense in the practical solution of the problems in connection with the death and burial of their loved-ones. We can recall now, in the 1929 and early thirties, funeral services would last anywhere from one-and a half hours to two, and in some cases, three hours. That has all been changed and now it is a rare thing to come upon a funeral service which extends beyond the one-hour limit.</t>
  </si>
  <si>
    <t>                                           Racial Issue Erupts At Conclave Of Young Demos                 ST. LOUIS. Mo.  The racial issue erupted this week behind closed doors at the National YounR Democrats convention and South Carolina, after a debate or two hours,  a major triumph. The dispute arose nt a meeting of tho resolutions committee over a .~:'l submitted by California and  strongly by Minnesota. As  offered by Minnesota, the resolution praised Pre-  Truman for his stand on civil  and urged that he be reelected. Tho last part was cut out on the grounds that the organization                 was not authorized to endorse  on any level. Still in the proposal was  to fair employment . with strict enforcement, as i well ;is to measures to  the poll tax and the barbarous practice of lynching. Immediately, heated debate started on this point with South Carolina's delegates spearheading the attack later joined by other southern delegations. California's supporters of the measure "finally agreed to withdraw the resolution and reward it so that it would be "acceptable" to the convention. i                 Executive Hits "Amos 'N' Andy NEW YORK Another voice in the way of protests against the  :-ho\v, "Ames *n' Andy" has heard this week as Earl B. Dickcrson. president of the Chicago Urban League, vice-president and general counsel of the Supreme Liberty Life Insurance Company, .ind a member of the board of directors of the National Association lor the Advancement of Colored People, denounced the program in letters to the Columbia Broadcast- ins System and BUttz Brewing j Company, sponsor?. "This show portrays the Ne?rr professional people at their worst and does more to hDld up the Nr- j Sio people as a race to public ridi-  and scorn than any other program ever presented," Mr Dickerson wrote "All of the colored people of understanding-- those whr seek go jd will in our own land am! throughout the world-deeply resent, this  and we want you    know it." DiSalle se;~s ir. tax law :i^ price violators.</t>
  </si>
  <si>
    <t>                                           j WILBERFORCE ACE Hank Thomas, kicking ace of Gaston F. (Country) Lewis' Central State Red Marauders will be one of the toughest competitors to face the North Carolina A. and T. Aggies at Memorial Stadium, Greensboro, N. C, September 15. Central State and N. C. A. and T. will give fans a  of their '51 stars in this game as both make their initial bid for national honors. The Aggies are coached by William (Bill) Bell.</t>
  </si>
  <si>
    <t>                                           TONTO remained at the Rafter K until close to sundown. Neither ... said anything to Roy about what had happened to them, but Tonto had a suspicion that he knew. The three of them had sat on the wide, cool verandah and talked lazily, mostly about the...</t>
  </si>
  <si>
    <t>                                           Bigotry BT WILLIAM HENRY HUFF She turned her nose up to the sky As if in it to catch the rain; When asked what was the reason why Sh'e said it went against her groin To meet a lad who had to work In order that he might subsist. Deep in her mind there seemed to lurk. % A subtle crook, a haughty twist. Which made her think herself above The students in whose hands were corns. She showed 10 us no slim of love But acted as if she wore horns.</t>
  </si>
  <si>
    <t>                                           LOS ANGELES --Sharpshooting Jimmy Carter of New York Wednesday retained his lightweight boxing championship with a clear cut ... 15-round decision over wild punching Art (Golden Boy) Aragon of Los Angeles.</t>
  </si>
  <si>
    <t>                                           Passionate Georgia politicians, fearing loss of power through the dissolution of segregation, have apparently forgotten the famous quotation: "Whom the gods would destroy, they first made mad." They may be doing more talking than thinking, mire strategizing...</t>
  </si>
  <si>
    <t>                                           A VISIT WITH PENN S NEW GRID CAPTAIN, Philadelphia, Pa. The University of Pennsylvania has had football captains before, but Bob Evans is something special. Evans is the first Negro in the 75 year history of Penn's football to. lead the Red and Blue. Above Evans works' out                 a problem in Organic Chemistry with Bob Eich. Evans is a pre-med student. He is the second of his race in modern times to captain a major Eastern eleven. The other was Levi Jackson, star athlete at Yale University a few years ago.</t>
  </si>
  <si>
    <t>                                           Atlanta       World 4l2N Published Every Morning Except Monday It Is News" VOLUME-^r^TM-^rT^r- *TT GEORGIA, SUNDAY, .ANUARY 27. 1952 TCE S.X CENTS I =^==J</t>
  </si>
  <si>
    <t>                                           AU SET-IF GIANTS COP PENNANT                 MAKING HIMSELF COMFORTABLE outside the Pol.) Grm. New York, is Lester Rand, 28, Providence, R. I. Hc'f parked  the  pates and hopes to be the first fan to buy World Scries ticket it Ins ::. tile New York Giants, cop the National Lcuguc . A                 cigar and comic books help him to pass the Unit. { jual)</t>
  </si>
  <si>
    <t>                                           BIASED EMPLOYMENT AGENCIES ATTACKED                 BY SAMl'EL P. PERRY. JR.                 NEW YORK, N. Y.- (ANP) The New York State Commission Against Discrimination this week I announced an agreement with the New York City Department of Licenses under which the two governmental groups would cooperate with New York City employment                 agencies which had been found, after a public hearing by the Commission, to be violating the State Law Against Discrimination. In the announcement made public jointly by Edward W. Edwards, chairman of the New York Stafe Commission and Commissioner Edward T. McCaffrey of the New York City Department of Licenses, it was exp'-ained that the liaison arrangement came as a result of a series of conferences between Commissioner McCaffrey and Commissioners Elmar A. Carter. Nicholas H. Pinto, and Generi' Counsel Henry Spitz of the SOAD. In his statement. Commissioner McCaffrey expressed deep concern over the possibility that employment ngeno'.es licensed bv his                 partment might be violating the laws of the State of New York. He promised that if a public hearing involving any employment agency were held, and the SCAD issues a cease ard desist order against that agency, he would give- " weight" to the findings of the Commission and take appropriate action. Such violations would include a refusal to refer qualified applicants to jobs for reasons of race, creed, color or national origin, the use of codes or symbols by employment agencies indicating such unlawful practices, or any other violation of the New York State Law Against Discrimination. Commissioner McCaffrey also asserted that he would issue a circular letter to employment agencies under his Jurisdiction, pointing out their responsibility under the state law and the action which his department intended to take whenever these agencies' actions indicated violations -of the state s law against employment practices.</t>
  </si>
  <si>
    <t>                                           NEW YORK, N. Y.--(ANP)-- The New York State Commission Against Discrimination this week announced an agreement with the New York City Department of Licenses under which the two governmental groups would cooperate with New York City employment...</t>
  </si>
  <si>
    <t>                                           6 Georgia High Schools Rated By Association                 ST. PETERSBURG. Pla. (INS) The Southern Association of Colleges and Secondary Schools Thursday approved  of six Georgia Negro High School*. 1    fcj the  list include East Point High, Bast Point: Oconee High, Dublin; Carver High, MlUedgeville; Monitor HI. Fitzgerald; Blackwell Memorial, Elberton and Monroe High, Albany.</t>
  </si>
  <si>
    <t>                                           Defiance of law and contempt for human life reached a new low last week with the night-time murder of Harry T. Moore, the mild ex-school teacher, who from his cottage in Mims, Florida has performed some of the more modest tasks in defending members of his race against mob action. For 20 years Moore worked in the National Association for the Advancement of Colored People, raising money, recruiting members, writing polite letters to white legislators. His most recent activity had been in connection with...</t>
  </si>
  <si>
    <t>                                           Make Extra Money-Sell Xmas Cardsl! 25 For $1 With Name. Samples Free. Also 20 beautiful Box Assortments CYPHERS CARD COMPANY 75 W. Huron Street, Buffalo, N. Y.</t>
  </si>
  <si>
    <t>                                           I AND ENJOY SURE  I I PROTECTION Is ^^TTi H Kttimatf* Cheerfully {lire* jlP*^^^ ^^""mJ^WPsS I SOUTHERN WRg %  1 NISH WILLIAMS,               Reymsnd 9383 I ?     MA 5                  ^Drt,    J^Alauta, Ga,</t>
  </si>
  <si>
    <t>                                           *m *WBr ?^h Jfci^^    ?^^^* ^Bfll^ """"v. ^^^b^Bb^b^b^^^^"* .^b^^b^^^^bIb^b^b^^^^ ^w v ^^bb^^^^ ^^v^m^^^^^^^ t^^^^^^HH^^^^^^B^^H^^^^^^^^^^^^^^^^^A^^^^^^M^^^^ ^^^^^l ^^^^^B**4       8^^~ ^^^^^^^*.i t vi ^9^ 1db^uB9  ^ ^bv^^a I ^^^v^ TvOb^b^b^b^b^b^^BkI^^^^^^ ^^^^HHm _^^^^^m B^B^B^B^BV -^B^P^^^\^^^^5% M*^tV%'P/5t  Vnr ^^^^a^^ ^(W 1 J i# *M f "^^^^HED^^     ^B^B^B^B^B^^^^. ill ^W ^^~BBBBBBBBBBBBBBn^^^K^^^BBBBBBBBBBji^^^^KW ^^^^^^^^^^^^^^F ^Bt^B^B^B^B^h w^^^^ ^^b^^u- ^^B^B^Bi B^^^^^^ ft^a^^^^^' .^^B^^^^^^W^B^B^^i^^^^Hi^^^^^^^^^^^^^^^^^^^^Hi^^B^BiB^B^B^B^B^B^B^^^^^^r^^^B^B^^^v^l^BJ^^^^^^^F ^^^^k^^^^ ^^V^^^ pv^^  _ iT^W ^^^B^B^flB^B^B^BvVA ^v^B^B^B^^^^^^^^^^^^^Bi^^B^^B^^^jA i ^^^^B^^ ^^^V^B^B^B^B^B^B^R^B^Blv^B^B^B^^B^B^B^B^B^B^B^B^B^B^B^B^B^B^B^B^B^B^B^B^B^^F ^^B^B^B^B^B^B^B^B^B^B^^k^^^F^^^B^B^B^B^B^B^B^B^B^^^ ^ft ^B^B^b\ v _^S^V^k ^W ^k^~^~    J.y yj** 7 taM^^B^B^B^^ y m ^E^^^BH^nd^B^H^E^BW J ^S ^^i V ^^^^^^^^^^^^^B^B^B^B^^^^^BBl^B^B^B^B^B^B^B^B^B^B^B^B^B^B^BSE^BHBn^B^BH^B^B^B^B^B^B^BHB^flB^B^B^B^BV  t^S ^B^B^B^B^^B^B^B^BH ^^r^^B I ^^^^^^^^^^^^^^^^^K ^S ''t r' "t T^R^^'^^^^Ki m j^^B^^C*'^* w. "^^^^PHp^^^^B^y^^ ^^^^^^^^^^^^^^^^^^^^I^^I^^^^H^^^I^^H^^^^^^^^^^^^^^^^^^^^^^^^^^^^^^^I^^^B ^^B ^B ^r .^^^^^^^^^^^^^^^^^^^^^^^I^^^^^^^^^^^^^^^^B ^^^^b ^B V ^^^^^^^^h ^^^B ^B^B^B^B^B^B^^B^f ^B^B^B^B^B^B^B^B^B^BV S ^B^B^B^B^B^^' V ^^^U^ K^ 'V :~~-~~K*3  3 --**^_^B^~^iC1^i3*!i^1* J^S^S^B^^BU^B^B^B^BBB^^BV^ .^B ~^% ft ^^BV ^bV ^H ^H W. ^^b\ __BH ^^B^B^BBB^Br^ f ^B^B^B^B^B^B^k^jV ^^^B^fe^ulB'' Jte^"-* y 'A -*?^  f^A W ^CcfnV^V^^^K^B^B^B^B^^B^B^^^^ ^T A B^ ^^Bw_ ^^L^^B^B^B^B^B^^^^^^^^B^BB^ ^BH ^V ^bVH^bI ^BK ^BB ^B^^. ^BH^'^B^bV ^^^*^^B^^^^ ^b^bHb^ ^bi^ Jp j          - H^Ba.^Ktjr.  g /^ ^BP^^^bT M A- ^^bIb^B^^b^K^^ ^W ^b\ % 1 ^^^B k V H ^bb  r ^Im ^i*^ ^v^Bb^bW "u r ^S8)^S^^Hffii*~'^^r Wft l^^A^V^^^^B MlIil^ V A. ^k ^B ^^ff ^/'^'^v-^1*' j^*Tr^^/v3^^^T^^^^p^ w ji i^ ^^Bh v ^jtH ^T^S^^^^m *^s^^^^ 1 ^ft ^^^L ^^^^1 ^^^^^^^^^^^k ^rfl ^H ^b^L 1 ~^b^^^^^b^b^b^b^b^b^b^b^b^b^b^b^b^b^b^l ^bv ^f ^B^BV ^B^B^^^ .^^^^^^^^^m B ^B^C^^^B^B* bUbY ^B^K VflSft ^1 ^1 ^B^B^mBM V w^^^BHBft V^B\-^^^^^HB^B^B^B^B^B^B^B^B^B^B^BBB^B^B^B^B^B^B^B^B^B^B^B^B^B^B^B^B^B^B^B^P^B^B^B^B^B^B^B^B^B^B^B^B^B^B^B^B^B^B^B^B^B^B^BaBV^B^B^BiB^B^B^B^B^IIiB ^B^B^B Bv B^Ba Bf ^HV B\^^BBB^B^B^B^B^B^B^B^B^Bff ^v ^w/^^ jgL ft ^wMw i vB VB tfH ISM V__- 38BS^B^B!^HDBiB^B^B^B^B^B^B^B^^^^^^^^^^^^^^^^^^^^^^^^^^^^^^^^^^^^^^^^^^^^^ *^^b1b\ ^^^^^L^^^^BlBlB^r^B^^^B^B ^F    ^k^/ij ]ik \28 Ilk ^1 By m V ^^^^~   ^^^ ^B^B^Bv^P^^B^^^Hl ^Vb^^^B^B^ 11 ^^HH^ rl VHHHm^w^ ^^^mBS^^^^^-^lHi^l^n-.^VsS^ ^^^bWt ^^B^F partment all over the store in meats, in produce, in canned goods. So R^^^^^HBSiH^^ ^~^~~iB^^fek.  BpMB^^^*3 BcVA'Skh  W^^^\ }f i^ $%~*$ ^^h^L. ^^V. ^^B u BViimiWilLu^MP^^^^^^ Stokely's finest foods sale! W: "^tsS^i^fk GREEN  2 -"35* Jr14'" \r:ri Si YE  Y  CflMP 4 29* ^J,- ~^   S'   COLDEN SWEET  FILLED BRAND DELICIOUS ^*~.3 Sile  3 ?REAM ST YS.E  n-03 IS*  12;~* 23* i-X-".^..     24,rah $- 49 -S FINEST  GREEN KITniEN FRESH      Sire Jf TINY LIMA BEANS 32* MAYONNAISE  l 39* r^) 1 STOKELY S FINEST HUM FANCY   FOR  PET Ds^^f^AfJHlwtlH ^l^  83 WHOLE TOMATOES "X 2~* TONY DOG FOOD 3 25* ^t^S**"1 ^^JlLJ STOKELY-S FINEST...!  TENDER FAMILY FAVORITE CS  R    1^ PAD PFl^S No 303 Ic0 CffSffiiUEW REEF swift 12-~z- 30* Vjfl coconut orange 2 c.-33  JtHfraaiiB         *~ c2n ^^JmiUfiiV  SWIFT c.n J7 y^ CAKE -45c minutemaid STOKELY-S FINEST  AND FREE OF ( COLONIAL S RADIO AND TV FEATURE!  KJV ORANGE JUICE 2 39f TURNIP GREENS r IS* ? N%r27* Zspr"0WN  s^m^d^BHi.d VAN  H.  ,m ^^".mM     BOUS .7% 19* M ..OCCO.,...A.     PORK BEANS fcc2" 13  SILVER LABEL comx t 77* SBfmnT     I ^    . BREAD y olr l^jv 2 pi,b. 35 Eg3PK# ''%^^ {'''' T Whole Or HcUI loin End Roasl Rib End Roast I ^-_ii^ Full of Vitamin C C ^s^ ^BbC^ ^S-*^55*#49**45* apples cooking x 5 4   I CENTER CUT PORK CHOPS 59  2iS*Hf5" BEANS  t 25  I FLAVORFUL PORK STEAKS 55 ONIONS YELLOW u s 3 U. I FRESH BOSTON BUTT ROAST 55* CAR ROT C c 5 COPELANDS PORK SAUSAGE ib 59  ftM Vww5  Fresh 6reen To"      1 19  I WINNER QUALITY BACON ^49* JjVU/ 29 1 #~ ^^^^^B^bIbI made fresh-sold fresh       A IP bV li Vf  ?.. ^ju-^fTl GROUND bot,. 65* *1T^** T WlT for 29' 1 Bft^^^^V^Kwltl  CHUCK  I RIDE BUDGET BEEF Ue to    * "~rket Changes Fresh          Prices Eff,^.. Thru B^^^^^R9"^^VWn^^9K^~^^^9   ^^^^^^H^^H^^HBlaB^ BI^BBBbBBBBBBBBBBBBBI 1 1 ^ ^^^^^^^^^^^^^^^^BBJ ^^^Bu3MP/a^S^MI^^m^ I TOILET SOAP For Tough-Job" Washing! OCEANS OF SUDS WITH WHITE FLOATING SOAP GENTLE IVORY WHITE NAPHTHA SOAP   bbW^I duz Icamay cheer tide ivory snow     I  S"J,"rr.-19*l Z 30* I 3 1 25* X 30" 30* 3 r.2S* ~-30* 2 15* COURTEOUS -^or Consislanl Savings Shop At Your Nearby Colonial Supermarket COMPUTE L SERVICE SATISFACTION V j</t>
  </si>
  <si>
    <t>                                           The South Atlanta Mothers' Club P-TA Branch or David T. Howard High School will hold its study course on Tuesday night at the home of Mrs. Allen, ... Gammon Avenue at eight o'clock. The guest speaker will be Mrs. Sarah Jackson Graduate nurse: Clinton...</t>
  </si>
  <si>
    <t>                                           NEW YORK CITY N. Y.--Having accumulated an impressive background which includes experience on Broadway, radio, motion pictures and lately, television both Emory S. Richardson and P Jay Sidney have won for them selves widespread acclaim for...</t>
  </si>
  <si>
    <t>                                           Religious Emphasis Week begins at Morehouse College Sunday, March 2, and continues through the week. There will be daily services in Sale Hall Chapel, beginning with the 9 o'clock worship service Sunday morning and continuing each day through Friday at the regular...</t>
  </si>
  <si>
    <t>                                           SMARTER THAN ^f                 CassviUe. Ma. -A. Morris of the State Conservation Commission, who examined a 9 1-2 pound rainbow trout, which was found dead at Roaring River State Park recently, said the fish died of "old age." He outsmarted the thousands who tish the trout water there every year.                 HIT AND RUN DRIVER KILLS PEDESTRIAN A 51 year old laborer became the fourth traffic fatality of the year late Saturday when he was struck by a hit and run driver In the 400 black of Sixth Street, N. W., police reported. The dead man was listed as Acey Sims, 51, of 926 Grove Street, N. W. Accident Investigating officers, Sgt. J. P. Eaves and M. B. Scroggins said Sims was killed instantly when he was struck at approximately 10:25 P. M. Saturday. Police estimated his body was dragged about 30 feet after the fatal impact. Police 'sent a broadcast for an old model auto containing four Negro men, believed to be passengers of the car that may have caused Sims death. Sims was the fourth traffic fatality for the year. Demo Convention Delegates To Be Named May 28 Georgia's delegation to the National Democratic Convention probably, will be named May 28. Stats party executive committee chairman James Peters said today that the d:legation will not br discussed at a committee meeting to be held in Atlanta February 25 to draw up primary rules. The next meeting of the committee Is tentatively set for May 28. Peters said the group Is sure to set May u as the day of tbe primary. A committee, headed by Roy Harris of Augusta, is at present  on party rules that  be adopted at the February session. Harris said the rules probably win be unchanged. He branded as untrue a report that new rule '(Continued on Face 2 Column 6)                 Demo Convention (Continued from Page One) would free local committeemen from supporting national part; presidential nominees. Harris said such a rule does not exist. The existing rule requires committeemen to support those nominated in the party primary. The presidential Issue' does not enter the primary, because electors are appointed by the State Committee.</t>
  </si>
  <si>
    <t>                                           BE A REAL ESTATE BROKER CLASSROOM STUDY Course subjects include: General Real Estate Fundamentals and Practices, laws of Agency, FHA and G. I. Regulations and Methods of Appraising, Listings, Real Estate Transaction, Appraising of City Property, Property Management, Closing Statements, Advertising, Real Estate laws and Sales Assistance. CLASSES: 2 Nights per week-Mon. and Wed. WEAVER S Nationally Known Textbooks Furnished Class now forming for MARCH 3rd Enrollment Limited Call for Reservation at once REID BUSINESS COLLEGE 250 AUBURN AVENUE, Kfc E. ATLANTA, GA. CYPRESS 1061 I .s_</t>
  </si>
  <si>
    <t>                                           Aii i /^^^I^^^l  l J CITY i Atlanta             edition Published Every Morning Except Monday L j^-A iw  \T VOLUME 24, NUMBER 89 ATLANTA (3), GEORGIA, FRIDAY, NOVEMBER 16, 1951 PRICE FIVE CENTS</t>
  </si>
  <si>
    <t>                                           The Concerts Circle of Gammon Thelogical Seminary will present Orrin Suthern II, nationally known organist and musician in an organ recital in the Seminary Chapel on Thursday evening, February 28, at 8 o'clock. The Concert promises to be one of the outstanding artistic...</t>
  </si>
  <si>
    <t>                                           I read your column each week and find I it very helpful. I want to invite my boy friend to accompany me to church. Alter church, I plan to fix dinner for him. Will you please send me it menu that I may prepare to serve him? Thanks.</t>
  </si>
  <si>
    <t>                                           STONE MOTNTAIN, Ga. - A group of twenty-four members from Bethsaida accompamed the pastor, Rev P.R Geer to St. John Baptist Church on the Fifteenth...</t>
  </si>
  <si>
    <t>                                           HOUSE WIRING AND ELECTRICAL REPAIRS .Pay as little as $5 monthly. To Home Owners and Responsible Tenants FREE ESTIMATE It will pay you to get our prices before you trade For Better Work at Lowest cost coll GENERAL LIGHTING ELECTRIC SERVICE ELECTRICAL CONTRACTORS (Established 1940) Nights: CH. 7107 Days; CH. 3544 A friend to know when fuses blow.</t>
  </si>
  <si>
    <t>                                           As the date set for the trial of Dr. W. E. B. DuBois and his associates approaches (November 1st) numerous organizations are expressing their indignation that the noted scholar is being forced to face the ordeal of trial in Washington, D. C.</t>
  </si>
  <si>
    <t>                                           to</t>
  </si>
  <si>
    <t>                                           j "Fabrics of All K!   " I THE MILL END STORE I Slipcover Upholiterinj Drapery- Dress Materials- Sheets and Pillow Cases- I Blankets. I 106 HUNTER ST., S. W. I MADAM EVA I 25c SPECIAL  28c 1 *%' World1*        I All A             yea UPlitt jt"00*"'* *   * i  li L come with your VtVPKIairvnVhmn to   1 1 U l/* **IB gT* tn* I jk        SHE GIVE8 1 fcM2  2J!l A T S AND I \M*T*4w/~~TOD OET BE\~/~8DI T8. V Oll/~J M     \\"M  tr wife ^w *^r trouble, b* m  Mid come at      US! OtflM boon A. i M te M P. M.  uid Bmnday. 1016 W. MatHJ'j 8treet. N. W. Take the  Tardi Traitor. Ban  tepe at the 4oer.</t>
  </si>
  <si>
    <t>                                           Escaped In S. C. Caught In Fla.                 ORLANDO, Fla. - Two men who escaped from the South Carolina prison at. Columbia were taken into custody by the FBI Saturday near Orlando. One was identified as John Clark Ervin, 31-year-old Sanford, Fla., packing house employe who was serving a 10-year term for burglary. Breaking and entering and grand larceny, when lie escaped. -4 The other was James Williams of Ovledo Florida, who was serv- ing 22 years for manslaughter.</t>
  </si>
  <si>
    <t>                                           MARRIAGE ANNOUNCED-Mr. and Mrs. l, Williams of Toccoa, Georgia, announce the marriage of their youngest daughter, Ann, to Mr. George T. Palmer, who is employed with the Sterling Drug, Inc. He is the son of Mr. and Mrs. E. M. Palmer of Orlando, Florida.</t>
  </si>
  <si>
    <t>                                           NATO NAVAL HEADQUARTERS                 @                 THIS AERIAL VIEW shews the U. S. Naval Base at Norfolk, Va., where /.dm. Lynde McCormick (left) will have his headquarters as Supreme Commander of the North Atlantic Treat/ naval forces. The Defense Department has stated that Adm. McCormick will be on an equal basU v/ith Gen. Dwight D. Eisenhower, the Supreme Allied Commander in v,, mno Thuc thp Norfolk  base becomes the American                  of Paris in the mutual defense organization. (International Soundphoto)</t>
  </si>
  <si>
    <t>                                           Truman Asks Congress For FEPC, Wage^ Rent And Credit Controls In Budget Message                 President Hits Bias Against Minorities                 WASHINGTON, D. C. Renewing hit recommendation for legislation to establish a Fair. Employment Practices Commission, President Truman urged Congress' in ills budget message to pro* ceed with action towards the  of FEPC.                 The President told the joint session, "The executive branch of the government has acted within the limits of its present powers, to see that discrimination because of race, sex or color does not prevent workers from getting Jobs which use their highest skills. Further progress towards this objective will require action by the Congress." ATLANTA- Governor Herman Talmadge, in his press conference Monday Issued a statement In support of his elector control bill by criticizing the President's FEPO proposal as an "anti-southern" bill. The governor took all the doubt out of the purpose of this measure as being to defeat President Truman, and to "keep the political parties from kicking the South around." The Governor said further: "If the Southern states will pass such                 legislation President Barry Trunun will not be a presidential candidate  National Parfr endorse  and kindred program* designed to destroy the South.* The chief executive told OoagrM that a sharp rise In  daring the past year was averted by Increased taxes, coupled with , wage, rent and -credit controls together with voluntary restrains by consumers business and labor. The wage ana salary  boards, he told ConftTMs, mast expand their staffs to crack  aa Tlototors and to handle the   , The President said that while six million eight hundred thousand dwelling units am sow under ted(O-      i Fag* S (Mom t)                 President Hits (Oonttaat* Fran Pate                 eral rent , the government will have to extend its curbs to 10 million units In the next IB months. To mobilise the borne front, the Ohlef Executive asked for 3S million dollars to help small business gel more defense business and 61 million with which the defense production administration and the National Production Authority oon enforce materials controls. HU budget called for 854 million dollars to expand defense production. He also asked a 900 million dollar increase in the government s borrowing power to permit financial aid for long range development of new sources of strategic raw materials. He requested an additional one billion 137  dollars for home front Industrial mobilisation. He asked for MS million dollar* to enforce price, wage and rent curbs, which lie declared must be strengthened and extended. Mr. Truman asked extents*  f social security benefit* to 4he anted forces. Pentagon -p^tr- said this would mean application to  personnel  f   payments to widows with dependent children. The President's military spending program touched off demands from Democratic and Republican legislators alike far deep cuts in detente outlays. Both Vlnson and Senate Armed Services Chairman Russell (D) Oa., promised substantial reductions. The military budget disclosed a cut of IB billion dollars in the total amount asked by the Army, Navy, and Air Force and a military manpower expansion of lets than 100,000 men in fiscal IMS. Assistant Defense Secretary W. J. McNeil told newsmen the budget eliminates an '"imperial" spending peak for fiscal VS. but said the "plateau" of five--a- spending to be reached a year hence remains as recommended toy the Pentagon.</t>
  </si>
  <si>
    <t>                                           WASHINGTON, D. C. -- Renewing his recommendation for legislation to establish a Fair Employment Practices Commission, President Truman urged Congress in his budget message to proceed with action towards the objectives of FEPC.</t>
  </si>
  <si>
    <t>                                           fHE UNIVERSITY-JOHN HOPE HOMES group working in the interest of the March of Dimes. The group which contributes annually to the drive is headed by Mr. Rufus Beasley. From left fo right (seated): Mrs. Clara Thompson, Mrs. Pearl Green, Mrs. Cluster Lomax, Mrs. Bessie                 hony, Mrs. Mue Hoiel, Met. Fannie Hammett,  Ars. Fredia Besley. Standing: Mrs. Aruella Williams, Mrs. Mary L. Smith, Mrs. Ethel Lee, Mrs. Willie M. Tuggle, Mrs. Narvel Williams, Mrs. Saddie Jones, Mrs. Lena Caison, Mrs. Essie Anthony, Mrs. Ann Hambrick.</t>
  </si>
  <si>
    <t>                                           THE LEMON STREET PTA celebrated Founders Day on Tuesday, Feb. 19, in the school cafeteria with a well planned program under the direction of Mrs. Sarah Carter and Miss Margaret M. Dabney. The organization was very fortunate in having a friend of the founder, Mrs. Birney, in the person of Mrs. Virgina Crosby, who brought greetings as well as the history of the National movement, and the struggle the founder had in getting the organization started.</t>
  </si>
  <si>
    <t>                                           [TIM TYLER By Lyman Young                 FELIX THE CAT By Sullivan</t>
  </si>
  <si>
    <t>                                           Far too much attractive-sounding nonsense has been written about the grand fun one can have remodeling an old house into a dream palace. Of course, it is possible to buy an old house and with careful planning, come up with a house which gives lots of good living.</t>
  </si>
  <si>
    <t>                                           FORT JACKSON, S. C.--A former star of Seton Hall's 1950-51 Track team is now stationed at Fort Jackson.</t>
  </si>
  <si>
    <t>                                           CHOIR PULPIT m vlk GOWNS ud CAP9 ^k 9 $5.00  upl Catalogue and Pile* ^m S Ust Malltd Fret H IfiuD. sam, n.i.c. i flV LOUIS 1.</t>
  </si>
  <si>
    <t>                                           RICHMOND, Va. -- (ANP) -- A suit was filed in Richmond Circuit Court last week attacking the constitutionality of the Virginia State Board of Embalmers and Funeral Directors.</t>
  </si>
  <si>
    <t>                                           H Atlanta   Published Every Morning Except        It It Hem" "VOLUME 24, NUMBER 90 ATLANTA (3), GEORGIA, SATURDAY, NOVEMBER 17, 1951 PRICE FIVE CENTS</t>
  </si>
  <si>
    <t>                                           AMAZING VALUE! PARKaTILFORD YEARS MS 0       [ /Wnn 7 uM Aj^^^y</t>
  </si>
  <si>
    <t>                                           NEW YORK -- CIO-Steelworkers Union President Philip Murray, Wednesday, summoned a meeting of the union's top policy-making bodies for Feb. 21 in Pittsburgh.</t>
  </si>
  <si>
    <t>                                           BETTER  FOR LOWER PRICES WE HANDLE ANY CONSTRUCTION JOB LARGE OR SMALL Complete Baths ,Boom Addition* -r Roofing Fainting Complete Kitchen* Plombln* Sldlnr Electrical Work OR BUILDING YOU A BEAUTIFUL NEW HOME Call us for courteous and free estimates, day or night. Payments begin 45 days later as low as S5 per month. For guaranteed top quality work call CHEROKEE CONSTRUCTION COMPANY FR. 3398 DAY- OR NIGHT</t>
  </si>
  <si>
    <t>                                           WANT AD INFORMATION la Estimating Spac* for Classified Ad, Count     Wei* far Um MINIMUM: TWO LINES (10 WORDS) CALL WAlnut 1459                 tok tor ClMrifled Ad Department CkMlfled Ad  apply to an   In GeorcU, and we the Mine far Dailj and Sonday :                 1  We par Bm I IaaerttoM Ue par Dm Insertion Ue par Hat M InaertkHia Ue per BM Reader PabOettr     per</t>
  </si>
  <si>
    <t>                                           If You Like Chitterlings Take Your Fill at This Low Pricel CHITTERLINGS 10-LB. $159 TIN BUCKET I ^^^Sm^^GRV ABOVE EXTRA SPECIAL '^HGt Good in ALL ATLANTA STORES: wS^^t 1 J f^^^Mi 79* Marietta Street, N. W. HS^H A 1 1 ^^Ht 968 Gordon Street' S WK^^^H ^A-^^^^^B^V 2S Mernorial Drive, S. E.    ^^      ^B^^^^^B 3495 East College Avenue, Avondale Estates ~^^^^^^^^^^^^^H ^^m 1959 Boulevard Drive, Kirk wood ^B if % 1 I I ^M ^V 4016 Peachtreo Road, Brookhaven lil \J \A ^^^Hl 2409          "^rfr N. E.     _l_jAj^^^BflK7 2789 Piedmont Road, N. E. (Hollywood) ru^HB^^SSifl 1489 South Pryor Road, S. W. VSUBYBaMI %^Vy 723 Lakewood Avenue. S. E. y * **^^T     BIS Apples' Columbus, Oa. Store. L at 900 BROADWAY</t>
  </si>
  <si>
    <t>                                           Norman Cousins, Others Elected To NAACP Board                 NEW YORK- Norman Cousins, editor of the "Saturday Review ol Literature" and author of "Modern Man Is Obsolete" and other porks, U among four new members elected to the board of  of the National Association for the  of Colored People                     cently at the Association's annual meeting, held at the WUJkle- Memorial Building, 20 Wett  OtfelSt. Reverend James M. Hnton, president of the South CaroBna Hate Conference of NAACP oranges and a leader in the fight to end segregation in the  school* of south Carolina, was  elected to the 48-man board; M-iwere' Dr. H. Claude Hudson, aa  life member from os Angeles;. and Andrew Weinberger of New /jork.                 a member of the board of directors of the NAACP Legal Defense and Educational Fund. Inc. Members of the board who were re-     Dr. Joseph Berry. Tudugee, Ala.;  oa. Hubert T. Delany, New York; Lewis 8. Onnett. Mew York; Hon. WUUam H Hastte. PhfladeMbJa; Professor S. Ralph Hartow, Northampton; Mast.; Mrs. Daily Lampkin. Mttsburgh; Carl Murphy, Baltimore; Walter Reuther, Detroit; A.       8mith, Dallas; Arthur B. Bplngarn. New York; Dr. Channlng H. Tobias. New York; and Dr. U 8. Wiggins, Camden. N. J. The board members were elected by ballots seat in by NAACP branches to be .opened and tabulated at toe  meeting.</t>
  </si>
  <si>
    <t>                                           NEW YORK--Norman Cousins, editor of the "Saturday Review of Literature" and author of "Modern Man Is Obsolete" and other works, is among four new members elected to the board of drectors of the National Association for the Advancement of Colored People...</t>
  </si>
  <si>
    <t>                                           Safer Cough Belief When new drugs or old fail to stop your cough or chest cold don't . Creomulsion contains only safe, helpful, proven ingredients and no narcotics to disturb nature s process. It goes right to the seat of the trouble to aid nature soothe and heal raw, tender, inflamed bronchial membranes. Guaranteed to please you or druggist refunds money. Creomulsion has stood the test of many millions of users.          Cswfci.      Ctttt. Anrt* IrMKklHi   3  ts*fr.FIUDftlM* NOW Uchttt. . At An Ora ui        ikb U.otv (or not Not 8oM(h Mrad      . mill   rmi oe .  up    . MM ana . NMiilt . It  jm  ln Um  Ilfbleil  Itln             All lit Ut.     !u. Al   Dr.FRIDPolMt's UxVA Attarta^C*</t>
  </si>
  <si>
    <t>                                           back or PACE BOY THE HEAD   Ttb  Mt mM    pin* Hcifc This fr#" fa -Ml yaar ^mt mU keeps *~r Clwwr      Bays, and ta^ f  T tt } cm CHtly  k . **~'*B*L THE AU^AROUND ROU. THE HALF  -V                   Md    ]   t Oie of Ihebcadarf     . Vew it and  the aw Una Bitunlly iam iW Uck. It k  for  curling jtm mm.     .   * long). ^...~10.00 Wir. Thit will ym rt time to . HAIR-DO FASHIONS ^~J *  ]  12 St. Nicholas Av^ ^*~*J^^m</t>
  </si>
  <si>
    <t>                                           Although the Morris Brown College Purple Wolverines concluded their heavy contact drills with a long intra-squad scrimmage yesterday, they will continue to sharpen their running and passing attack this afternoon for their...</t>
  </si>
  <si>
    <t>                                           (AREN'T YOU } WHY NO- WE THINK I TEN  l I KtGD OF f SO  AUKE WE 5AY IT S 11 CONCEITED- I ^g/C  T('~ ArtAKIN'THAT AUKE/ , DELICIOUS I DOLL tOOK 1 IF I SAY THAT AS HS I S8JSa"*J -Ji- SOUTHERN S^VTI4H I mm nt cut ^^^^^^^  5^ ^*3r I Brfdd and Cakc^^^^^1^</t>
  </si>
  <si>
    <t>                                           back or PACE BOY THE HEAD CLUSTER Wtrnm  M hair piece Unix Ttii* Uca m  hi year a** hair mi  Chweaf Pace Bap. and W  aa^b  mm i II M Taa caa        ft         . if Tea cap* M..M.  7A0 'ABJi^    ^B*              ^^HHH^Bi^^l ^B^B^BalaVB^BlB^iMB^MBiai^B^HBMai ^)**wim THE           BOLL THE HALF CLAMOUR          awi   tbe  of the bead mi sever. Wear it and eliminate the Bar   the back. Ilia  for   year mm IS  loin) $10.00 hair. TbU will      it time to    . HAIR-DO FASHIONS I ^-^1^,1 312 St. Nicholas Am   (~^i!MB]Sii JBW JCDatta*                ^B^B^H</t>
  </si>
  <si>
    <t>                                           Union Official Attacks Papers On Wage Issue                 By International News Service PITTSBURGH- Philip Murray, president of the ClO-Unlted Steelworkers, Wednesday launched a two-fisted attack on the nation s newspapers and accused them of "suggesting" the pay Increase recommended by the Wage Stabilization Board "was inflationary." Murray blasted the press in a speech before the opening session of the Pennsylvania Industrial Union Council Convention in Pittaburgh. He contended that the union "did not get enough" from the WSB but "was willing to accept" the 17 1-2 cents hourly pay boost. The 68--old labor leader, who also beads Uw Gongrwt,. .;Ot disputed the steel Industry's contention that it cannot pay for the wage hike without a big boost in steel prices by claiming the  two-dollar-a-ton raise "was sufficient" to meet present requirements. The industry is permitted the two-dollar hike under the Capehart amendment as interpreted by the Office of Price Stabilisation. FIRST  "A"  COLUMBUS, Onio- The first per son ever to finish three years at Ohio State University's college of law with a perfect "A" grade aver age la 34-year-old William H. Lute Jr. .of Columbus, who was graduat ed on March 14. Besides studying Lute found time to do two outside bookkeeping Jobs, work for the Legislative Reference Bureau In the State House, and be an associate editor of the Ohio State University Law Journal.</t>
  </si>
  <si>
    <t>                                           ATTENTION! WORLD CARRIERS A Reminder Please attend the monthly meeting promptly at the Butler Street Y. M. C. A. Friday, March 28, 1952, at 6:30 P.M. Cir. Dept.</t>
  </si>
  <si>
    <t>                                           McCRORY'S BIG FEBRUARY j VALUE SCOOP! I Ladies' Rayon Panties 5 R prs. S1OO I Pr. W I I Elastic waist; elastic and self cuff leg. In m  and large. ColoJ*: White, pink, blue. H ^4 30" WIDE CHILDREN S J/Bk SILK HEAD COTTON ' SCARVES panties    54 6:ir ^^^3P^iJ^^^ R*9" 79c Valu*s ^I^3p7-# ,r A beautiful Hkction a ln * 2' 4 6- ""T1*** ^g?1^/ m*',  ri.tr of  end are ell first quality. A Nflr . terrific value! LADIES' RAYON SLIPS -Mk $ioo Reg. 1.39       I ^^Hf Ji In sizes 32 to 40. Colors: White, pink ond I m blue. Lace top and bottom. k\ V J y'/i m  I 73^-75  ^t., Thru to Broad *)B^t</t>
  </si>
  <si>
    <t>                                           GOP, Democrats Break Ranks Over Winston Churchill Speech                 By International News' Service                 'WASHINGTON Republicans and Democrats broke rank* Friday if? sharp debate on Winston Churchill's address to Congress and one house member said the 17. S. "doomed" if it relies' on British Cooperation.                 Rep. Rankln CD) Miss., led off the Bouse attack on_ the .Prime. Minister's speech. He said* Wat; 'Churchill advocated only what was best for Britain. Rep. Cox (D)    . usually a foe of the administration, and House Democratic 'leader McCormaclC, Mass., stoutly defended the address and the principle of Anglo-American unity. Meanwhile, a group of senators indicated that they will fight ChurchIll's suggestion for commitment of U. S. troops in the Suez Canal Zone where Britain is embroiled with Egypt. Some GOP Senator* said that! if the Prime Minister's bid for a token Allied force in the Canal Zone is an administration "trial balloon" it will reopen last year s hectic "-" debate. Rankln predicted that Churchill's address to a joint session Thursday will prove very costly to this country. The Mississippi declared: "The British Empire is on its way out," and added that the V. S. will be doomed if it depends upon. Britain's cooperation. Cox termed Churchill "The Man of the Century" and said be was frightened by statements of the Prime Minister's critics because he contended, they show "a lack of understanding needed to appraise world problems.'' McCormack stated that unification of Western Europe has been realized and insisted that "England is not dragging her feet" Rep. Wood (R) Idaho, professed to admire Churchill but he expressed belief that the Prime Minister -never had an unselfish International thought." Rep. Gross  R) Iowa, and others attacked Churchill's request for Steel which, they said is needed to build schools, hospitals and other things in this country.</t>
  </si>
  <si>
    <t>                                           WASHINGTON -- Republicans and Democrats broke ranks Friday in sharp debate on Winston Churchill's address to Congress and one house member said the U. S. "doomed" if it relies on British Cooperation.</t>
  </si>
  <si>
    <t>                                           The Travelers Rest Baptist Church, Mayson Avenue and Watson Street, Northeast, Reverend Leander Asbery Pinkston, pastor will observe what is known as "Friendship Day" Sunday morning at the eleven o'clock services. Each member is to bring to the services...</t>
  </si>
  <si>
    <t>                                           NEW ORLEANS, La. -- Local court fans are still wondering how Lane eked out a 53-52 win over Xavier earlier in the month as Xavier smothered the Dragons 89-46 this past week at Xavier Gyms William "Jew" Robinzine, outstanding Gold Rush guard racked...</t>
  </si>
  <si>
    <t>                                           In the heave of aftermath humor, which would be bound to follow in the wake of such a rousing campaign as was carried on in New Hampshire, they tell one on Senator Robert Alfonso Taft. In contrast with Kefauver, the Tennessee country boy, who immortalized the Coon cap and made that an interesting symbol for the country New England mountain boys who remember what their history books told them about Ethan Allen, Senator Taft was laughingly referred to as being afraid to be alone with a...</t>
  </si>
  <si>
    <t>                                           THE GIRL SCOUTS and Brownies of W. H. Crogman School gave their annual Doll Show on Wednesday, January 23 in the school's library.</t>
  </si>
  <si>
    <t>                                           Hiram Kendall To1 Be Funeralized At One O'clock Todav                 Final rites will be held today at 1:00 p. m. for Hiram Kendall, postal employee, at MarceMouj Thornton Mortician, 1424 Jonesboro Road, S. E., with the Rev Simon Snell giving the eulogy. Trinity Chorus of the Trhv.tv Church of Christ will present th-j music. Remarks will be made re-  Omega Psl Phi Fraternity of which the late Mr. Kendai: fas a member, the postal employe; and by Elder Smith. A poem, "The Dead Return" will be rendered, j</t>
  </si>
  <si>
    <t>                                           U. S. Supreme Court To Rule On Alabama Electors Bill                 . p. C,- (SNBUhAfter agreeing to review an Alabama Supreme Court ruling which held t electors have the        to vote far anyone they choose; tbe United  8 Oourt tee scheduled a. hearing far next Monday.                 A  toei*ion *y -.the Atpreme Court on    m. *$- Is W'Wfe growth ot the south'* saU^D- revolt, U expected to determine (or tfce first time Just bow  authority presidential  have. lite decision  also lime direct  on the  two-part; system itself. The court, battle developed *teo. the Alabsma 8tate Demaoratlc executive " ' didates running in the Mar 6 primary must pledge to support the regular party nominee     President  year. The ruling was issued to prevent  of the IMS bolt when Alabama's U electors, who ran aa Democrats,  to rote for President Truman. Their votes were among the 99 In  -J                 era  Ute*_     went to the 8t*(M, Rights ticket.  COURT AGREES WITH 8TATE8 States Righ.tera refused to alga the party loyalty pledge this and the Alabatna State Bupmft* Ifee Alabama Court  Court  .didn't haj^:$T nth  the Oooatttatitm -  a  a IbAh * and ,    . it cant fet.fto* lated at any paint in the  Mlm procees. Tbe court did, however, ' point of * It la a  question and Wt then har teKi no "  i     ^~opi^Bii^Offurt has ban  to decide; l. Are            )Bta1y  tm  votes tor the  oJ their ,  they     to  ties? ~.jg they aiy^free ^ oan     7De TSf^ av any  lap  Ihe .way, ai     a  oath before they can enter the 0ut?7t v 'j.'</t>
  </si>
  <si>
    <t>                                           WASHINGTON, D. C.--(SNS)--After agreeing to review an Alabama Supreme Court ruling which held electors have the right to vote for anyone they choose, the United States Supreme Court has scheduled a hearing for next Monday.</t>
  </si>
  <si>
    <t>                                           IN ORDER TO ACCOMMODATE THE CROWDS BALCONY WILL BE OPEN KING  S  M0%        ... JrMTtlwtM Th,,.~,ic,,a, JON _ ~~""'"c"0'" AL8O "MAN BAIT" With GEORGE BRENT  CHAPMAN AOM.: ADULTS 41c CHILDREN 10c</t>
  </si>
  <si>
    <t>                                           NEW ORLEANS, La. --(SNS)-- Jimmie Hawkins' Hardwood Houdinis will face formidable opposition on January 7 at Xavier Gym when Morris Brown's superlative quintet comes to town. Morris Brown is led by Theodore Benson, generally regarded as one of the...</t>
  </si>
  <si>
    <t>                                           The Sunday Church School of Radcliffe Memorial Presbyterian Church, Fort and Houston Streets, will convene at 9:45 tomorrow morning with the regular class periods. The assembly period will be held at 10:35. A special offering for. "The One Great Hour of...</t>
  </si>
  <si>
    <t>                                           MRS. NEAL Reader, 8735 Ring- cs^^M gold Road, ChatU- W- -*^^B nooga, Tenn. When health, unhappy, un- ^^  ^H lucky, Id trouble. If ^HI^B others fall, tee me. H*tH Are you in poor i*V*B so come and Me kwh this gifted lady and m) Vj have your mind pot HL 1 at ease. Everybody ^^~a" welcome. White and colored. Hours A. M. to 9 P. M. Dally and Sunday. Permanently located in my home. Look for boose number S725 Ringgold Road, also name on Neon Sign, Route 41 Highway to Atlanta, Chattanooga Tenn. Ride East Ridge City bus to my door. No business through Vail. CHATTANOOGA, 88EB</t>
  </si>
  <si>
    <t>                                           Meeting Dates For New Farmers Are Announced                 GREENSBORO, N. C. Dates for holding finals in the Federation Leadership activities of the North Carolina Association of New Farmers of America were announced this week from A. and T. College by W. J. Fisher. Executive Secretary of the State Association.                 PURPOSE OF  The program of leadership training as fostered through the Vocational Agricultural Departments under the supervision of the teachers of agriculture is a medium where by the rural boys are given guidance and practical training in developing proper leadership qualities needed in conducting meetings of a civic or social nature in his local community. Fisher stated that more than 1,500 boys from the 13 NFA Federations scattered throughout the state will compete for a chance to represent the Federations at the State's 24th Convention which convenes at A and T. College June 8, 1952. The program of activities will include contests in public speaking, quartet singing. NPA quiz, talent and parliamentary procedure. These ^programs will bring to a climax the leadership training work as taught to the all-day students un- der the supervision of the teachers of Vocational Agriculture for this school year. ADDED FEATURE To give the  a keener insite Into the aims and objectives of the work being done in Vocational Agriculture through the NFA activities  ach of the twelve federations is presenting the pageant "Torchbears of NFA" in a public program during the day and the public is invited to attend. A list of dates for the Federation Rallies are as follows: Berry. CKeIly A Federation at the Carver High School, Mount Olive, April T, s, B. Smith                 tlon. Oak Ridge High School, April i, R. R. Taylor- FederaUon Artesla High School, Columbus county, April 9, Berry CKeUy B. FederaUon, Green County Training School, Snow Hill, April 10, Cotton Merriok Federation, Franklin County Training School, Louisburg, April 11, Inborden FederaUon, Spauldlng High School Spring Hope, April 14, S. Brown FederaUon, Martin County Training School, Snowden, April IS, Bias FederaUon, Currituck Union School, Snowden, April 16, Jamei B. Dudley FederaUon, Sedalia High School, Guilford County, April 21, Beverly Federation, Ellebe High School. April 22, Atkins FederaUon, Lincoln Academy, Kings Mountain, April 23. and the Price Federation Logan High School, Concord, April 24. The NFA Leadership Thaining  win be conducted and supervised by W. J. Fisher, Executive Secretary of the' Association. Federation banners will be presented to the winning chapters by Professor S. B. Simmons, State NFA Adviser.</t>
  </si>
  <si>
    <t>                                           GREENSBORO, N. C. -- Dates for holding finals in the Federation Leadership activities of the North Carolina Association of New Farmers of America were announced this week from A. and T. College by W. J. Fisher, Executive Secretary of the State Association.</t>
  </si>
  <si>
    <t>                                           TURNING ON THE CHARM-18 handsome little Jackie Robinum, Jr., as he appeared on the. CBS "Strike It Rich" program with his famous dad as guests of Emoee Warren Hull. So, sincere was ;~   Brooklyn Dodger star second baseman1! appeal for funds to aid the Harlem YMCA that the       '~f toe studio were kept busy for hours after the telecast accepting pledges from all over the country.' Way Into the  week the pledges were still coming in, and the dream of the baseball great, who  a UfetiiM  Mt  Ore Ton*  fter he retires from baseball, that the Hariesg^T1 weM it*m -~pTt. the goal set for 1ML 'i:</t>
  </si>
  <si>
    <t>                                           fire Damages Fla., Alligator Farm ST. AUGUSTINE. Fla. Dami ages were estimated at $20,000  from a St. Augustine fire i that had firemen wary not co I much ot cracking walls as for j snapping Jaws The fire of ^determined origin broke out during the night at the St. Augustine alligator farm. None of the ~,000 captive alligators was hurt but the {mated !-~* ^-ttw 1 lirr  efforts.</t>
  </si>
  <si>
    <t>                                           ^F Plus ^^^1  j % And VM _~i Completely New Show (fl %' BUTCH LUCKETT FRANK JAMES   _ ROYAL PEACOCK FRI., SAT., SUN., MON. March 14-15-16-17 2 SHOWS NIGHTLY Jtaervations- MA. 5106</t>
  </si>
  <si>
    <t>                                           Sunday is the monthly Communion Day Services for the Travelers Rest Baptist Church. Mayson Avenue and Watson ... Northeast and the pastor, Reversed Leander Asbery Pinkston will administer the Communion Rites at three o'clock Sunday after preaching the sermon...</t>
  </si>
  <si>
    <t>                                           MONROVIA. Liberia--(NNPA)--President William V. S. Tubman, beginning his second term as head of the Liberian Government, has appointed Clarence L. Simpson as the new Liberian Ambassador to the United States.</t>
  </si>
  <si>
    <t>                                           In Memoriam                 In memory of Frank Williams, who passed March 23, 1951. "How We miss you, God only Knows." Ida Stephens, sister Jessie Stephens, brother In Memoriam In loving memory of our dear mother, Mrs. Mary J. Arnold, who passed March 21, 1939. "A precious one from us is gone A voice we loved is  A place Is vacant in' our home That can never be . Mr. Amos Arnold, son Mr. Jop Arnold, son Mrs. Cousby Bridges, daughter In Memoriam In loving memory of our dear mother, sister, aunt and daughter. Miss Louise Thompson, who departed this life five years ago, March 23 1947. i "A precious one from us is gone A voice we loved is stilled A place is vacant in our home That can never be filled." Master Sylvester Thompson, son, Mrs. Roxie Wright, mother, Mrs. Eva Ruth Clay, Mrs. Irene Ponder, Mrs. Lois Riley, Mrs. Lisle Lee. , Mr Fred Thompson, brother, Mr. Theo Wright stepfather, Master Jackie Riley nephew.                 In Memoriam                 IN LOVING MEMORY of our darling son, husband and brother, Sgt. Tom L. Ellis, who departed this life eight years ago, March 19, 1644. Eight years have pissed dew Son since God called yon home To be with him in heaven  round- The snow white throne," Sadly missed by Mrs. Elizabeth Scovie, Mother, Mrs. Erma Ellis, wife, Mr. H. C. Ellis, brother</t>
  </si>
  <si>
    <t>                                           DAILY                  ACROSS 42 1. Weapons 6. Applaud 43 9. A cut of 44 meat 10. Cripples l 12. Gay 3 13. Silk scarf (Ecd.) 4 14. "Honest i 15. Question 16. Music note 17. Degree of combining power (physics) 1 20. Thrice 1 (mus.) 21. Elevated train 22. Feline 23. Kettles 14. Timid 25. Part of the face 26. Consort of Jupiter 28. Mongrel dog 29. Smallest state (abbr.) 31. Abounding in ore 32. Armed conflicts 34. Jewish month 35 Invalid's food 36. Frozen water 37. Province (Un. So. Afr.) .19. Stream of water 41. Slow-moving mollusk                 Goddess of peace I. Finishes I. Saucy DOWN 1. Kettledrum 2. Repulse 3. Chart .Firmament 5. Shut 6. Bird 7. Wine receptacle 8 Bailor medicine 9. Cut closely 1. Scorches .5. Division j of a play                 .18. Reverberate 19. Negative vote 120. Haul }23. Portion  24. Upward I curving of ship s planking 25. Project 26. Girl's name  p?ss.~ 27. Polite 28. Crown 29. New 30. French  32. Spheres 33 Organ of digestion                 m I* i3 r m r i r p 9 T w_ L. "~"IlifllKI                 Yesterday'*     36. Put out, a money 38 Convert into leather 39. Tear 40. Anger</t>
  </si>
  <si>
    <t>                                           STARTtNG THURSDAY, 9:30 A M. m% VI I ll M GORDON STREETS FIRST BIRTHDAY SHOP Til 9 W J ^-^^^^fc^HB^^^ THURSDAY, W W^^^^^^^^^^ FRIDAY, W^^l^^^^ SATURDAY, MONDAY! ^J -~,            8T- r71        ^            67s *6"ce de leon</t>
  </si>
  <si>
    <t>                                           Apology Made To Soldiers On Sons Folio Distribution                 BY JAMES L. HICKS NNPA Correspondent on Tpur of Army, Navy, and Air Force Installations                 WASHINGTON, D. C- A spokesman for the Army, Navy, and Air Forces last Saturday offered apologies to colored soldiers 'for the publication of a song folio containing the word "darkies" which has been circulated to military personnel around the world for their use at                 Christmas songfests. A copy of the song folio fell into the hands of the writer at Fort Belvolr. Virginia where it was distributed to the men throughout the various service clubs on the .post. One of the nine songs published in the folio is titled "Down Yonder." written by L. Wolfe Gilbert and published in the folio through permission of La Salle Music . Inc.. of New York, holders of the copyright of the song. One line of the song reads "My. but I feel glad. I'm gonna see you all soon. 'Lasses cakes. Mammy bakes, I taste them now; I can hear the darkies croon." The writer, upon noting the use of the term "," inquired of the Pentagon as to whether or not military officials considered this offensive to colored people, and called attention to the Armed Forces recent efforts to* integrate troops and bring about interracial harmony in its ranks. A spokesman for the Special Services, a Mr. Cottrell. said it was not felt that the term was offensive to colored people and that if it were he was certain that he could offer                 Pentagon apologies to anyone who felt offended. PROBABLY A SUP IIP The spokesman said the song was included in the list of other songs for Its beauty, its popularity and the ease with which it adapted itself to male voices and no offense had been intended. He added that the use of the word "darkies" had probably been a "slip up." When asked whether or not some action might be taken to recall the song folios the spokesman said they had been circulated to the troops far Christmas singing and he doubted if this was possible. He promised, however, to contact some higher officials and give further details on Monday. The twenty-two page folio marked "Issued Monthly by the Departments of the Army, Navy and Air Force of' the United States of America" stated on its cover that it is "For Use by Armed Forces Personnel Only. Not for Sale." Each page bore the caption "Special Service Edition for U. S. Armed Forces Only." OTHER SONGS Among the other songs included were "Sin." "And So To Sleep Again," "111 Get By," "Turn Back the Hands of Time," "Yours," "Undecided," "A Kiss to Build a Dream On," and "Great Smoky Mountains in Dixie." The cover of the folio bore a drawing of a shapely girl sitting under some mistletoe singing from the folio with a sailor, an airman, a marine and a soldier beaming over her shoulders.</t>
  </si>
  <si>
    <t>                                           WASHINGTON, D. C.--A spokesman for the Army, Navy, and Air Forces last Saturday offered apologies to colored soldiers for the publication of a song folio containing the word "darkies" which has been circulated to military personnel around the world for their use at...</t>
  </si>
  <si>
    <t>                                           WEATHER Fair mad Warm today. Fab ai-J flight!? Warmer .</t>
  </si>
  <si>
    <t>                                           IN MEMORIAM                 In loving memory or our devoted wife, who passed away one year ago today, January 2, 1951. My darling. Oh how we do miss you more and more every day. We have had to shed so many tears. We have had so many heart aches and so many restless nights. Till life Just can t be happy now. So many nights we lay and wonder. So many days we mourn and say, "What are they doing in heaven today?" But a voice we loved is still, A place is vacant in our hearts that cannot be filled. I will join you one day. We can t tell Just how soon, but sleep on and take your rest. Good night Rev. C. H. Perkins, husband Mrs. Mary Kelly, daughter r Mrs. Lillie Dorsey Mrs. Ella Davis, nieces Deaths Mr. Sylvester Jones. R. 1050 N. Hightower Road, passed December 31. Mrs. Sallie Barrett. 858 McDaniel Street, S. W., passed December 31. Mr. Cordie Houston, 418 Hunter Street, passed December 31. Mr. John Mangum, 566 Thurmond Street, N. W. passed December 31.. Mr. Robert Gumby, 943 Connal'.y Street, passed December 31. Funeral Notices SCOTT Mr. Wardell Scott of 2H Boulevard. S. E. funeral will be held today, Wednesday, January 2, 1952, at 2 o clock from Peek Chapel Baptist Church near Conyers, Ga.. Rev. Thomas officiating. Interment, churchyard. Haugabrooks Funeral Home. DAVIS Mrs. Uixle Davis, of 252 Houston Street funeral will be held today, Wednesday, Jan. 2, 1952, at 2 o clock from Sylvester Church, Dunlap and Cain Streets, Rev. J. C. Fields officiating, interment Lincoln Cemetery. Haugabrooks Funeral Home. C. E. Wilson critizes  ol "Jin gonna get mine.'*                 MRS. BEULAH PERKINS</t>
  </si>
  <si>
    <t>                                           Free Examination! GLASSES FITTED FOR EVERYONE By Registered Optometrist No Appointment Necessary TERMS AS LITTLE AS 50c WEEKLY LeMAS JEWELERS 6 BROAD STREET, S. W.</t>
  </si>
  <si>
    <t>                                           NASHVILLE, Tenn. -- (SNS) -- Florida A. and M., Texas Southern, Southern, and West Virginia State boosting the stamp of approval of their respective conferences -- SIAC, Midwestern, Southwest, and CIAA -- and four other teams with "at large" status namely Clark College, Central State, Tennessee State and Fayetteville Teachers begin play this afternoon in the first annual National Collegiate basketball tournament in the Fisk gymnasium.</t>
  </si>
  <si>
    <t>                                           Between the dark and the daylight, the time so fittingly called "The Children's Hour" by Longfellow in his poem by that name Atlanta children gathered in the Morris Brown College Chapel last Sunday afternoon.</t>
  </si>
  <si>
    <t>                                           "BUT GETTING back to Don." Anne's voice held an urgency as she looked at Virginia. She was pleased about the portrait Virginia said she would paint of Barth, of course, only Don's business was so terribly important at the moment. "Don't you really think he ought...</t>
  </si>
  <si>
    <t>                                           DOT WANTS 'SISTERHOOD' TOO- "I wish someone would Invent a word leu masculine than  brotherhood' to describe that love for humanity is so Important to insure onr world survival,'' was the keynote message of songstress Dorothy Dandridge during New York's observance of "Brotherhood Week" at City HalL Mayor ImpelUtteri (right) was the honored                 . N#W1 genice     9</t>
  </si>
  <si>
    <t>                                           The Office of Price Stabilization is part of your government. It is duty bound to answer questions you may have about inflation and price regulations. Send your questions to this newspaper or direct to your nearest OPS District Office.</t>
  </si>
  <si>
    <t>                                           i 1 1 1 i I ^/^A OOlf HAi COM! Or AOI I IiI ^^'^'"Ajife n^HiiiiiiiiilB i ^^^ S WMBiy COST$_M0R5...ANO:WORTH Iff 4/:~  FROM AMIiKICAN ORAIN. 90 PROOF.  DISTILLERS CORP., NEW YORK.'W^j1</t>
  </si>
  <si>
    <t>                                           The EXTRA YEARS ^3 I enhance the great ^^j! J Bourbon Taste of '    OLD 3 f^  ^^^i^ straight B0URB0 TBFw</t>
  </si>
  <si>
    <t>                                           BA A1 /^E^'  TT 1 J CITY Atlanta JiM^Wbrld.  ^~      ,~^~+  t+*~Q/.. ~*jt. "News White Published Evify Meraini        Me^Hlay 'Z "VOLUME 24, NUMBER 231 ATLANTA (3), GEORGIA, WEDNESDAY, APRIl, 30, 1 952 PRICE FIVE</t>
  </si>
  <si>
    <t>                                           THAT  SKIN    *'i tht lut,      to tbt Uiht*r, , * *  of you  Dr.  Ptlmtt'i onr DOUBLE  FORMULA now worb TWIC1 M htt. A ltd  WMtnMOi thit ittm      Iniuot ( n hilp k*~~ ouM(  Jn f(   of minor  aum  mi . K11U  (~tmi M  Inum iWm, Ioomoi , Om Di. FRED PiltMt'i  1 4K* ISO* Al All Drag  fcW vll Coimetlc Stofi</t>
  </si>
  <si>
    <t>                                           ALICE  MARTIN ENGAGEMENT ANNOUNCED-Mr. and Mrs. N. Merlin, of 1403 South Seventh Avenue, announce the engagement of their daughter, Alice Jeraldine (above) to Mr. James Lowell Ware. Miss Martin, a graduate of Alabama A. M. College, Normal, English major and Social Studies minor, is presently teaching in the high school system in Marengo County. She is member of the - i loc Social Club. Mr. Ware, a son of the Rov. anil Mrs. J. I. Ware of Trinity Baptist Church, is also a graduate of Alabama A. mid M., with u major in Mechanic Arts, and u trade in printing. Recently called to the armed forces, ho is now Motioned at Fort Bulvoir, Virginia. He is a member of Alpha Phi Alpha Fraternity.</t>
  </si>
  <si>
    <t>                                           BEGIN TO HAVE stride* LIGHTER Smtottot Qlf Ijtf /\H j^y AMAZING ACTION WORKS Uf[\ji] DIRECTLY ON THE  Ky It's (fuel Your skin will look ^H^T l^^S^SP             (cr,,- ^Hf [^^^x/^M cr. Wack and White Itlcach- % ^^^H^     Cream is now 3 times  ^' fg9V SH^lI  than before! And Its Hp f^M^i V^W^^^^S direct bleaching action goes K WIPIk^^S^ right Into the layer in your   , ~/Nftfj* ..^HW^^^S Bleaching Cream's amazing mKK^ ^^^^Hii^^^^H dressing table use as directed ^^^^^^H8        ^    ^9 ^ skin ^^B^^^P^^^^P^I you ve longed for. And this ^^~~PRf'^   ,     ^^^ed wonderful  costs so lit- ^^^*B*6J^ir$5^55  v-r /A tic. Don't  For thrilling L^^^*^^J results start using it today! ^^    ^$vy7^' BLACK WHITE ^I^^BLEflCHinG CREfllll'7t^^t4</t>
  </si>
  <si>
    <t>                                           MRS. ROOSEVELT ON INDIA TOUR                 BROADLY, Mrs. Eleanor       \~-lt foldi her hands in traditional Indian salute as she acknowledges the ; ol a crowd in Bombay during her current tour of India Seated    the cai with her is Mrs. Vnayalaksnmi Pandit, former , Ambassador to the U.</t>
  </si>
  <si>
    <t>                                           Region IV Of NCNW Picks Little Rock For 1953 Meet                 . Ala                 (                     little Hivk, Arkansas was chosen us i ho 1953 convention city by Idyion IV of I lie NnlloDiil Coiiiu-i. iM Nixro Women. Inc.. who  t  l .1 -d.iy moot UK In Dununc li.mi  an   mot\ tn.st Sunday.                 A welcome program nt the s. Street Baptist Church on I nil.n  opened the meeting Thi'ino lor the meeting was "Forsii'.: New Links of Understandlnc In her "Challenge,1 Mrs Vivian C. i Mason, of Norfolk. V:i la-.li i.i owl :ii! "the (       .'     . rii:    " as  ho I'li'M- lulling nml incidents 10 s!    the impre. need for civil i ..Jit-- legislation in this country sin- :iM (hat t lint NCNW must tie "i.ni-)):i!leni!i\l mill ii/ifl fro ill in      . the work which  to bo 'iif she :ils.~         at the      'ii t Dr Arenl.i C. .Mallory. president the .  the singing i-f the P. Mlclt Sehool Choir. Sue is president of Siilnt.~i Indtistrial and Litornry School. Lexington. Mis*. J-Vutiir? speech at the Internnt'.onal Dinner Mrotlne held   Court  front Miss                 t:\ Louis of the Children's Bureau. Washington, U C\ She  Die croup "Wo must better ourselves if we aro better others." She Miecestod that "Every woman here tonight is  better than she think* she- Is Miss Mason said that the N CNW sponsored a group of Oerman women In the Southern section of the country She said the "NCNW Is a  link in the chain that brings women around the world  to think, to li'.iin and    help i ~\ \\".\vs     vU ." Mr-     Hel/ora S Want, president of (lie H; Metropohtan Coiiiu-il presided nt. the elaborate welcome session A  in li nior c( Hi* delegates followed tin-; nu'- Headquarter* of tl-.e convention were         at the Elehteentl) Street Branch YMCA where nil or the business  were held. Di decree S. Mitchell of Atlanta,  director of the Southern Reciolnl Council spoke nt the Saturday     5lon. Delegates went on n sightseeing (Continued on Fag* 1 Column 3)                 Region (Cniiilmicil from I'iiRC Oiie) tup Saturday . MM.: ALABAMA Mrs. M. W. Burroughs, Mobile. : Mm. W. A. Scot I, Alliintu. MISSISSIPPI: Mrs. P. Pilchci. Greenwood; Mrn. Helen Boyil, KowHid, Mound Bayou: Mrs. Ruth C. Moore, Cleveland; Dr. Arcniti C. Mnllory, Lexington. VinoiNIA: Mrs. Vivian C. Mason : Mrs. Carrie Tiiylor, Mrs. II. H. HiiKglns. Mis. Lillian C. Garner, Mrs. Cornelln C. Samples, Mrs. Mtiggle Broiissnrri, Miss Irmit C. Curry, Mrs. Ida Nance Glvcus, ;   . Grace S. Jackson: Mrs. Mneuic Niiiicc RlncKold nil of Haton Hoiifie; Mrs. Lizzie W. Reed. Shrcve I port; Mrs. Ornlcnn J. DnvLs. New Orleans: Murgnrct M. I-', New Orleans. TEXAS: Mrs. Gertrude Barnhlll, Iluntsville; Mrs. Thco Harris. : Mrs. Unic \V. Heed. FLORIDA: Fnnnyc A. Ponder. St Petersburg; Dr. R. C. Hampton, Ocnln: Mrs. Iiicy. W. Hinnplircy, Galvcston. ARKANSAS: Mrs. S. 't. Cnruth. Gwendolyn McConico Floyd, both of Little Rock. Others were Mis. Vinitii Lewis. Washington. D. C. and Mrs. L. Pearl j Mitchell, Cleveland. Ohio.</t>
  </si>
  <si>
    <t>                                           Little Rock, Arkansas was chosen as the 1953 convention city by Region IV of the National Council of Negro Women, Inc., who climaxed a three-day meeting in Birmingham with an executive board meeting last sunday.</t>
  </si>
  <si>
    <t>                                           jf Sttte as oaks from acorns grow; ^v $UtC as a fiddle needs a bow, Sttte as golf is played on links; I Pleasure is sure in 7 CtOUin drinks/* I ^^^^H i ^-^^^^'M i Scagrann 7 Crown. Blended Whiskey. 86.8 Proof. 65% Grain Neutral Spirits. Seagram-Distillers Corp., N. Y.</t>
  </si>
  <si>
    <t>                                           Fire Damages Tenement House Fire apparently  from u defective flu caused considerable  to h double tenement house at 374 Thurmond St., Wednesday, police . I A second house was heavily damaged Tuesday by   from a short circuit, investigating  reported Patrolmen Snm Best and B. T. Cogglns said  in the house nt 374 Thurmond St., was confined to the attic and roof. Occupants of the two sections were listed as: Mrs. Joslo Marshall, Apt A, and                 Mrs Elizabeth Andersen, of Apt B The dome of Mrs. Llllic Moss, 45, i of 323 Hilliard St. N. E., Apt. 3,! was  by fire  by n short circuit In wiring, police said. Part of the furniture and some clothing were destroyed, the officers added.</t>
  </si>
  <si>
    <t>                                           Says Passover Means End To Bias                 .ST LOUIS - Prejudice in St. Louis was vigorously denounced by Kabbie Ferdinand M. Usermnn of Temple Israel in a  Passover sermon. "The Passover message of  must be  in our country ." Habbie  declared. It must hr hourd  men InM.-t on - ft must be -rd !t Ihpie lire restricted suburbs. It -t be articulated -vrr  oi skin. expression of faith or  ancestry brings handicaps upon any individual. The Passover message must be heard in schools of St. Louis which practice segregation, and thus  tens of thousands ol children. It nni.~t be heard by employers .11 St I.oi.S who deny  rights to job. to trn.s of thousands of their citizens. The Pajsovcr  mn.ot be heard by the hotel owners of St Louis who mar the law hospitality and raise a barrier against men because of race." Rabbie i.' based his Passover sermon on  liberation of the Jews from slavery In Egypt. 'GOD S PROVIDENCE'"" GRAND RAPIDS, MICH- Pnralyzcd and unable to walk since she suffered a fall six years ago, injuring her spine, Betty Postema is walking again as the result of another fall. Doctors say the second fall apparently freed adhesions. Betty says: "It was something that happened in Clod's providence."</t>
  </si>
  <si>
    <t>                                           BAILEY   "Tlii- Jiuklc HoIiImmjii Hiury" Jiulelr Kubiustiii AltVIII "CIoji- To My " It.iy MMIiuitl. Ueuc Tlcnu-y  "I ho Jilcklr Killjlllsull Himy" mill "My Oiuluw " HlUHISr -rill'  The Knrth Hluuil HUH"  "Hrulu Clndrrrllu" Hilly Dull(    and "Cwlr Ol Thr \\~~l"  "Hrnlii Cliidrtrllu" Hilly O.5. mill  Ciuli' of thr West" MOV.tl. "Thr l)u.v Tin- Knrlh 8      Hilll"  "MyniiTlmiK       " 1111/ "Her Patu till Dour" mill "Jircy IUiiv    Orrul Mihsuurl Iliilil" und  Woll Ilimlrcv k*** ^K Uiwkut 4aO, 1*40. 1,1 '01 ~*   . one TSe       \\l JT BLACK              ll/            brad  t* I  1/ Mrwi Wlwlhw id tU roar  I *kta  h* t* touch-i* ymt MMb.  An! * ~^b a^^^    -  j^</t>
  </si>
  <si>
    <t>                                           HARRIS' 132 WHITEHALL ST., S. W. The Friendly Little Store Use Our Lny-A-Way Plan FRIDAY SATURDAY Specials While They Last Women Nylon HOSIERY 2 Pairs For 99c RED FOX 85-11 WOMEN SLIPS DRY IN 30 MIN. Qf% I.ACE TRIM 32-40 *C WOMEN BLOUSES WHITE AND QO-, COLORS 7TC Sizes 32 38 WOMEN Sport SHORTS 99c SANFORIZED DENIM Sizes 10 18 MENS' DRESS PANTS Values     , To $6.99 9QQ0 First  and some Irregs. Pine   cool Royons In group Sizes 28 42. OPEN FRIDAY SATURDAY TO 9:00 P. M.</t>
  </si>
  <si>
    <t>                                           m If you ve I tasted todays SCHENLEY .you know it s the best- tasting  j whiskey ML in ages  HI ') WHISKEY  6 . fi5  GRAIfl NEUTRAL SPIRITS.  . KIC, NtW YORK, / YORK</t>
  </si>
  <si>
    <t>                                           Death Suddenly Takes Bob Church In Memphis                 BY JAMES II. , JB.                 Hon. n. R. (Bob) Church, nationally known political leader, passed In his former hometown, Memphis, Tcnn. late Thursday evening while he was talking with on ole lifetime friend Mothcw W. Thornton, Mayor of Bealo Street. Bob Church, ns he was affectionately called by nil who knew him, \vn8 retired In Memphis, Venn, and took nn active part in the Republican politics of that city. FAMILIAR FIGURE Some few years ago lib moved to Philadelphia, Pa., where ho                 ued to toko an active part In polltics In the Interest of his people. Mr.  Was M much a familiar figure on the sidewalks of New'Yorfc Olty, Washington, D. or Chicago as he was on Bcale Street. Many government employees owe their thanks to tho political leader for his expert guidance. In.Mornpnls ho has  many favors for both White and Colored never charging for his services. Funeral arrangements In charge of 8. W. Quails of Memphis, Tentt.y were  at Press time..</t>
  </si>
  <si>
    <t>                                           HIGH SCHOOL DIPLOMA AT HOME U" i.'o-i'"- low study nt homr In your sp.iro     -tt       teachers ^K^^^^H^ R" K'ofcs m!     I'll?  d  d/^   ^SlH X*i \ji "9/ lor" C' ""u 'oi n ''pl'"' lol)     ~""~'^r secure yom Pr^ffi^^M\ ^^ DIPLOMAS AWARDED iM^M ll^^f Mail This Coupon Today To: ME^^ u  STATES  BOX I  I4 STATION E, , GA. NAME AGE STREET ADDREf S  CITi1 STATE</t>
  </si>
  <si>
    <t>                                           JEAN WORTH Pnlntlst anil Pnychlo Colls Tour Name. Asks No Question* ^^waw^M This lady docs not  EVfl^H flatter you,  tolls ^KU^H your life as It Is, nnd ^KmmMM should bo. For every 'i B4NB trouble there Is n        cdy and In most cas- f Wwm. the remedy to I ^Lfll^l within your rench If ^^^~^^H you only know how, for while Ignornnco nmy .sometimes bo bliss, It Is folly of the most dangerous .sort to bo Ignor* nut of the problems of Love, Mar* , Business and Speculation. Tills lady warm you gravely she suggests wisely she explains fully. Slio Answers All Questions. Know Thyself nnd find success and .ss. No one In trouble turned . Tills lady has helped thousands and sho can and will help you. 1269 ) AVE., N. W. Almond Park on River Car To Anthony Sircet</t>
  </si>
  <si>
    <t>                                           Eighteenth Homicide Victim Added To Police Blotter Here                 Atlanta's   victim ol the    (or the month of April was a 39--old businessman, v/ho Wiocl of shotgun wounds early Saturday morning, near his business  on North Hlghlower Road, N. W.                 City Patrolmen D. 11. Bowcloin mid H. Sniulcrs Identified the victim us Alphonso Burgess. 39. ol 129 Brown Street. N. W. He was proprietor of ii lunchroom nt 120D N. Hlghtower Roncl, N. W.,  also worked -tinic on other Jobs. Tlie trunk- slaying climaxed n series of events which were the outgrowth of ii disturbance created Id his si-Ill by n man known to him only by the name of "Red." YOl'.VnSTKK STAMtKD Officers Dnwdoin mid         reported  Ilioy first, answered ii call Id Ihc N.  l?~iid. N. W., address in  the i Mabhlnc of an IR--nkl youth. The  quoted Mr. Burgess iis  the youngster. Clem . Jr.. was stubbed by n man known only as "Red" who cnnic to his place about p. m Mitchell was     (  and wa.s . Ihc police \,\U\ No motive was listed by police for (lie .t , but The Alhintii World Icnined lust Saturday lhat                 llic mnn entered the. prill mul storied ; I ho counter. Tills the customers in the  resented and (he stubbing followed. 'Die man  when the police arrived. KKTl'IINS WITH PISTOL "Red" returned about 12:30 a. in. and drew a pi.stol on Ike Render.                 or I(!H5 KlIloU Sirci'l. Rcndrr look the  mid "Rorl" ran. . lits mm Mercury, the police said, Kitiulrr later  the pistol- a 32-20 Spimlsli  revolver- lo the officers. Then at 2:45 11. m., 1' Bowilolii nnd Sanders  n en II to 125 Brown Street, N. W., where  Ucy were met by Elbcrt Mitchell. Mr. Mitchell told the officers  Mr. Burgess came to his home to discuss the stabbing ot (Continued on I'ugc 5 Column 4)                 18th Homicide (Conllniird From Vnge One) the 18--old . 1 1 BAKU IIOItN UI.OWING While they \yere talking  (lie stabbing,  .heard n horn blowing at the grill. Mr. Burgess who hnd closed his  but left n dim light on, thought It was a  find went Bo Investigate. It was then that two shots were fired and Mr. Mitchell heard Mr. BurBess say, "I nm shot the police sold. OfficeT Bowdoln nnd Sanders .said Officers Boyd and Lnwson  at the scene before them und called O-. Mr. Hurecw was pronounced "lend aL Uit" BfCllD." Listed ns   Inter by                 Officers Nlckoins nnd Camp nt his home In connection with the crime whs Douglns "Rod" Qrcon, 28, of 681 Eu. Street, B. K.</t>
  </si>
  <si>
    <t>                                           Atlanta's eighteenth homicide victim of the you and first for the month of April was a 39-year-old businessman, who died of shotgun wounds early Saturday morning, near his business establishment on North Highlower Road, N. W....</t>
  </si>
  <si>
    <t>                                           The Sixty-Day Building Pond Drive at West Hunter Baptist Church will close on Monday, June 2nd. Building Fund activities listed for Sunday are as follows:</t>
  </si>
  <si>
    <t>                                           Sunday services have been completed for another glorious day at Greater Mt. Zion Baptist Church, 281 Piedmont Avenue, N. E., Dr. E. R. Searcy, pastor, announces services.</t>
  </si>
  <si>
    <t>                                           REAL ESTATE                 WAY (Near Kast Avenue and Forest Avenue, Old 4th Ward) Beautiful 5 G 7  brick homes till wry modern with beautiful lots, (.'all us for appointments. Shown at your convenience. 159  AVK. li  brick, Kiis furnace, beautiful Inside, und out. This Is u  for a U'ull constructed fine home. 1'IO4  AVK. Beautiful S rooms and bath, gas , 'I garages, a bargain at $9800.00. Can be handled with a very reasonable down payment. 34 BROWN  0 rooms, I bath, breakfast mum, basement , corner lot, must be seen to be appreciated, $8,000.00. 113 ItlCUAHDSON STItKKT I rooms with store on Alarlln Street, a home and a business only $1,000 down. 192 KAST AVK. U  , 3 complete apartments, each with gas stove and floor furnace. All  rc-, rents $   0.00 monthly. Shown by appointment any time. 1U70  V DltiVK 5 r in brick, recently built, S950U.0U, only $1500.00 down.  I'l.ACi: Several (j and 7 room homes, all In perfect condition, shown at your convenience, "l.i'l us help you .select tlic home of your  at the price you want to pay." These Salesmen will serve you gladly: J. II. Moore I.A. 1155 1 M. It. Lewis UK. 5122!) L. II. Holmes MA. U!)OK N.M.Campbell MA. 718G I .1. It. ( I.A. 1773 ALSTON COMPANY IIONDIvl)  HUOKIlltS 21D1 Auburn Avenue, N. I). ALpluc 12UZ vim coon :s and vacant LOTS IN ALI,  Or Till: CITY CALL: WRIGHT WRIGHT ltl AI. KSTATi: ItKOKCKS Orflec MA. 0710 lies.: LA.  IS28</t>
  </si>
  <si>
    <t>                                           Truman Irr Dark On Cov. Stevenson                 fly Inlcrnallonul News Service                 President Trilmiui  Thursday lie Is In the  on whether Illinois dov. HicvciiRon, IiIk  d choice, cun be  to  the  presidential nomination.                 Mr. Trtimnn /.cd at nis weekly news conference  he likes every Democrat now entered In tlie met for Ills party s presidential nomination. He said lie will campaign for the nominee  of who i;etR U. OPINION ON I OI.I.S The president brushed aside the .s of ii Ncwtmeck  survey In which u majority ol 50  writers  Dial the IUb2 presidential tickets will be Klseiihower with Warren an Vice I 'resident fur the Republicans  Stevenson  Russell for the Democrats Mr. Truman said everyone knew his opinion of polls, u  to his  in 1U48 when pollsters predicted his defeat .Stevenson has insisted he does not want the pi evidential nomination, but intends to stick to his race for rei Uvtiun us governor. NuiiL'thcli'.s.s, .some democrats believe lit- could be drafted at the July 21 convention. He Is understood to be the president s first choice for the . I . 8T A s k e d pointedly Thursday whether he though Stevenson could be talked Into running. Mr. Truiiiiiii replied that he did not know. The president also declined to discuss the forthcoming California president in I primary contest between Sen. Kefauver (D) Tenn. and a Hlale of delegates headed by Attorney General Edmund Urown. The chief executive, who conferred      Brown Wwlnesdny anU wished him luck, told newsmen that tho primary      s , not hts. Political   centered on North Carollnn's  stale convention, which will elect 32 delegates to the national convention. Sen. Husseil (D) Oft..  nld he Is confident he will Win n "vast majority" of North Carolltm'8  and at least 20 of tho 24 to     elected In Florida's  convention In that contest. He  ho does not expect Kefauver. who lost to him by 82.000 votes in Florida preferential primary on May 0 to win mure Hum four of these .</t>
  </si>
  <si>
    <t>                                           WASHINGTON President Truman admitted Thursday he is in the dark on whether Illinois Gov. Stevenson, his reputed choice, can be persuaded to accept the democratic presidential nomination.</t>
  </si>
  <si>
    <t>                                           AUTO  INSURANCE FOR COLORED DRIVERS puy Your Automobile Liability Insurance Today Before The Expected Rate Increase RATES AS LOW AS $36.00 PER YEAR FOR 5/10/52 IN FULTON, DeKALB AND CLAYTON COUNTIES AS LOW AS $28.00 IN      06 COUNTIES. Auto Owners To Ray Mere For Insurance Clipping From Atlanta Constitution of Wed., May 7, 1952 NEW YORK, May 6 Automobile liability and property damage insurance on private passenger cars will rise throughout the country starting within 30 days. The average rise will be about 20 per cent, with New York City, where the tariffs now are the highest in the nation, slated for an increase up to 30 per cent. FOR COMPLETE INFORMATION AND RATES CALL MR. BAKER OR MR. WHITE AT JOHN B. WHITE INSURANCE AGENCY CYpress 7648 7649 513 Volunteer Building, Atlanta, 6a.</t>
  </si>
  <si>
    <t>                                           ROOM ADDITIONS NO DOWN PAYMENT ROOFING SIDING  PAINTING BASEMENT APARTMENTS lit PAYMENT IN 45 DAYS 15 YEARS TO PAY FREB ESTIMATES DAY OR NIGHT v COLONIAL CONSTRUCTION CO., Inc. AM. 4137 BE. 6164</t>
  </si>
  <si>
    <t>                                           Lincoln Panel Cites Progress In South                 PHILADELPHIA. Pa (ANP.~- Although still short of the demo-  Ideal, the South Is showing significant Improvement In Hie area of civil liberties, the Lincoln University On the Air" program n arced Saturdsiy 24.                 The replacement of the "old guards" of Dixie with a new, liberal-type leadership wns considered by the panel as the  fac,- j tor In progress  in tho fight i for civil rights. Participating in the roundtable I discussion of "Civil Liberties and the South" were Clarence Mitchell, director of the Washington Bureau of the NAACP, and W. Beverly Carter, Philadelphia public relations consultant, both                 of Lincoln. Mllclicll listed public transportation,  and voting as areas In which notable gains have been . He  credit to Kie "intelligent persistence" of Nc-i  nnd the NAACP in carrying test cases to the courts with bringing about many of the bigger changes. Carter, director of Journalist Associates, said Hint the gradual Integration of white and Negro students In .southern schools Is an Indication of the far-reaching changes being made. Topic for the lost ot the current  of panel discussions will be, "World Peace- When?" Panel mom bets will be Leslie Plnckney HAU,                 Philadelphia attorney; Samuel Bradley, Lincoln .faculty member; and Kalu Ezera, Lincoln student.</t>
  </si>
  <si>
    <t>                                           PHILADELPHIA, Pa --(ANP)-- Although still short of the demonatic ideal, the South is showing significant improvement to the area of civil liberties, the Lincoln University On the Air" program agreed Saturday 24.</t>
  </si>
  <si>
    <t>                                           RECEIVE DIPLOMAS, DEGREES: Shown  aro I lie. young mon who   in English and baccalaureate degrees in Theology from Iho R. R. Wriqlit, .lr.,Sch'ool of Theology, Momphis. Recoiviiiri Ihc do  : Jnwol Crawford,                 Eugene Dickorson, Icroy Dobson, Roborl I. Drain, Charles Epps, Patrick Jones, Jamos Jordan, Willie Scott and Daniel Stoinback. Taking English diplomas : Frank Booker, D. G. Gray, Ivory                 Ingrain ond Loo Williams. -(Photo by Hooks).</t>
  </si>
  <si>
    <t>                                           Postal Employees Meet To Open Here Tonight                 The Regional Educational Conference of the Postal Employees will open Its session here tonight at 7 o clock at the YWCA and will continue thru Sunday noon. This conference, which has as its alms more workers in postal services and have workers  better service, will have delegates In attendance from Alabama, Mississippi, Louisiana, Florida, Kentucy, Tennessee, North  South Carolina uud Georgia. Mr. I, C Moman, of Jacksonllle, Florida, president of District 3, will preside at the  session and Mr. Emory P. Via, executive secretary of Atlanta Labor                 Association, will address the body and show a film. Mr. Charles a Gorman, national director of Alliance's Educational program, Is In charge of the meeting. The host branches are the Atlanta branch of NAPE, Mr. 011bert Evans, president, and Gate Terminal Branch of NAPE, Mr. Harold H.- Thomas, president. I Mr Walter H Alkens, outstanding contractor and civic worker, will speak to Ilie group Saturday night as representative of Urban League.</t>
  </si>
  <si>
    <t>                                           History will be made al the New Lincoln Golf and Country Club Thursday and Friday afternoon, when a promising array of young golfers from George Washington Carver Vocational, Henry McNeal Turner High and Booker T. Washington High Schools, tee-off in the...</t>
  </si>
  <si>
    <t>                                           Atlanta Jjftfc World CU. (     MoO'HI tut*       MtMtosi BNB NNPA AN* IHt   mj Mirolni Eieept Monday, at tit Aohnra AvtaM, N. V. A. Beett n, Feander.Pabliiher, Aaf. 6, 1 8 to Feb. T, UN riuM Aafut S, 1928; Became Dally March IS, mi Telephonei WAInot 1489 1W  . In Port office at Atlanta Oeorgia, u imos4 wiii Mder tha Act of OongrcM, March II, 1870. 0. A.  m Editor aad              BCBSCBirnON RATES BY MAIL: Daily i 1 year 112.50; month* 16.75 1 I month* W.TI f Saturday Onlyi 1   4.~5! month* $I.U OuuAai 1 Tear $6.   6 months $3.8   Forelfnt 1 ItM BobMriptton Bate By Carrier) Zte Weekly Xia ATLANTA DAn.T WORLD I* an Independent newspaper n*          and , printing new* absolutely  and           those thing* It * to be    the Interest of IU    4  Ihote   the Intereol of IU reader*. THC    responsibility for  of ** *, mana* elo.,  Hump* are . AddreM AH  U and make 8 payable U ATLANTA DAH-1 , rather tban to IndMdnaU. TnE RIGHT TO VOTg The rtfM to veto mut be open to all onr AltlMnt IrrMpeetlve et  taee, Celnr or Creed without Ui or artificial restriction* of an? kind. The soener we     te that ba*U of  equality, the tetter It will    the  a* a whole."  D. ROOSEVELT j</t>
  </si>
  <si>
    <t>                                           WANT AD INFORMATION MbMrttag Spae* for Claninwl Ad, Ceunf     Wtnta tor UM MINIMUM! TWO UNES (10 WOtDI) CALL WAInut 1459                 jfc     OlaaiUM A* Departatat OlMriflei At ratM apply to  U   In Otkrgto, ul an     iaiM     Dally *ni Hnniar                          l Uawttea 1** ftr Km t Insertion* Uta  w UM IhmHImi lta  If InMrtlou UU pw MM   *der PpblWtr 1   ^~r to*</t>
  </si>
  <si>
    <t>                                           Atlanta JJJl^ World P.Mik.J (.tiv    '~t {~~~   .~,, Meakni 8N8 NNPA AN?    * Wrwy Mornlnf Eieept Monday, at M* Anbnm At**m, A A. Boett D, Fennder-Publlsher, Aag. S, 1028 to Feb. 1, UN FmmM Aflfut S, 1928;        Dally Marc* U, MM Telephone! WAlnnt Hit 14M  to Port Office at Atlanta (I), CHorgtt. wont u wider     Aot of Oongrou, March 1879. 0 A. BOOTZ EdlUr aaid               8UB80 BATES BY MAI1: 1 DaOyi 1 year $12^0) 6   6.75  S month! IS.TI f Satard*7 Onlyt 1 year   5i 6 month* fS.W Outlat 1 Tear  8.   6 months 93.60; Foreign i 1 Xm*     Bulncrlptlon Bato By Carrier I Tto Weekly THE ATLANTA  WORLD li an             newspaper tartan and , printing new* absolutely  and  thOM  It  to be to the Interest of 1U readers a*4     the  of IU readers. THE    responsibility for retain of  , , eto, unless stamps are sent. Address AU 0ATION8 to and make CnROKS payable U ATf^NTA  , rather than to Individuals. I TUB BiaiTT TO VOTE The      te tsU must be open to all our  IrreapeetlT* et iMt,  or Creed without Ui or artificial restrictions of any kind. Tfce soener we fet te that basU of political equality, the better It wUl b# fer the        as a whole."  P. .</t>
  </si>
  <si>
    <t>                                           Government Cuts Down Payments On Vet Homes                 WASHINGTON 'IfW  Monday cut the size of down payments required (or tlie purchase ol new  by veterans unit . The Kcdeial Keservo Hoard 'announced thul be^; Wednesday  buyers enn gel by with Ics.  on new houses at all price level*. I'or housing priced below $8,000. non-veterans will now have to pay down only five per cent of the purchase prices in cash Instead of the 1U per cent formerly required. Veterans, who receive easier  on all housing, will not haveto put up any cash on the  of  in the lowest price                 brackets, except lo cover settlement costs. from the $U,000 range upward, the required down payments for non-veterans now rise gradually from 11. U per cent of the sales price to -10 per cent down on homes costIng over $'.'5,000. The separate schedule of down payments for veterans ranges from  18 per cent of the sales price on a $8,000 housing to 35 per cent on the highest price homes. Uelore Monday's revision, a down payment, of 10 per cent was necessary for a non-veteran to buy a $0,OOD home and the down payments increased with the sale price up to 50 per cent on $25,000 homes.</t>
  </si>
  <si>
    <t>                                           Methodist General Conference Gives Study To Survey Report                 By REV. A. S. 80N                 SAN FRANCISCO, Cal. The Methodist Genjernl Conference In its Quadrcnnlnl session now beingheld In Civic Auditorium in San Francisco is moving out into some of Its more important discussions; top on "the list is the report of the Survey Committee which was                 cred ift 1948 by the Boston session to make a complete study of the  organization of the Ohurch and be prepared to make recommendations at this session of the General Conference. Looming as probably the most Important business on the Con.  calendar Is action on the 2  member church survey cwn.                 mission report, he 136-page report Is the results of a four year study  brought  tentative re. commendations for a complete reorganization of The MethodMt Church. Basically the survey would. If passed: 1. Establish a new. official board of social and economic relation. 2. Reduce the number of General agencies 50 per cent 3. Sot up the new top-level coordinating Council 4. Out down the amount of promotional materials and periodical* channeling their productions for .(Continued qu Pate { Celowt U                 Methodist (Continued Front I'ugo One) (lie most part through a new department of cultivation and publication 5. It would reduce total membership of general boards nnd agencies 20.5 per cunt .all such groups to hold their meetings simultaneously in one city. Some observers believe that the proposals included in the Survey report arc too drastic and they predict Hint the Oencrnl Conference mny defer final  on the report for another four years so as to permit more study on the report In spite of the* fact that the written report has been in the hands of the delegates since last December.</t>
  </si>
  <si>
    <t>                                           SAN FRANCISCO, Cal. -- The Methodist General Conference in its Quadrennial session now being, held in Civic Auditorium in San Francisco is moving out into some of its more important discussions; top on the list is the report of the Survey Committee which was...</t>
  </si>
  <si>
    <t>                                           MRS. MARY CHURCH  (center), 88-  rights champion, cast hor first Democratic  in tho recent Presidential preferential  in Ilia District of Columbia. Mrs. Terrell  shu was supporting. Avoicll Marriman  she believes that if elected president he "would do  in his power to make it possible for Ilia  groups of the country to enjoy all the fights, , immunities and                 opportunities to which they are entitled by Hie Constitution of the United Stales. Mrs. Terrell was accompanied to the polls by Mrs. Todd Duncan (right) wife of the famous Concert artist, and u member of the District Democrats for Harrlman Committee; and Mrs. Dorothy Duncan (left) daughter-in-law of the Todd Duncans.</t>
  </si>
  <si>
    <t>                                           NASHVILLE, Tenn.-- St. Elmo Brady, Ph D., Research Professor of Chemistry at Fisk University; retires this year after 26 years of service at Fisk as a scientist and teacher.</t>
  </si>
  <si>
    <t>                                           MOTHER-OF-THE-YEAR Mrs. Marjorie Roland Fowlkos received he coveted honor of being named Mother-of-the-Year of the First Congregational Church School when she was honored on Friday evening at a Mother-Daughter Day celebration at which time other mothers shared honors. The charming and versatile matron was chosen for her untiring religious and civic leadership. A graduate of Morris Brown college, she was before her marriage employed as a case worker in the Fulton County Department of Public Welfare; and also at one time a teacher in the Atlanta Public School System. Last year she was chosen Womanof-the-Year by the MRS Club for doing most for the community with lite introduction of the first outstanding Flowt-r Show in Ihe history of the community. She holds several awards from  NAACP, Community Chest and other various drives; and is program chairman of all activities in Ihe church school. She will be ( an  at the morning services by Mrs Codene Glais. Mrs. Fowlkes is llie wife of William A. Fowlkes, Jr., Georgia correspondent of the Pittsburgh Courier; ami _ihe  of two talented daughters,  and Wilhslmina. I hey  at 1430 leno Street, N- WShe is the daughter of Mrs Minnie I. Roiand and the laie Herbert Roland; and ihe granddaughter of ihe laie Samuel and Annie Steel*?.</t>
  </si>
  <si>
    <t>                                           Contest Winners Announced At NThouse College                 In the recent finals of the annual Webb Oratorical Contest held In Sale Hall Chapel- at Morehouse College, the First Prize was taken by Ooodwln A Odenlgwe, sophomore, of Nigeria, West Africa The second prize went to John Simmons, freshman of Atlanta; and two men tied for the third prize (Ivory Lyons, Junior, of Durham, N. C and MB OlntunJI, of Nigeria, West AfrlcR). The Webb Oratorical Contest was endowed and instituted In 1045 by the intc John h Webb. Negro philanthropist, of Hot Springs Arkansas. The first prize carries a cash award of $26; the second prize, $20 and the third prize, $15. The speeches in the contest must be original and on prescribed subjects made out by a committee comprising Professors A. R. Brooks, C. H. Curl, and    Chandler, chairman. The speeches must reflect student thinking and performance. Independence nnd originality. Other students, participating in the finals, having survived the semi-finals some ten days ago, were Etuk Ucto Esslen and Akin A. Aklwowo, both of Nigeria, West Africa. Judges in the Webb finals were Dr. A. A McPheeters, dean of Clark College; Mrs. Thelma Curl, professor of English, Morris Brown College; and Miss Esther Jackson, professor of speech and dramatics at Clark College.</t>
  </si>
  <si>
    <t>                                           G/ VALUES A wi.$-:ii^) 14.95 ^____i_r t V_____ IK_-_r _ui-H 1,682 PAIRS FAMOUS BRAND FOOTWEAR Styled for Summer and Early Fall</t>
  </si>
  <si>
    <t>                                           Mothers of the members of the West Hunter Branch Library Hobby Club proved to the youngsters that there was more beauty and meaning than in the colorful dress parade to which so many look forward.</t>
  </si>
  <si>
    <t>                                           ACT NOW! SENSATIONAL OFFER! NO DOWN PAYMENT FIRST PAYMENT NOT DUE UNTIL 45 DAYS AFTER COMPLETION -TERMS AS LOW AS $5.00 PER MONTH</t>
  </si>
  <si>
    <t>                                           TIM TYLER By Lyrmam  Ywn^                 FELIX THE CAT By Sullivan</t>
  </si>
  <si>
    <t>                                           For The Best In Radio And Television I Servicing Call I MIDWAY RADIO AND TELEVISION I COMPANY K 11 Vh AUBURN AVENUE, N. E. MAIn 9063 D. A. WILLIAMS, Manager I</t>
  </si>
  <si>
    <t>                                           CHAMP S CHECKUP  LAKES, N. J. Middleweight champion Sugar Ray Robinson (Center) is shown boing examined I by Dr. Aloxondor Schiff (loft) and Dr. Ira McCown, Boxing Commission Physicians, al his Pomplon  Irainincj camp. Robinson will fight light-heavyweight champion Joey Maxim for tho crown  by Maxim al Madison Squaro Garden on Juno 23.                 (International)</t>
  </si>
  <si>
    <t>                                           I'm 16 and in love with a boy 17 who has stopped coming around. His last call was on February 2nd.</t>
  </si>
  <si>
    <t>                                           The Butler Street YMCA's Boxing Program will get underway with plenty of action on Monday night, at 8:15 p.m.</t>
  </si>
  <si>
    <t>                                           Florida Judge Ruled Negroes May Attend Auditorium Exhibits                 JALUUSUNVlLLb, i-iu.- QlNS)- A federal court Judge ruled Thursday at Jacksonville that Negroes cannot be denied entrance to public exhibitions at Oaytona Beach's Peabody Auditorium. Tlio ruling by Judge Bryan Simpson settled a suit brought more than two years ago by a group of Negroes. Simpson ruled that the Negroes did not have equality in fact" in regard to performances in the million dollar structure. A final Judgment will be made June 24. Narcotics Theft Charged To Albany State Prexy's Son ALBANY, aa.- (INS) Four men -one of them the son of the President of Albany State College- Friday were released on bond for narcotics thefts charges. Placed under a $2,000 bond was Karl Brown,. son of Dr.. Aaron Brown, the college head. Bond of $1,000 was posted for William B, Reese, 19, and Robert West, 18, lu a hearing before a V. S. commissioner. Another suspect, Leo Strawder, Is being held In jail pending the postIng of $20,000 bond. The four are accused by Federal Narcotics Agents with stealing narcotics from an Albany pharmacy recently. They are charged with violation of the  Narcotics Atf,</t>
  </si>
  <si>
    <t>                                           DON S STUDIO BORN WITH POWER GIFTED PALMIST, MEDIUM, ROADER NOTICE: CLOSED EVERY TUESDAY ^V I W  Don't be  If .  fit tied One visit  you will ho con-HtX %  Tfty^ty?Wf^^B  k jl'*J"~\w 4HHM . Knowledge til present is power In Hie future ^^EtSJJf^f^s* *J 5MHB H./^ *? 'Du1 Otftcd Pnlmlst  your life s  i most .-. past, present 1MB YI^-fwr-ft^^B Hi AVJHHniul future Riving , dates, imcl   Inisinr.'-s. patients, health. HJH/f t^BwaKSsSHB H ^~B^. ^HP^^Iuve.  and family ; tells whom mul when you will many. If Die HW^VjjM^^F?^  ^Sl?*MB  J ^T^^ Ijfro, "^V^on'! you love l.s true or ;  the .-d,  happy'  speedy    Jl^^~HHBg^~MBJ mm y ^f ^^. overcomes enemies, evil influences nnd bnd luck so you enn win the H^H^HHjHJHJHHH^Hj Hh ^^^K ^^ one you love. ^S^^^i^^^^^Rd i*i i l4 *^^^^B W\ .^^UBa '(l "~lvl1 r  tunny n dol!nr mid untold worries Come . Tomor- H^SBSS^^^R^^^H t* ~^^H^H^Bfliow ni.iv 1)0 too late. No matter what your hope,  nr trouble ir-. romp nnd HaHR^   ^B9c^^h^S^HJ H^^ ^^HVH^HHb 5ep "~ls 1!l'a(lcr     1  V0U1 "lln(1 Put at east' -    [ luck I' not ; IHBS!      ?    ^     MMJbtk/^ to you. you should bo coming to me. Do  ; fall to do t^^PCflSH^^ln My Office is conducted on i\ high moral plane and you need have no  to   of your fam-            # jHT_^?   Rs.  . separate waiting and reading rooms for both white and colored. Every- KyK. CjmW^ ^SviiAl  welcome No oik turned aw^v I do not  from door to door1 I do      In a .     3~^V*i?5-22 l*^5J  G TUIS ADVEKTISEMtNT FOR SrtX'IAL HEADING K5^t!^J^   S9 : 9 A. SI. to 9 I'. M. Heading Dally and Sunday. I'crmancntly  In my home. CLOSED EVERY TUESDAY 18  Atlanta. Cieorglni I  lir. (lie city limits of Austfll, da., just  l. Springs  park. Ilankheail highway. Route' 78. Look for DONS  hand sign In front of house. A licensed reader. Take Carrollton or Douglasvllle bus. Get off three blocks above l. Spring Picnic 1'ark. Look for hand sign. No mall nn swered. Austcll, Georgia. Price within reach of all.</t>
  </si>
  <si>
    <t>                                           Sunday School at 9:30 a. m. with the superintendent in charge.</t>
  </si>
  <si>
    <t>                                           KANSAS CITY, Mo. -- (SNS) -- Always on the hunt for new talent, the Indianapolis Clowns, defending champions and current, leaders of the Negro American League, have signed two more players who were scheduled to join the club this week.</t>
  </si>
  <si>
    <t>                                           Mr. J. L. Wolfe win deliver the Men's Day address at Shaw Temple AME Zion Church Sunday at 11 a. m. Mr. Wolfe is a graduate of Clark College and the founder and president of the Wolfe Realty Company.</t>
  </si>
  <si>
    <t>                                           oAb-l MDONElN-l HAVEN'T YOU NOTICED? THEV "60 BUT OUR KIDS ARE PRETTY OFTEN TO THE TABLES FOR. ' NOW THAN SANDWICHES MADE WITH         .. WHEN WE       P pC__ CAi  01  Vf* how to they r-*  p. HtKlv BUTTER )JJ3 Dpx-xpf^ LU^5^ r bread; j7-^tt ~^l ^vC I^^^S^ Sfl v W-^^^ % Pleklh?^t^^^ry*\~ made\ith ALL BUTTER.' loaf with     '^^O^/,~~r no other  used              end Jr^^Vljrar</t>
  </si>
  <si>
    <t>                                           W LOANS We are seeking real estate loans. Whether you have In mind building, refinancing, remodeling or buying a home, bring your problem to us. Pay off the loan In small monthly Installments at.a low rate of Interest like rent. "We give you a definite answer within 24 hours." /-vr^ rTn ii t u v d m pencil it /^KmSv ^M^DiifiMGS k LOAN  ^{W/ Established 1936 Assets over $16,000,000.00 JOHN L. CONNER, President Qroand Floor Hurt Building MA. 19J8-I</t>
  </si>
  <si>
    <t>                                           Planners' Actions                 BY ROBERT E. JOHNSON                 The Atlanta Negro Voters' League, sponsoring a public mass meeting last night at historic, 86-year-old Big Bethel AME Church urged Fulton County and Atlanta Negroes to weld themselves Into a formidable political action group to preserve the heavily populated Negro areas in the Auburn Avenue and. Summerhill sections of the city.                 Co-Chairman John Wesley Dobbs and Attorney A. T. Walden of the Voters League made the plea to a near capacity audience which  mously endorsed the League In three Important action s: 1. Ratification of nine ward leaders. 2. Endorsement of a "yes" vote In today s city and county bond elec-. tion. 3. Adoption of a resolution Btrongly condemning proposals to relocate Negroes In the SummerhllJ and Auburn Avenue . Attorney Walden, commenting on the importance of effective political organization, said "Intensive or- 1  of wards Is necessary to build a strong political action group to get people to register and to get                 people to vote." To do the Job among Atlanta's 172,500 Negro citizens, the League named these ward leaders: Dr. J. B. Harris and W. Oreenlea of Ward I; Charles Turner and Mrs. Ruby Langford, Ward II; Attorney J. C. Daughtory, Ward III; W. 8. Holloman, Ward IV; J. H. Oalhoun, Ward V; J. B. Bteed, Ward VII, Herman Johnson, Ward VIII; and R. A. Thompson, Ward IX. The League went on record of endorsing a "yes" vote In today s bond election. W. Oreenlea, In presentIng a discussion on the bond Issue, said "Negroes have always been found on the progressive side of legislative activities since winning the ballot. When we vote for the ex(Contlnued on Page 6 Column 3)                 Mass Meet (Continued From I'age One) , we will be lined up on the side of progress," he said. In Its most spirited action or the meeting, the League unanimously: passed a resolution directed to the Metropolitan Planning Commission, the Atlanta Oencrnl Council and the Fulton County Commissioners. The resolution, attacking  for relocating large Negro populations, stated: "We are unalterably opposed to any Hltlcrlan Ideas of removing or displacing any racial groups with others. We deplore nnd condemn the Metropolitan Planning Commission proposal to replace the present Negro section known as Summerhtll with whites: and strongly oppose the proposal to redevelop tho AuburnButler-Forrest section for civic, cultural or industrial purposes. "We condemn this Idea of transplanting racial groups as being . unchristian, and against the best interest of Atlanta as a progressive forward looking city. "We, the Atlanta Negro Voters' League, representing 17,600 Negro voters, advocate and demand that these sections, now Inhabited largely by Negro families, be kept and Improved for those who presently reside there."</t>
  </si>
  <si>
    <t>                                           The Atlanta Negro Voters' League, sponsoring a public mass meeting last night at historic, 86-year-old Big Bethel AME Church urged Fulton County and Atlanta Negroes to weld themselves Into a formidable political action group to preserve the heavily populated Negro areas in the Auburn Avenue and Summerhill sections of the city.</t>
  </si>
  <si>
    <t>                                           HIS KENiN- ConriueriitK Mon of the Tribe of Judali, Hnllo Solasslo I, Klcot of , Emperor of Kthloplu, is pictured during tlio rcti-nt  in honor of his  . Kinjicror Selosula wus   loaders all over the? world for the role lie luis      Ethioplu buck on her feet following ItaJy'n</t>
  </si>
  <si>
    <t>                                           MONROE, Ga. -- Mr. Alverdus Hillyer and nephew, little St. Elma spent their vacation with parents, Mr. and Mrs. Elmo Hillyer, 557 N. ... Street.</t>
  </si>
  <si>
    <t>                                           MR. AND MRS. ROBERT RUSSELL ore shown culling wedding cake during n    hold in  Iiomoi. Mrs. Russell is llic former Miss Ann Chapman.</t>
  </si>
  <si>
    <t>                                           MISSING PERSON                 Mrs. Lester Bell Davenport disappeared Friday from her home In Smyrna, Georgia. She is dark brown with scar over left eye, 5 feet 8 Inches, and weighs about 120 pounds. Anyone knowing the whereabouts or Mrs. Davenport please contact Mrs. Bessie Lee Carter, telephone 5-5464, Bmyrna, Oa. home of Mr. W. T. Hanson.</t>
  </si>
  <si>
    <t>                                           MADAME BELL KAYE 50c 50c Just Arrived From California Can      your -M life, Just like It Is, ^I und Jiow It will be mM      Will tell lucky {~~*l VWM      ,  sweet- ^D*rl X*fl Jirnrls by , *^H* "'-^B tells day   \^^\rT"H of marring? Ni k i ~^wCr"B    ,  ec UiU won- *  -" fli derful l  at '. Sjills/ Kuarunlcrd. Tells who friends ana  are. KeadliiKu dully -ml Sunday 9 A. M. to 9:30 I*. M. (Homo all times). Kwrybody welcome. Located Just outside Norcross, On. Route 23, Butord Ilixhway. 13 mites north of Atlanta. Look (or Valm station,</t>
  </si>
  <si>
    <t>                                           Raymond Williams, assistant coach at David T. Howard High School for the last two years, was named director of athletics and head coach at Henry McNeal Turner High School, Sidney Scarborough, director of athletics of the Atlanta Public Schools, has announced.</t>
  </si>
  <si>
    <t>                                           BURGURBARsKaJPHI AND ENJOY SURE Mk -^IB I PROTECTION IJfiEgSJ SOUTHERN WIRE IRON WORKS I Phone MA. 5305 441 Memorial Dr., S. E., Atlanta, Oa. NISH WILLIAMS, Repretentatlv* RAymond 9383</t>
  </si>
  <si>
    <t>                                           .ONGER HAIR HY-  ANU       * Hop thin,         '*# Mr m* r(c^l^s . . Hy-* Hair         M Hy-       Praitlng Oil....;.... 41 Hy.i.oul. Silk Down r*r *Uk, Jl Hy-* Ikln  41   Hr-                 . 1M Auburn Av*. AiMa</t>
  </si>
  <si>
    <t>                                           In Memoriam                 Ill  '.v ol my (Iimi sweet husband. Mr. Pan! K .'1'. who (li  I his life .'f  , July 10, IU-H1 Gone l)ii t no! lur  ii Mis. Annir Ia-o Taylor, wife; Mrs. Mnltic Taylor, sister; Robert Taylor, brother.                 In Mftmofinm                 Ill memory of my  husband, Deacon Willie Green, who passed j out.' year     July 12. 1951. No one knows how much I miss you. People see mo smile each day  ul they don't know thai sometimes1 i  the smiles there are .s. Since you have been sonu weeks seem like years. Each  when I am sitting  In my heart there is u !!. Dear if you could only come home. Siully missed by your wife. Mrs. Minnie I*. Green and all the family and many friends.                 In Memoriam [n  ol my . Mr Willis Scoll, who  Ihi.. I Hi your:, mm. July 1/. I . "Ue;ir I .si ill       . you." I Mi-.-,. Idii Hell Srotl. : ':     iMi. DIM I vn SUrrl i In Momoricim III ; Mioniiil'y   l in.V ., All Uoblit V. .\;~rV,:n\\,  ir.Kiti'sl .Hlly . 1017. AimtlK-i vc:~r r- . Anol her Mill i.s .'.(I; HUH I Ilitnk ol  - mid. j Mow cull 1 IoikcI.. j i Tlv. Ciod Uii  ii ics nf you j Uelorr we hud lo p.nl, i Tlmnk ("Oil lor cvi iy  j With I he son ol iny .. Mrs Lulu M. Jack- nil.  WM Hock SI. S. W                 Mil. I'Al'l. K. TAYI.OIt                 i)i:acon WIM.U-: (</t>
  </si>
  <si>
    <t>                                           King Football makes its unofficial debut tonight in Soldiers Field, Chicago, when a collection of glamorous college all-stars play the National Football League's delegates, the Los Angeles Rams. This mid-summer pigskin extravaganza was the brain child of Arch Ward, promotional-minded genius of the Chicago Tribune, who conceived the spectacle as a crowd-getting feature of the Century of Progress World Fair during the early Thirties. Nine of the National Football League's twelve teams have...</t>
  </si>
  <si>
    <t>                                           Atlanta     World Member*: BNS NNFA AMP    FnblUhed Every Morning Bicept Monday, at 21* Anbnrn AfMWt, II. B W. A. SCOTT, II, Founder-Publisher, Aug. 6, IBM to Feb. 1, MM Founded Aufturt 5, 1928; Became Dally March II, l*tt Telephone: WAlnut 1459 Ht$ i entered In Post Of/Ice at Atlanta (S), Georgia, a* au*n* ela* t*~B  nder the Act of Congress, Marcn IS, 1879. A. 6COTT Editor and General Manace* DAILY SUBSCRIPTION RATES BY CAItMER: WEEKLY 30o MONTHLY  t.   SUBSCRIPTION RATES BY MAIL: DAILY: 1 year $15.00; 6 months $7.80: 3 months $3.9  SATURDAY ONLY: 1 year $5.25; 6 months $2.90 I THE ATLANTA DAILY WORLD la an Independent newspaper -  and . printing new* absolutely  and supporting those things It believes to be to the Interest of IU readers and posing those things against the Interest of Its reader*. THE WORLD  repudiates responsibility for return of unsolicited pictures, manuscripts, etc., unless stamps are sent. Address All COM-  to and make CHECK8 payable U ATLANTA DAILY      , rather than to Individuals.</t>
  </si>
  <si>
    <t>                                           Since a concentrated drive was begun last December, 21 counties have completed rabies vaccination programs.</t>
  </si>
  <si>
    <t>                                           Policeman Shot During Night Club Brawl Here                 A twenty-six-year old man, being placed under arrest In connection with the stabbing of another at a local night club, shot at an Atlanta policeman early Saturday morning, In front of 186 Auburn Ave., N. E.                 Patrolmen U B. Hendrlcks and J. D. Hudson Identified the arrested man as Reese Jackson, 476 Spencer St., S. W., and the slabbed victim wns listed ns Thcodis Allen, 30, or 690Praser 8t ,8. E According to Officers Hendrlcks and Hudson, witnesses said the two men, Jackson and Allen got into an  which developed into a fight in a local night club, with Jackson stabbing Allen in the center of the chest. These witnesses also said the fight Inter continued outside the club, with Jnckson grabbing Alien In the collar and firing at him. He missed Ills mark.  AT OFFICEItS Already In the vicinity, Officers Hendrlcks and Hudson heard the shot and whon they found Jackson standing In front of 188 Auburn Ave N E. told him he was under arrest It was then that Jackson started firing at Patrolman Hendrlcks, but again missed his target. Officers Hendrlcks grappled with Jackson until he dropped his gun, and wns placed under arrest. The motive for the fight wns not determined. Tho offers confiscated the pistol it .22 caliber automatic but did not find the knife.</t>
  </si>
  <si>
    <t>                                           A twenty-six-year old man, being placed under arrest in connection with the stabbing of another at a local night club, shot at an Atlanta policeman early Saturday morning, in front of 186 Auburn Ave., N. E.</t>
  </si>
  <si>
    <t>                                           VISIT THE NEW BEAUTIFUL CARVER Memorial Park Garden Cemetery Low Prices Plenty of Choice Lots For Information Call RA. 6975 MA. 7826 AL. 9610</t>
  </si>
  <si>
    <t>                                           Top Scientists P ut To Work On 'Flying Saucer" Problem                 WASHINGTON- (INS)- A new armada of mysterious objects zoomed over the Washington orea Tuesday and the Air Forco put lop scientific brains to work on the widespread, 1062 "flying saucer" nuzzle.                 MaJ. Oen. 'John A. Sninford, chief of Air Intelligence, took personal charge of efforts to set to the bottom of the sky mystery, which has defied the aerial efforts of the nation s most experienced Jet pilots. The Air Force, which heretofore has Insisted there was "nothing to" the , has recruited a group of top scientists for a new major study of the strange objects. NO  SKCItET A Pentagon spokesman denied that the objects resulted from any  military experiments. Ho sold: "None of the armed for-. ces nor any other  of the government Is conducting experiments with disc-shaped flying objects which could be a  for the reported phenomena." The Government Radar Station at the Washington National Airport recorded scores of unidentified objects between 1:30 a. m. and S n. m. (EDT) but a commercial pilot routed directly over the "area of activity" could obtain no visual confirmation. Civil aeronautics officials said the latest devices caught on the radar screen were   t speeds df only 00 to 120  per hour, In contrast to the Hiipcronkspeeds of previous  . At.'   The objects were reported moving "from . to , ill u CO-di ciTe  from the prevailing wind," which Indicated they were not wind- borne unless there weve unrecorded air currents Meanwhile across the continent, new reports ot mysterious object? were heard In Los Angeles, where a number of persons said thev hud seen a round, luminous "thine" streaking over the city at terrific speed during the night. COMMON  fn Detroit. Or. I,eo Goldberg,                 head of the University of Michigan Astronomy Department, offered the opinion  the flying saucers were  atmospheric phenomena or common objects such as stars given a "blinking" effect by passim; clouds. In Washington, MnJ. Donald E. Keyhoe, wartime Marine flyer and author of the best-seller "Flying Saucers Arc Real," declared his belief that' the mysterious devices were launch ft from another planet and may be "spy ships" sent to  the earth. The Air Force contended that its                 probe of more than 1,000 "saucer reports" since 1947 gave no Indication that the objects are. either a threat to the security of the U. S., oi- that they arc controlled by a "reasoning body." Francis W. Relcholdcrfer, chief of the U. S. Weather Bureau, said his scientists have "no explanation" of the phenomenon. The Atomic Eenrgy Commission declared It has no devices and Is not conducting any experiments that could account for the saucer report!!.</t>
  </si>
  <si>
    <t>                                           WASHINGTON--(INS)--A new armada of mysterious objects zoomed over the Washington area Tuesday and the Air Force put, top scientific brains to work on the widespread, 1952 "flying saucer" puzzle.</t>
  </si>
  <si>
    <t>                                           LUMBER LATHS DOORS SASH MOULDING PAINT ROOFING PLASTERING APPLIANCES-FURNITURE WATSON BUILDERS SUPPLY CO.  684 McDANIEl ST., S. W. AL 7203</t>
  </si>
  <si>
    <t>                                           BEAUTIFUL HOMES FOR SALI 197  PIACE, S. W. 6 room brick,,  floors I throughout,  in every room, clean and neat as a pin, I corner lot. excellent condition and excellent location, garage j and driveway. Priced for quick sale. (YOU MUST SEE TO; APPRECIATE). j GORDON ROAD. S. W. 8 room brick with large spacious rooms in ci lovely location, excellent condition, garage apartment I in rear, size of lot 100 x 480. (IT S A BARGAIN). M95 WESTVIEW DRIVE, 5. W. 10 rooms, 2 baths, , - in every room, in excellent condition, wonderful loca- I tion. (IT S A WONDERFUL BUY.) 1981 GORDON ROAD, S. W. 9 rooms brick, 2 baths, designed for 2 families, closets in  room, size of lot 100 x 680. A perfect home in a perfect location. (IT S A BEAUTY). i 188 GORDON TERRACE, S. W. 6 rooms, basement, , closets in every room, clean and neat as a pin, down payment $2,000, near school, near car line. CHICAMAUGA AVENUE, S. W. A beautiful 7 room  brick, j full basement, garage, closets in every room, hardwood floors throughout, 2 baths. IT S IN EXCELLENT CONDITION AND A WONDERFUL LOCATION. YOU MUST SEE). i ANDERSON AVENUE, S. W. 8 room brick, hardwood floors throughout, 2 baths, closets in every room, 2 cor garage, size of lot 100 x 160. YOU MUST SEE TO APPRECIATE). HOUY ROAD, S. W. A lovely new 6 room bungalow, clean end neat as a pin. It's a beauty. Basement, all modern conveniences. (IT S A BARGAIN). We have several homes 3,: 4 and 5 rooms in nieo locations j that we would love to show you. Down payments ranging from $800 to $1,200. Cull for these beautiful hornet. FOR THE HOME OF YOUR CHOICE AND THE PRICE RIGHT CAU i GLASS REALTY COMPANY j 166 tlM STREET, S. W. Alpine 6431</t>
  </si>
  <si>
    <t>                                           "The Negro In National Affairs," ti stirring short feature film on the vital contributions that members of the race are making to national and international affairs, opens July 27 for seven days at the "81" theater and on August 3 at the Ashby, Carver, Forrest,...</t>
  </si>
  <si>
    <t>                                           Union wage scales for construction workers in 14 Southern states and the District of Columbia rose 19 percent April 1 and July 1, 1952, as compared to the national average increase of 2.6 percent, it was announced today by Brunswick A Bagdon, Southern Regional...</t>
  </si>
  <si>
    <t>                                           Atlanta Teachers Hear Dr. P. B. Flick In Talk On Art                 Atlanta public school teachers participating in extended summer programs at English Avenue and Crogman elementary schools yesterday heard informal discussions on art led by Dr. P. B. Flick, professor of art at Ponn. State College.                 The discussion groups were  in connection with Dr. nick s  In Atlnnln to conduct nn i"t education workshop nl Iho Allnntn Art Institute. At KiiKllsh Avenue Elemcnlarj,                 School. Dr. FlIcK  me necessity of nit teachers in public schools to encourage the creative ability or students through experiments In  art forms, exorcises,  nnd music.                 'Ail Is not 'busy-work,' that is, a task given by teachers to students to keep the classroom busy. It's u discovery of independence," the ail expert staled. Dr. Flick pointed out that  should discover age levels of interest In all phases of art development. He visited art classes conducted by Mrs. Odessa Hart, seventh grade instructor of Ware Elementnry School and Mrs. Mattle Orennwood, n i-i instructor nt Yoime Street Klcmentary School. Dr. nick,  the art exhibits, commented: "The students have on display an excellent exhibition of creative talent." The appearance of Dr. Flick nt the two schools was sponsored by Principal II. E. Cureton of English Avenue Elementary School and Mrs. Marian Allen Mitchell, principal of Crogmnn School. He was indicted on charges of the principal of Crogmnn School</t>
  </si>
  <si>
    <t>                                           Atlanta public school teachers participating in extended summer programs at English Avenue and Crogman elementary schools yesterday heard informal discussions on art led by Dr. P. B. Flick, professor of art at Penn. State College.</t>
  </si>
  <si>
    <t>                                           ^f^^mm^^mM ROYAL PEACOCK ^^[BBW^ii FRI" SAT' SUN., MON. July 18, 19, 20, 21 billy brooks JIMMY LOTT AND HIS ORCHESTRA</t>
  </si>
  <si>
    <t>                                           Atlanta       World KW M Cm.   .'.~Vtiiwi MwJ,, Membent BNB NNPA ANP nn Published Etery Mornlnf Bxcept Monday, at 211 Anbnrn Atmm, H. E W. A/SCOTT, II, Founder-Publisher, Aug. S, 1628 to Fek, 7, IBM rounded August 5, 1928; Became Dally March 1*. INS Telephone: WAlnut 1458 146* Kntered In Post        at Atlanta (8), GeofiU, *a  ee*ai  Uw wall  the Act of Congress, Marcb 13, 1819. A. 8COTT Editor and Genera! HanafM DAILY SUBSCRIPTION IiATKS BY : WEEKLY MONTHLY $14t SUBSCRIPTION RATES BY MAIL: DAILY: 1 year $15.00; 6 months $7.80; 3 months ISM SATURDAY ONLY: 1 year $525; 6 months $2.90 THE ATLANTA DAILY WORLD is an Independent newspaper  and , printing news absolutely  and supporting those things It believes to be to the Interest of Its readers an*   those things against the Interest of Its readers. THE WORLD expressly repudiates responsibility for return of unsolicited pictures, manuscripts, etc., unless stamps are sent. Address All COMMUNICATIONS to and make CHECKS payable U ATLANTA DAILY WORLD, rather than to Individual!. THE RIGHT TO VOTE "The right to vote must be open to all our citizen* Irrespective,  r Baoe, Color or Creed without tax or artificial restrictions of any kind. The sooner we get to that basts of political equality, the belter It will be ftr the  aa a whole." FRANKLIN D. ROOSEVELT</t>
  </si>
  <si>
    <t>                                           Negro Delegate Seconds Motion To Adopt GOP Party Platform                 BY EMORY JACKSON Special To The Atlanta Dally World                 CHICAGO (SNS)^' Harold C. Burton of Harlem's Twelfth ASso)nb(y DiSFrTcr;' T;    surprise convention maneuver Thursd'ay afternoon, seconded a motion to adopt the Republican Party platform which contains a "contradictory" and states' right compromise plank on the explosivo civil rights issue.                 Burton, who two      said he wns deserting .Senator Robert A. Tnft over (lie civil rights question, told n hushed convention delegation that lit1 seconded- the motion on the  majority report with the approval ot all Negro  following a strategy caucus with them. Immediately after the convention adopted the platform report by a  vote. Burton's . RiviiiK up his proposed minority report to  the watered-down civil  plank, was Interpreted as a betrayal of a caucus of Nckto delegate*. The New York delegate, now a declared -lrr of Citneval Mlsenhower. explained Ins c- ot mind by ; that he  with lawyers who  him the opinion (hut a  Fair Employment I'riirtice proposal was possible- within the language of the recommended document. Burton, In his less than  speech, noted that live of the seven states with compulsory I-'KI'Cs ni-e headed bv Repiibllt-nn *.                 The minority report called, for a majority  rule and u. tor  on It at the beginning of the 83rd- Congress. It sought: 1. Enactment or legislation to eliminate discriminatory practices based on nice, color, religion or national origin. 2. Enactment of Federal legislation prohibiting discrimination in employment Ijocnusc of race, color, religion or national origin and establishment of a Federal agency empowered to enforce  prohibition. The adopted plank on civil rights simply Mir. "Federal legislation to  Just  equitable . in the area of  employment. practices." Eisenhower backers on the platform committee reportedly defeated a proposal In the committee that would have culled for a commission with power to call witnesses nnd demand records. Prior to ihu platform report,! some 31 Negro delegates from 'i'i states, the District of Columbia and Virtjin Islands glided for a convention door  over the controversial civil rights Issue after a caucus to seek a stronger plank. Included In the caucus with Bur- ton nnd Reynolds were Charles Cronlsh and Augustus Knox of Maryland; Harrington Parker. Washington, d. C; Carey Blue nnd William L. Brooks Jr., New York; Edwin Snxton, Jr., Kansas and Mnxie Rapp, administrative assistant to Senator Lodge. Following the caucus. Burton nnd Reynolds held n conference attended by Congressman Javitts nnd Senator Ivbs of New York nnd Governor Drlscoll of New Jersey along with Saxton, Cro'nisli, Parker and Brooks. Burton had favored offering the 1948 civil rights plank as u minority report while Rcyonltls insisted on ii reworded provision. Then Burton huddled with Drlscoll and , strong Eisenhower backers, and this conference  ubly reMilled In Burton's droppin? the fight. Up had told reporters                 that he consulted with about 35 lawyers but  not name a single one with whom he discussed tho matter. RDpbi-tci-s  ned tho New Jersey governor on the omission in the  the 1948 stand for ending  '.on in the aimed forces. In testimony before a Senate Committee Committee Elsenhower opposed ending segregation in the services. They could not get him to say whether the platform writers considered the Truman Army Integration program u success or skipped the Issue In consideration of the General. Delegates Interviewed after Burton reversed himself said that he did not, consult with them and that they disapproved his actions. Governor Driscoll is understood to have revealed that after the convention is  about 25 liberal Republicans plan to Issue a statement of Republican position on the Negro and civil rights. In the mucus Burton was picked lo lead the fight since lie had arranged lo be recognized by convention Chairman Martin. Both Burton and Reynolds were accused of making a deal with the Elsenhower faction. Elmer Henderson, director of the American Council on Human Rights in a statement released  I lie "Burton Interpretation" I said that Die weak and contradictory civil rights  wus "Insuffieient" to achieve an enforceable FEPC. He said that Burton had made an "erroneous" size up of 1 the plunk. Resentment against Burton  to mount as Negro and other civil rights delegates learned of his apparent "double cross."</t>
  </si>
  <si>
    <t>                                           CHICAGO -- (SNS) -- Harold C. Burton of Harlem's Twelfth Assemble District, in a surprise convention maneuver Thursday afternoon, seconded a motion to adopt the Republican Party platform which contains a "contradictory" and states' right compromise plank on the explosive civil rights issue.</t>
  </si>
  <si>
    <t>                                           The Communist  in this country "never knowingly hns deviated1 from the Kremlin's views I and policies but hns stuck to the principles of the Mnrxlsm-LonlnIsm, the Department of Justice declared.</t>
  </si>
  <si>
    <t>                                           Ike Hints Disapproval Of McCarthy                 BY ROBERT E. CLARK INS Staff Correspondent                 DENVER (INS) General! Eisenhower strongly Implied his disapproval of Sen. Joieph McCarthy  and Indicated he will not give him "Blanket Support."                 However, tlie OOP presidential nominee hinted that McCarthy would receive "token support" If nominated by repeating his previous position that it Is necessary to support nil Republicans to assure Republican control in Congress. Eisenhower clarified his position on McCarthy at a news conference at which he angrily defended Gen.  Marshal), subject of a violent attack by McCarthy. Elsenhower's announcement varied somewhat from that of his running mate, vice presidential nominee Richard M. Nixon who declared In Washington that both he and Ike will support McCarthy for ro- if the Wisconsin Republican Is chosen to run again. Nixon qualified the statement by adding that neither he nor Ike will "necessarily" endorse "McCarthy's, views or methods." Meanwhile den. Elsenhower was urged by an Iowa labor leader Friday to support nn amendment to the Taft-Hartley law which would bar states from outlawing the union shop. Ray Mills, President of the Iowa State Federation of Labor, visited the Republican presidential candidate to present the union case against what lie called "very vicious -labor laws" In Iowa, and a dosen other states. Mills, whose organization represents 158,000 Iowa AFL members, said he Is against the AFL's endorsing either Elsenhower or the Democratic nominee, Gov. Stevenson, for President.</t>
  </si>
  <si>
    <t>                                           DENVER -- (INS) -- General Eisenhower strongly implied his disapproval of Sen. Joseph McCarthy yesterday and indicated he will not give him "Blanket Support."</t>
  </si>
  <si>
    <t>                                           ^^^^^w^B^^^BjRj^^B^BBHjf ^^B %t*^^^^^J^^ v3V^^B^B^B^B^a^EB3^5^E9t5E^^tTaB^BBBBr^t^EB^^iv^B^ft^B^3~^B_4^*tt^iM^BBMB^ l^^V b^^^^^^b^^l. ^^bV  RHSIbbh ^ % ^v^^^ ^S\\^J!f a^^\ H   ^ ~~^^B ^^^m  ^^^^l ^^k ^^^EbbbbbI ^^^^^^K j^rf^T j^^ \i ^^r v^^r Awn ^^^H^^H ^~^~^~^F^ ^r     1  a^^ ^^b^b^ ^Bk ^Wy V ^**^^T^*^C^m ^w A. \^V ^B ^^^^^^^^B^_^_u ^^^^^^^ft XaSSn w I 1 i     Wf P CFtt VHTIUfi "can TIH^ if ^' I x I i ..^^^h^Jbbb) a^^^^L^^h ^^^bbp ^bbbb^^bbb bb^^^bbi9 JBBBiflBBB ^  ^^9^^m ^l^k^^^Vi ^^^m ^^^^^1 ^^^C^^^^^^b ^^u^^^B ^^^f ^^^k sub ^f BtUr PILLSBURY ANGEL SI.) IN TOMATO SAL CK- ^L _^^^tfB^nB  rooD cake mix p0m^ BEANS 3 25c      i is#       OMV bama  luscious FROZEN     !i Tm m mi,   APPLE           7^ 25^  J^~ JfB **** a  Si! roa\oi!R RAKisft A. smw  BS S ANCHOR HOCKING ICCD i       ^Bm \R ^I^   ^8mJ JEWEEi ^n     16-07 ^Cfe^ TEA GLASSES 5T. 59*J ,E/IF .POpVDEBED MILK p^^ :16s ,vC1t APPLE SAUCE w- 10*      ^^! H SPAGHETTI 2'-- 25* EBE BlBwSgjjpi GUiieia JUICE         dl# SUNKIST LEMONS 002.450 crisp golden       VftW^T^JP ffi! S V HSJBfHli aWr DOiriitl: T;i"  9^ HONE YDE WS si/i'; SOc 1:aT? 69c %~ fij 1L JE'tt I BATHS LUNCHEON MEAT r 4S* j-^^gL__^^Jg^^-^ S-3?Ill BB^~BH^BiT^~^^T*^^^fr5^BH CKISfCO sT ci!i s# ivory snow EnjHwiL  wW] liquid S1JBS iov 3 c 3 r 25t 28  HmF^./7X SAVE AT COLONIAL!       W ftt HICPll r 11^ *1 Rflfl 95^ t(" ^11^  JL @~         u. s. government       2-" tM 1JV 3 ,w ZS w.. ZB  ^BBbBF If U 6RaDED YOUNG, TENDER  UfnfB#IHf COLORED *% H 6 tide s in dirts' out laundry soap ^Br II I BABY BERr  AH%^ All Tollol Tissue JbiJ TIDE P G ilB^ S. Choice Or U S. Good GBVILffiffeill New Low Price t.11 "7OC n mi.- 'A* A ^OC 1M M rj v STEAK *b 99  armour star smoked  ib 890 HOSTESS vi ISt DOG FOOD 3 ys: 29c Wesson Oil Bo,    ^O  oc, AMMONIA I5c BUTTER 41c Snowdrift /Ilk  ^39^ Sl'rrs,-.  25c CS MILK 2 cr. 27c 3-"~- 85* //f flBk ROAST lb 69C s.nsm.m. KR.srv C.b /^ ji^^^ FANCY SMALL HEN SfoTSSS^r. CRACKERS x 25c KLEENEX 3^ 47c r^/^ffl^  1 ib TflC I I 1-. kick   L V\ I V/~vs. I I II I Tiirkevs   '9  59  SSIfi^1 r I  ben w*  ^29* /^MJ^^^Mllil  /~~     ft DC 'I MASONS CASK V R .  vi U ^fs' ^^1 M /MM M^E FRESH-SOLD FRESH ""..S"0'8 83 MINTS 24C CAKE 3-LAYER 79C ^Xi^^^^^^BI^ M DM^%/\ JtBRHBlfl a^ "A^ il  S HUNCH D'iVTK      K1PB /'^^r'^ ^^)l ^~^^^BBBBrBlBBr^ a Ground Beef 59C STEW BEEF tb 39*    DRESSING r; 35c Tomatoes 2 -"^^^^^^^y^J' ^KuEllB^ For Consistent Savings Shop At Your Nearby Colonial Supermarket!</t>
  </si>
  <si>
    <t>                                           NEW YORK --(INS) -- The St. Louis Browns snapped a nine-game losing streak by beating league-leading New York 6 to 3 Friday behind ex-Yankee Tommy Byrne.</t>
  </si>
  <si>
    <t>                                           Cfik IM1 E T ^% ATI A Ml T Jk i H?^/ it 3jp- w lil E 21 Iv M I I M R-.I M    '''S' /r's mm* action" HAP for a  scalp and glamourous haw. HERE S WHAT ^^SSBSSJfcl MAD      ;. ^^^jiM^^^^x^^--, ^^M^. Bm Bl AV*^Bi B^^^ v^F ^^^f ^s ^J ^^^^^I^H^^^^^^^^^^^B^^^^^^^^I^^^^^^^^^^^IR^^^^^^^^^^^^^^^^^^^^^I^BwBIII^^I^BH^H^^B^^I^HHBilB^M^^S^^i BBBBBBBBBBBBBBBBBflBBBBBBBBBBHBBBBKBBBBBBBBBBBBBBBBBBBBBBBBBBBBBBBBBBBBBBBi ?i(~    rim $     . Kuiiuvus ,  j^H^^^B^B^B^B^B^B^B^Bi^BHBlB^B^B^^HBnBHR[i!9%i '^i^ IflflBflHHHB^B^B^B^B^B^B^B^B^HB^B^B^B^B^B^BH scalp, excessive ( nil', itching due B^^B^P^^^B^^^^^^^^jB^  ^B^^B^^^^^                        h BMjBBBBjBBBB^r^P^^B^^^^^^^B^^B^^^n^^^^ to  ni,~, scalp crust or I I I 1 T Bfll ill MflB BY I I J I ^MB^^V'''"'BBjHnF^'~ ^1 "I BB III **BB ^m.*.! 'Mi H ^BB 9 other minor scalp irritations. Softens *M I ^Bh II ^BB ^1 1 I M P"l ^BHB V \l w        #^H9                                ^HMBiBHflBBM brittle  which splits,  oil' mid B I I I B     III Bj I k I I I BbSB 1 if 4 41 3 i^Kiy ^SHMBflHBflflflBBBBfl^^^^^B^^^BV^^^^^^BB^B^^^^ leaves you with short, shaggy, uncoil- 1 "1*1 BBM M I I ^Bl     t'%. ^BBBldLj i*  /?BB5 I \M f l HBVl 4 *8V '1 I^B^Bl   . Kills ON CON- BB^^^Mi^^MiWBMM^^^Eiffiffi'lBMK^a 'MiMmH^l^HlMBi^BiMBB^^^^^^^^M^^^^^^^^^^^^^^^^^M^B^^^^^B TACT the germ  ova}c                              M^^SHBfcMlB^Hg:' laB^^NMBBl^BlBHB^B^B^B^B^^B^B^B^B^B^B^B^H one of the known causes of ^~~^~~~~~~~~^~~iHH^^^^^^B *"'f*il^?l  .#S^     ^BPSn ^^I^^^^H^^^^^^^^^^^^^^^^^^^^H ""lieh"y Ui 1 II) III mUF^mSS^  f JWfWfl 2     /flas The No/r. It's /.ing whnt BV 13   Ilk n II t BBBBBBBWBBHBBttteiaJBi^l^^^ H ^fe ^B I 1 ^B I K B-B hap will do for your        rich- W^ ML 1 J I i^w 1 ^Bf I g 1 1  BBBBBBBjBMBT^ '^^ 1 M wm ^a^^^B^^^^^^BJ looking lustre to dull hair. Makes un- ~^~~~^^^~^~~~^~^~~^~^~~~~^~~~~~~~~~~~~~~HhWbBJHM^^^ k TflW^fl^B^B^B^B^B^B^Hl ruly  so easy to  and gives ^^^^^^^^^^^^^^^^^^^^^^^^^^^^^^^^^^^^^^^^^^^^^^^^^KK^^^K^KHHtK^^^^^K Bf ^^..^^^^ hair 'i  glow mid .softness. BBBBBflBBBBBBBBBBBBflBBBBBBBBBBBBBBBBBBBBBBBBBBflBBBBBBBBBBBB ^^^^BVB^B^B^B^Bfll^B^B^BB^B^B^B^Bi 3 Helps Prevent further Infection. Through tho use of the new antiseptic, Haptra- , hai- not only tends to - ^__^__B age further scalp infecting bacteria^ a       0 M^ M% f 4^ ?~is.!iis   I his lost ot  Kfjii* ^li^. Psc tlt0 J    Jnr of "TliI'le Action" HAP as Feel how much softer, silkier and easier-to- your               , nnd compare the amazing resulte with any - '- is- '1 o.vc-appealing hair  a.,,1 scalp  s55        \\l?tK i i i comfort that ordinary pomades and lanolin alone cannot MlSMMiliKSmW^~'  "OlmU  r P      Ver Bivc! When you have used tho 1 ounce trial size jar of //2$BHiBiBBBHfiP^~!'4  '%- HAr   ~"8     ' the itching due to , ,MPi um) i( you jg,,^ llJ?1.C(.   )al jt jol!g   (      t or ^jlJ^^PJSBBjg^^           dry scalp lind even simple ringworm. Notice how map jf you ,irL. m,t completely satisfied in every way with the ^~^EM^HBBJBUgBj^    ^S^^^ works to rid your hair and scalp of unsightly " amazing results map gives then TAKE THE          ^B^^^^^^K^il scales cleaning and stimulating your scalp to aid 3 OUNCE JAR BACK TO YOUR DEALER AND YOUR '             1 gr0Wth  f  Ong' 0US - FULL 1~"I;~;I1ASI-    !ICI' WILL UK        ^^^^ftM[~M^\ (THIS OFFER EXPIRES AUGUST 81, 1052!) fir ^?P Only HAP is so effective because Only HAP contains BOTH V. S. PAanoiin AND Haptraphehe!      -~.ti U. S. P.  HAf TRAPHENE C Jm!     ^$   $m added feature * softens your  and  nnd adds antiseptic well-known to doctors nnd surgeons  i s w .^^^^m^d' rich-looking "life" nnd lustre to dull . And it is cause of its powerful action In killing germs. Yet it also ..ti*!~V*irW' '^IwMBBBfli^-''  to remember that Lanolin ALONE is not - gives soothing relief from itching nnd combats odor-form^*4fP^~,' *^Pli^BB!Pw   1Plic nml cannot kill germs which cause unsightly dan-' ing bacteria guarding  further infections. ^~~$Wi H" ,t'' i/~J ^WmBfefe-'V , nor can it give real medicinal relief from itching Haiiiiai'IIKNK kills oji contact the germ  ^~$?$-. tl ^$ ^$d ^^ply1 due to ', dry  and similar irritations which ovale one of the known causes of ugly , and p              ^fefc'  normal  growth and beauty. Lanolin ALONE enables hap to relieve   the itching due fv %?^I^^F^ is  better than  pomades which merely "dress" to dandruff, dry scalp and even simple ringworm. With '^Ifelfe^F      huir by  UP  hair and scalp con- all these features,  is for better for your  nnd O$   $P ditions. But hap is so effective because it contains both scalp than ordinary pomades or Lanolin AlxtNK, so be sure   $$f U. S. P. LANOLIN and antiseptic  TRAI  to lake  of this special offer while it  HAP Works fast to Relieve: B']::k*fl!Tn Unsightly Dandruff i:         ;i Often caused by , simple ringworm, tetter When    5d as directed, HAP containing the When any treatment fails to correct dry, itchy or other surface conditions dry, itchy scalp proven antiseptic Haptraphene removes un- scalp and dandruff, your hair tends to become retards the full, natural growth of your hair. sightly dandruff scales and brings. quick relief of brittle, splits and breaks off leaving you with Scratching and use of inferior treatments only itching due to tell-tale dandruff, hap kills on shaggy, short, uncontrollable ends that mar your make these conditions worse. But hap, containing contact infectious, dandruff-causing germs and loveliness. Dull hair is due to lack of natural oils, soothing U. S. P. Lanolin and antiseptic, germ- even combats odor-forming bacteria and guards but becomes rich-looking and full of "life" fighting Ilaptrapheno, relieves dry, itchy scalp al- against further infection. sparkles with new hair beauty from the scalp up most instantly giving you wonderful relief and when HAP, containing U. S. P. Lanolin, is used, starting you on the road to lovelier, healthier hair. GET HAP TODAY AT YOUR FAVORITE DRUG AND. COSMETIC COUNTERS!</t>
  </si>
  <si>
    <t>                                           Great Political Drama Played Before The Eyes Of The People                 CHICAGO- (INS) One of the greatest political dramas in history wns played out before the eyes of the AniPi-ican people Friday night with the outcome to be decided In November.                 The question of victory wlH be determined at the ballot-box when the voters decide the fate of the Democratic Presidential ticket chosen by this convention. The battle Is for control of the Democratic Party. On ond side ore the Conservatives, middle-roaders and "Big City" bosses of the party. On the other nre the "Liberals," the Americans for Democratls action- a hybrid outfit with Republican members and union leaders, mostly from the CIO. Caught In the middle are the Southern delegations. This Is due to the fact that the "Liberals" won an unexpected but Important victory four years ago by inserting a compulsory fair employment practices)                 plank In  hp Democratic platform, This action of the 1948 Convention cost the Democrats four Southern slates, which voted for a States' Rights ticket for the presidency. The., drama began early In this convention over Inserting the .same compulsory  in this year s platform. That effort failed. Then the "Liberals" turned to a party loyalty pledge, certain to drive some of the Southerners out of the convention and possibly out of the party again. Their motive was to reduce the apparent conservative majority In the convention and in party councils, with the Southerners gone, It would be that much easier to control the party. The ultimate outcome mi that Virginia, South Carolina and Louisiana declined to accept the loyalty oath. They will cast 39 electoral rotes next November.                 The most strategic moment came when the convention was asked to seal the Virginia delegation on the pretense they had met the requirements of the credentials committee. A formal vote was taken and for a while It looked as though Virginia was being kicked out of the convention. At one point, and before the roll-call was complete, the ouster movement had a clear majority of the voting delegates. But meanwhile, a number of middle-of-the-road Democrats were moving to have the convention scat the Virginia delegation without regard to     loyalty oath. They were led by former Postmaster Genera' James A Farley. Others were Rep Jack Dempsey. of New Mexico Senate leader Ernest W. MacFarland, of Arizona, Sen. Clinton Anderson, of New Mexico, and Richard R Nacy of President Truman's borne state of Missouri,</t>
  </si>
  <si>
    <t>                                           CHICAGO--(INS) -- One of the greatest political dramas in history was played out before the eyes of the American people Friday night with the outcome to be decided in November.</t>
  </si>
  <si>
    <t>                                           Wolfe Predicts Outstanding Future For Business League                 3. L Wolfe in announcing next Tuesday's meeting at 7:30 p m at the Butler St YMCA predicted a bright future for the Atlanta Business League. He declared that Negroes must meet on common ground to make social and economic progress.                 Points of organizational achievement accomplished by the League Include a charter from the state of Georgia secured through Attorney t E 8 D'Antignac. membership in the National Negro Business League and an affiliated Housewives' Lea- gue led by Mrs J. S. Flipper and1 Mrs J B Blayton. Sr Mr Wolfe continued that each member ot the League is being assigned to a committee He also mentioned that a twenty-point program had been adopted and that the some fifteen committees making up the organ-  is dedicated in carrying them i                 oui The president of the organization also pointed out that the league is determined to pursue the course it has taken to effect one good organ, ization of business people in Atlanta and that this is being achieved. He added that the organization would repudiate any group exploiting the business men and women in Atlanta. He also praised the League's role in the Plan of Improvement, Housing and expanding residential areas. He concluded that the League's Committee on Housing Is taking a courageous and sane course in securing housing for the citizens of the City. This Committee Is headed by T M Alexander. Tuesday's meeting is open to all business people irrespective of whether they are members of the organization or not.</t>
  </si>
  <si>
    <t>                                           J. L. Wolfe in announcing next Tuesday's meeting at 7:30 p m at the Butler St. YMCA predicted a bright future for the Atlanta Business League. He declared that Negroes must meet on common ground to make social and economic progress.</t>
  </si>
  <si>
    <t>                                           PHILADELPHIA --(INS)- The Cleveland Indians topped the Philadelphia Athletics, 5 to 1, Saturday for Bob Lemon's eighth victory of the season, but Philadelphia had something to cheer about as Ferris Fain ran his hitting streak fn 24 straight games.</t>
  </si>
  <si>
    <t>                                           The WERD Theatre PRESENTS VALERIA MODISTE IN "The Glass Dagger" Featuring Mildred GRAVES-Eugene McGOWAN-Baldwin BURROUGHS -Binford CONLEY-Roscoe FORTSON, and Ray MclVER. On WERD -860 On The Dial -Today At 3:30 ^</t>
  </si>
  <si>
    <t>                                           THEY RE STAYING IN It's an Army career for these six Fort McCellan soldiers- five Alabamians (four from Birmingham)- shown being sworn in during recent re-enlistment ceremonies at the north Alabama Fort. The numerous career and security benefits offered under the Army's revitalized recruiting program played a major role in their decision to remain in uniforms after the expiration of their recent tours of duty for Uncle Sam's armed forces. They are, from left to right: PFC. John R. Thornlon, of 2413                 Sooth Sixth Avenue, Birmingham; Cpl. Warren Morris, Jr., of 217 West Finley Avenue, Birmingham; Cpl. Warren Sultis, of Boston, Massachusetts; Second-Lieut. John E. Cornelison, of Rte. 5, Box 95, Dalton, Georgia, post recruiting officer; Sgt. Richard E. Lambert, recuriting sergeant, of Ironton, Ohio; Sgt. Henry Andrews, of 1201 Avenue K. Birmingham; Cpl. Francis L. Webb, of 906 Washington Avenue, Birmingham; and Sgt. Jonas R. Ford, of 409 Christian                 Sireef, of Alexander City, Alabama. -U. S. ARMY</t>
  </si>
  <si>
    <t>                                           NAACP In Aid. U. Case; Two Barred                 BIRMINGHAM, Ala.- Attorneys for the National Association for the 'Advancement of Colored People this week entered the case of two young women who were denied admission to the graduate school of the University of Alabama solely because of their race. Miss Polly A. Myers of Birmingham, seeking admission to the school of journalism, and Miss Autherine J. Lucy of Wylam. who wishes to attend the school of library science, were both accepted by the university* hrough the mail and then denied admission when they appeared at the Tuscaloosa campus in person to enroll. Both are 1952 graduates of Miles College, Birmingham, with A. B. degrees. Arthur D. Shores. Birmingham NAACP attorney, said that the refusal of Dean of Admissions William Adams to enroll the young ladies would be appealed immediately to Dr. John M. GaLlalee, university president. NAACP procedure in similar cases has been first- to exhaust administrative remedies and then to carry the cases to federal court, where an injunction directing admission of qualified Negro students is requested Other Negro students who have applied to the University of Alabama in the       have been offered out-of -state scholarships.</t>
  </si>
  <si>
    <t>                                           Aboard U. S. Currier Midway At Sea --(INS)-- An impressive array of 160 NATO warships swung into fighting positions Wednesday north of the Artie Circle and prepared to go to the defense of the Norwegian Army now hard pressed by a theoretical enemy.</t>
  </si>
  <si>
    <t>                                           LUMBER LATHS DOORS SASH MOULDING PAINT ROOFING PLASTERING APPLIANCES-FURNITURE WATSON BUILDERS SUPPLY CO. 684 McOANin $T.,1W. AL 7201</t>
  </si>
  <si>
    <t>                                           SARATOGA SPRINGS, N. Y. -- The Grand (State) Lodge of the New York State Knights of Pythias at its 84th annual convention last week reaffirmed its stand in favor of dropping the color bar from membership requirements of the Pythians.</t>
  </si>
  <si>
    <t>                                           A single man has not nearly the value he would have in the state of the union. He is an incomplete animal. He resembles the odd half of a pair of scissors.--Franklin.</t>
  </si>
  <si>
    <t>                                           MADAME BELL KAYE 50c 50c Just arrived IBfw^^wU from California. ^H.I.W.BH Moved closer to ^H'l fl-S Atlanta, across ^H*l*l"rfl from Merrlwea- ~^H- C^H ther Railroad V^OkjTM Crossing, on Bo- ^XrH ford Highway, V W/m Route 23, this \I MM side of Norcross, "I Oa. i/ook for Palm sign. Can read your life, Just like It Is, and how it will be. Will teU lucky daya, calls sweethearts by names, tells day and date of marriage. No problem too great to solve. Don't put off, see this wonderful Palmist at once. Satisfaction guaranteed. Tells who friends and enemies are. Readings dally and Sunday 9 A. M. to 9:30 P. M. (Home all times). Everybody welcome.</t>
  </si>
  <si>
    <t>                                           CARVER MEMORIAL PARK (CARVER PARK ENTRANCE) There will be nothing finer in all the South among Negro cemeteries than Carver Memorial Cemetery. Choose now while you may, rather than later when you must. "Preparedness on the hills of life means sunshine in the valleys." Call either MAin 6063 or MAin 7826 and make an appointment to see this place of beauty. (Adv.)</t>
  </si>
  <si>
    <t>                                           CHICAGO-- (ANP) -- Regional directors of Phi Beta Sigma Fraternity will meet in Chicago, Aug. 9, to discuss means of implementing work of regions in carrying out the fraternity's national programs of Bigger and Better Business, Education and Social Action.</t>
  </si>
  <si>
    <t>                                           The vice-presidential candidacy of Alabama's Senator John J. Sparkman has raised in many minds the question of whether the Democratic Party sincerely intends to effect civil rights legislation. Most thinking voters will agree, upon reading Senator Sparkman's record which is printed herewith, that the Democrat's "Appeasement" gesture in nominating Sparkman is a direct denial of the sincerity of their civil rights promises.</t>
  </si>
  <si>
    <t>                                           DONS STUDIO BORN WITH POWER GIFTED PAL MIST, MEDIUM, READER NOTICE: CLOSED EVERY TUESDAY     1 ^^^ KNOWLEDGE AT PRESENT IS POWER IN THE  HP^^ fTf^Mffl ^     Ono  with  he  medium save* many  In untold ^r-WF^      $!1 PH'h VjMH'1"- Ts lady wi"        and  l0      sho Wl" Hx.    \^^^^7Kn L JP. W *    Don'l  c discouraged If others have failed. One visit and you will bo con-     I ^i^           m M^V^t ^^Hvinccd. Knowledge at present Is power In the future. HSt VjJi.- ^8iw5*H^ItfEl m./P *"**^^M The Gifted Palmist reveals your life s innermost secrets past, present MBm^^^Z^^rSM H fl^H and future  names, dates, and facts about business, patients, .JMMfato^ ^M^ .MBr^love, marriage and family affairs; tells whom and when you will marry, if ^ '^ono you love is true or false; reunites the separated, causes  and         ^TBM  fl 9 fl I  fl  ^^~. overcomes enemies, evil influences and bad luck so you can win        ,,^6^WB W* ^^^^Kk Clood advice saves many a dollar and .untold worries, Come today, ^mor-            5   ^~ kA t^^         latc- No matter       h?pe' fear or. ls- comc BlKrir^Sgy3?^ wr ^5H Jj^B^^^BH ceo this Reader     have your mind put; at ease. It your luck I5 not 8$%n^^7 rt*~]*r7l ~~^^^~~~B i^^^" to you. you should be coming to me. Do what others fall to do.  fi K^SmV ?' 11 My office is conducted 6 i a high  plane and you need have n6 fear to bring members of your  fcw3fcD5\.~~~5 !~iSl*?a Uy or  friends or send them to me. lf:Vg^y* VC. /%Sfl^   3 Readings strictly confidential. Separate waiting located In my home. CLOSED 1 EVERY TUESDAY ia mnM from  for DON S   sign In front of ^A licensed beyond Llthto Bprlngs picnic par*. BankJ. ^av r?o,,u is           8      Picnic Park. Look for hand dpi. No mall  n reader. Take Carroliton or DouglasTille bus. G "t       hin 1 body . No one. turned away. I do not canvas Worn door to  I do not Hve lii a trailer block* BRING THIS ADVERTMEMffiNT FOR IFKQSLiL HEAOJfNG #W W^PJf rooms Xor both white ~.nd colored Everv HOURS: 9 A. M. to 9 P. M. BmRw.  * Auftefl,        . Price within reach of aU^ AinnU, ; 1 mile beyond- the  limits of Anstell,   .,</t>
  </si>
  <si>
    <t>                                           l FC.  E. ) Mr. nnd Mrs. Jnmcs Wnlter Rcdford of 722 W. Jolm Wesley Avenue, Oollego Pnrk, Da.  the  of their daughter, PFC. Barbara E. Redford. Women's Army Corps to A/2/O Memury E. Griffin, United States Air Force. The wedding took place on  2 in Tokyo, Japan. The  return to the States In November.</t>
  </si>
  <si>
    <t>                                           Sunday School will begin at Thankful Baptist Church at, 9:30 a. m. with Dea. Walter Peck in charge at 11 a. m. the Rev. Samuel Spears, pastor of the Metropolitan Baptist Church of Pittsburgh, Pa.. will bring the morning message. The Young People's Choir...</t>
  </si>
  <si>
    <t>                                           NEW YORK--Sometimes we wonder if eccentricity doesn't pay off better than ability in the Major Leagues.</t>
  </si>
  <si>
    <t>                                           Marion E. Jackson sports editor, Atlanta Daily World says the '52 Southern Intercollegiate Athletic Conference football race may end in a deadlock.</t>
  </si>
  <si>
    <t>                                           Commercial Collateral Monthly Repayment .Automobile FHA Lo.o. Cnecklog .Savings Safe Deposit Trust Collection Service FIRST NATIONAL BANK MimUr PtAnl Dtpotil       Cttpimlln FOUNDED 1865 CAPITAL SURPLUS AND PROFITS $16,000,000</t>
  </si>
  <si>
    <t>                                           Big Beltiel A. M.E. Church Auburn Avenue and Butler Street, N. 1. The REVEREND H. I. BEARDEN, D. D., Paitor t.St A. M.- Sunday School 6:00 P. M.- A. C. E. LeagM lim A. BL- Morning Worship 7:tS P. ML- Evening WonMp -VISITORS WELCOME^ A Cordial Welcome Awaits Youl UAppiC 132 WHITEHALL ST., S. W.  wHITEHAll NEAR MITCHELL "THE FRIENDLY LITTLE STORE" 2nd GREAT DAY OF OUR FALL FESTIVAL SAIE1 LOOK! LADIES 3 PC. SHEEN GABARDINE SUIT FULLY SATIN LINED 4 A ONE SKIRT SOLID COLOR I ObOO r ONE SKIRT CONTRASTING. Bt'T MATCHING SMART COLLAR  EVERY SUIT GUARANTEED. CREASE RESISTANT AVAILABLE IN NAVY. BROWN. GREEN. ROYAL, BLACK All Sizes 10-18 Sizes 38'44 at $15.88. GRANNY HAZELRIG SAYS. "GIRLS DONT MISS THE BIGGEST SUIT VALUE IN ATLANTA, AND YOU CAN PUT IT IN LAY AWAY. If you can t get in: Write, Phone or Wire Us about the most exciting suit in Atlanta! TELEPHONE Alpine 2S63.</t>
  </si>
  <si>
    <t>                                           Still "Shopping" Brands? Ik*;;  iv v" Cte -vf 4, f "j i "'.% v *N v^-"'1 s **t i r' V make it a "buy" make it CERTAIN make it Gallagher AND fT\ Many citizens of choice taste, seek- ^^Mrai$ig9 ing a whiskey to please them in all ^^^} ways,  discovered it in Gallagher ^^^^nH^H Button. Going on for 73 years, ^Rillnll^H this is no -coincidence.  KTWfOTHiB BLENDED WHISKEY. 86 PROOF, 72\i% GRAIN NEUTRAL SPIRITS. GALLAGHER BURTON, INC., BRISTOL, PA.</t>
  </si>
  <si>
    <t>                                           U 90 Broad, S. W. 40 Marietta St. Q M IH RIB OR BRISKET-     } H BEEF STEW 29  I GROUND  IARD BEEF U BEEF UnU r^Tj LIVER W THICK 1OCU I  OlEO f 23t;:t Ears-Feet* 13* H II] Tosfy! Delicious! "Baby Beef"- ^ JBk' ^% H Uchuck ^jp arm C LI [~roast  5^y I  H Cornfield- Roth's- Noble's- Swift's m W I WIENERS r49cB II Sm Lamb Shoulder Roast 49* In -   R half U E PICNICS 43CB D POLE Juicy   ""n Bipe RED Iceberg U I BEANS Florida Bananas GRAPES Lettuce H R 2 Lbs. for OrangeS Lb. 2 Lbs. for ^Es H  29C 29C 9C 231 10el D BAILEY S SUPREME BV#%a B jC0FFJfa79j</t>
  </si>
  <si>
    <t>                                           WASHINGTON, D , C.--(NNPA)-- Defeat of Representative John E. Rankin, Democrat, of Mississippi, hauler of the "white trash bloc" in the House, will lessen the temperature in the lower chamber when questions involving race come up during the 83rd Congress.</t>
  </si>
  <si>
    <t>                                           ~' ^^^M \"?CCS^" HK3E 3B^^^S%~      ^^Bf'S^B^         THURSDAY, OCTOBER 2ND 8:30 P.M. TO 12:30 A. M. CITY AUDITORIUM ADVANCE $1 .25 AT BOX $1 .50 -B. B. BEAMON Presentation</t>
  </si>
  <si>
    <t>                                           MOSLEY GAINS FOR MORRIS BROWN In the photo above Henry Mosley (38), Morris Brown halfback, is shown gaining nine yards over the right side of his line against the Tennessee State                 Tigers, Saturday afternoon, at Herndon Stadium. The Blue and White Tiqers defeated Purole                 Wolverines, 26-0. (~ by Alexander Adams.)</t>
  </si>
  <si>
    <t>                                           WATCH RUSSIA GOP candidate Dwight D. Eisenhower tells audience Communists hope to conquer world through- subversion. He urges unity of free                 world. (International).                 I</t>
  </si>
  <si>
    <t>                                           KENTUCKrppA BOURBON    1  ERIES. LOUISVILLE. KT. 86  STRAIGHT BOURBON WHISKEY. GLENMORE</t>
  </si>
  <si>
    <t>                                           Learn To Drive The  0KT1 complete  T^^I Btnflentt Dnal ^B^^Rvl ** Control  HDBBb] Cars In ^ 'I Atlanta,  TW DUAL CONTROL DRIVING SYSTEMS, INC. VErnon 6600 1000  ST^ kt Tenth, N. E Official Easy Method School</t>
  </si>
  <si>
    <t>                                           Williams Goes To TB Staff Institute                 Negro professional tuberculosis workers from 15 southeastern states have been invited to attend a Health Education Institute in Miami. Flor. ida. on September 10. Walker C. Williams, Negro Program Consultant for the Georgia Tuberculosis Association, Atlanta,  will represent Georgia at this meet. Ing. The institute is sponsored by Flor. ida s Council of Negro Health Education Workers, an organization of paid Negro health education  workers in Florida. The group holds annual training sessions designed to improve the worker. This  Is not open to volunteers. Chest Division to Hold Meet Toinght The House-to-House Division of the Community Chest campaign will meet at 7:30 tonight at the Butler Street YMCA. The announcement was made by Mrs.. Geneva Haugabrooks.</t>
  </si>
  <si>
    <t>                                           LAFF-A-DAY                 "Aw. let him live a little!"</t>
  </si>
  <si>
    <t>                                           fc 1</t>
  </si>
  <si>
    <t>                                           Atlanta      %\\ EDITION ^N^o.Tr ,_-r_ uy..^ "News White Published Every Morning Except Monday It I N VOLUME 25, NUMBER 41 ATLANTA (3), GEORGIA, FRIDAY, OCTOBER \7, 1952 PRICE FIVE CENTS</t>
  </si>
  <si>
    <t>                                           straight]30Nwhisky c fO PROOF OLD HICKORY DISTILLING CORP. PHILADELPHIA, PA. ALSO AVAILABLE. IN 100 PROOF BOTTLED IN BONO</t>
  </si>
  <si>
    <t>                                           FREE ESTIMATES ALL WORK 100% GUARANTEED NO DOWN PAYMENT ALL TYPES OF WORK LOW MONTHLY PAYMENTS F. H. A. TERM LOANS AVAILABLE First Payment Due In 19 5 3 We Mean Next Year Get It Done Now AT LOW PRICES</t>
  </si>
  <si>
    <t>                                           RAGING TENEMENT FIRE CLAIMS LIFE OF LOCAL 18-YEAR-OLD GIRL                 Two Others Injured; Youth Saves 11 -Year-Old Sister                 An 18-year-old 1952 graduate of Howard High School died Saturday afternoon in a blazing fire that gutted the basement home of an Ashby Street family.                 Two other members of the family were injured in the fire, j including a 16-year old boy who smashed a window with his fist and led his 11 -year-old sister to safety.                 Elizabeth Annie Mae Malone died la the fire at 415 Ashby Street, S. W., police said. She was pronounced dead at     scene by a Grady physician. Morris Malone. 16. and Phillis Malone, 11. were treated at Grady hospital Tor burns and cuts they received in the fire. STARTED FROM HOT PLATE Homicide detectives said the fire started from a hot plate which the mother left burning as she scurried off to work Saturday in order to reach her job on time. Two West-End stations snuffed the blaze out before it spread to the first and second story of the six-unit, two-story frame tene ment building. Detective W. S. Acree and W. Jordan said the damage was confined to the basement apartment and the br.ck room fcf the main floor. Melvin Malone, 7, and Louise Malone, 5, told .investigating officers that their father placed a piece of paper over the window Friday night to keep out the light. They said a breeze blew the paper onto the hot plate. Morris, the hero of the tragedy, was asleep when the blaze broke out at 4:50 p. m. Phillis and Elizabeth were also asleep in the same room. Morris said last night that the screaming of Phillis woke him. He said he groped around In the smoke, starting first toward the front door and then returning to the door of the kitchen. Phillis. he said was .frantically following him around. Morris added:                 ONLY ONE EXIT "There was only one window in the room and I couldn't go out of either door because of the fire and smoke, so I busted the window out with my fist and helped Phillis out. I started back to get Elizabeth but it was so hot by then I couldn't get to her. I had to get out myself then Melvin and Louise told the detectives that they ran out of the front door when the paper fell on the hot plate and blazed up. Detectives Jordan and Acree speculated that Elizabeth had died of suffocation. There were burns on her neck, face and arms and her hair had been singed, they said. George Malone, an elderly crippled man, said last night that he "had just stepped out" when the fire started. Mrs. Era Malone, the mother, was notified of the tragedy by police. WORKED AS WAITRESS Family members said the dead girl worked as a nighttime waitress at a cafe in the terminal station. Morris also works at night in a local restaurant. Eight members of the family were living In the basement apartment. One girl, Doris, said she was not at home when the fire started. The mother who apparently had not been told of the death of her daughter was hysterical with grief i when another daughter told her that Elizabeth was dead. Police listed J. J. Jordan, 416 Ashby Street, S. W., as the owner of the property.</t>
  </si>
  <si>
    <t>                                           An 18-year-old 1952 graduate of Howard High School died Saturday afternoon in a blazing fire that gutted the basement home of an Ashby Street family.</t>
  </si>
  <si>
    <t>                                           [BURGLAR BARs!~          I AND ENJOY SURE HtoIhIBMSIHm I PROTECTION Ppfeggl I SOUTHERN WIRE IRON WORKS I Phon* MA. 5305 441 Memorial Dr., S. E., AHanta, Oo.H I NISH WILLIAMS, Repruontativ* RAymond 9383</t>
  </si>
  <si>
    <t>                                           Round T-Bone Cube Veal STEAK STEAK STEAK STEAK lb.69c lb.59c lb.69c lb.49c 10-Lb. 5-lb. Box Cut Ground Pig Chitterling Up FRYER BEEF LIVER $1.89 $1.79 lb.35c lb.25c Veal Beef 4-Lb. Ox STEW STEW LARD TAIL lb.35c I lb.35c I 49c lb.38c 87 MISS ATLANTA 87 BROAD STREET BURGLAR BARS           AND ENJOY SURE BmltlflBBiSi^B SOUTHERN WIRE IRON WORKS I Phone MA. 5305 441 Memorial Dr., S. t, ASfanta, Oa. NISH WILLIAMS, Representative RAymend 9383</t>
  </si>
  <si>
    <t>                                           Chicago Bears at San Francisco 49ers</t>
  </si>
  <si>
    <t>                                           LAFF-A-DAY                 "I'll 'mush1 when I'm good and jc- and  -</t>
  </si>
  <si>
    <t>                                           LAFF-A-DAY                 "She gets her look* from her mother, all right her mother rusa be*oty pi!%!3</t>
  </si>
  <si>
    <t>                                           WHAT S THE ^t I OUST BCTWEtN US.J  j?J-   [   {~**IOCA OF BRINGING H I THE FISH  WSg**C*JT 60 BY NOT -Tf4E  BEFORE V_ WAIT ANV DEALl^4o \MTM       -'^ ^1^r?~-^ CRtSCtHT^ WORRIED ABOUT PAST DUE BILLS LET US CONSOLIDATE THEM REPAIRING REMODELING and REFINANCING NO DOWN PAYMENT 1 TO 10 YEARS TO PAY PAYMENTS AS LOW AS 5 DOLLARS PER MONTH PLUMBING BY ATLAS WE ARE AS NEAR AS YOUR TELEPHONE BASEMENT APARTMENTS A SPECIALTY AL 7516 FREE ESTIMATES AL. 3774</t>
  </si>
  <si>
    <t>                                           PrbpQse NewAreas For Negro Housing                 Southwest Group Leading Drive To Nip Race Tensions                 A spokesman for the Southwest Citizens association said  that the organization '{'^completing plans for a Negro residential "expansion area" of from three to ten miles.                 Barfleld, public relation* director     the association, declared' that the white group is working on this project "harder than anything else now." He said that the proposed expansion .area Is "really beautiful." The Southwest Oltlzens association is an organization of West End white citizens who proposed the live-point plim for buffer zones in tbe West View Drive area. B. W. Florrid. an officer of the group, announced last month that the association is also Interested in decent houses A or Negroes. "We're not crazy," Barfield commented yesterday. "We realize that you can t tell Negroes, 'Please don t come over here* when there is no place else to go." PLANS UNDERWAY He said plans tai the residential area should be completed in 35 or j 40 -days. The public relations di-;  revealed that there are some (Continued on Pa*e 8 Column 4)                 Propose New (Continued From Page One) white persons living in the area now. He said homes would have to be found for them first, and added: "Builders and contractors are already interested In the area. This includes white and Negro contractors.' CHOICE AREA Barfield said that contractors would be invited to build homes in the area at prices from $7,5000 to $50,000. He continued: "This is a long proposition. If you wanted to build a home in five or twenty five years, the area would be there... It is a better area than any you can find within 50 or 60 miles." The exact boundaries of the proposed expansion area cannot be released, he said, until the final plans are completed. Barfield reiterated of the organization that its only interest is the "stabilization" of tension in Negro-white residential areas. "BUFFER" PLANS In addition to the proposed expansion area for Negroes, the organization has outlined plans for a 1) super-highway through West View Drive, 2) a 600-unit white housing- project and 3) (.he ^^of sections 6f West View Drive and Gordon road for light industry and a warehouse district. Barfield said that the organization has stabilized the housing problem in the West End section where several Negroes had purchased homes in traditionally white neighborhoods.</t>
  </si>
  <si>
    <t>                                           A spokesman for the Southwest Citizens association said yesterday that the organization is completing plans for a Negro residential "expansion area" of from three to ten miles.</t>
  </si>
  <si>
    <t>                                           NEW ORLEANS, La. --(SNS)-- Xavier's Gold Rush followed up their pulverising 46-0 victory over Alabama State by burying Tuskegee under a ponderous 46-0 score. Every reserve on Xavier's bench saw service as Alfred C. Priestley's turned their traditional classic...</t>
  </si>
  <si>
    <t>                                           L. /c^/n 3Sr^</t>
  </si>
  <si>
    <t>                                           A noted designer comes out again with some goodlooking clothes that are designed especially for southern wear, meaning for those vacationers that go south and on the other hand these same clothes are very beautiful for the spring in other parts of the south where the winter months are too cold to the them. Women take special note of these beautiful styles now in order to bud out in the spring with the latest fashions.</t>
  </si>
  <si>
    <t>                                           Made in America )~/Cj;^;~M by che exclusive \Sgp Smirnoff Process ~^^j Smmoff the  -name -VODKA 80 proof. MjJc from 100T- grain  spirits. Sic. Pierre Smirnoff Fls. Inc. Hinfurd,. Coon.</t>
  </si>
  <si>
    <t>                                           The whiskey f^I  Age^ in .its flavor. JUnilUull T//g Straight Kentucky Bourbon ^ 1IL  ok; r\ years old ^eMsi^TBmfflm^^ STRAIGHT KENTUCKY BOURBON WHISKEY. 86 PROOF. COPYRIGHT 1952, ANCIENT AGE DISTILLING CO.. FRANKFORT. KY.</t>
  </si>
  <si>
    <t>                                           LONDON--(ANP)--Jomo Kenlatta, 47 years old, recently arrested leader of the Kenya African Union in the Kenya crisis, is secretly married to an English school mistress and father of a nine-year-old son.</t>
  </si>
  <si>
    <t>                                           WHAT DO YOU NEED? No matter what It may b* you want, I can help you now Bring happiness in three days to solve any and all problems which arise in your life. WA.0987 SAINT MACEO 457 Cain Street, N. E. Atlanta, Georgia</t>
  </si>
  <si>
    <t>                                           a a d /^iMi^ Tff^ i 1 CITY Atlanta         edition x\t-\m*i- n ,/r "News White Published Every Morning Except Monday /+ yu Afau/e'* VOLUME 25, NUMBER 84 ATLANTA (3), GEORGIA, SATURDAY, DECEMBER 6, 1952 PRICE FIVE CENTS</t>
  </si>
  <si>
    <t>                                           WHAT DO YOU NEED? No matter what it may be you want, f can help you now Bring happiness in three days to solve any and all problems which arise in your life. WA. 0987 SAINT MACEO 457- Qajn, Street, H, 6. Atlanta, Georgia</t>
  </si>
  <si>
    <t>                                           If you ve tasted todays SCHENLEY you know, it s the best- tasting whiskey in ages 8 WHISKEY. 86 PROOF. 65,'S GRAIN NEUTRAL SPIRITS 3.EY DISTRIBUTORS, INC., UVti YORK. NEW YORK</t>
  </si>
  <si>
    <t>                                           IN MEMORIAM                 In memory or our son, brother and uncle, Mr. Frederick J. Poole, who passed 2 years ago November I 13. 1950. A love one from us is gone, A voice we love is still. A place is vacant in our home Which never can be filled. Sadly missed by: Mrs. Prances Poole, mother Mr. Jesse Poole. father Mrs. Bulu Bell Jone.s Mi1*. Aiigrlirie Terrell Mrs. Emnm Johnson Mrs. Ella Bosweil. sisters Mr. El bert Poole Mr. Joseph Poole, brothers Nieces and nephew and cousin. FUNERAL NOTICE WILLIAMS: Mrs. Carrie L. The friends and relatives of Mrs. Carrie L. Williams, the wife of Mr. Albert H. Williams. Mr. and Mrs. Lucious Jones, Mr. and Mrs. Evans Jones. Mr. and Mrs. Marion Armstrong and family, Mr. and Mrs. William Marsh, Mr. and Mrs. John T. Williams, Sr., and family, Mrs. Alice Brown and family, all of Atlanta, Mr. and Mrs. Hansom and family, of New Lork City and a host of other relatives and friends are invited to attend the funeral of Mrs. Carrie L. Williams today, Thursday, at Cosmopolitan A.M.E. Church. Rev. J. P. Moses and others officiating. The remains will lie in state at the residence, 853 Mitchell Street, S. W. until the hour of the funeral. Interment, South View. Cox Bros. IN MEMORIAM In loving memory of my dear mother, Mrs. Jannie Colder, who departed this life, November 13, 1950. Not just today but every day In silence we remember. Mrs. Willie Mae Reeves, daughter Mr. Eugene Reeves, son-in-law.                 MR. FREDERICK J. POOLE</t>
  </si>
  <si>
    <t>                                           DR. HAROLD C. COFFMAN                 YMCA CONFERENCE SPEAKER- Dr. Harold Coe Coffman, president of George Williams College. Chicago, Illinois, will be principal speaker at the Fall Planning Conference of the BuUer Street YMCA next Sunday at 1 :30 p. m. The distinguished educator s speech will climax a clay of planning by board members, committeemen and laymen in the Y which will commence at 8:30 a. m. with registration and end at 4 p. m. with findings and recommendations. The results will comprise the Y's program for 1952-53. The entire Y membership and friends of the Association and ci-  generally have been invited to attend. Hubert Jackson, chair- man of the Conference, and M. R. I Austell, chairman of the program committee stated yesterday that they were delighted in securing the services of Dr. Coffman whose accomplishments are too - able to mention.</t>
  </si>
  <si>
    <t>                                           rfc. EDDIE -FRANKLIN JONES  ON VISIT Pfc. Eddie Franklin Jones, of Hensley Hall, Washington, D. C, is in the city visiting his parents. Mr. and Mrs. Luther Jones, 4G7 McDaniel Street, S. W. He is wishing his friends a Merry Christmas and Happy New Year.</t>
  </si>
  <si>
    <t>                                           A month ago, Archie Moore was possibly the most unwanted man in the ring. Fighters avoided him because they were unlikely to whip him. Promoters avoided him because they said he could not draw a crowd.</t>
  </si>
  <si>
    <t>                                           Here's the Winner... AND WHAT A BUY! Ml 4 Yecrs Old 90 Proof Traditional SOUR MASH BOURBON., for finer fas re  a"~w TtlfQnO OlSTJLLEBJi' Of . IHC, .E. KY.</t>
  </si>
  <si>
    <t>                                           THE ALLEN HOTEL and GRILL One of Kentucky's Finest Hotels 50 Rooms Cafe- Bath Dally     Wefkt.V Rates- Tel. CY. 8R6             MATTRESS IX EVEItT BOOM Turn led off \V. Walnut at '^ Slrcr 1. One Block tu 25IC W. Mutlixtn Street</t>
  </si>
  <si>
    <t>                                           Maybe it was all a mistake. That's what Brooklyn Dodger pilot Charlie Dressen must be thinking when he remembers his club's publicized batting power. The Brooks were supposed to have the big stick men. The Yanks, according to the experts, the pitching. The victors showed pitching and slugging. The Dodgers surprisedly enough-pitching. The guys that were supposed to deliver the big blows never did -- Jackie Robinson, Gil Hodges, Andy Pafko and Roy Campanella. No wonder, Dressen is planning...</t>
  </si>
  <si>
    <t>                                           HOMES ENHANCED WITH EVERY PROVISION FOR COMFORT 99 HOLLEY ROAD, N. W. 6 rooms, bath, basement built-in garage, floor furnace, in excellent condition, a pood buy, can be bought for $2,000.00 or less Down payment. 229 WYNNWOOD DR., S. W. 5 rooms, good condition, modern kitchen, Venetian blinds and electric stove included in price. Rents for $65.00 per month. Down payment $1500.00, with balance to suit you. 217 WYNNWOOD DR-, S. W. 4 rooms. 2 bedroom frame bungalow in excellent condition, gas heat, built-in sink, blinds, incomplete basement, lot 100 x 200 ft. D. P. $1,000.00, easy payments on balance. 282 GLENN IRIS DRIVE, N. E. 5!i rooms, good condition, gas heat, blinds, cabinet sink, lot 45 x-174 ft., price for quick sale. 988 McDANIEL ST., S. W. 4 rooms and hall, good condition, priced for quick sale. 302 BARRETT, Ave-, East Point 5 rooms, concrete block, gas heat, lot 40 x 90 ft., price $6,200.00, reasonable Down :. 1085 IRA STREET, S. W. 6 rooms and bath, repaired and  ed recently. Price $4750.00' D. P. $1250.00. { 165 WEST LAKE AVE., N- W. 8 rooms, and bath, good condition, I $6750.00. Reasonable down payment. EZRA CHURCH DR., N. W. Vac. lot 45 x 1 00 x 50 x 1 1 5 ft., $900. CAIRO ST., N. W. 2 Vac- lots 51 x 183 ft. each, excellent homesite, $2,000.00 each. I These are but a few of the houses we have listed for sale. If you don't see what you want, call us and we will find it for you. j T. H. MIZELL BE. 6882 j M. M. MIZELL AM. 61 1 2 Wm- BARNETT WA. 8982 E. P. King WA. 1407 I S. HOLLIS CY. 5225 R. J. WOLFE MA. 6533 I G. A. SCOTT CY. 4007 C. SUTTON LA. 7607 MISS S- WARNER AM. 5770 P. J. MOORE AM. 4459 J L. WOLFE REALTY CO. 21914 AUBURN AVENUE, N. E. Phones: LA. 3506 Al. 1149 Res. AM. 3749</t>
  </si>
  <si>
    <t>                                           FiLM COMPANY S UNIQUE HONOR C. H. Bonner (right) of Gary, indiana and Morehouse College alumnus, presents citation to Spyres P. Skouras, president of 20th Century-Fox movie company. Award marked first time aii community civic groups combined to honor a motion picture, "Lydia Bailey." Bonner is  of Gary Community Services which is home town of picture s star,                 William Marshall. (Newspress Phoio)</t>
  </si>
  <si>
    <t>                                           DAILY CROSSWORD                 'across 1. Re-examines for correction 8. A card sent on the 14th of February 10. Jewish month 11. Ireland (poet.) 12. Mild 13. The right.. hand page Print. J IS. Breeze J6. One-spot card 18. Know (Scot.) 1~. Yard (abbr.) 20. Miscellany 21. In this place 22. One who entices 24. Contradict 26. Uncooked 27. British (abbr.) 29. Grampus 30. Male descendant il. National god (Tah.) 32. Mature 34. Lukewarm 36. American Indian 87. Egyptian god 38. Abandoning 40. Continued tories                 DOWN 1. Means of detecting objects 2. Brilliance 3. Green 4. At home 5. Cubic meter 6. Ireland 7. Titter 8. Having legal force 9. Come in 12. Shore  14. Single unit                 17. Capital (Egypt.) 20. Some 21. Chop, as wood 22. Calls to repeat a performance 23. Choral composition (dramatic) 24. Household pet 25. Blundered 27. Fetch 28. Pole 30. Scoff 31. Unfolds                 \~       'i Aotwrr 33. Judicious 35. Man's name 09. Smallest state (abbr.)                 wa \5 r r vw, Is zz__ li i'~ i^ i ^11 19 ^!1_ 24 25" j7? 2  27 26 3Z 33 34 3SI38 fi _p ^y4 i 1 1 i i i gM</t>
  </si>
  <si>
    <t>                                           Cmsrms^E .V"' 1 *~90KKff!9~^^' I\ v*^\ s m Calhoun Furniture Co. J. H. CAtHOUN, Reollist 237 Auburn Ave., N. E. MA. 6063 CY. 5410 ~^\jf We sincerely hope that this Ch.- "^4 you will receive a Cuil  of Q ~^M lasting j;ood Iiea!:h and i-.3pp;ne:.i. v^^" fcj RELIABLE fj? 4* PLASTERING CO. J/^ 1525 SIMPSON RD., N. W. -=3 ^eadon'6 (*~!)6 %~, L ^lf It** lA JOlavc fun thin Christmas! j And may your pleasures anil good cheer last throughout the Holiday" .Season and the coming year}) JONES SUPER MARKETS NO. 1 952 MAYSON TURNER AVENUE, N. W. NO. 2. 84J HUNTER STREET At MAYSON TURNER Hk, Gnefkuujl. '~~{' that your Holiday Season may Zt -J\ ]2jk In every way be  .1 *"#CJBt^ abundant with good fellowship,   Sm  r^3S5y 9~~^ Aea///i and  ~~.f\^* Qj^pr in ~/~e coming New Year.</t>
  </si>
  <si>
    <t>                                           VALDOSTA, GA. -- Mrs. Clara Moseley of Newark, N. J. returned home last Friday after spending two weeks with her parents, Mr. and Mrs. Sylvester Jones of West Savannah Ave.</t>
  </si>
  <si>
    <t>                                           Ponder the strange statement of Atty. J. D. Murphy representing the State of Georgia in asking the Federal Court Tuesday to dismiss the Horace Ward suit "because he failed to pursue the administrative remedies" and in pleading "race was not involved ... because there is no discrimination on the account of race or color."</t>
  </si>
  <si>
    <t>                                           Dr. Wm. M. Mizell DENTIST and DENTAL LABORATORY ROOMS 3-4 AI-. 1887 1335 Whitehall at Mitrlirl! SI. Daily To 7 1\ M. Sundays 10-1</t>
  </si>
  <si>
    <t>                                           Make Coke part of   greetings 1 fm You can be sure that your guests' I 0 will welcome this year-around favorite m ^ -always in perfect taste. 'PillraMiS^M^S^ THE ATLANTA COCA-COLA BOTTLING COMPANY "Coke" Is a. registered trade-mark. 1952. THE COCA-COLA</t>
  </si>
  <si>
    <t>                                           UNION HARDWARE No. 5 SKATES HOBBY HAVEN 74 Forsyth St., N. W.</t>
  </si>
  <si>
    <t>                                           Atianta^ P.WMJwd E.HT MowiH           Members: 8N8 NNPA AMP      Every Morning Except Monday, at 21* Antarn Avanaa, K. B. W. A. , II, Founder-Publisher, Anf. S, 1928 to Feb. 1, IfM Founded August 5, 1928; Became Dally March IS, IMS Telephone: WAlnat 1459 WAlnut 14M Entered In Port Office at AtlanU (S). GeorfU, u        dam   the Act of Congreu, March 13, 1879. OL A.  Editor and General Mauactr DAILY BUB8 HATES BY CABBIES: WEEKLY Me MONTHLY      8VB8 BATES BY MAIL: DAILY: 1 Year $15.60; 6 montha $7^0; S month*  8 ONLY: 1 year $6.12; 6 months 33.24 THE ATLANTA DAILY  Is an Independent newspaper  and ,  news absolutely  and  thorn things It believes to be to the Interest of Its readers and Bodnf those   the interest of Its readers. rHE.  expressly repudiates responsibility for return of unsolicited , manuscripts, etc..  stamps are sent. Address All COMMUNICATIONS to and make CHECKS payable to ATLANTA DAILY WORLD, rather than to Individuals.</t>
  </si>
  <si>
    <t>                                           "Miracle Drug" say SURIN Users Pains of Arthritis, Rheumatism, Neuritis, Lumbago, Bursltisi-1) Relief Can Start In Minutes Thcrt'i no ( doting with SURIN. Nothing to swallow and wait anxiously for relief. You  apply SURIN right at the point of pain and blessed relief  as penetration  the *kin gets under way. Of  there'* -reason for this wonder-working new external fast pain relief medicine. It't , a recent  born of research in a great laboratory. It acts speedily to aid penetration of SURIN's pain-quelling ingredients. Methachol ine also causes deeper, longerlasting pain relief and increased ( of local blood supply. Tested on chronic rheumatics In large university hospital it brought fast relief to 73%  and in home-for-the-aged 77%. Totally different from old- rubs and Unlments, modern SURIN brings Satin relief, longer without burning or  without unpleasant odor or . SlmprV smooth on SURrK at the point of pain and feel pain  in . Money-hack at your drug store If SURIN doesn't relieve * pain faster and better than  you ve ver used. A generous Jar  $1.26. 'SURIN is not a  for any of  condition*, it* McKessa* . Inc.. Bridisjwrt t, Ceaa.</t>
  </si>
  <si>
    <t>                                           Primary Elections Law To Be Sought                 A law fixing the date of Georgia primary elections as the second Wednesday In September will be sought by State Sen. Everett G. Mlllican of Atlanta When the legislature meets in January.</t>
  </si>
  <si>
    <t>                                           Defense Rests Case In Triple Murder Hearing i                 EUTAW, Ala. (INS) The defense yesterday rested its ease in the trial of a 27-year-old Negro woman accused of slaying three or her brother s children, savagely beating a fourth, and kidnapping another. The defendant. Chunky Mattie Smarr. is on trial only for the slaying of five-year-old Ivorie Fosey, one of three children whose bodies were found by their father, Willie Posey, when he returned from work in September. The kidnaped child, three-monthold Cullan Mae Posey, was unharmed when found by officers who arrested the defendant. Lassey Posey. 11, recovered in a few days from the beating she received. During the  trial, which began Monday In Eutaw, the woman s mother, sister and husband testified that she was subject to frequent  seizures, and the trial was recessed at one point \-fche- -prisoner fainted in the  At her arraignment, Mattie Bmarr entered, a plea of not guilty by reason of insanity. A brief recess was called in the^ trial Tuesday afternoon after the state presented its rebuttal witnesses, and following testimony by rebuttal witnesses for the defense, the case was to go to the jury last night. Shoppers Warned Of Pickpockets Atlanta Christmas shoppers were warned Tuesday to be on the lookout for pickpockets and to guard against pilfering of their Christmas Fifts. Detectives urged shoppers not^ to lease Christmas packages in parked automobiles if possible. Packages which must be left in cars, how8ver. should be locked in the car trunk. "It's a great temptation," a detective said, of packages sitting loosely in a car parked on the street.</t>
  </si>
  <si>
    <t>                                           The star-studded Alabama A &amp; M College grid team will invade the Maroon Tigers' lair this week-end for an all important conference games with Morehouse College The game which is rated a toss up affair, will get underway at 2:00 p. m. tomorrow, and will be placed in...</t>
  </si>
  <si>
    <t>                                           ATLANTA SOCIAL GRAD GETS NEW YORK POST K.oh.rd R Brown, 1952 Master of Social Work graduate of the Atlanta University School of Social Work, has begun employment as Medical Social Worker with the Department of Hospitals at Kir.g County Hospital of New York City. Mr. Brown, a native of Wilnoigton. North Carolina, took his advanced field work with the Children's Center of Metropolitan Detroit and is qualified for this post</t>
  </si>
  <si>
    <t>                                           U A D D I C 132 WHITEHALL ST., S.W. II A }l If I 9 (Near Mitchell St.) NEW ARRIVALS for your last minute Xmas shopping! Bargains for every member of the family. Save on every purchase. WOMEN S GIFT SUPS $1.39 $4.98 WOMEN S WINTER COATS $11 .88 -$34.98 WOMEN S GIFT ROBES $3.98 $7.98 WOMEN S GABARDINE SUITS $8.98 MEN S PANTS $2.99 $5.88 BE HERE FOR THIS GREAT TWO-DAY XMAS SALE Shop TODAY Till 9:30 P.M. BARGAINS GALORE!</t>
  </si>
  <si>
    <t>                                           MEMBERS OF THE ATLANTA University Alumni Association feted students of the university with their annual gesture -- a tea. whick was given in the Women's dormitory on Sunday between the hours of five and seven o'clock at which time more than one hundred guests chatted with members and friends and enjoyed tea, music presented at the piano by Miss Ray Frances Chatman.</t>
  </si>
  <si>
    <t>                                           Dixie Must Buy Grails To Meet Needs-Wolfle                 The necessity of "buying" graduate students to fill the need for psychologists in Dixie was pointed up yesterday by the director of the TJ. S. Commission on Human Resources and Advanced Training. Dr. Dael Wolfle, of Washington, reported that there are only about a third as many psychologists in the south as in the rest of the country. Also, he added: "The region is training considerably fewer psychologists than It employs." Dr. Wolfle told a southern regional conference on psychological resources at Atlanta: "It Is commonly known that there are greater opportunities for graduate work elsewhere than there are here, but the south is not producing its proportionate share of the undergraduate students who later enter graduate school and earn Doctor's degrees In psychology."* He told the conference that "whether we like it or not, the way to get graduate students is to pay them" by providing fellowships, teaching , research assistantships and other forms of student aid. Dr. Wolfle concluded that this, along with expansion of Southern Universities' departmental facilities, will attract larger numbers of wellqualified graduate students to the area.</t>
  </si>
  <si>
    <t>                                           ' THE FRIENDLY UniE STORE HHnnly 132 Whitehall St., S. W. Near Mitchell YES! We Open Every Nite Till 9:00 P. M. STILL  TO REGISTER FOR                   TONY DOLL, AND PLENTY OF FREE SHOPPING BAGS! A Grand Selection of Practical Gifts For Baby, Mother, Sister, Brother, Dad or Sweetheart. SAVE ON EVERY PURCHASE. DON'T MISS OUR MENS' GIFT BOX SPECIAL: 1 White Dress Shirt 1 Genuine Leather Belt 1 Necktie 1 Handkerchief 1 Pair Argyle Sox Complete For Only $4.85</t>
  </si>
  <si>
    <t>                                           Santa Claus Gets Letter From Behind Soviet Iron Curtain                 SANTA CLAUS. Ind. (INS) Thr post office al Simla. ~'. Ind.. received .1 loiter today from behind Uie Iron Curtain. Knur  in Budapest Hungary, wrote the letter and addressed it to Santa at the North Pole. Like most .similarly addressed letters, it was -N ed -to the Santa Claus, Ind., post office. The letter said Santa would be  even if he is not allowed to enter Hungary.</t>
  </si>
  <si>
    <t>                                           ^^B I BLt I fitr ft ill ^I FREE! I ^4!     ^~~H Caulking Weather 1 ^PjH#WfWypBH Sealing Job For all I ^B^BBHBbO^SS Doors, Windows and I ^^^HB^^^n^S Gables. With every H ^^^BjBSBW^BI^B Purchase or Repair fl ^^^^^Hwffl^^^^^^^^^^H Job* I</t>
  </si>
  <si>
    <t>                                           NO MATTER WHAT YOU R PERSONAL PROBLEMS ARE GET RELIEF. IN 3 DAYS! .If you are-H^       -ip;~; sick or wor*^   ^^5L ried, see Pro-^^^if"^^'~.i^ phet Turner ^Qafc*. immediately. ^~^rjt'.. r Atlanta's 32gE0\2s youngest pro- "^3       : phet has in-    9  ; stilled with. /        in many the faith so that they may solve financial, love, and other problems. Office 396 Linden Avenue. Hours 9 A. M. to 8 P. M. or he will make calls to your home. DIAL ATwood 5912 Todays the Day to Start Eating the Foods You like! .4^^^^^% Yes, this very day M^^^^\^^ You c*n enjoy i*1* ^M favorite foods you ^B passed up before ry,    /v because of pa*, r^ heartburn, sour ^i "^{L^l Momach, acid  \^^ZZ . That in, if I TP))/X you do as millions 1 \Y//AC\ do eat 1 or 2 C^   ^ ^v*Cs/ Tumi after meals Jkl or whenever distress occurs. Tunis start to work in seconds to neutralize  acid. Contain no soda to o\i- or cause acid rebound. No mixing, no water needed. Just eat like candy.anytime.anywhere. Always carry Turns in pocket or purse. Ge; a handy roll today. ..\^_^^*rrT WM2     1HC I'JMMr</t>
  </si>
  <si>
    <t>                                           WANT AD INFORMATION CALL WAinut 1459 Deadline For Classified Advertisment It 6 P. M. Daily In Estimating Space for Classified Ad, Count Five Words for Lin*. MINIMUM: TWO LINES (10 WORDS)                 Ask for Classified Ad Department. Classified Ad rates apply to all advertising originating in Georgia, and are the same for Daily and Sunday Insertions:                 I Insertion 16c per tin* 3 Insertion* 15c per line 6 Insertions 13c per Us* 10 Insertions 12c per line Reader Publicity Me per Baa</t>
  </si>
  <si>
    <t>                                           ?v  LFiop opens /s^i4i.^ *,  ^  ?f /^SlSS. Drop  drop,  after drink, bottle after IkiHIc, S^-^a^^r^S I Jl7^*\ ~"lsr '   *r    *, yo.ir after year, man after man  g ^S^/*1 V w^/ i  ~.     r alter  for Scapram's 7 Ooun.* ?W* ^S6f 'Sf^U    ~~~)Pt f ^8j Mm.-imm.cop.itar.rti.*^,           Seagram's 7 Crown. Blended Whiskey. 86.8 Proof. 65% Grain Neutral Spirits. Seagram-Distillers Corp.. N. Y.</t>
  </si>
  <si>
    <t>                                           Aflanfa^^^^Wbrld E^!SN Ijgyjggj'^ Published Every Morning Except Monday it Is News" x .VOLUME 25, NUMBER 130 ATLANTA (3), GEORGIA, THURSDAY, JANUARY 29, 1953 PRICE FIVE CENTS</t>
  </si>
  <si>
    <t>                                           In your spare time In your own home! No classes. All materials furnished. Certified teachers. Diploma awarded. Write  for complete information S9"THERN STATES  Box 1U-W Station E.. Atlanta. Georgia Stop Gasping For Breath Try Thii Famous Aithmatic Relief Since 1868 thousands of asthmatic  have thanked Heaven for Dr. J. H. Guild's. Green Mountain Asthmatic Cumpuund  Asthmatic Cigarettes. Helps atop agon izing gasping for breath, wheezing, coughing oP bronchial asthmatic attacks as wonderful medications relax bronchial tubes- lets  i breathe again sleep again. So easy, ml , 10 fast. Today- try Dr. Guilds Green Mountain Asthmatic Compound oil j Asthmatic Cigarettes- At all drug stored.</t>
  </si>
  <si>
    <t>                                           TODAY S BIGGEST^ VALUE ?$~ The All NCW }*($~-  MONTEREY^ L^;^  -i Y \\^~M I  NEPIrI" I TITANIUM ^^J:' w I -Si- r1 "f pv"r* V. V- v J-~~~-\ !~'~S$ VITA-flAME BURNER j- -1 v With Aulomolic  (*m^H-i--  ^^ ~-~m*i^s==^/ f^^]        j      Cltont        *t!y* Value Packed with qJ(0J Features n j m* ?:fot*^ More beautiful easier to dean V@//j/: A A.ri9S ^fl^el w^'"5 fo*fer, ,  ^^4% j*'      -6ui7f for   ^W^^l B APPLIANCE CO. ^\lli2I L_^. 93S McDANIEL ST., S. W. Cor. MARY ..</t>
  </si>
  <si>
    <t>                                           News Of The Romans                 By Ellioutt Cunningham JrJ                 "It's the little things in this life That make living so sublime as we live here day by day swinging with the time.                 Mrs. Hettie Stock entertained the Christian Club of the Greater Mt. Calvary Baptist Church, Jan. 28 at her home 1509 Spring Street. The Zion Daughters Club of the Greater Mt. Calvary Baptist Church celebrated their tenth an- niversary Sunday Feb. 1, at 8 p. m. A program was given. Rev. G. P. j Bowman the Pounder of Hip Club was presented a small cedar chest and ten silver dollars inside by llie president Mrs. Beatrice Freeman, $153.22 was netted. Mrs. Dllslc Dlllard entertained the Zion Daughters Club of the Greater Mt. Calvary Baptist Church on Monday Feb. 2, in the Church auditorium. Pfc. W. M. C. Reed has return- ed to Port Belvoir, Va..       spending a 25 days leave with his mother, i Mrs. Clara R. Newman and family of 1309 Spring Street. A-B Anny E. Powell is now stationed at Lackland Air Force Base 'San Antoni6, Texas. She is the daughter of Mr. and Mrs. Author                 Powell 303 Fortune Street. Mrs. Tillie Massie after being a patient at Floyd Hospital for several days is now convalescing at her home 500 E. 12th Street,. Mrs. Ida Belle Reason, alter three weeks illness Is recuperating at her home 305 Moore Street. Prof. Samuel Burrell is able back at his work after suffering with foot infection for several days at his home on S. Hamks Street. Mr. Howard Kennemore is recuperating at his home on Fortune Street. Mrs. Carrie Adcox is convalescing at her home on E. 15th Street. Mr. Walter Stephen is convalescing at his homo on E. 16th Street after three weeks illness. Mrs. Ethl Hyer is recuperating at her home 917 \V 1st Street. Mrs. Hunnnh McArver is ill at her home on Graham Street. Mrs. Addle- Thomas is ill at her home 437 E. 14U) Street. Mr. Thomas Mann, student at Clark College spent the weekend with his mother, Eldora Mann and family.</t>
  </si>
  <si>
    <t>                                           "It's the little things in this life That make living so sublime as we live here day by day swinging with the time.</t>
  </si>
  <si>
    <t>                                           DAILY CROSSWORD                 ACROSS 1. Electric catfish 6. Serpent  0. Gelatinous  10. Llmpa (dial.) 12. Hall! 13. Indian mulberry 14. Hawaiian bird (hyphen.) 15. Music note 16. Speedy 18. Coin (Peru) 10. Granulates 21. Pro-Nazi organization 22. Eskera (gcol.) S3. Shrubs (Jap.) 25. Ntion (sym.~ 26. Sets of boxes (Jap.) 28. Part of "to be" SO. Wild ox (Celebes) 31. Distressed 33. The common heather 35.' Required 37. I\ fct... 38. Onc- cards 30. Sloth 40. Public notice 41. Perish 42. Mllkflsh 43. Last 45. Mohamme* dan bible (7. Throctoed diving birds                 DOWN 1. Opposite 2. Malt beverage 3. Man's nickname 4. Two (combining form 5. BcgoivV. 6. Old measure of length 7. Italian river 8. Woodenhead golf  9. Cant 11. Vended \j 13. Guarantee 16. Discharging B gun 17. Indefinite article                 18. Genus of swine 20. I^.lava :2t. MoMtfos the scale 27. Negative 28. Sunken 'area leading       )lar 20. Middle 30-            of addition 32. An  ^35.           /k a  84.       .3^,li country 38. Electrical engineer 1 (.) .38. Troubles                 41. The mail r(E.I.) 43, 0?~ /Vl?  45. Tho unknown god (Hinduism) 46. Cry of pain                 m r r r W4 Y T d*7l 1 I UN 1 I b                 SMurtlay'i Amirr r</t>
  </si>
  <si>
    <t>                                           SIGNS NEW WAGE CONTRACT WITH  Mason Harding, 408 Robinson Court, Marietta, president of local 2016, of International Association of Machinists Industrial Lodge 33, signs a new Union contract with the Georgia Division of the Lockheed Aircraft Corporation, Marietta, which gives a blanket nine cents an hour wage increase to Union members. The new Local 2016 contract also calls for the Company the insurance premiums on group insurance for employees and gives prorated vacation pay. Signing for Lockheed Corporation is L. A. Mitchell, manager of the Labor Relations Department.</t>
  </si>
  <si>
    <t>                                           NEW YORK--(INS)-- A young handyman suspected of raping and strangling beautiful Mrs. Penny Coats Evans, 30, in her Westport, Conn., home, was sought by police in a nine-state alarm.</t>
  </si>
  <si>
    <t>                                           MEMORABLE SCENES OF STATE S 4-11 WINNERS AT TUSKEGEE- Helen Tibbs, of Madison County, dress revue winner, left, and Ella Mae Sims, of Sumter County, clothing winner are seen iln top left, photo) observing a dress which was a part of E1la'6 winning wardrobe HERE HE WINNING dairy foods demonstration tenni is seen tin top center photo) In action They are Frances Hughes and Mattie Morrow both of Greene County LUCILE AND CORINE BURTS. sisters, of Randolph County.  see:i                 In top right photo) were top -am in - learn. TOP HONOR FOR P.A. was won by Ella Louise I^an, of Lowdnes County, (seen ih not mm left photo). Ella's awani was a $100 - the Calumet Baking Powder donation for elate winner. Ella was dairy foods winner, too. THE CURLS- all happy to be winners- are seen  at bottom left) looking over the ILst of donors and awards. They received Defense Bonds, watches, and medals for                 their Hccomplisluuents. In the group are,  row. left right: Frances Hughes, dairy foods team, Greene County; Bobby Jean Houston, tood YH*       \\. Randolph County: 01a Mae Sims, clothing, Sumter; Mary Ne!l MiInley. bread-making, Henry Counity; Mottle Morrow, dairy  team, Greene; and Helen Tibba. dress revue, of Madison. BACK ROW. left to right: Lncile Burts. bread-making team. Randolph; Ella Logan, baking and dairy fowls. Lowndes; Corlne Burts. bread-making team, Randolph; and Lottie Gary, food preservation. Macon County.</t>
  </si>
  <si>
    <t>                                           NOW- Old Hickory Bourbon gives you  Spf ( 9 great plus-PREMIUM AGE JJSfi %(Sm j%*~% kW^B^ Bourbon LlJjjJ I c**6*fi Finest  I^Mt^f XlluXvUIlI I^JfflS^/i  kS^^^^^^ J*^" _-IN-~OND 100 PROOF 86 PROOF OlD HICKORY DIST. CORP.. WIU, fJL</t>
  </si>
  <si>
    <t>                                           In loving memory of our darling son who passed away three years ago, January 10, 1950.</t>
  </si>
  <si>
    <t>                                           Back from a trip to New Orleans, the Morris Brown College Purple Wolverines will work overtime tonight in preparation for their important date with the Fort Valley State College Wildcats, Friday night, at the Joe Louis Gymnasium.</t>
  </si>
  <si>
    <t>                                           LAFF-A-DAY                 "See- nothing to it- simple aU right, all right- hey. did ya see     ?- wat ctt tW3 one-''</t>
  </si>
  <si>
    <t>                                           B Ail ATif p ^~V^ edition ^^fc^^P PsblbUd       Momios Except Mo*kJ*v /j /V^Wj" ;    3       VOLUME 25, NUMBER "?52 r ATLANTA, GEORGIA, SUNDAY, FEBRUARY 22, 1953 PRICE TEN CENTS 3</t>
  </si>
  <si>
    <t>                                           mP$^H of youb Br. MID Palmar*! OOUIll  SKIN  Now, those drams can come ! Dr. FRED Palmer's oew DOUBLE STRENGTH FORMULA works twice u fut to give you , lighter, smoother skin. Clew up   caused pimples, bumps mad blemishes. Suns  action the INSTANT you apply ii Satisfaction or  back. Adc for and gtt the original Dr. FRED Palocr't Skin Whitener. Accept no . 25( ATAUMUGANDCOSMfnCSrOMS 50  "Ugly Bumps On My Face ^SffirjfjMcy^.. ^~B3  * } i ^^ttE-^ Phyllis Emery, 6331 Elbcrharl Ace., Chicago, 111: "UKly bumps (blackheads) on my face  me. TOc itching and  always annoyed me. A friend told me about Black and White Ointment. I tried it and sure ^--^Spv^ got wonderful re- ~''MifHBrTrr^^fc lief. I cant say too /?~   *fl much about your H ^ *^J Crand ointment."   Sh0 P               with Black and Whlw Soap</t>
  </si>
  <si>
    <t>                                           IT S PENNY ARCADE BUT IT GOES BANG!-Pfc. Donald Collins (left), son of Mr. and Mrs. Ralph Collins, of 3504 Vine Street, Sioux City, Iowa, and Sgt. George H. Bolden (right), son of Mrs. Susie Bolden, of Dixiana, Ala., are seen (above) examining their adaptation of the penny arcade ray gun for the M-l rifle. They are members of the 24th Infantry Division in Japan. The device is used in marksmanship training and is especially adaptable to                 door sessions. Sgt. Bolden's father is deceased.- (U. S. Army Photo).</t>
  </si>
  <si>
    <t>                                           EXECUTIVE POSES WITH HIS PRMClPAL. AIDES                 r* PRts.DENT DWIGHT D. EISENHOWER poses in the E;isl Room ol the While House with nine of his top officials after swearing-in   followed Senate confirmation of their nominations In tin- iji.~     (I    r.) are: Arthur E. Sumrnoi field, Postin. .  -nell Jr., Attorney General; George M. Humphrey, Sei'ieluo of the Treasury;                 John Foster Dulles. Secretary of Slate; President Eisenhower; Chief Justice Fred M. Vinson; Ezra T. Benson. Secretary of Agritultuic: DoiiRlas MrKiiy. Secretary of the Interior; Sinclair \\Yr!;s. Sc-i-iot.iry of C/ iri*: Martin P Dm kin. Spcrt'tary of Labor, ami Mrs. Ovfta                 (."ulp Hobby, Ko. Security Ailtiiinistralur. 'Itid-                 Si</t>
  </si>
  <si>
    <t>                                           WASHINGTON --(ANP)-- A white minister, the Rev. A. Powell Davies has told his congregation at All Souls' Unitarian Church, that he will knowingly eat in any restaurant, in the nation's capital if it refuses to serve Negroes.</t>
  </si>
  <si>
    <t>                                           Larson Reveals HIT Left  Order To Firms                 WASHINGTON, D. C. (SNS) .GSA Administrator Jess Larson announced yesterday that President Truman's final official act was an FEPC order to firms with  contracts.                 The order provides that firms doing business for the government will be forced by "persuasion or cancellation" to bar job discrimination. Larson said that Truman signed the order before he left office. The order backs up a report by Truman's special committee on discrimination This committee reported last Friday that both industry and government agencies have largely ignored existing nondiscrimination clauses in government contracts. Truman forwarded a copy of this report to President Eisenhower A spokesman for Larson said the '"crackdown" will start as soon as the order gets around the OSA's regional offices' throughout the country. The discrimination report noted, that race-and religious ''-'1 tlon are in part economic in origin and can be reduced by economic measures. Extracting from the report. Truman said: The eventual elimination of dis- crimination based on race, religion, economic status, or section of the country is a continuing objective. of national policy. The problem of low income families is no longer caused by general unemployment, or generally substandard .wages, or very low prices of farm products. "The problem centers in families with special disabilities: racial minority families, broken families, families with sickness, families where is a lack of sufficient training and education for the principal wage earner, and farm facilities on substandard farms."</t>
  </si>
  <si>
    <t>                                           WASHINGTON, D. C. -- (SNS) --.GSA Administrator Jess Larson announced yesterday that President Truman's final official act was an FEPC order to firms with government contracts.</t>
  </si>
  <si>
    <t>                                           1952-53 MOREHOUSE COLLEGE BASKETBALL SQUAD- Shown above are the members of the 1952-53 Morehouse College basketball' squad, currently Atlanta's, hotest collegiate quint. Coach Frank L. Forbes' Maroon Tigers have been really rolling since mid-January and may be one of the teams to beat in the SI AC Basketball Tournament be held at Tuskegee Institute, March 12, 13,                 and 14. They ate (L to R) Front-Alphonso Young; (5); Donald Thomas (9); Bobby Jones (11); George Ross (10); Ronald Johnson (13); and Ronald AAimms (4). Back- Willie Davis (16); John Simmons (15); Don Clendenon (14); Alfred Junior (3); Ronald Weaver (17); Clifford Jackson (12);                 and David Sounder^ (8).-(Pholo by Alexander Adams).</t>
  </si>
  <si>
    <t>                                           GETS FEDERAL CHARTER The Industrial Federal Savings arid Loan Association, Cincinnati, received its federal charter from the Fifth U. S. District: It is the first Negro-operated association in the district, comprised of Ohio, Kentucky' and^ Tennessee, to receive, the charter. It is the eighth Negro association in the United States tb be chartered. Horace Sudduth, association president, is shown receiving the charter from Walter E.                 ius, executive vice-president and treasurer of the Federal Home Loan Bank in Cincinnati. From left above are: Boyd W. Overton, secretary-treasurer; Dr. R. E. Clarke, vice president; Benjamin Brinson, Luke Craig, Edmund T. Berry, secretary of the government agency; Mr. Sudduth, Mr. Julius, Henry M. Higgins, assistant secretary; Charles H. Woode, Gleen Alexander and Dr. Luther J. Lemon.</t>
  </si>
  <si>
    <t>                                           AUGUSTA, Ga. --(INS) -- Sentences ranging from 25 to 40 years at hard labor were decreed Wednesday for five Camp Gordon, Ga., disciplinary barracks prisoners convicted of mutiny.</t>
  </si>
  <si>
    <t>                                           BURGLAR BARS i^ PROTECTION 'WgS^i SOUTHERN WIRE IRON WORKS t*nm , RapraMiMotlv* KAymond 9319 Phon* MA. 5305 441 M. Dr., S. L, Attonfa,</t>
  </si>
  <si>
    <t>                                           Ike's Crusade Now In Swing; Tackles Big Job                 8 Cabinet Members OK'd; Wilson Still Not Given Approval                 BY BOB CONSIDINE                 WASHINGTON (INS) Pre- I sident Eisenhower began the monumental job of carrying out j his "crusade" yesterday and encountered his first obstacle a stalemate with the Senate over completion of the cabinet with his key appointee for Secretary                 of Defense. The new President began his work-day at the White House at 8:02 a. m., apparently exhausted' by the gruelling events of the biggest, longest and most widely observed inauguration of modern history. During the day he: 1. Revamped the method of keep-' ing America in touch with the presidency by announcing he would continue weekly news conferences and make monthly TV-radio reports, perhaps by televising some ol his sessions with reporters. 2. Won Senate approval of eight or his nine cabinet appointments, excepting only Charles E. Wilson as Secretary of Defense, whose .name was not formally considered in the Senate today. Ovet Gulp Hobby also was confirmed as Federal Security Administrator. 3. Watched with high good humor as seven of his key White House assistants were sworn into office. 4. Worker on his "Slate of the Union'1 message to Congress, planned for delivery shortly, in which he will discuss in detail his recommendations for revisions of the Taft-Hartley labor Law, and other major legislative recommendations. 5. Held a businessman s lunch with several state governors and his key advisers and worked into the afternoon. The men whom the Senate approved1 and who officially joined the. Chief; Executive on his first, day in office-were:- John- Foster'DVilles, State: George M. Humbhrey, Treasury; Douglas McKay,' Interior; Sinclair Weeks, Commerce; Ezra Taft Benson, Agriculture; Martin Durkin. Labor; Arthur, Summerfield, Postmaster; Herbert C. BrowneU, Attorney General. Senatorial approval came after a tense day of bickering with Sen Wayne Morse (Ind.) Ore., open opponent of Elsenhower during the campaign. WILSON STILL "OUT' The lone vacancy remains that of Secretary or Defense. The case of Charles E. Wilson, and his eligibility to hold the post in view of the fact that he might profit from contracts let to General Motors, is" before the Senate's ArmedServices Committee Announcement of Ike's TV -radio plans was made by White House news secretary James Hagerty, who also told a crowd of reporters that the new President would continue weekly news conferences. Hagerty stressed that no definite decision has been made on the President's talks to the people. He (Continued on Page 3 Column 5)                 NEW TENANTS AT THE WHITE HOUSE President Dwight D. Eisenhower waves and Mrs. Eisenhower smiles happily as they prepare Jo enter the White House for the first time as Chief Executive and                 First Lady. (International Soundphoto)                 Ike's Crusade (Continued From Page One) said it might take the form of a televised news conference, an informal speech or a simple announcement. The press secretary said the technique might change from one month to the next. The new Chief Executive embarked on his stupendous tasks of office by receiving top advisors in the famed oval office which will be his workshop for the next four years. The crusade, which won him 33 1-2 million popular votes \n its campaign stage, thus entered the most important phase of all: the monumental Job of making good on a nine-point Inaugural program which conceivably could reshape the world. The jut of the .lew President's jaw yesterday in his meeting with top counselors was produced, it was generally agreed, by his concern over the roadblock flung in his face Tuesday by the rebellious Republican Senator from Oregon, Wayne Morse. Eisenhower had taken pride in the 'fact that his cabinet was complete 'and had* bee  meetings before inauguration day. But Morse single-handedly held. up until yesterday Semite confirmation of eight cabinet  submitted within   Eisenhower took the oath or office. Morse pointedly .suggested that Wilson bow out or the picture. Wilson, former head or General Motors, and picked by Eisenhower as his Secretary or Defense, holds two  one-halt million dollars in stock In the industrial firm which does such a great share of the nation s  work. To the new President, Wilson epitomizes the type of businessman he wants around him in bringing to government a management which he believes has been lacking for many years, Eisenhower In the past lias spoken more warmly of Wilson than of any other man in the cabinet. ROSENBERGS Hagerty informed newsman yesterday that he does not know the status of the clemency plea of convicted atomic spies Julius and Ethel Rosenberg, who will go to the electric, chair unless the new President commutes their sentences. The press secretary would not say whether the President will sign an executive order upsetting President Truman's seizure of tidelands oil for the Naval Oil Reserve. A portion of Eisenhower's first day at work was devoted to adding substance to the outline of his State of the Union speech, which he will make in person at a time not yet set. This speech, one White House spokesman said,i"wiH be an "inaugural address with teeth."</t>
  </si>
  <si>
    <t>                                           WASHINGTON -- (INS) -- President Eisenhower began the monumental job of carrying out his "crusade" yesterday and encountered his first obstacle -- a stalemate with the Senate over completion of the cabinet with his key appointee for Secretary...</t>
  </si>
  <si>
    <t>                                           The Fourth Annual Stunt, Night of the Butler Street YMCA is scheduled for Friday, March 20. at 7:30 p. m. in in the Howard High Gym. Thirty-three acts will be featured according to Elmer Calloway, Director of the program.</t>
  </si>
  <si>
    <t>                                           Ike Shows Off New Home; Accepts Lamb Chops Gift                 BY ROBERT E. CLARK                 WASHINGTON (INS) Still grinning after the Inauguration grind, the new tenant of the White House showed off his lodgings Wednesday and accepted his first gift as President a batch of lamb chops.                 President Eisenhower began his first day as Chier Executive at 7:30 a. m. when he bounced out of bed after only five hours rest, and .ended his official chores shortly before 6 p. m. by witnessing the swearing in of eight cabinet members. Mr. Eisenhower said "No, I fee] good," when newsmen asked if he was tired, but the President scheduled no evening engagements and planned to turn irt "very early.". The schedule called for a quiet family dinner with the President's son, Maj. John Eisenhower, his wife. Barbara, and Mrs. Eisenhower's mother, Mj-s. Elivcra Doud. The President had his  breakfast of grapefruit and coffee before receiving his first visitor at 8:02 a. m. Attorney General Brownell- and reportedly discussed the controversy over DefenseSecretary- Charles E. Wilson. After the Brownell meeting, Mr. Eisenhower held a series of conferences with top members of his new staff, which press secretary Jatne Hagerty said concerned "mechanical matters jn the White House." His new former chore was signing the commissions of the staff members who were sworn In later. The President then lunched with two Republican governors, Walter J. Kohler, Jr., of Wisconsin and Dan Thornton, of Colo., and personally conducted them on a tour of the executive mansion. It was the President's first (Continued on Pate 2 Column 5)                 Ike Show (Continued From race One.) chance to play host at his new Pennsylvania Avenue home and the governors said they had a grand time. Thornton said the tour was "quite lengthy" and added that Mr. Eisenhower "seemed to be well-versed on the White House." Mr. Eisenhower accepted his first gift as President irom Thornton-the dressed carcass of a prize lamb that will be sent him by the Colorado-Nebraska Lamb Feeders Association. The President returned to his office at 2 p. m. and continued working with his start for an hour or so. Then he called in seven key staff aides and stood smiling while they took the oath. He shook hands with them and equipped: "After all, you are legal now." The now Chief Executive then dictated a few letters before attending the swearing  in of eight cabinet members, his last formal activity of the day. Mr. Eisenhower will be at his desk at 8 a. m. again Thursday his second day in office and will confer with Army Chief of Staff General J. Lawton Collins and Acting ATmy Secretary Earl V. Johnson. Others on the appointment list are Sam Stern, Grand Exalted Ruler of the Elks; E. Joseph Donohue. Distict of Columbia Commissioner; Emmclt Hughes, his  speech writer; and Col. Craig Cannon, who was one of Elschowcr's aides at NATO headquarters in Paris.</t>
  </si>
  <si>
    <t>                                           WASHINGTON -- (INS) -- Still grinning after the Inauguration grind, the new tenant of the White House showed off his lodgings Wednesday and accepted his first gift as President -- a batch of lamb chops.</t>
  </si>
  <si>
    <t>                                           --AN1 THE LION TAMER If POOR UNCLE OTTO/ WHEN V ,!^?8    * SOUTHERN  A DEN!" HAW HAW BREAD APPEARS, NOBODY MO HO HEE WAITS LONG ENOUGH TO HEAR  UAtAfl mv-\ I THE END OF HIS ^^^%^ JOKES/Southern, '^SrT^S^TB Enriched Bread aSS^D^ mad.wi,    : Rich Yellow End^v^^^ Creamery Butter</t>
  </si>
  <si>
    <t>                                           OHIO STILL WANTS TO JOIN UNION                 SPEAKER OF THE HOUSE Joseph Martin Jr. receives a copy the constitution of Ohio in Washington from courier George Murphy, of Chillicothe first capital of Ohio. The occasion was Murphy's duplication of the ride of Thomas Worthington, who carried a resolution  statehood 150 years ago. Murphy, dressed in early 1800 style,                 " the 420- ride in six days. (International Soundplioto)</t>
  </si>
  <si>
    <t>                                           :'   T^'DtATV 1 tastes (d so good \h so good for you LOOK FOR THE SEALTEST TRADEMARK AND THE BROWN TILE PATTERN i</t>
  </si>
  <si>
    <t>                                           Westside Meet Hears Office Seekers Plea                 Political campaigning among Negro groups picked up steam yesterday as candidates appeared at scheduled meetings of the Atlanta Negro Voters League and the Westiide Voters League.                 Seven candidates for offices In the new wards three and seven appeared at the Westside Voters League meeting in the Union Baptist Church on Mozley Drive, Rer. J. A. Wilburn, pastor.     Mayor Hartsfield reviewed his administration s accomplishments to the Westslders, pointing out improvements that have benefited all citizens. He asked reelection on the basis of his record. Charlie Brown, candidate .for (Continued on Page S Column' 6)                 Westside Meet (Continued I-rom Page One) mayor, was represented by Attorney Frank W. Brandon, who deplored excessive lines imposed by traffic courts and related several planks from Brown's platform. Other candidates who appeared at the Church were Franklin Rodgers. Dr. Charles C. Rife, W. Fred Orr, and P. Q. Borden, all candidates for membership on the City Board of Education. T. J. Couch, candidate for Alderman from Third Ward also spoke to the group. Earlier in the evening, Charlie Brown was among 15 candidates who visited an executive committee meeting of the Atlanta Negro Voters League in the YMCA. Atty. Cassandra Maxwell presided at the meeting.</t>
  </si>
  <si>
    <t>                                           Political campaigning among Negro groups picked up steam yesterday as candidates appeared at scheduled meetings of the Atlanta Negro Voters League and the Westside Voters League.</t>
  </si>
  <si>
    <t>                                           WASHINGTON -- (ANP) -- "Join the March to First Class Citizenship" is the rallying cry which will be heard at the solemn parade and mass meeting to be held on the steps of Lincoln Memorial on March 1.</t>
  </si>
  <si>
    <t>                                           Two Morehouse College teachers are on the programs of language conferences this weekend. Miss Ethel Werfel, of the Humanities Division faculty, is slated to serve as luncheon speaker at the Thirteenth Annual Conference of the College Language Association...</t>
  </si>
  <si>
    <t>                                           Race Republicans Praise Naming Of Joseph Bibb                 NEW YORK () Negro Republicans who have contended all along that their Party always has provided the wedge that opened new areas to Negroes, got strong backing (or their argument last week when Governor-elect William a. Stratton of Illinois tapped                 veteran editor, Joseph Bibb to be Director of Public Safety in the new Republican administration which takes over this month. With new Republican administrations set to take over in Washington and in several ^states, Negroes in the GOP are optimistically predicting that the traditional policy of the Republican Party of giving full recognition to members of their race .will be put into actual practice on a scale never before experienced. The announcement by Mr. Stratton of the Bibb appointment has given hope In Illinois that Negroes in that state are headed for some big things. Attorney Euclid Louis Taylor, former president of the National Bar! Association, and one of the few Ne- 1 gro lawyers who held fast to his. Republican ideals and supported the Party through its leanest days, pointed out the other day that, "it is nothing new to see a Republican executive give high public office to a Negro." Mr. Taylor recalled that it was a GOP Governor, the late Len Small, who put the first Negro in the powerful Illinois commerce Commission. He said the Democrats continued a Negro in the Commission post, but never gave one a bigger state job. The Bibb appointment1 marks the first time In the history of any state that a Negro has been given a top post in a Governor's cabinet. Mr. Taylor, who. because of his; fine service to. the Republican Party is certain to be given appropriate recognition, possibly a , in                 speaking pf the Bibb appointment said, "Joe Bibb well deserves the honor that has been bestowed upon him. He has been a constant and loyal Republican, one of the few lawyers in Illinois who have not at one time or another backslid in order to profit by Democratic patronage. "As an Editor," Mr. Taylor continued, "Joe Bibb and his associates on the now defunct Chicago Whip, created the slogan 'Don't Spend Your Money Where You Can't Work* and parlayed it into a national crusade which completely revolutionized the Negro's economic life in the United States. Bib and the Whip didn't gain much for themselves out of the crusade in the way of material profit, but they accomplished far more than material gain. It was that crusade of the 1930s which changed the thinking of both Negroes and whites about the Negro's place in the nation s work force, and paved the way for thousands of new Jobs for Negroes which they had only dreamed of before. "Bibb is a competent executive," Mr. Taylor said, and as Director of Public Safety he should turn in a first class job and bring credit to the Stratum administration. And. with Stratton in the Executive Mansion at Springfield, Illinois can look hopefully for enactment of muchneeded social legislation, including a law to curb discrimination In employment. Because of his record, "Mr. Taylor continued, "Joe Bibb should be able to contribute a great deal to the administration s philosophy and action in this case." Mr. Taylor, whose experience In politics and law is international in scope, said he sees great hope for racial progress in President-elect Eisenhower's proposal to establish a Commission to "g*t all the facts on segregation practiced against minorities in the United states,"</t>
  </si>
  <si>
    <t>                                           NEW YORK -- (GLOBAL) -- Negro Republicans who have contended all along that their Party always has provided the wedge that opened new areas to Negroes, got strong backing for their argument last week when Governor-elect William G. Stratton of Illinois tapped...</t>
  </si>
  <si>
    <t>                                           RACE GI S ARE AMONG FIRST                 Atlantan Is In Second Group Freed By Reds                 BY ROBERT                  PANMUNJOM, April 21 (Tuesday) (INS) One hundred more Allied prisoners today began to pass through Panmunjom's "Freedom Gate" even as the first 30 American captives released by the Communists 24 hours ago were flying to Tokyo                 for treatment and transfer home. Among the 35 Americans freed yesterday was an Atlantan, Pvt. William Moreland, white, of 1857 Volberg Street, N. W. Moreland is the first Atlantan to be repatriated in the POW exchange. Allied repatriates in the second day of the historic exchange of sick and wounded war prisoners include 35 Americans 50 Koreans, 12 British and three Turkish Nationals with 11 litter cases among them. First American turned free in today s group was PFC Paul O'31anton of Route 2, Broadhead, Ky. The exchange today began on a gay note with the liberated allied fighting men shouting wisecracks from Communist ambulances before they alighted to receive a  in the United Nations reception tent. Only four miles away allied artillery boomed on the battlefields as the second group of sick and wounded moved into Panmunjom under a bright sun. Overnight the Communist erected and -painted a four-posted .arch over their receiving area with bright ^ J Orient^ ' spelling out a welcome, for Red prisoners returned by the allies. Five hundred more sick and wounded Communists were to be handed over to the Communists during today s exchange. Thirteen allied  brought the Reds to the exchange point at 8:15 a. m., 45 minutes before the actual exchange started at 9 a .m. (6 p. m. Monday, CST.) The Communist returnees Includj ed 450 Chinese and 50 North KoI reans with 50 litter cases among i the Chinese.</t>
  </si>
  <si>
    <t>                                           PANMUNJOM, April 21 -- (Tuesday) -- (INS) -- One hundred more Allied prisoners today began to pass through Panmunjom's "Freedom Gate" even as the first 30 American captives released by the Communists 24 hours ago were flying to Tokyo...</t>
  </si>
  <si>
    <t>                                           Cassandra, a daughter of Priam, King of Troy, was wooed and loved by Apollo, who gave her the gift of prophecy, but afterwards, becoming angry with her decreed that no one should believe her prophecies. The prophecy of H. M. Shelley Chamber of Commerce secretary that "no race hatred is involved" in halting plans of the Jacksonville Beach Sea Birds to try out Negro players has the ring of a 20th Century Cassandra. It may be the truth but no will ever believe it!!!</t>
  </si>
  <si>
    <t>                                           Announcing "Name The Pappy" Contest! FREE f '10r^ Mothins To B"y W^ All You Do Is A BEAUTIFUL NEW W^^Xm Nam6 The PupPy" K0R6E WASHER if^^Sk L  ndv B Iir Ol^^PlI Is Chosen You Will Win FREE... TO THE ~!2t2 Hwl LUCKY WINNER! *^4 A       WaSher Contest Closes Feb. 20 So Hurry! JUST STOP IN AT JACKSON S, Inc., 1 85 Auburn Ave., and fill out a contest entry blank or fill out the blank below and mail or bring it to Jackson's j^K$^^-^~^iii^^n^H I NAME THE PUPPY CONTEST: I I }-   : '^"^^^H I      ?ON S !N.C' I85 Aubwrn      N- C- I ^^^~~(^sJP^SjI^^ J^^Hj YOUR CHOICE OF NAME HERE I    7 ^^^^*l^^~                  ^~i^^ ^^^H I Make of Washer you now have I ^B^r iS -i SliPP^ HH I ^9e Washer you now have I ^^^mf'^M^:: ::::-;:i:Sg;;::::.-~';:: :'!;:'rS:^^ ^^^H I I ^~f ~-''TS-^~i:'- .:VX'~:~. m ^^HB ta^BM i^^~ ^^H* 1    ".^M* ^^M. .i^^^ ^h^^ ^i^^     /l]  '^-: v^l ;-1! JB Prices Start   : Jackson's CCimeS O-full Hl^K^^^^^SnH1 $9!^al"P lineof Nor9e ProductsrtfjJ ^Ml:^ ^Sft H '1' Lo we s t prices! Easiest rl '^S^**^ \Vas*^cS '^8   I BKBh Hi V^--^^ 185 AUBURN AVI., N. E... ALpine 6333</t>
  </si>
  <si>
    <t>                                           Methodist Leaders Praise Eisenhower's Stand on Peace                 NASHVILLE, Tenn. (ANP) Methodist church leaders issued a statement last week congratulating President Dwight D. Eiseiv hower for his "willingness fo meet halfway the  of potential enemy countries."                 The statement, drafted at the annual meetings of the board of evangelism and the board ol education and signed by lay and clerical members, included three points. Among other things, the statement said: "1. That we   overtures as essential first steps toward the peaceable adjustment of differences, and trust that they will be found sincere and worthy of confidence. "2. That we commend our government for the serious and con-  way in which these over- i tures so far have been received, and for the consequent prompt re-opening of negotiations with the enemy in Korea. "3. That we commend especially President Eisenhower's expressed willingness to 'meet halfway' such heads of potential enemy countries as may seem sincerely  of making peace, and appreciate that' our state department has taken immediate steps to explore that possibility."                 Among the Negroes who attended the meetings were: Bishop EMgar A. Love. Baltimore; Robert N. Brooks. New Orleans; Matthew W. Clair, Jr., St. Louis; and John W. E. Bowen. Atlanta. Others were President M. L Harris. Philander-Smith College. Little Rock, Ark.; David D. Jones, Bennett College. Greensboro N. C; J. J. Seabrook, Claflln College.' Orangcburg 8. C; Matthew 8. -Davage, Houston-Tillotson College, Austin. Texas; J. S. Scott. Wiley College, Marshall. Texas; and Mrs. M. W. Boyd acting president of Morrlstown College, Morrlstown, Tenn. Still others were: The Rev. Orant S. Sbocldey, Dover, pel the Rev J. w. Golden. Memphis, Tenn.; the Rev. Ernest Dixon. Nashville. Tenn.; the Rev. A. J. Newton Marshall, Texis; Prof. James Thomas, Gammon Theological Seminary     '6 Mlddleton, lay leader of the South Carolina conference,</t>
  </si>
  <si>
    <t>                                           NASHVILLE, Tenn.--(ANP)--Methodist church leaders issued a statement last week congratulating President Dwight D. Eisenhower for his "willingness to meet halfway the hoods of potential enemy countries."</t>
  </si>
  <si>
    <t>                                           WASHINGTON--(dist&gt;ANP)--Waiters and waitresses, whose annual take in tips has been estimated at 2 billion dollars a year, had better watch out. Walter F. Massafra of New York has invented a system of checking tips.</t>
  </si>
  <si>
    <t>                                           Last years slender suits will have to reduce to meet 1953 standards.</t>
  </si>
  <si>
    <t>                                           ALLIED SOLDIERS prepare facilities al Mercy Villages where returning POW's v/ill be received.                 The sick and wounded POW's were reported on their way to the exchange site in a Freedom caravan winding slowly through North Korea.</t>
  </si>
  <si>
    <t>                                           200 Reds Routed In Korean Fight                 BY JOHN J. CASSERLY                 SEOUL (INS) American marines Thursday cut down 200 Chinese in a wild bayonet and hand-to-hand battle for outpost Carson within sight of the Panmunjom armistice conference area on the Western front in Korea. Three hundred Chinese charged I against the battered outpost hill at 3:50 a. m. and some surged into I marine trenches before the tide of I (Continued on Page 2 Column 4)                 200 Red (Continued From rage One) battled turned. The fight raged for five hours before the last surviving Chinese was chased back. The Chinese overran the Northern fingers and reverse slopes of Carson as the battle began. Allied mortar and artillery fire opened great holes in the Red ranks and dug-in leathernecks poured out automatic and small arms fire. By 8:35 a. m., the Chinese were beaten back but only after some of them reached the trenches in rough and tumble hand-to-hand fighting. Marines counted 60 Chinese dead scattered about the smoking outpost, and estimated another 90 killed and 70 wounded.</t>
  </si>
  <si>
    <t>                                           Please Notice Address MADAME R B Born with a gift to help others. If you are worried, troubled or unlucky, having bad luck, then see this lady today. Come, if you got money or no money, no one in trouble turned away. AH readings guaranteed. On love, business,' marriage, family affairs, lost and stolen articles, any prob lent you have let me help. Open daily and Sundays 9 A. M. to 9 P. M. Follow highway 85 out or Hapeville right to my place near the '85 Drive-in-Theatre. Just 12 miles from Hapeville. I am located between Hapeville and Fayettcville on Hlghuiiy 85.</t>
  </si>
  <si>
    <t>                                           The Southeastern Regional Office of the National Association for the Advancement of Colored People announced today that the 1st Annual Regional leadership Training Conference for branches, youth councils and college chapters will be held here, February 20-22, 1953.</t>
  </si>
  <si>
    <t>                                           Hearing was held in U. S. District Court for Eastern, Tennnessee April 15, on the complaint of four citizens who seek a summary judgment; they ask a mandatory injunction directing the city to permit them to play golf on the city court, which at present is leased to...</t>
  </si>
  <si>
    <t>                                           IN; ONLY FIVE MONTHS YOU CAN BE A PRACTICAL NORSE! EARN BIG MONEY IN THIS GREAT PROFESSION STILL TIME TO REGISTER Day and Night Classes- Enroll Now -No Down Payment Budget Tuition Payment Only $5.00 Per Week ONLY 2 SESSIONS A WEEK FULL COURSE ONLY $100.00 No High School "60,000 NURSES NEEDED Education Required IN U. S. IMMEDIATELY!" For Admittance N. Y. Times The Practical Nurse Training system of tbe Bean- notebook, diploma, graduation pin and use of all mont School Is based on a Quarter Century of Nurs- laboratory equipment, test and thermometer. Free Ing Experience. Our graduates are spread over the placement service, hospital training arranged at no Nation, an Incomparable record of achievement charge. Staffed by Registered Nurses. No age limit which no similar school can claim. over 18, Day and evening classes now forming. RegFull course includes uniform, cap, printed notes, Istratlon dally. 10:00 A. M. to 9:00 F. M. BEAUMONT SCHOOL of Practical Nursing -MA 941 9 Direct Connections With IRWIN HUNTER  Trolleys 14 BOULEVARD, N. E. MAin 9419 ATLANTA 2, GEORGIA Former Location of  Infirmary)</t>
  </si>
  <si>
    <t>                                           ALL TYPES tHi^B^I OF HOME OWliS IMPROVEMENTS.;. SPECIALIST IN SLUM CLEARANCE WORK ROOMS -PORCHES -ADDITIONS ROOFING SIDING CONCRETE ALTERATIONS UNDERPINNING PLUMBING-ELECTRIC-PAINTING BASEMENTS GARAGES, ETC. FREE ESTIMATES NO DOWN PAYMENT FHA TERM LOANS AVAILABLE ALL JOBS 100% GUARANTEED ALL JOBS 100% INSURED ALL JOBS DONE BY US ONLY PAY AS LITTLE AS $1 ,00 PER WK. No Payment Until JUNE 1953 j^ROBBINS 40  STREET BLDG^ S. W. IN DOWNTOWN ATLANTA WEEK DAYS LAmar 7712-7713 Nights, Sat., Sun. Holidays AT.2278 or EL.9005</t>
  </si>
  <si>
    <t>                                           ALICE IDLETT "SWAN* QUEEN" Alice Idlett will be the "Swan Queen" for the Ballet "Fantasy" gh en by the Smith School of Dancing on Saturday, May 2, 1QS9     tho  at  P. M.</t>
  </si>
  <si>
    <t>                                           Walden, Maxwell Hit Action Of City Committee                 Hearing On Harris, Walden, Amos Suits Will Continue Today                 The challenge of three Negro aspirants to political office brought yesterday against the City Executive Committee's recent exclusion of itself from the May 13 Primary was recessed until this morning at 9:30 A. M. after a series of polite but                 aging blows representing both sides of the question. It became apparent Monday that the question of party affiliation might figure in the decision deciding whether the committee had erred in refusing to qualify the three Negro hopefuls when they sought to make preparations to vie for the first Atlanta posts in years for Negro office seekers. However, Attorney A. T.' Walden, representing Miles G. Amos  himself, and Attorney Cassandra Maxwell, representing Rod Harris, hastily pointed out to Judge Walter C. Hendrix that according to Georgia law no legal or special interest is necessary. Attorney Maxwell pointed out that Mr. Harris was not bringing the suit as a candidate. The " alleges he is a ," she said. CERTIFIED AFFIDAVIT But Walden declared that if the committee wanted proof of democratic affiliations,  a certified affidavit, and add"We were willing to sign such, but were not given a chance." The situation developed when Attorney Frank Bowers said the plaintiffs had failed to show they are members of the Democratic Party organization. He declared that the court is without jurisdiction because the committee is a pure political party organization, and not officials of the city, subject to a mandamus. 'Bowers reiterated the committee s stand that it had by-passed the primary because no specific future disposition had been made by the legislature regarding the executive group. The defense attorney asserted that the ninth, ward would be deleted January 1, 1954, although two committeemen would have been elected to serve from it had they taken part in the primary. "There, would be two committeemen with no ward' at all," Bowers said PUBLIC DUTY But the plaintiff s counsels argued that the question of public duty and not personal sanction was (Continued on Page 3 Column 2)                 Walden, Maxwell (Continued From Page One) involved, it was pointed out that the incumbent committeemen. although operating as a defacto group, would see the end of their reign January 1, 1954. The case was questioned as being a "purely political"., matter Walden declared that the defense s contentions were not grounded on '"any legal merit "They had a whole year to consider this law," he asserted, pointing out that the ruling the defense was basing its argument on was passed by the legislature in 1952 and approved by the governor of the state. He also pointed out that no one had thought to attack the j law until recently. The attorney asserted that there is nothing in the lsw of 1952 showing that "basic primary laws were to be abolished." He had previously alleged that the committee was actually setting itself up "in for an indefinite period by falling to avail themselves for elections- which they might' lose. SPECIAL INTEREST Attorney ^Maxwell further agreed with Walden in theory by reading Georgia  which she asserted showed that "no special interest is' necessary" when qualifying for the executive 'committee. She agreed, however, that' the question "is' political, but a public  is involved^".. Walden described this "duty" as "a clear, .specific, nondiscretionary duty." Bowers, assisted by Attorney Frank Grizzard, had also alleged the committee s action would really improve the situation by holding up the election of committeemen until the new arrangement of wards "was installed. He declared that -the committee was actually placed in a position of not knowing how to conduct it (executive committee election)."</t>
  </si>
  <si>
    <t>                                           The challenge of three Negro aspirants to political office brought yesterday against the City Executive Committee's recent exclusion of itself from the May 13 Primary was recessed until this morning at 9:30 A. M. after a series of polite but...</t>
  </si>
  <si>
    <t>                                           Mrs. Birdie Wallace Tops NAACP Drive                 The 1953 NAACP  campaign moved Tuesday into high gear toward a successful closing- Sunday when Roy Wilkins. national administrator, addresses a mass meeting at Central Methodist Church.                 At a special meeting Tuesday night, the campaign leadership agreed to contact every church In the Atlanta metropolitan, area for unreported contributions. Other groups which will receive special concentration towards reporting on Sunday include nurses,- beauticians, labor unions, key businesses, lodges, fraternities and sororities barbers and physicians and dentists. It was also noted Tuesday night that there were still reports to be made from residential sections Including Summerhill, High Point, John Hope-University Homes, Northeast,- Southwest, Northwest and South Atlanta. Mrs. Birdie. Wallace reported $537.42 from Atlanta public schools, one' of the highest individual re(Continued on. Page 4 Column S)                 Mrs. Birdie (Continued From Pace One) ports of the campaign. However, the campaign leadership was disappointed in individual teachers* contributions- some as low as 50 cents each since they and the schools have made more economic gains as a class than than any other group. It was noted that most of the NAACP suits have been directed toward better schools, facilities and teachers' salaries the achievements having been notable In these areas. Mrs. Wallace was congratulated, however, for her herculean efforts in reporting $537.42. Other excellent reports were noted from Mrs. Julia Jackson, Morris Brown College; Dr. E. A. Jones, Morehousc; Mrs. R. E Cureton, Clark, and Dr. R. Johnson, Atlanta University. Outstanding business area reports had come from Mrs. R. Sturdivant, W. A. Darby, Joe Cox. Mrs. Albertine Crawl. D. L. Hollowell. R. C. Blount, J. B. Blayton, Jr., Ted Lewis and J. L. Wolfe. Top solicitors in the Residential Areas were listed as: C. P Turner and T. J. Butts Edge wood; John Shanks, Decatur; Mrs. Mary. L. Johnson, Northwest; Mrs. Minnie Wlllineham. Southwest; Mrs. Roberta Parks, Pittsburgh; Mrs. Maggie Gaines. Northeast; Mrs. Nellie Kiiox, Lamar Heights, and William Griggs. South. Mrs. Euphrasin Jones, churches; Duncan Hill. Southwest; W. M. Dlckson. Edge wood; Mrs. L. M. Webb, Peoples town; Bishop J. H. Kendricks, Mechanlcsvillc; Samuel ChiSholm, Dixie Hills; Mrs. Annie Stewart, Dixie Hills; Rev. A. D. Sutton, Dixie Hills; Robert Norwood, Sr ThomasvlUe. There will be further analysis or the campaign and announcement of lop workers. the leadership announced today. C.    Harper, president of the Atlanta Branch, and L. D. Milton, treasurer, called on every community solicitor and business, club, church and other type of organization to consider it their "moral responsibility to support the NAACP. Members of organizations were urged to be present Sunday at 3 p. m. to hear. Civil Rights Leader Roy Wllkins speak at Central Methodist Church. They expressed hope that the goal of 5,000 members would be reached</t>
  </si>
  <si>
    <t>                                           The 1953 NAACP membership-financial campaign moved Tuesday into high gear toward a successful closing Sunday when Roy Wilkins, national administrator, addresses a mass meeting at Central Methodist Church.</t>
  </si>
  <si>
    <t>                                           CARD OF THANKS                 The Weaver-Baker family wishes to express thanks and sincere appreciation for the many florals, telegrams, cards and other express- ions of sympathy shown them dur- ing the illness and death of their beloved wife, daughter and sister, Mrs. Rubye Weaver Baker.</t>
  </si>
  <si>
    <t>                                           MRS. JOHN W. KINARD MARRIAGE ANNOUNCED-Mrs. Anna Belle Smith announces ihe marriage of daughter, Dorothy Smith, to Pfc. John W. Kinard, Jr., of New York City, October 2, 1952. Mrs. Kinard is the daugher of the late Mr. Edward Prothro Smith. Both reside in New / Citv.</t>
  </si>
  <si>
    <t>                                           1 The company that gave the world its first special motor fuel now gives you another "great" Tn\ROM the laboratories that H^S^^^^^^^^^^^^^^          ^aHK^1^1111111111**^ 4 J/ gave the world its first H^^^^^H^^^^^^^^^^^HRjjj^^l^^cS^^^A V  All ^M special motor- fuel- Amoco- Mb^^^P^^^^^^^^RR9~^^^^^  ^^^^^A  Gas now comes an "ahead- J^^^Ll^^^^^^^^^^R^^H^^H^^^^^^^^A ^Illlllf of-its-time" motor oil the ^^B^^^^^^^hH^^^^^^^^^A ^MIMflr^ i5M   BP^ H new Permalube Motor Oil. WT ^1 I MHHi^MMMlBBBii^^        BBM^mP^' Li Designed with tomorrow s H I I TKffi a i J I "!^^:T ^#M Hl^- I cars in mind, it s here today M^^^^HI^^^L   .~lm(^ ^^J^^^^^^^^^^^^^K-:   ^- *H to give today s cars super- ^^^f^~99^HHHHi^HHA Y '^B lubrication, super-protection ^H^^BB I I 1 J I I ""A .1 ~-!^^^B against acids,, sludge, fric- ^^^^^^B !^J I aiH^ft ^^^^^^R v tion, super-cleaning power to ^^^H^^LJp^B^-^fl^^^^^^^^^^^^^^^^Hpfel^^^^^^^^^g^^^^S^BlM help dissolve gummy carbon ^^^B^^^^^^^''^J^^^^^^^^^^B^^^^^^^^^Bi!^^HbPI!!^MM^B!^PtI^[^m and varnish. i^r ^^^'^^^^lM^^^^^^^^^^H^^^^^^^^IS^^^H^^^^SS^^Ta '^^B^l If you' think the old Per- V ~^^m^ J^~S^^^^^^K^^^^^J^/     l*   ^Fm  was a' great motor P ^Kf^^^^f':^^^^^^^^^^^^^^^^^S^^t^Bfff^^SSJ^SK0^^m oil, wait till you try the new ~^^^^~Fj^l^^H^^^^^^^H^^^^^B^^^^^^^BS9ilB9?^A^^t'^H Permalube Motor Oil! It's ^^^K^^r-^mK^^^K^^^^^^^ki^^^^m^^'^?p^jM /f/OAftF cleaning power 647ER protection against odd BS7TER lubricating action "Q^</t>
  </si>
  <si>
    <t>                                           WASHINGTON -- (INS) -- The Senate approved Tuesday and sent to the House legislation empowering President Eisenhower to freeze prices, wages and rents for 90 days, but only in the event war is declared or Congress authorizes the emergency action.</t>
  </si>
  <si>
    <t>                                           Peggy Cripps, African To Marry In July                 LONDON Visitors      the coronation of Queen Elizabeth II, joined with Piccadilly and Trafalgar residents in discussing the forthcoming marriage of Enid Margaret Peggy Cripps, youngest daughter of the late Sir Stafford Cripps to Joseph Applah, Afrlcan-Dorn law student                 and son of a Gold Coast tribal leader The announcement of the "for love" marriage quickened the excitement wrought by the arrival ol dignitaries from all over the world and of the stepped up rehearsals for the coronation. Newspapers and the governmentcontrolled radio and television took note of the , willowly, brown haired Miss Cripps announcement which was made jointly with her fiance in the studios of Felix Topolski, a British artist. Appiah, who received part of his education in England and is the personal representative of the Gold .Coasfci.Prime Minister .iii Britain steadfastly refused to- divulge his age. The prospective bride is 32. He joshingly remarked, "In my country a man s age is always his own secret." Miss Cripps happily chimed in to end speculation about Appiah's age with the comment "Joe Is about my age." Miss Cripps' father- who died in (Continued on Page 3 Column 5)                 Peggy Cripps (Continued From Page 'One) 1952", was a member of the British Labor government and leader in the Christian church and a noted lawyer. He was the chancellor of the Exchequer in the Labor government of Clement Attlee. Peggy told reporters that she first met Appiah at an African Student Union party two years ago in London. "It wasn't love at first sight." Miss Cripps said "it came later but definitely." Lady Cripps, mother of Miss Cripps will attend the wedding in July. Asked if they planned to raise a family, Miss Cripps quipped "well, if possible." Appiah concluded "Of, certainly we will. In my country, a family is very important."</t>
  </si>
  <si>
    <t>                                           LONDON -- Visitors for the coronation of Queen Elizabeth II, joined with Piccadilly and Trafalgar residents in discussing the forthcoming marriage of Enid Margaret Peggy Cripps, youngest daughter of the late Sir Stafford Cripps to Joseph Appiah, African-born law student...</t>
  </si>
  <si>
    <t>                                           TIM TYLER                 By LymSn Yqtmg                 FELIX THE CAT                 By Sullivan</t>
  </si>
  <si>
    <t>                                           Augusta City Council Has Bus-Strike Burden                 AUGUSTA, Ga.      - KeepIn? down further violence ami  resumption of bi:s service in  August:) was  on the j shoulders ol thr City Council Pri- dav                 Augusta Conch Company Secretary Hoy V Harris told the City Council and Mayor Ilmrh Hamilton that lie would restore full bus service if the city would furnish police protection to the buses Harris also asked that an order to discontinue courtesy curs be enforced The Coach Company ordered all its buses off the streets Thursday after the home of a company official was bombed. The wage increase strike was called June 1. Several wee"ks later, the company began operating with non-union drivers and mechanics Since the buses were returned violence and fear have  the the hydrogen bomb city. No one has been seriously injured Harris, in a letter addressed to the city council and Mayor Hamilton, further offered io furnish the                 names of "about 40 or 45 .strikers" who lie said -arc- responsible for ihe operation of courtesy ears on thu the brickbats, i)w tear ;?as, the bullets :1 ihe dynamite Judge Gi-over C Anderson signed a  restraining order Wednesday which prohibited the opeation of courtesy cars on the streets. They disappeared that day. but another type was b.ick Thursday. Thes.' were operating on the friendly neighbor basis. Numerous such cars were seen on the streets oi Augusta today. They stopped at the major bus  in the city. Harris said in (lie letter yesterday that  coach company is in "a posit ion to furnish a list of .es .of strikers who are responsible for" tne violence and the courtesy cars He added that a majority of ths strikers have had nothing to do with the violence -and the cars. Ha stated: "It, occurs to Us that we ought to be able to organize the city and (Couiihuetl on Page 6 Column 3)                 Augusta City (Continuea From l age One) county police in such a manner that this -10 or 45 people can be handled and thai the 100,000 people who live in Augusta can be protected from the dastardly efforts of this small group."</t>
  </si>
  <si>
    <t>                                           AUGUSTA, Ga. --(INS)-- Keeping down further violence and the resumption of bus service in strike-torn Augusta was placed on the shoulders of the City Council Friday.</t>
  </si>
  <si>
    <t>                                           Mrs. Mary Elizabeth Vroman, charming and brilliant daughter of Mr. and Mrs. W. Charles Cunningham of Montgomery, Alabama and author of the heart felt novel "See How They Run," will adddress the public Sunday, May 17 at 4:30 at the Albany State College as the...</t>
  </si>
  <si>
    <t>                                           fn GospeS Cancsrt Tod^y 3 P. ft; i IMS  mm THE SOUL ST1 THE PILGRIM TRAVELERS The Sou! Stirrers Pilgrim Travelers Ann Martin Singers {^i TODAY JUNE 7TH 3:00 P. M. WHEAT ST. BAPTIST CHURCH ADVANCE $1 .00 AT DOOR $1 .25 Benefit of AMERICAN FEDERATION OF THE PHYSICALLY HANDICAPPED, Inc.</t>
  </si>
  <si>
    <t>                                           Baby Sitter Slays Child With Baton                 MADERA, Calif.- (INS)- An 11 year old white baby sitter admitted Wednesday she beat an 18month- cousin to death with her majorette s baton because the child "acted up,"                 District Attorney Walter Chandler said the- girl, who was taking lessons at school in baton twirling, told investigators the baby threw her nursing bottle on the floor and then tore up a school book. Chandler quoted the girl as saying: "It made me so mad I got my majorette s baton and began beatIng her with it. I didn't mean to hurt her that bad." The victim was Yolanda Perez, daughter of Mrs. Esther Perez. The girl is a niece of Mrs. Perez. Her parents are in Texas. Mrs. Perez' husband is a Mexican National whose whereabouts are unknown. Chandler said the baby was covered with bruises, but that immediate cause of death was a skull fracture. He said the beating occurred Tuesday when Mrs. Perez took her son on a shopping trip, leaving Yolanda in Margaret's (Continued oh Page 3 Column 6)                 Baby Setter (Continued From Page One) care. A neighbor told Chandler the baby had convulsion after the beating and Margaret called on her for help. The babe died en route to a hospital. Chandler said he is conferring with Juvenile authorities on probable filing of a murder charge against the girl.</t>
  </si>
  <si>
    <t>                                           MADERA, Calif.--(INS)--An 11 year old white baby sitter admitted Wednesday she beat an 18- month-old cousin to death with her majorette's baton because the child "acted up."</t>
  </si>
  <si>
    <t>                                           WANT AD INFORMATION CALL WAInut 1459 Deadline For Classified Advertismont Is 6 P. M. Doily In Estimating Space for Classified Ad, Count Five* Words for . MINIMUM: TWO UNES f 10 WORDS)                 jUk for Classified Ad Department Classified Ad rates apply to all adf   In Georgia, and at* the lame for DaDy and Sunday Insertions:                 1 Insertion  i Insertions 18c per Mat Insertion! We per Kb* It Insertions lie per Its* Header Publicity lte per B-</t>
  </si>
  <si>
    <t>                                           THE INTERDENOMINATIONAL Committee of Church Women to Help the Aged at Happy Haven Home will Meet Thursday afternoon at 5 o'clock at. the West Mitchell Street CME Church. Election of officers will take place. All members and friends are asked to...</t>
  </si>
  <si>
    <t>                                           POLITICAL ADVERTISEMENT) (PAID POLITICAL ADVERTISEMENT! y^ TRAFFIC CONTROL PfBE Slower water rates U^V ^REDUCED CITY.T AXES V^^Vy Alderman- 5th Vimrd-f Voting Lever_23A ^p</t>
  </si>
  <si>
    <t>                                           Flu Vaccine Developed By Dr. Salk                 PITTSBURGH (INS) The scientist who produced the new polio vaccine was reported Wednesday to have developed an influenza vaccine that gives at least two years Immunity and may offer protection  all known strains of flu.                 The Pittsburgh Press and the Pittsburgh Sun-Telegraph said Dr.' Jonas E Salk  fired the world s hopes only a week ago with reports of dramatically successful tests of a polio preventive- headed the flu research at the University of Pittsburgh. I Dr. Salk's work is to he reported' in detail Friday in the Journal of the American Medical Association. The creamy-white polio vaccine was made of virus mixed with emulsified mineral oil. Tin new influenza vaccine contains flu-causing difference between failure and dramatic success. Preliminary studies- have shown that the new flu vaccine provides protection against influenza for at least two years, where previous vaccines have reached peak/effectiveness at about six weeks and then declined in disease-fighting power Tests of the new vaccine were conducted on thousands of soldiers in army installations. Earlier experiments had been conducted at Roselia Foundling Home In Pittsburgh and on medical and nursing (Continued on Page 3 Column 7)                 DR. JONAS E. SALK who fired the world s hopes only a week ago with reports of successful tests of a polio preventive was reported today to have developed an influenza vaccine that gives at least two years immunity. Dr. Salk watches research assistant Ethel Bailey draw virus from a test tube at the University of Pittsburgh.                 Flu Vaccine (Continued From Face, One) students at the University of Pitts* burgh since 1950. Although it is made in a different way, the flu vaccine acts on the same principle as the polio preventive. An injection' Into a muscle prods the bloodstream to produce disease-fighting antibodies, and the antibodies can fight off any flu infection that comes along after the vaccination. With the new flu preventive, the level of immunity has been shown to be consistently higher throughout the extended, two-year peroid. And because the mineral oil emulsion greatly boosts the immunizing power of Injected viruses. Dr. Salk will explain, less virus is needed for each vaccine "shot"- and so many different strains of flu' virus can be incorporated easily in one injection. The new vaccine is not yet available for general application, but indications are that when further studies have been completed. Just one flu shot will protect an individual for at least two years and perhaps longer. Another apparent advantage of the new vaccine is that it does not cause undesirable side effects. Some persons allergic to chicken or eggs experience local reactions to present  vaccines. While the new vaccine also contains viruses grown in chick eggs, the allergic reactions seem to have been eliminated. There were 127,400 more persons injured in U. S. motor vehicle accidents last year than In 1951 I</t>
  </si>
  <si>
    <t>                                           PITTSBURGH -- (INS) -- The scientist who produced the new polio vaccine was reported Wednesday to have developed an influenza vaccine that gives at least two years Immunity and may offer protection against all known strains of flu.</t>
  </si>
  <si>
    <t>                                           Harris, Amos Appear At Mass Meeting                 The contest for position number One of the City Executive Committee highlighted the meeting last night of the Westside Voters League after Rod Harris, the organization s endorsed candidate for the place, and Miles G. Amos who is opposing                 him made spirited talks for votes. Amos reviewed his record in Atlanta and said he- would conduct himself in such a way that the "voters would not regret if he is elected." Harris pointed out his years of experience in business, and the period he served as treasurer of a local college. He said he would faithfully serve the interest of the voters if elected. Only .voters in the Third Ward will vote' in this contest. Attorney Leon S. Eipstein spoke for the candidacy of Charlie Brown. P.L. Bardin and Marvin Sullivan, candidates for the Board of Education also spoke. Several voters in the area spoke in behalf of other candidates. The meeting was held at Beulah Baptist Church. The organization will gather in the Cosmopolitan A. M. E. Church, Vine and Foundry, the Rev. J. F. Moses, pastor, on Thursday night at 8:00 o clock to hear candidates. These series of neighborhood mass meetings are being sponsored by the Westside voters league for the benefit of the public, particularly for the 3rd ward . Three more meetings are scheduled this week. The Atlanta Negro Voters league is holding a mass meeting tonight at the Thomas H. Slater School. This meeting will begin at 8 p. m. Thursday night the group will meet at the Allen Temple AME church and Friday night at the St. Mark AME church. TURNER SCHOOL MEET Meanwhile, at a meeting sponsored by the Atlanta Negro Voters League held in the Turner High School, a crowd of voters heard 15 candidates plead for votes. Almost to a man, candidates promised the Negro citizens "equality" and "Impartial treatment" in the city s services. The Voters League In cooperation with ;;Parents-Teachers__Associatlon, has set a meeting: for- ln. the Thomas H. Slater School on South Pryor Road at 8 o clock. Candidates will be present. Thursday night at 8 o clock, the candidates will appear at a meeting of the Summerhill Civic League In the Allen Temple AME Church. Dr. J. B. Harris and .C. W. Greenlea, co-chairmen of the Summerhill group will preside. (Continued on page 3 Column 8)                 Harris, Amos (Continued From Page One) Candidates or their representatives who appeared at the Turner School meeting were: Dr. Charles Rife, Milton Farris, Roy Bell, James Jackson. Joe Salem, John Monk. Dr. Rufus Clement, T. J. Couch, Jess H. Watson. Lee White, Herchell Coile, P."Ti. Bardin, George Kasper, Sam Jones, E. E. Cooper, and Franklin Rodgers.</t>
  </si>
  <si>
    <t>                                           The contest for position number One of the City Executive Committee highlighted the meeting last night of the Westside Voters League after Rod Harris, the organization's endorsed candidate for the place, and Miles G. Amos who is opposing...</t>
  </si>
  <si>
    <t>http://search.proquest.com/docview/491001677/</t>
  </si>
  <si>
    <t>                                           HAVE YOU GUESSED THE NUMBER OP COKES AT JACKSON S? Menelik Jackson, president of Jackson's Inc., 185 Auburn Avenue, examines the coupon box wilh Moss Kendrix, public relation s specialist for the Coca-Cola Company. Jackson's current "Guess the Cokes Contest," sponsored in cooperation with NORGE refrigerators, v/ill close on MAY 13. During the contest, $15,300 in valuable merchandise certificates will be given away according to salesmanager Bill Nunnally at Jackson's. Several NORGE appliances will also be awarded. Entry blanks are free at the store. (Adv.)</t>
  </si>
  <si>
    <t>                                           Sunday School, 9:30 a. m. Services, 11 a. m. and 7:45 p. m. The pastor, Rev. D. T. Babcock, will preach a special sermon Sunday morning. Music by Choirs Nos. 1 and 2, St. Cecelia Choir and the Sunshine Gospel Chorus. Music for Sunday night by Choir No. 1.</t>
  </si>
  <si>
    <t>                                           Baptists In Illinois Back Perry-Borders                 CHICAGO (SN3) The General State Baptist Convention, Dr. J. L. Horace, president. In its regular session at Second Baptist Church, Evanston, Illinois, upon recommendation of a special committee, endorsed Dr. E W Perry, pastor of Tabernacle Baptist Church Oklahoma City, president of the Oklahoma. Baptist Convention, and Vice President of the National Baptist Convention, which convention will meet In Miami, Florida, on September 6 At the time time the convention endorsed Rev William Holmes Borders, pastor of Wheat Street Baptist Church. Atlanta, and President of the Georgia Missionary and Education Convention, as Vice President at Large and Rev J. L Horace as Second Ice President of the National Baptist Convention This Is considered most significant since the other convention In Illinois, the Illinois Baptist Convention is most enthusiastic about Rev Perry's becoming the president Plans have already been made on the part of both of these conventions to have one thousand  in Miami '-to back this endorsement This \Vord comes from Ythe presidents of both conventions and substantial supporters of both throughout .the State of Illinois. Hollywood ANP Office Seeks Role For Sepias HOLLYWOOD, Calif.- (KKP)- A special friend to Negro actors, Pat Somerset, can' be counted on to work to their Interest on whatever question concerning more work for them that' arises in. two forthcoming conventions. He favored the first addition of Negroes to the Advisory Board some years ago. The Board of Directors of the Screen Actors Guild announced last week the appointment of Guild delegates to the annual convention of the California State Federation of labor, to be held at San Francisco August 10 to 14. A 'plea from the Hollywood ANP representative office asking for more Negroes In crowd and street scenes has been sent. Louise Beavers, screen, radio star, is still a Board member. The late Jesse Graves, featured actor, was the Ilrst colored member. A t number of recently previewed pictures, in which it would have been only natural to have mingled colored extras and "bit" players in the crowd, and street scenes, were listed in the ANP representative s Jettflr.</t>
  </si>
  <si>
    <t>                                           Howard Attempts To Gain Place On Miss. Ballot                 WASHINGTON (ANP) Perry Howard, national Republican  from Mississippi, last week continued his fight to gain official recognition for his, "Black and Tan" group in Mississippi The astute Howard filed suit in District court seeking a permanent injunction against enforcement of a Mississippi law that .denied his group the right to appear on the state ballot under the Republican banner. The action is a move against a state political party registration law of 1950 which became the basis of a lengthy court fight between Howard's .faction and the "Lily White" faction. The "Lily Whites" are white persons, while the "Black and Tans" are predominantly Negroes. Named in the complaint are several leaders of the white group. They are J.- E. Hosklns, Greenville; Geo. Sheldon, Clinton, and Mrs. Paul Gammill, Jackson. Others named Include j. A. White. McCombe, and Heber- Xadner, secretary of state for MfoafofJiPBL</t>
  </si>
  <si>
    <t>                                           JH.L GREEN} I Corner Whitehall, Hunter and Broad  L We      right to limit  9 m ^m T "~""I u. s. no. i irish m 1 A       *~ l  m I p,. 10 j Potatoes 4^15*1 1 nS^^~~ 25c Tomatoes ^15*1 m LtMUna VALENCIA f I    ___JLi?e ORANGES -1*1 K I -RI  I tender yellow V I J cantaloupes CORN 5 -.2*1 I H AAd I TENDER M I f-ft. W*WA Squash 2^19*1 V HHlHB^i***' TENDER GREEN m I PEPPERS 5c BEANS 2^25*1 I CUCUMBERS 5c r^-~- I  Albany 33c  CU"~ I K BOSTON BUTT I ^90% B M I PORK ROAST 570 L Lb 79* M MEDIUM ^^"^^^^^^M^-^^H I Black Mullet 21o ^^Mafl 1 W 5-LB. BOX MIX CUT K I CHICKENS $1.89 I J1-5- graded 1 K MILD DAISY ,MT I BEeI* DAilCPI M I CHEESE 49c I KP ""ASTl CENTER CUT I Jtr*M. W I PORK CHOPS" 69o I    45' It MORRELL S PRIDE ^""11T1^^^^-^_^_ H I PICNICS    'li 45c ^Bi^i^S 1 V  j 14-O2. BOTTLE TOMATO m I r"~   I I CATSUP 15c f K I JILLi** I 2'J CAN SUNSHINE II Op I PEACHES 25c f K your Choice      1 12.0Z. bam a new crop  16 1 Strawberry mm II ^r V I PRESERVES 26* I ~**     !i-LB. PKG. HOME LUXURY V IB^^B^^ PURE COFFEE 35c f A *"^-"T^^ 7-O2. CLOVERLEAF S I pw          MILK POWDER 17c f I SWEET 1 reg. size 7 minute m I I BUTTER PIE CRUST Mix 10c I A i^,kiC VAN CAMP S 6-OZ. CAN M li BEANS GRATED TUNA 24c I m    vn Oz" 4 C^ pt. bama pure m I I ?kg l^L. MAYONNAISE 29c 1 W Ml NEWI FROSTEE K JEflBBBBMir SHERBET MIX 15c I (coffee 85C( DRUG AND PRESCRIPTION I DEPARTMENT I OUR PHARMACIST IS TRAINED I 9 AND EXPERIENCED IN HIS PRO- FESSION. INTERESTED IN YOUR HEALTH AND WILL FILL YOUR M PRESCRIPTIONS JUST AS YOUR % DOCTOR ORDERS. AND OUR M PRICES FOR THIS SERVICE ARE % THE LOWEST. V HAIR PREPARATIONS I APEX MADAM WALKER 1 LaDAINTY  f SULFUR-8 HY BEAUTY S AND MANY OTHERS f CHAS. ANTELL PREPARATIONS 1 AND LANOLIN PLUS 1 SAVE MONEY ON PRESCRIPTIONS! f 45c SIZE Listerine Tooth Paste- -2 for 59c f $1.00 SIZE Nadinola DeLux 50c V 75c SIZE 9 Odorono Cream 47c V $^~25 SIZE t Odorono Spray Deod 69c SAVE MONEY ON PRESCRIPTIONS! 1 $1 .09 Quart Size- (6 Oz. Bottle Free)- m Squib^s Mineral Oil-both $1.09 SAVE MONEY ON PRESCRIPTIONS! 1 90c DOANS PILLS 49c I</t>
  </si>
  <si>
    <t>                                           IN MEMORIAM                 In loving memory of my darling husband, Mr. Abe Scovle, and son Sgt. Tom L. Ellis. Mr. Scovie passed three years ago. May 19, 1950. Sgt. Ellis passed nine years ago, March 19, 1U44. Sadly missed by wile and mother. Mrs. Elizabeth Scovle. Also missed by Mrs. Erma Ellis, widow of Sgt. Ellis and H. C. Ellis, brother of the . IN MEMORIAM                 In memory of my dear husband, Rev. S. T. Rogers, who departed this life 3 years ago, May 18, 1950. "Gone but not forgotten." Sadly missed by. Mrs. Wilina Rogers, wife                 ABE 1E                 SGT. TOM L. ELLIS                 RF.V. S. T. KOGIiRS</t>
  </si>
  <si>
    <t>                                           UNITED NATIONS, N. Y. -- (ANP) -- This week the UN Commission on the Status of Women presented a special report on women in UN Trust Territories, and their educational advancement.</t>
  </si>
  <si>
    <t>                                           AMERICA S LARGEST J3  SELLING KENTUCKY JM, BOURBON JfMF ^!g^?Y^^ Yef You Pay No More BBSBgBp^l In every single drop... 6 long years HB^Hy ^B^^B Buy it at your favorite store! Try It at your favorite bar! I y^fpN^sft*e^'^7ff I EVERY MELLOW DROP... ^^^^M</t>
  </si>
  <si>
    <t>                                           "When the mind is in a state of uncertainty the smallest impulse directs it to either side...what we do not understand we do not possess...O let us still the secret joy partake, to follow virtue even for virtue's sake...'Tis nor the whole of life to live; nor all of death to...</t>
  </si>
  <si>
    <t>                                           All-white Jury Pints Dining Room For Refusal Of Servise                 CHICAGO (ANP)- An allwhite jury Friday evening fined the Palmer House, famed downtown hotel, for refusing to serve Miss Diane Dickerson. teen-aged daughter of Atty. Earl B. Dickerson, and her escort, Nelson Brown, last September in the dining room                 The jury of four women and two men assessed the hotel $50 and costs each to Miss DickerEon and Brown. The jury s action is the result of a suit filed following an incident on September 13. 1952 when the Empire Room of the Palmer House refused to honor reservations made for the couple by Mrs Vivian Brown, young Nelson's mother. The Palmer House was found guilty of violation of the Illinois civil rights statutes. Parents of both youngsters hailed the court action as vindicating the rights of the , people to visit public places without having to suffer the evils of race prejudice. DIckerson. who Is nationally known as president of the National Lawyers Guild, president of the Chicago Urban League, and numerous other honors, said: "To me the significant, fact in this case was that the hotel was found guilty although it used virtually every subterfuge and dodge available. Numerous hotels and other places are using the old dodge 'no reservation" to keep out colored people. "This action should stimulate colored people to go out more and seek to break these subtle practices or discrimination. Here in Chicago we can start with places like the Blackstone hotel and the Empire Room in the Conrad Hilton hotel." Dickerson recalled that his organization, the National Lawyers Guild, discovered the "lost laws" in Washington. D. C. which have now resulted In the end of restaurants refusing to serve darker people in the nation s capital. Young Brown's father, Sidney Brown, vice president of the Chicago Board of Education, remarked: "The amount of judgment is not important. Whether It was $50 ot 50 cents did not matter. It was Important, however, to expose the Palmer House and its resorting to the practice of discrimination by                 saying 'no reservations' when they meant 'no Negroes.' And it is- Ivaportant, too, that a jury of si* white Americans saw through ." A Negro judge. Judge Henry.Fetr guson announced the decision at-' ter the jury had been in session only 25 minutes. The case went on trial June 18 and was concluded the evening at June 19. The hotel witnesses            that the youngsters did not have reservations, included among its witnesses were the head waller and assistant executive . V For the plaintiffs, however, Sld^ ney Brown gave excellent testimony refuting the claims of the hotel. Brown helped prepare briefs for the case, but had to withdraw as an attorney for the plaintiffs because he was to be a key witness, -.y Dickerson, who acted as counsel had praise for Brown and the attorneys in the case. Sidney- ,A, Jones and Jesse B. Mann also. were attorneys for young MVss Dlcteson and Brown.</t>
  </si>
  <si>
    <t>                                           CHICAGO --(ANP)-- An all-white jury Friday evening fined the Palmer House, famed downtown hotel, for refusing to serve Miss Diane Dickerson, teen-aged daughter of Atty. Earl B. Dickerson, and her escort, Nelson Brown, last September in the dining room...</t>
  </si>
  <si>
    <t>                                           REAL BUYS 977 LINCOLN AVENUE, S. E. 5 room frame with terrace Apt. garage. Lot 120 x 135, $7,000.00. 214 LOWRY STREET, N. E. 7 room frame, near transportation, school and shopping area, all utilities. D. P. $6,800.00. 186 LOWRY STREET, N. E. 5Vi room frame with a garage, deep lot rear of lot faces Hutchinson Street, N. E. Sufficient space for building. P. P. $5,500.00. 192 LOWRY STREET, N. E. 5 room frame newly decorated inside and outside. P. P. $6,600.00. 182 LOWRY STREET, N. E. 5 room frame, nice corner lot newly painted- outside, front porch copper screened. P. P. $5,850. 196 LOWRY STREET, N. E. Very attractive 4-room frame home newly decorated inside and outside. Fenced in completely. JV\ust see to appreciate. P. P. $5,500.00. 220 HUTCHINSON STREET, N. E. 6 room asbestos shingle siding, a very nice home, floor furnaces, new concrete blk garage,  walk and drive, vacant immediate occupancy. 386 GLENN IRIS DRIVE, N. E. 6 room white brick, corner lot, den, basement, central heating burglar guards, rugs, wall to wall throughout. Call for appointment. LOTS throughout the City $500.00 to $2,500.00. FOR RENT One room, 755 Terry Street, S. E., no children. $21.00 per month. 4 room Terrace Apt. 1934 France Avehue, N. W. Rate $37.00 per month. Irootn, Bell Street, N. E. $8.00 per week. ANY OF THE FOLLOWING WILL SERVE YOU. T.  BE. 4332 HENRY DUBOSE BE. 3504 E. R. MARX FR. 1038 W. H. CUNNINGHAM RA. 8491 C. E.  VE. 6980 Wm. SAPP BE. 7629 H. H. STRONG RA. 2534 Wm. MORRELL BE. 1247 R. L. KNIGHT RA. 3829 B. M. C. REALTY COMPANY 158V2 Auburn Avenue, N. E. LA. 6231 BELL S BARGAIN SPECIALS 987 WEST FAIR STREET, S. W. 5 rooms, frame bungalow. You 1 must see to appreciate. Available to Schools. $10,500.00. $2,000.00. i MUST BE SOLD THIS WEEK 1329 WEST VIEW DRIVE 6 room, ranch, brick veneer, car-porte; Bar-B-Que Pit; Furnace, Basement; Corner lot. Cash Payment $2,500.00. Open House Sunday 2:00 P. M. THIS IS A REAL BARGAIN Used as 2 or 3 bedrooms. Beautiful interior . Floor furnace, Tile bath, hardwood floors throughout. Only $1,000.00 Cash Payment. Balance payable over period of 18 years. 272 BYNUM STREET, N. E. 3-room frame. Only $750.00 cash payment. Balance $28.00 month. 22 WADLEY STREET 4-rooms, $500.00 Cash payment. 698 RHODES STREET 4 rooms, $3,500.00. 1181 WINDSOR STREET 6 rooms, $7,500.00. 1006 MARTIN STREET New 8-room duplex, 2 baths, $11,500.00. 190 LOUISA PLACE 3 rooms, $2,750.00. A SMALL CASH PAYMENT WILL BUY ANY OF THE ABOVE. BELL REALTY COMPANY I Call: C. T. BELL AL 1885 RA. 2305 R. C. REYNOLDS VE. 2539 WILLIAM SULLIVAN AM. 0374 j M. J. WHITE AM. 2059 R1LEY HARRIS MA. 2013 TRADE YOUR OLD HOUSE FOR A NEW ONE' If your present house is getting too small for your ever-growing family, or you would like to become better located. Why not let us sell it for you with our force of topnotch salesmen. You could thereby invest in another home of your choice. List Your Properly Exclusively With Us! \AJdilam6ovi C^ REAL ESTATE, PROPERTY MANAGEMENT 855 Hunter Street, N .W. AM. 5751</t>
  </si>
  <si>
    <t>                                           CIO SCATHES FAILURE TO NAME UNION MAN                 WASHINGTON (INS) The CIO blasted the Eisenhower administration Tuesday for refusing to nominate one of its officials as assistant secretary of Labor and accused It of knuckling under to what It termed "Immnrnl     .ii                 The attack centered around the administration s rejection of -John W. Edelman of the Textile workers union after the President asked the CIO to nominate a candidate. Traditionally, an assistant labor secretary is chosen from both the AFL and CIO ranks. The onslaught on the Elsenhower administration was the first severe attack launched upon the Republl:an regime by either of the major labor organizations. Walter Reuther, President of the (Continued on Pace 6 Column 3)                 CIO Scathes (Continued From Page One) Congress of Industrial organizations, wrote presidential assistant Sherman Adams that unsubstantiated gossip and hearsay were apparently the only basis for the administration refusal to accept Edelmanv He made it clear the CIO will not suggest a substitute. Reuther wrote Adams that the lat-~ ter had admitted that security investigations had uncovered nothing lhat would disqualify Edelman. He then observed that Adams told him that the administration was reluctant to send Edelman's name to the Senate because "certain people in Congress might attempt to exploit unsubstantiated gossip and hearsay to the embarrassment of the CIO.'</t>
  </si>
  <si>
    <t>                                           WASHINGTON -- (INS) -- The CIO blasted the Eisenhower administration Tuesday for refusing to nominate one of its officials as assistant. secretary of Labor and accused it of knuckling under to what it...</t>
  </si>
  <si>
    <t>                                           Trade at the Service Shoe Shop at 244 Auburn Avenue, N. E. Trade at Henral's 5-10-25c Store at 280 Auburn Avenue, N. E. the Store that employs courteous colored sales girls. (Adv.)</t>
  </si>
  <si>
    <t>                                           DR. CHARLOTTE HAWKINS BROWN WOMEN S DAY SPEAKER. AT MT. MORIAH                 I Dr. Charlotte Hawkins Brown, president Emeritus of.. Palmer Memorial Institute, Sedalia, North Carolina, and Founder of Palmer Memorial Institute and the first Negro woman graduate of Harvard Universltyto appear as commencement speaker at Harvard University will be guest speaker at Ml. Morion Institutional Baptist Church, Dr. R. Julfan Smith, pastor, Sunday, May. 10,. 1953 at 1 1:00 A. M. on the Miotherfs Day Women's Day program; and at 7:00 P. M. Dr. Brown will summerize a forum on the theme, the role of women in an ultra modern age, preceding Holy Communion services conducted by the pastor. Others appearing on program are: Mrs. Georgia Thornton; Mrs. Dollie Alexander; Mrs. Ruth Modiste; Mrs. M. Hubert; Mrs. M. B. Coleman; Mrs. Louise Lyda; Mrs. T. M. Alexander; Miss Juanita Marshall; Miss Nettie Bennett; Mrs. Jeanette Miller; Mrs. Alice Ogletree. A 50 voice women s choir; ushers; deaconesses; matrons will serve instead of men. The public is cordially invited to worship in both 11:00 A. M. and 7:00 P. M. services. Mrs. M. B. Coleman and Mrs. B. H. Wharton Co-chairmans program committee. Other members of program committee are: Mrs. Pearl Jenkins; Mrs. Leila Young; Mrs. Laura Martin; Mrs. Annie B. Young; Mrs. Bessie Gibson; Mrs. Minnie Johnson; Mrs. Fannie Dorsey; Mrs. Lena Harris; Mrs. Annie Partridge; Mrs. Bessie Williams; Mrs. Thelma He. and Mrs. Nora Howard. Master R. Julian Smith, III, an honor student at Palmer Memorial Institute will possibly escort Dr. Brown to the rostrum.</t>
  </si>
  <si>
    <t>                                           KOZY HOME CO. CASH SPECIALS it GEORGIA AVE., S. E. WA. 8699 Reg. $4.95 Gallon Eagle Pitcher Self Sealing Flat Paint $3.79 Turpentine Gallon $1.00 25 Ft. Rubber Garden Hose Regular Price $3.79; Special $2.79 50 Ft. Regular $6.95; Special $4.79 $4.49 Venetian Blinds, Special $259 9 x 12 Lino $5,95</t>
  </si>
  <si>
    <t>                                           Charged with firing a shot-gun blast through his screen door at his son-in-law (who, he said, had whipped his daughter), Mel Cremon, 55, was,bound over to the Fulton Court yesterday under a bond of $1,000. The blast missed the intended victim but pellets struck a total of six neighbors who were sitting on their front porches on the opposite side of the street.</t>
  </si>
  <si>
    <t>                                           LOCKHEED S UNION JAMBOREE DANCE These officers and members of Local. 2016 I. A. M. A. F. of L. Union at Lockheed's Marietta Plant participated in the awarding of prizes of their Gigantic Jamboree Dance held at the Magnolia Ball Room Saturday, July 25th from 8 to 12P. M. This was the climax of the membership organizing drive of District 33. A good time was had by all. Dancing was to the tune of Kid Miller'                 and his band. Pictured from left to right are: George Miller, George H. McClelland, Sect.-Treas. of District 33; Aivin Cash, Refreshment Distributor at Lockheed; Mason Harden, Pres. of Local 2016 and Senior Board member; H. K. Gammon, Pres. of Local 1996 I. A. M. A. F. of L.; J. H. Patterson, Leadman                 and former Senior Chairman. (Photo by Alexander L. Adams) v.</t>
  </si>
  <si>
    <t>                                           NEW YORK--(SNS)--Of all the men we ever met the man whose disposition most belies his name is Charlie Grimm, and we doubt that Charlie could be grim even is his Milwaukee (nee Boston Braves were to lose 10 straight --heaven forbid.</t>
  </si>
  <si>
    <t>                                           The Eighteenth Anniversary of Dr W. M. Jackson, pastor, of Bethlehem Baptist Church, 438 Fraser Street, S. E, will begin Monday night, May 4.</t>
  </si>
  <si>
    <t>                                           UNITED NATIONS, N. Y. -- (INS) -- The end of the shooting war in Korea ushers in a grave period of trial testing the strength and unity of the free world and the good or evil extent of the communist powers.</t>
  </si>
  <si>
    <t>                                           LONDON -- (ANP) -- Indians at at least are making positive plans to aid Agricans to gain emancipation. Plans are being made in India for a "pan-African conference," to include delegates from the Kikuyu and all colored "colonise Africa." The intention is to hold the...</t>
  </si>
  <si>
    <t>                                           CHICAGO -- (INS) -- Vic Seixas and youthful Maureen Connolly, winners of the recent Wimbledon Tennis championship, spearhead a host of the nation's finest Tennis talent who compete in today's opening round of the 43rd Annual Notional Cloy Court Tournament.</t>
  </si>
  <si>
    <t>                                           I  ask f or V bourbon  ^ OonTask for "it by halt a name-ask IOT KENTUCKY (or irby ils/ul/name-BourbondeLuxe. STRAIGHT .You'll be rewarded wilh a whiskey of ^i**3 k Drvt  exceptional merit, a whiskey that you      8g, BUUKbUN wil^^lives up lo iis name." IfeiiiUr^' WHISKEY 86 PROOF.'-. THE BOURBON DC LUXE COMPANY. LOUISVILLE. KENTUCKY</t>
  </si>
  <si>
    <t>                                           ((FIRST WEEK, FOURTH WEEK, ETC.) BE IN BUSINESS I OR YOURSELF $3.95 investment gets you S8.00 clear profit! Sell well-known advertised La Dainty cosmetics made by reputable 3S year old company. See for yourself how easy it is to sell and to get repeat business on La Dainty cosmetics. SEND TODAY for your complete kit of 32 fast selling,       beauty . Send $3.95 (plus $255 government tax which is refunded as you sell) to TYSON AND COMPANY, Ino. Paris Tennessee. (Dept. A-l)</t>
  </si>
  <si>
    <t>                                           r5gg33~~[ ?M*kaA       Eaccpt MoJty VOLUME 26, NUMBER U ATLANTA (3), GEORG. A, SATURDAY, AUGUST 22, 1953 PRICE FIVE CENTS 1 J ,v.-r.i;.;.</t>
  </si>
  <si>
    <t>                                           'change of "'e"^^^^  in. your eyes? ~/WKHj^ You Need More Than Make-Up To Hide JiHery "    "^B^0r Can everyone see. from that helped, thousands of women build I nervous, jittery look in your eyes new resistance and vitality, that- you are suffering "change- changing dark months and years of -life" misery? Sure, make-up to brighter, .happier times. So may help some, yet it can t take let Cardui/ help you look, relax the pain and nervousness out of and sleep better. Get Cardui your eyes. But Cardui often does, "insurance" from your dealer .'A little Cardui each day has today. (Say: "eard-you-eye"). -^K#^F*^~rSB^   ^B^H Monthly Cramps Change of lift _i tiSi-:"*.*;;i .-~iii -sai</t>
  </si>
  <si>
    <t>                                           auto Bfle^ LOflWS 1st AND 2nd MORTGAGES FURNITURE LOANS -REFINANCING PAYMENTS REDUCED 30-MINUTE LOAN SERVICE LARGE PARKING AREA AT OUR DOOR GET THE CASH YOU NEED TODAY DIXIE FINANCE COMPANY 738 Spring Street, N. W.f at 4th EL. 3676 JOHN DARNALL, Mgr.</t>
  </si>
  <si>
    <t>                                           paid POUT1CAI. ADVEKl'ISOggy 13 WATSON K^ ALDERMAN 4th WARD I^B/h^H LAWYER VETERAN CAPABLE</t>
  </si>
  <si>
    <t>                                           I ng Sp.rt.cLs ^^^UHhMB^ will h.lp you H^H^HMB^BSiKrilH Thr..    *-  dl.  Read Send only $2.99 for th.~ GolJ Smilln t Pnnt. Pl.led Bridg.Sp.rt.cUt po.tp.id, Youri2.99r.- ,lC.O.D.plu,poil.rch.r3.t. Si"c c r"5'     *7c by ""ding mon./ JJOwS.h.fi.d. will, order. B.K.C0..B0X2163- -49" RICHMOND,  . Vp  i ml ^~ MaJe in America /^^il by  hc exclusive V^-~/~ Smirnofl Process j^'vll Sitnirnojj the  name ^- 60 proof. Mide from 1 00 Co t:  \n ^l   Stv. Pierre Smirnoff Fh. Inc.. .Conn.</t>
  </si>
  <si>
    <t>                                           Baptist Convention To Get Full Coverage Here                 By OLE TIMER                 When the General Missionary Btipttsl Convention of Oeorgla, headed by Dr LA Plnk'ton, meets nt Ebenezer Baptist Church, Dr M L. King;, pastor, November 10-12. inclusive, it will have full coverage by able writers of the Atlanta Dullv World.                 Main features of the convention will be written by Religious Editor, Rev.- Tnschereau Arnold, who is public relations director of the body and member of the public relations department of the Nationnl Baptist Convention. U6A. Inc while his wife, Mrs Eva May Arnold, will be doing highlights and special writeups about the Woman's Convention. Mrs. Thomas. Brunswick. Young People's Department... Mrs. Annie Hudson. Atlanta, president. The Luymcn's Department. Prof. Dlxvn. Bulnbrtdge. president, will also be covered by Dr Loo Loo Marke Lin Holloway. feature writer of this paper will do ,,.%^..^--- some articles nnr' ^.' *$5                 Hernwu Perry will shoot pictures ot  and  /or the Atlanta Dall\ World. I Be sure to     your copies of the World and keep up with the BapU.sts during tlu meeting. Rev Arnold will                 show  Bnptl't films on Tuesday . Novcmiicr U. Including 6PO feet about National Baptist convention in Chicago; 400 feet about State Bapti't Convention In                 tj iita lost year; 700 feet on "Churches on Parade" and ''The Birth of .lohn The Baptist," which is bein$ loaned by Ideal Pictures, Inc Mr. George E Dean, owner, without cost to be shown Baptists during the state-wide meet. Rev. Arnold will also make 500 feet of moving pictures of the meeting. He will shoot 100 feet of color film of the Woman's and Young People's Convention People interested In being -on these historical pictures of Baptist activities are asked to be in attendance and called Rev. Arnold's attention to the fact that you would like to appear on the picture. This will be done without cost. Rev. Arnold,  said that he was Indeed grateful to Mr Dean for allowing us to*"                 use the picture. j "Tlie Birtli f John Hie Bap-  Every real Baptist should see this picture along with the others without! tail. One of the                 features of-he convention this year will be"hn annual address to be delivered by President Pinkstun on Wednesday night. He will discuss unification, with the Georgia Missionary and Educational Convention, Dr. W. H. Borders, president, review Baptist contributions to mission work, the new relationship between the body and 1 the Nntionnl Baptist Convention since he has been elected first vicepresident of that body, and offer the body a highly stepped up program He is  every church to send up an increased contribution for the work                 Mrs. Arnold                 Km. Arnold</t>
  </si>
  <si>
    <t>                                           When the General Missionary Baptist Convention of Georgia, headed by Dr L A Pinkston, meets at Ebenezer Baptist Church, Dr. M. L. Kings, pastor, November 10-12, inclusive, it will have full coverage by able writers of the Atlanta Daily World.</t>
  </si>
  <si>
    <t>                                           7 Top Pantry Favorites at Favored Prices! JK iPc^^^^S^^^^^S}  PRICE FOR HALLOWEEN ...ANGELUS    're ^CiyS "'9^ ChoOSirlQ II       0   *S f/J Marshmallows  t17cf s^*^ i aluminum f  w"w"" H ^T If ever you could be sure of something -it s     B Ji B  XTRA     /AL FOR THIS WEEKEND V  e quality of "S"^-15^" meats at    !. f] WKAP if) The highest, most rigid standards are used by sf\ kA BT^M ^1^ JL 1 ^M ?ic ~%iIB0 ml our meat experts they want to know about Ki 25-ff.Ro// Heavy Duty 25-Ft. Roll IW ^Tr fill  fir T WWl 4 #~%*' H pedigree, care and feeding of what they buy. 1/      9 *iB Yi ~]   UlliLllGOl L HI A II U Coos M^mE -% They want to promise you tender, juicy, fine l/~) J  C H/C /~fl ^F ^   ^^mu^mmw^^mmm  (~~%# Jjp flavored eating on whatever you select at     \VJ dm f Wl p/ sh -every time! Come see how we keep that      PRICED LOW ...DEL MONTE TENDER EARLY GARDEN /I promise! We guarantee complete satisfaction y) jSi M*. m U ^h f ^% or we refund your money without question! fry ^rj ^~3^a^/   /'~rX j^~     \\ Qninorh 0 M OK1 Ir   ^^~i a1           M-. Cans M-mM "\i ^~^~~cx^  ^    'S FAMOUS "SUPER-RIGHT" QUALITY HEAVY BEEP M, KIa EXTRA SPECIAL SWANSON S FROZEN BEEF, TURKEY OR M % V^P^^^^l) VltUCK KOCISl ^a Pft I J% pft Wm m "j jo? ^b C C ^^^^^T^^^ I Mm MM MA B^ I ^3 K %gl ~% iW ^i^iii- Cut to give you more good eating because no neck portions are included Priced  J II I tj Gil IIC U Pies  \\7 to help you cut your meat bills. m %F ^F ^F ntv "-R/swr" HfAvy  8Hf sum- heavy western beef u RoundSteak 83  Sirloin Steak u 89  DllICA ^ed' 1 flC Lg- OK6 I IIV I Iffllirl 12Ot-  (N "SUHR.7.INCH "SUm-RIGHT" FRESH 5 vlo-zs ^Rxoo3vd c" 39 I Rib Roast 69' Ground Beef 35  n t\ d. ft* INTRODUCTORY BUr 1 ib. 2 soi- 'JKf Lux Soap 3 1 9  OFFER! a-r-s % 2 WASHES CLOTHES CLEANER .^~~   LAX, Box 399, New ^^^Lfj' Wg H IB Surf A's 29C 58e 23C ISI^ "super I DIT A9 1 ^mh KQc VA Limit 1 pCr family. frj) Oni'inA' Wtk 9^ ^T Rai CS 9 S 9 SU? MJ BlJ -/SK4^ W^S BONED CHICKEN 41c I [AMD glN JQC R8B  ^jjp^ ^sj*^~ \^^J}^^1^^lJ^j m IL"mD chops a tw chops Uv HARVEST MIX a 29' Krispy Crackers at 27C 1  KOast    d9  Come see the Wide Variety of Dairy Values at your     Budgef-Priced i^Nf^~^^^^ft Baby OQc Ched-O-Bit ,u OAc 1 fl" $  n e9ef0 eS T^i*^PiP%iP^^ GOlldfl WW CII66S6 FOO.fl L0O/.wW     GREAT BIG LONG ISLAND SNOW WHITE HEADS AMERICAN OR PIMENTO (I 4fc IB^B A A Ched-O-Bit Cheese Food^ 23* Domestic Swiss Cheese 59  V I 3TSffi CdUllilOWfir 2S Mild Cheddar Cheese lb 49* CreamCheese ^23pS3V1  ^V New York Sharp Cheese 63* Borden's Cheese  ra 35* J ^5 sr^f  f"c r I Red Apples 1 5C " i ft ^h 1 J. C"ANS/ r  '"Frozen I^T Mtlgei OUll 400  Q +T Tnmotnpc 9";~' 17C     **~ UTS AND   " CHICKEN CHOP SUEY 71c 2Piy?oto,~o I UllldlUCb 3*4  f ^WragJfS -co, ,fl CHOP SUEY WITH MEAT T*   59c n  ]ft      VMC/NM S^^~ 29* I. chow mein noodles isc Marcal Tissue 3 Ro "5 29 M York Aniilp^ 4 it AQc ZeeflPeas 2 100' or, I MIXED VEGETABLES m*. can 49c    1 01 1\-          H ^0 Tole m concent^o Pk*~ CO* I MEYATtAEUssED,NNER Z e^ CHILI CON CARNE ff KftSoes 10 a 59C I  2 a 29' GEBHARDT S J% ^f ^ 9 I0-Or. I /7 C7 S*L KJ4-0*. "/CC SOUTH GEORGIA FRESH I    Can, 45 CLpp'*     JooM  zd I po[e Beans 2*- 35C  af r fj  WESTERN MOUNTAIN BARTLETT I c/0*6* baby foods 3 29C DASH 1 .'il'~i^TnlTlf#r PEARS 2 lbI 25' 1 1            I junior /     in I. V^WoiiMVfifliBfi 6a/~(/ .!7va/ M- I BABY FOODS 3 43   OG FOOD V^ y ^il^Ue Cereal   e 2^29C- *Atlanta Marietta ITT,;" Lf^29c FOODS *9~-    3 j PWces in thh ad effective  Saturday, Oct. 3 J LeltUCS !l_t?!_ ;^Tn-'';r^ ^J</t>
  </si>
  <si>
    <t>                                           ATLANTANS FOUND the delegates 'attending the American Women -of Radio and Television most interesting personalities. 'Here for the AWRT national convention were. Alma Vessels John Who emcees a very popular and widely listened to homemakers show on WWRL in New York and Mary Dee who has o four hour. spot on Pittsburgh's WHOD besides that she emcees two club sports weekly.</t>
  </si>
  <si>
    <t>                                           DR. ROBERT L. ELLISON Dentist 135'/. WHITEHALL ST., 5. W. (Cor. Mitchell St.) MAin 4537 LONGER HAIR HY- HAIR DRESSING  ot Uliliw "SSr ud Itching Scalp            DRESSING  5o DRESSING Oil MAN BUK DOWN  AGENTS  Hy-Beaute Chem. Co. DEFT. A, Atlanta. Gu.</t>
  </si>
  <si>
    <t>                                           ...You can, too, ^t with u lovely, lively new  l^^m^^i/^ Don't trust to luck to have exciting, lovely hair trust to Larieuse $    ! a^T to ^eeP your ^a r picture-perfect. Godefroy's Larieuse colors fwh I f/?iwk/ V ^our ^a r so ^"i^^ly, so easily and leaves it looking so naturally I'll U J^   =^e-J. 'alluring. You'll be thrilled by the compliments you ll receive. Ask ut your cosmetic counter for I _^^^^^W 1 Godefroy's Larieuse Hair Coloring in f ^MM^Hflfl^^l^Hl^i the red box. Pruised by thousands \t -^I^^HV^^^HHi a favorite for more than 05 years. For ^KSPWAj/^M best results, use only as directed. Wm/^^m l?neus^0l__*~ CODmOY MFC. CO. J5I0  ST. 5T. ..3_  ** MBI^HK</t>
  </si>
  <si>
    <t>                                           TORGIN'S men shaped up in the gathering ... coming forward contiously no guns now to stop them they grew bolder with each step the door to the dugout dew open and Torgin was here his gun sweeping in a wide are to cover the interiot a couple of his men...</t>
  </si>
  <si>
    <t>                                           Crackdown On Illegal Booze Continues Here                 An apparent wave to crack down on the bootleg whiskey traffic in Atlanta continue Tuesday night and Wednesday as police rounded up approximately 151 gallons of illegal corn The largest haul, 127 gallons was seized from a truck at the intersection of Oglethorpe and White Sts about 10:40 p. m Tuesday after a spectacular chase of several blocks. Traffic Ptl C. Cheek said he first noticed the truck at Whitehall and Lee Sts and it overan a traffic light in an effort to beat a move train across the tracks. When the driver refused to halt, after narrowly missing the train, Cheek said he gave chase The driver then reportedly attempted to throw him from his motorcycle by throwing the left side of the truck in his direction. Cheek said he fired at the fleeing trucks tires but missed Later, when the truck fail- ed to make a turn into White St., at an estimated 70 miles a hour, the driver jumped out and escaped, followed by a hall of bullets. .The whiskey was later discovered in the truck Sixteen and one half gallons were caught Wednesday at Edgewood and Krogg St., after police chased a car for several blocks. Twenty four p.ints were seized in a third instance Tuesday night from a hidden barrel on Mitchell St. Shriners Head To Get Award Over CBS Chain DENVER, Colo. Governor Dan Thornton of Colorado will broadcast an address on CBS Radio Monday, August 17 in connection with the Annual Ancient Egyptian Arabic Order Nobles of the Mystic Shrine of North and South America Imperial Council Session. Dr. Raymond E. Jackson, Imperial Potentate of the organization, will be awarded the National Urban League American Teamwork Medal by Dr. Lester B. Granger, National Urban League Executive Director, in the broadcast from Denver, Colorado.</t>
  </si>
  <si>
    <t>                                           THE ATLANTA MUNICIPAL MARKET Will Be Open Until 7:30 P. M. FRIDAY, JULY Srd WILL BE CLOSED ALL DAY JULY 4th 209 Edgewood Avenue, N. E.</t>
  </si>
  <si>
    <t>                                           WE WERE coming to the end of our unhappy meal, when the familiar heavy steps sounded on the stairs like the tramp of doom, and the captain appeared in the doorway.</t>
  </si>
  <si>
    <t>                                           i  SERVICES Walter A. Quilliam i Apartments, East Point, Georgia On SUNDAY, OCTOBER 18, 1953, at the lovely new W. A. QUILLIAM apartments on Cenlral Avenue, East Point, Georgia, there will be an official  service and open house to. the general public. Appearing on this program will be some of the leading citizens of East Point. Of particular interest will be a speech by Mayor Pro Tern Stevens of East Point, Ga. and by Mr. Walter A. Quilliam for whom the apartments are named. See the David T. Howard Band with its high fast stepping beautiful majorettes under the direction of Mr. Kenneth Days. Souvenirs for everyone. This promises to be a very colorful occasion. Everybody is cordially invited to attend. These apartments are under the exclusive management of ALEXANDER-CALLOWAY REALTY COMPANY, 208 Auburn Avenue, N. E., next to the Citizens Trust Co. Put your application in today for either a three-room $37.50 per month, or a four-room $45.00 per month. i</t>
  </si>
  <si>
    <t>                                           In Memoriam                 Ill loving memory of Mr. Jesse H. Hanley, who passed July 1, 1948. When 1 think of you, Sweetheart My heart feels so much lighter When I think about you, Sweetheart, The whole world seems much brighter I think about the good times we have shared, And the fun we ve had, we two. And my heart is filled with happiness Each time I think of you. Mrs. L. A. Davison.</t>
  </si>
  <si>
    <t>                                           JEAN WORTH Now Located At BED OAK, Qa. S BOIea 80. of College Park, Qs, PALMIST A PSYCHIC Calls Tour Name, Aska No question* Thla lady dow not natter too. iIm telU your life mi It U, and should be. For  trouble there; is remedy and In moat cues, ths remedy I* withIn your reach. It you only knew how, (or  Ignorance nay  bo buss it u  ot tbe   tort to bo  at ths Droblems of Love, Marriage, Biulneu and BpcaulsNot to know la to ratter. Knowledge Is Power Ignoraae* la Um cause of all Evil. Thia lady warm yon  aha  wisely abc  frEf Bhe         aU -'iy: uir and find Success and BaDpluea*. No one In trouble tarred away7Tlilj lady baa helped thousand* and ana saa and will help you. Cateh tbe Snrbnrban bus  to Falrburn at Blch'f and get oft at Bed Oak, Ga. a* the Battle Ueht, look for Ogm *f JUAN . NOTICE ON BCNDATg OB  Tak. Colltf. P.,k TreUey u OaDan Park  I* . Bu.</t>
  </si>
  <si>
    <t>                                           INVISIBLE SOLING SHOES CALLED FOR AND DELIVERED WHITEHEAD SHOE REBUILDERS 651 FAIR STREET, S. W. MAin 9558</t>
  </si>
  <si>
    <t>                                           The Weather The weather forecast today is fair and warmer.</t>
  </si>
  <si>
    <t>                                           LAST CALL! ORDER NOW CONVENTION WELCOME SIGNS $2.00 $3.00 $5.00 CURTIS SIGN SERVICE 25 HILLIARD STREET, N. E. Phone WA. 3094</t>
  </si>
  <si>
    <t>                                           JEAN WORTH Now Located At BED OAK, Ga. t Miles So. of Collefe Park, Ga. PALMIST PBTOmO Calla Tour Name, Ask* No QOMtioiu .This lady      not flatter too, ibe UUi tout life as It H, and should be. Por       trouble then a a remedy tod In, most cases, the  U within jour retch. If you only knew how, for while Ignorance mar sometime* be bliss It Is folly of the most dangerous sort to be ignorant or the  or Love. Marriage. Buslnest and Speonlallon. Not to know 1* to suffer. Knowl- edge la Power Igvoruot I* tiu i cause of all EtU. .This Iadr warns Ton (TaTelr (be suggests wisely she  frill. Bbe answer* all , Know       elf and rind Succcu and Bapptueu. No one In trouble tamed . Tnls 1  7 has   and she can and  l)l help yoa. y ^h the 8*a boa f  to Falrboni at Rioh a sod off at Bed Oak, Ga. at the  Uihfc look' far dim 1 JEAN WORTH. j  ON        ColfcM Park VrtUay to OtDen fark      U Fal/bara    .</t>
  </si>
  <si>
    <t>                                           Kansas Alphas To Initiate 1st White Member                 ; Kan. )- The Alpha Phi Alplia Fraternity will initiate- its first white member at Hie University of Kansas soon.                 Roger -Lee YoumanV of Kansas City, Kanras, a 20 year old  student, became a pledgee of tlie Alphas late last term. He (Continued on Page 6 Column 3)                 Kansas Alphas (Continued From Page One) is living in the Alpha House this team. The fraternity has about forty members of te campus, with out about twenty residing in the fraternity house. Youmans, who .is a Junior and plans to become a Methodist medical missionary, said he felt that by living with colored students in the fraternity house  he could develop a better understanding of prejudices of others. "I don't expect my membership to break down any barriers or anything." Youmans said. "I didn't Dledge (the fraternity) with that Intention I am no"t going around making a big issue of it." Youmans, a Kansas University tennis letter man last year, added: "It was done solely because I like, thp fellows and because I think it will help me in years to come." Youmans said his interest in the fraternity was aroused last, year when he met some Alphas through the Wesley Foundation, a campus Methodist group to which he  "I got to know several of them nuite well through that group." Youmans said, "and I was asked to Join early last year." Youmans said his parents. Mr. and Mrs. Raymond- Youmans. of Kansas City. Kansas, were not (no keen about the whole thing.</t>
  </si>
  <si>
    <t>                                           LAWRENCE, Kan. -- (NNPA)-- The Alpha Phi Alpha Fraternity will initiate, its first white member at the University of Kansas soon.</t>
  </si>
  <si>
    <t>                                           WFF-A-DAY                 "Would you mind making that 80 instead of 55? I'm trying to sell this car."</t>
  </si>
  <si>
    <t>                                           In your spare time In your own home! No classes. AH materials furnished. Certified i teachers. Diploma awarded. Write today for complete Information SOUTHERN. STATES. ACADEMIC,.. Box Hl-W Statiou fc.. Atlanta. Geonia</t>
  </si>
  <si>
    <t>                                           .100% WRONG CLUB  mms,  Sgl Hg^  gg MOREHOUSE  13  0;20 13  6 13 15 20  6 20  7 12 20 20 20  6  ALABAMA STATE 6 13jl3  6  7 19 13  6 19 13 18  7  7 13 13 13  CLARK  13  6 13  6  7 13 13  .6 20)13 12  6 14 13 13  0  SOOTH CAROLINA STATE  12'27  6 14 13  6 19 13  0  6  6  0 13  7  7  6  MORRIS BROWN 0  7  6  01 0 13  7  7! 0  7 14  6~'7 13 13  61 FLORIDA A. M 133il3i27128 21 20!28 19l31 13112 19 26]27  7 20  GRAMBLING  19 13H9 31 14  7 27 20 31  6  6  7 33 13 13 19  BISHOP I 6 12I13  0] 0  6 12  0  0 20  7  0 13  7  6  6  TEXAS COLLEGE I 7j21il3  7 13j26 20  6 19 20 12  7 39 20 20il3  ALCORN Pi 61 Oj 6  -  13 13 13  6  6  0  6  6  7j 7  0  LANGSTON I 6 13  6  0  6  7il4 13  7  6  7  6  6  6  0  7  LINCOLN (MO.)  20I28 14 21 14 13 28!20 20 20 21 13 13 20 20120  ARKANSAS A. M I 6~.7  6  0  0 12 13  7  7  6 13  7 14  6  7  6  SOUTHERN  27 24!20!38 27 14 15 14 13 20 20[12 20 13 19 20  HAMPTON  2O;i9 19 19 14 13 21 20;40 20 19 12119 13 20 19  WINSTON SALEM  13 13 12 13  7  7 13  0  0  0 12  6 13  7  0 12j VA STATE  13 21  7!21 13 13 13  0j21 13 20] 6 13 14 13!26  N. C. COLLEGE  19 12 19  6  7j20 141 7  7  7 13  0 19[ 7jl9 131 VA. UNION  19~.6  6 14 13 19  9!13]27 13 18112I13 13 20119i LINCOLN (PA.) I13J13I20I 7  6j 7  8) 6j 0  7  0  6  6  7  Oj 6  MORGAN  2O;24'2  19i21!13    14 13j20;i0 13!2O;20 27i20i HOWARD 6  6i 0  6  7  7!10  6  7  0] 0  0; 7  6  0  0] FORT         .~.7..77.   3il9  6  0 12  6  9!14 20  6  7  6 12 13  7  6  ALA.     !19!12!13 14 13 13  7  6  6 13 20 12 13120il3 13j FLA. NORMAL !13: 0;i3! 01 7  61 7  0 19 13I12  0 13  7  6  7j CLAFLIN il2 13  7  6 19 12il3  7  0  6  6  6120113 19  6  I KY. STATE  13 12!19il3 27 19;20;i3 13i20jl41 7 13 20j20!19; LANE    6  01 0: 01 6! 6  0i Gl Oi 7  0] 61 6  01 0  j DELAWARE STATE 6  0] 0; 6;i4  6  8] 0] 0] ejl3]12  0  Cj 6  0  J. C. SMITH  13 21 18  7 13!13:20jl3  6113j20  0,20  7113 13  TENN STATE  13 19 14 21i27 19j21!20 21 20  6 14 19 13 20j20l W. VA. STATE I 7(12  7jl4 13 13  7  7  7 13]18t 7 13J 7 13  7  BENEDICT I 6  6  0 141 7  6! 7  7  0  0 13  6  0] 7  7  0  BETHUNE COOKMAN  20 21 20 20i20 27 19j20  6 13 20;i2 19 14!13 13  KNOXVILLE 0  0] 0  6  6  6  7  0! 6 13  6  7  6  6  0  6  TUSKEGEE I 7 13 18;28114 13 13112 13  6118 13 13113118 13  HARVARD 7  7  7 14 13  7 13  7  7  6 19  7(20 14  7)13J COLUMBIA  181 6 14',21 19 14 15 14!21i20 12 13 14 20il3 14  PENNSYLVANIA  13 12 14 14  0]13 12! 7  01 7 2Sjl3 14 14 13; 7  OHIO STATE 121 19i28121 27121134 21 46120112 19 27 21 20!211 MICHIGAN  19j27 14;?0 21128 18 14 27 20 21114 27 20 27 131 NORTH WESTERN 1 7)131 7 13112114112  7 14113112l,12 201 71131 Oj ALABAMA  21 19f21  7 21 14 21 21 35i20 13 14!21 14120 24  TENNESSEE 1 7  7 14 19j ,7 1 ?l ~?1 6  7 13  7  7 13[ 7 13 14j AUBURN [13 13 13  7 10 14114  7 14 13 14  7 28 14 13 131 GEORGIA TECH  33 21 20 21  7 27]16121127120121H312*121 20126  MISS. STATE  19 19i21 14 21121 19 28 32 20 18 14 21 14!20 21  KENTUCKY  13j 6  7  7 13 13[14  7  0  61 6  6 20j 7) .7)141 S. M. U  21  7[13 21  7 14 14 14 13 13  7  7 27l21 20 13  RICE I 7 13 21 141 9  7 21  7 20114 19114 21!27113 14  Past Week's Results 100% Wrong Club NAME W I CS ME 1. A. L. Thompson 20 3 0 352 2. Floyd McDay 20 3 0 429 3. W. A. Scott, III 19 4 0 370 4. Jack Adams 19 4 0 381 5. T. J. Crittendon 19 4 0 433 6. A. T. Hollingsworth 19 4 0 460 7. Estee Prather 19 4 0 469 8. Marion Jackson 18 5 0 335 9. Joel Smith 13 5 0 395 10. Joe Pullin 18 5 0 436 11. J.R.Simmons 17 6 1 391 12. Joseph Daniels 17 6 0 432 13. Thelba Brown 17 6 0 443 14. Paul E. X. Brown 17 6 0 474 15. James Pinkney 16 7 0 430 16. E. J. Scott 15 8 0 481 PAST WEEK S HIGHLIGHTS 1. Top doping by A. L. Thompson and Floyd McDay. 2. Lone correct score called by J. R. Simmons. 3. lowest margin of error by A. I. Thompson. Season's Record To Date 100% Wrong Club NAME W L CS ME i 1. A. L. Thompson 58 12 0 1025 2. T. J. Crittendon 58 12 1, 1 174 3.. Marion Jackson 55 15 0 1067 4. Floyd McDay 55 15 0 1137 5. A. T. Hollingsworth 55 15 1 1247 6. J. R. Simmons 53 17 1 1090 7. W. A. Scott, III 52 18 2 1060 8. Jack Adams 51 19 1 1151 9. Thelba Brown 50 20 0 1145 10. Jomes Pinkney 49 21 0 1 192 11. Joseph Daniels 49 21 1 1202 12. Emel Scott 49 21 1 1232 13. Joe Pullin 49 21 1 1278 14. Paul E. X. Brown 48 22 1 1186 15. Joel Smith 48 22 0 1193 16. Estee Prather 48 22 1 1332 SEASON S HIGHLIGHTS 1. Above average doping by A. L. Thompson and T. J. Crittendon. 2. Most correct scores by W. A. Scott, III. 3. Lowest margin of error by A. L. Thompson.</t>
  </si>
  <si>
    <t>                                           The Atlanta Baptist Ministers' Union met Tuesday afternoon at Wheat Street Baptist Church, Dr W. H. Borders, pastor, and heard an able sermon delivered by Rev. H. Stone, Birmingham, Ala., who is conducting a great revival at the Antioch Baptist Church, North...</t>
  </si>
  <si>
    <t>                                           """^Gordotfs 111% n((t iu innn  fnh  lomi t iit m a1, iti., umu, i. l</t>
  </si>
  <si>
    <t>                                           ONLY $300*00 DOWN And You Can Move In A Beautiful New House ROSE GARDEN HILLS SMYRNA, GEORGIA ONLY 3 HOUSES LEFT-FIRST COME-FIRST SERVED CHEAPER THAN RENT G R CONSTRUCTION CO. Phones 4-55230 4-5552 1 Smyrna, Ga. DO YOU WANT TO SELL YOUR HOUSE? Dear Home Owner: Take advantage of TODAY S HIGH DOLLAR MARKET SELL YOUR PROPERTY NOW! We have cash buyers daily who need housing and who may be interested in such a house as yours. PHONE US IMMEDIATELY! We can be of real service to you by disposing of your property and getting quick results. LIST EXCLUSIVELY WITH Williamson Company REAL ESTATE PROPERTY MANAGEMENT 855 Hunter Street, N. W. AM. 5751 AM. 8640 B THIS COUPON IS WORTH fl I 25oo CASH I fl ALLOWANCE ON ALL JOBS OVER $300.00 fl fl Porches Built or Enclosed Painting fl fl Modern Bathrooms Rooms Added fl fl Siding Roofing Gutters fl B Tile Underpinning fl B "Anything Anyone Else Can Do- We Can Do      "- fl NO MONEY DOWN EASY TERMS fl fl LOW, LOW PRICES fl B ACT TODAY, This Offer May Be Withdrawn At Any Tbaett H I MARS HOME IMPROVEMENT CO. 1</t>
  </si>
  <si>
    <t>                                           In Remembrance                 In loving and precious memory ot a dear sister and aunt Miss Audlemlssie Grimes who passed August 28, 1942. Miss Alberta Grimes, Sister Messrs. John, Young and Oral Grimes, brothers I Mrs. Wileana Grimes McBride Mrs. Orleana Grimes Little, nieces</t>
  </si>
  <si>
    <t>                                           'Loan Shark' Cases Draw 20 Indictm'ts                 'Ilie light against local "loan sharks'* broke wide open yesterday  when the Fulton Grand Jury, meeting in special sessions, returned 20 criminal indictments against 32 companies and individuals charging them with total of 78 misdemeanor                 violations against people who had borrowed money from them. Solicitor General Paul Webb, who had personally led the move against overcharging loan companies, brought a large group ol persons, mostly Nezroes, to testify against tlic loan companies during a session which lasted nearly ail day Wednesday Webb announced that bench warrants would be issued against the indicted individuals sometime (Continued on Page 1 Column 5)                 'Loan Shark' (Continued From Page One) today ordering their arrests. They will be required to post $1,000 bond each, he declared. NOT ENTIRE GROUP This would not be the .final attempt to secure indictments, the solicitor general added. He asserted that three companies sent attorneys to the hearing who refused to surrender company records, claiming that, the law required- a lapse of 20 days from the time of notice until indictments were- sought. Thus, other notices would be sent out, to bring other companies io. a hearing within 20 days, he said. Webb said his next move would be to bring the .indicted people to "speedy trial," in order to get a test case before the court of appeals. NO STATE LAW The  general s office contends that the "loan sharks" are doing business under the small loan code; and should be licensed. Webb said they are not licensed in this sense, and' if convicted could draw a maximum penalty of $500 fine or six months in jail. But Georgia has no law to cover this specific charge, and "I've got to establish that is the law in Georgia by winning this case,' Webb said. Three Georgia legislators visited the hearing Thursday, Webb said, "and all expressed the desire to enact legislation that 'would eliminate abusive practices of small personal finance." "At least one case will be tried in ten days," Webb declared. He added he expected to bring all cases to trial before the end of the year, but that the success or failure of the first case would greatly condition future decisions. Twenty-four states agree with the state s contention through some form, of law, Webb. said. However, many other states are silent on the question of the legality of certain loan practices. He added that the companies can be tried only under a criminal code section which declares that not more than five per cent per month shall be charged on loans. Many of the indicted companies charge as high as 18 and one half per cent on unpaid balances, and as high as six per cent a. month, with a credit, health and life insurance- policy being paid out of                 the lender s money. The companies manage, altogether to draw in often as much as 75 per cent commission, "Webb said. The solicitor said he expects the case to be tested because the loan companies claim their insurance scheme is legal. The indicted "loan sharks" were charged as follows: Modern Finance and Investment Corp.. five counts; J. P. Oliver and P. A.. Bell, 18 counts; Plaza Finance and Thrift, Inc., one count; K. W. Doehring, A. L. Hass, M. M. Softer and G. P. Bennett, four counts Doehring and J. M. Sorrells, four counts; R. H. Frye, five counts; C. G. Graham, W. W. Graham and L...G. Graham, three counts; Robert G. Johnson and- Alonzo R. Rogers, five counts; Charles W. Kilgore, two counts; Geo. T. Mathis, seven counts; W. Lee Moore, Jr., L.- R. Polan and Earl C. Bradshaw, f iye counts; J.. P. Oliver and P. .'Bell, six; Richard Rosenberry, R. T; Nickerson, Mrs. Dorothy Callahan, eight counts; Mrs. Helen Spivey, one count;                 Ruby" Bell Smith, Ernest M. Clonts, ana Hazel M. Gower, seven; H. E. Smith and Guy W. Gower. eight; Colden B. Stonlet and J. W. Ivey, two; State Loan and Thrift Corp., .four; and R. W. Tribble, four counts.</t>
  </si>
  <si>
    <t>                                           The fight against local "loan sharks" broke wide open yesterday afternoon when the Fulton Grand Jury, meeting in special sessions. returned 20 criminal indictments against 32 companies and individuals charging them with a total of 78 misdemeanor...</t>
  </si>
  <si>
    <t>                                           Freedom At Last For 1st Allied War Prisoners                 BY LEE                  PANMUNJOM- (INS)- Freedom at long last, came for the first of 3,313 war prisoners to be exchanged under the Korean armistice.                 The first American to be exchanged in "Operation Big Switch" was Maj. John Deaugat, of Richmond, Calif. Overcome with joy. the major shouted from the Communist truck carrying him with other prisoners: "I just came back from 31 months' imprisonment." NO REPORT ON DEAN Deaugat, wearing a crew cut haircut and sporting a handsome mustache, said he was not  in the same prison camp as the highest ranking. U. S. prisoner, of the Reds, Maj. Gen. William F. Dean, and therefore could give no report on him. The Communists have listed Gen. Dean as among the American prisoners slated for repatriation, but have not stated when they will bring him to Panmunjom. The heroic general,/ not only the top ranking prisoner but perhaps the senior of all the 3.313 Americans to be returned, was last seen on July 21, 1950. when he was firing at a Communist, tank with his .45 caliber revolver during the battle of Taejon. The sky was cloudy and overcast at Panmunjom this morning. The momentous prisoner exchange started precisely at 9 a. m. (7 p m. CDT Tuesday.) It was not unlike the weather during "Operation Little Switch" in April when during a pre-armistice exchange, the Communists returned 149 sick and wounded American prisoners and several hundred other ailing .United Nations soldiers. But one thing definitely was absent. That was the rumbling roll ol artillery at the now-silenced outposts of Bunker Hill and Vegas.</t>
  </si>
  <si>
    <t>                                           PANMUNJOM--(INS)-- Freedom at long last, came for the first of 3,313 war prisoners to be exchanged under the Korean armistice.</t>
  </si>
  <si>
    <t>                                           BURGLAR BARS 13} j^H AND ENJOY SURE Hpf^~/         PROTECTION IW^kI Estimates Cheerfully Given P^^\' '^^ SOUTHERN WIRE IRON WORKS I NISH WILLIAMS, Representative" RAymond 9383 Phone MA. 5305 441 Memorial Drive, S. E., Atlanta, Ga.l</t>
  </si>
  <si>
    <t>                                           A SPECIAL INVITATION TO MISS, MRS. AND MR. FASHION-WISE ATLANTA Ihelma's School of Professional Modeling end Charm I invites you and your guests to attend its First Anniversary Fall and Winter j Cabaret Fashion Show J Featuring: MISS ANNE KIRKSEY, of Chicago (Professional Model) WEDNESDAY NIGHT, 11th NOV., 19S3 9 Til 1 O CLOCK THE ROYAL PEACOCK Mos:c By JIMMIE WIGGINS ORCHESTRA f  Artists THK ('l!HAN .S  GENERAL ADMISSION" $1.50 PATRON $2.00 MOOR. /KS 1-ttO.M PARTItlllGE'S  Come See The Lovely Hand-Made Knit and Crochet Items Made By Patients At The BATTEY STATE HOSPITAL I BURGLAR BARS K^B^Pb AND ENJOY SURE BJffiJWHMgjjjBI PROTECTION  Ettimate$ Cheerfully Civen 5*"^*"* ^S^^N/mIr^1 SOUTHERN WIRE IRON WORKS NISH WILLIAMS, Representative" RAymond 9383 'hone MA. 5305 441 Memorial Drive, S. E., Atlanta, Ga.</t>
  </si>
  <si>
    <t>                                           Welcome Bills' To Atlanta ^m l^^HflH^^HBflHIHiHHHHiM^^^^^^^H *Jm Jk 1 1 (H ^~f ill "M 272 SUITS TOPCOATS Taken from our regular stock of spring, Taken from our regular stock. A good^ v summer and foil weigh! suits. selection to choose from. VALUES TO *85 VALUES TO *16S V2 Price!  2 Price! Sorry, ISo Alterations! Sorry, No Alterations! ^^000"^~^\ Look at These Savings on ^-* shirts ^oCV. St^et Our entire stock of short sleeve sport co^~            *^\oc^ shirts including famous name short sleeve *%~-;~?*~*~*~ $249 *      .    yo\   - Re3. $3.95 values Ki       i \R"- i4'5 w"m' 3 Vl **^-^R=a. $389 SC89 Reg. $8.95 Values ^J $O29 Tine Val'- t0 '1 19 Reg. $12.50 values  $3.50 Swim Trunks y ^AAft^Atf^MAA^ Vals. to $5 /2 ^^PP^P^^ leisure jackets Price! ^^M^m^^f/^^^Km^ vol.. to $16.95 I^VflM^Tfy^^r^^BT</t>
  </si>
  <si>
    <t>                                           SIGMA GAMMA RHOS AND THEIR GUESTS: Shown are the members of Sigma Gamma Rho Sorority and their young guests at Carrie Steele Pitts Home where the sorors gathered to presen:                 the children s favorite recordings. Shown are Mrs. Thelma Walters, basileus of Eta Sigma Chapter. The presentation was during the so ority s celebration of Founders Day.</t>
  </si>
  <si>
    <t>                                           Stevenson Promises "More To Say" About White Case Today                 BY PAUL W. BURTON International News Service Staff Correspondent                 Adlai Stevenson predicted renewed unity In Die Democratic party Monday and promised he wilt have plenty to. say Tuesday about the Harry Dexter White case In what has been billed as a major speech before the Georgia Legislature.                 Stevenson parried most questions about the White case at a crowded news conference shortly after be arrived in Atlanta on his first visit to the South since the Presidential election. He said a "good. port I8n" of his speech at. noon Tuesday will concern the White case, but he did comment "the Republicans should make a much more sober approach" In routing communists from government. The 1952 Democratic standard bearer, who was accompanied to the news conference by one of his                 rivals for the nomination- Sen. Richard Russell of Georgia .said he believes differences between North and South wings or the party can be Ironed out. He said: TIME FOR UNITY "I can see few reasons, why our party, particularly now that it Is In the minority and out of office, should not take advantage of this time to diminish the areas of disagreement." Asked if he thinks Southerners who broke tradition to vote Republican last year will return to the Democratic fold, Stevenson grinned: "Certainly. I'm still a great believer in redemption of sin." He added he does not think a man should leave a party because he does not agree with some of its thinking. Stevenson cheerfully predicted the Democrats will take the 1954                 congressional elections and the 1956 Presidential election, but gave bis routine reply to the question about his own Intentions of running again* for president: "I don't now and I wouldn't tell you if I did." He refused    speculate on what the major Issues will be next year. To a question about racial discrimination ,he said: -I don't think this problem is always in  perspective. It seems to me we are both basically seeking the same thing, but disagree only In our manner of attaining It." Stevenson was met upon arrival by top state, city and state party leaders, including Qov. Herman Talmadge and Senators Russell and Walter George. He addressed a conference of Negro Democratic leaders at the Butler St. YMCA later Monday. He will fly to Montgomery, Ala.,; Tuesday afternoon.</t>
  </si>
  <si>
    <t>                                           Adial Stevenson predicted renewed unity In the Democratic party Monday and promised he will have plenty to, say Tuesday about the Harry Dexter White case In what has been, billed as a. major speech before the. Georgia Legislature.</t>
  </si>
  <si>
    <t>                                           Newspapermen striving to answer criticism against their tribe prove to be the most thin-skinned humans in the universe. This truth is apparent from the series of cry-baby stories currently flooding sports columns carried in New York newspapers as a result of Jackie Robinson's stinging rebuke to the writing fraternity in the Our Sports magazine article "Have I Achieved My Coal." The article was ghost-written by "Swig" Garlington, ex-Morehouse College Maroon Tiger staffer.</t>
  </si>
  <si>
    <t>                                           The Negro YMCA building to be erected here at East 10th Street and Park Avenue will be a "big contributing factor" to youth development in Chattanooga, Jack Chainbliss, YMCA vice president, told approximately 100 persons at the site July 27 for groundbreaking...</t>
  </si>
  <si>
    <t>                                           Excerpts of Address by Bishop William C. Marlin, President, National Council of , Churches of Christ in U. A. at Y. W. C. A. World Fellowship Vesper Service, Washington, D. C., November 8, 1953, 4:00 p. m.</t>
  </si>
  <si>
    <t>                                           NORMAN, Okla. -- Students of the University of Oklahoma were urged to become active advocates of "democracy in education and in other phases of American life," by Walter White, executive secretary of the National Association for the Advancement of...</t>
  </si>
  <si>
    <t>                                           NEW YORK -- (GLOBAL)--Negroes are becoming investment-minded and more of them are buying stocks and bonds than ever before. Although Negroes employed by vast industries such as American Telephone and Telegraph have for years owned stock in those...</t>
  </si>
  <si>
    <t>                                           Choice Fresh Fish Sea Food i MULLETS While They Last J)c !b. FANCY voUNG1 j STAG ROOSTERS 28*11], i CHOICE FRYERS, HENS 8 ROOSTERS i Gordon St. Poultry Fish Co. j 815 GORDON ST., S. W. AM. 3068 j ROSE GARDEN HILLS I SMYRNA, GEORGIA Beautiful 2 3 Bedrooms; Tile baths; Colored  fixtures I Youncjstown kitchen; Central Healing," Ha)dwood - H Natural Gas; Telephones; Extra Large lots; New Modern Elementary     High School; Paved Streets. These are homes not houses, tow Down Payment; low Monthly Notes. 8 Cheaper than Rent. '-Bi     CONSTRUCTION CO. I Phones 4-55230 4-55521 Smyrna, Ga. S</t>
  </si>
  <si>
    <t>                                           (ROBBINS THE BEST 1 IN HOME REMODELING Iall types of repairs-additions i alterations at real low prices i no down payment I START PAYING NEXT YEAR JANUARY 1954 1  FREE ESTIMATES I FHA TERM LOANS AVAILABLE I ALL JOBS 100% GUARANTEED % ALL JOBS 100% INSURED I PAY AS LITTLE AS $1 .00 PER WEEK }WE HANDLE THE WHOLE JOB 1 ROBBINS HOME IMPROVEMENT CO. S 40 Pryor St. Bldg., S. W. In Downtown Atlanta r WEEK DAYS lAmor 7712-7713 ff NIGHTS, SAT^SUN. HOLIDAYS; E^L9 ^^S^</t>
  </si>
  <si>
    <t>                                           New Staff Appointments Made At Phyllis Wheatley                 Phyllis Wheatley Branch YWC; announces the appointment of Mrs Sujette Fountain Crank, executiv; director and three other new stall members.                 The announcement of' the new staff appointments was made bj Mis. J. E. Garnett, chairman the personnel committee. WIDE EXPERIENCE Mrs. Sujette Fountain Crank comes to the association with c wealth of training and experience Her educational background consists of an A. B. degree from Morris Brown College, Atlanta, Georgia; a B S. degree and a M. S degree from Northwestern University, Graduate Social Work Studj at Western Reserve, and the University of Chicago and work toward the Ph D. degree at the University cf Chicago. PROGRAM DIRECTORS Her work experience consists of the following: Director of Education Workshops, Loop Center, Chicago Y. W. C. A Program Director for Business and Professional Women, So                 ?ark\vay Center, Chicago Y W C. A.; and interim Metropolitan Program Director for the Business and Professional Department of the Chicago y. W. C A in addition to work at South Parkway She has been Director of Negro Activities, Jane Boyd Community House, Cedar Rapids, Iowa. As director of Education Workshops, Loop Center Chicago Y. W. C. A.-, Mrs. Crank supervised between 25 and 30 teachers and from 600 to 800 students per term during three terms of the program year. Though predominantly white; both the faculty and constituency of these workshops included all racial and religious groups. Phyllis Wheatley, officials says, is fortunate to be able to secure the services of Mrs. Crank as Us executive director. Other staff appointments include the following: Mrs Clara Lowe, Senior Y-Teen Director. Mrs. Lowe is a graduate of Alabama State Teachers College and holds a Religious Education degree from Gammon Theological Seminary. Her experience consists of the following: Caseworker at the Fulton County Department of Public Welfare and secretarial work at Clark and Talladega Colleges, and with the Congregational Church. Mrs. Anna Davis Reed, Health Education Director. Mrs. Reed has a major in Physical Education and Health at Langston University, and has studied at Pittsburg College. She has served as Physical Education Instructor at Camp Bide-AWee, Wichita, Kansas; Recreation Director, Paseo Playground, Kansas City, Mo., and Counsefor for Interracial YWCA Campaign, Topeka, Kansas. She was an active member of the Tolbert Branch Y. W. A Committee of Management and served on many committees at the Branch and at Central "Y" before coming to Atlanta. Miss Eloise Ashmore has been ap- pointed new Junior Y-Teen Direc(Conlinued on Page S Column 3)                 New Staff ij (Continued From Page One) j tor. Miss Ashmore is a 1953 gradu- ate of Morris Brown College. She i has had experience working with the Camp Fire Organization. She did temporary work at the Brancn I during the summer months. With these new appointments to I strengthen the present , Phllys Wheatley Branch Y. W. C. I looks forward to one of the best program years it has ever had. The branch earnestly solicits the support of each and evp-~ one in the total Atlanta community.</t>
  </si>
  <si>
    <t>                                           Phyllis Wheatley Branch YWCA announces the appointment of Mrs Sujette Fountain Crank, executive director and three other new stall members.</t>
  </si>
  <si>
    <t>                                           E. J. (Ox) Clemons, colorful, garrulous and gregarious mentor of the Morris Brown College Wolverines, proud and grinning over having won a master of education degree from New York University, returned to the coaching wars Wednesday. Heady glee over his academic accomplishment failed to dispell the gloomy outlook for his '53 football campaign which begins in three week. Ox knows the road ahead is not primrose and that repeated shellackings will make bloody Saturdays his reward from now...</t>
  </si>
  <si>
    <t>                                           Gammon Seminary Reports Thirty-One New Students                 Gammon Theological 8, one of the only two "A" rating theological Institutions for Negroes In the South, opened Its 70th acade. mlc. year on September 22, with 31 new students registering for the  ministry.                 According to President Harry V , "This Is the large*  class since Gammon has b?en an accredited graduate school." Oiramon's total number of students for. this semester Is 56. Members of the student body   (13) states, and  (7  different denominations, whli-h are as follows: AME- 2, - 2; Baptist-*; CME- 2; Methodist- 40; Presbyterian U. S. _3-and Presbyterian Cumberland l' Of the total number of -, thirty two (32) or 67 percent of them are married, twenty one (21) or 65 per cent of those  are married have children  from one (1) to four (4) The. majority of these married students Mve their families with them and are living on the Gam- 1 mdn campus n the newly construct- ed apartments and renovated                 tages. The increase in the entering class has meant that Gammon has had to expand its economic and physical facilities in every way possible, in order to make the student s seminary days comfortable and enjoyable. Eight new apartments have been constructed and five cottages completely renovated and decorated for the student families. Along with its new  program, Gammon has instituted a three -year $500 00 scholarship grant, New students who qualify are given the $500 00 scholarship j which covers housing and meals on the campus. Awards are made, on the semester basis Students receiving the scholarships are expected to do superior academic work Old students are also given special financial aid if they qualify and need such aid. In his opening address to the students, President Richardson emphasized the extent to which Gammon is preparing for the economic and physical comfort of the student, and he urged the student to take (Continued od Page i Column -5)                 Gammon Seminary (Continued From Page One) advantage of every opportunity provided him, by preparing himself to the fullest extent for service in the Chr.stian ministry. He called their attention to the great brotherhood of .seminary, days, the freedom from economic pressure and competition, and the devotional aspect of seminary life. 1 In general, the President emphasized that the Gammon student is provided with every possible opportunity that would help him to make the ministry the highest calling. "Regardless of denomination," he stated, "the object of the training at Gammon is to have all stu1 dents, as the Scripture says," of one mind "having the same purpose. I preparing to serve our Lord and I Master, Jesus Christ." The outlook at Gammon points to success in every direction.</t>
  </si>
  <si>
    <t>                                           Gammon Theological Seminary, one of the only two "A" rating theological institutions for Negroes in the South, opened its 70th academic. year on September 22, with 31 new students registering for the Christian ministry.</t>
  </si>
  <si>
    <t>                                           HY-BEAUTE HEiPs'flj^^^1 STOP itching scalp  and falling hair BflrwHM HAIR DRESSING .35c KfMl PRESSING OIL .35c  QSh SCALP TREATMENT I. Ib. Sf.25</t>
  </si>
  <si>
    <t>                                           Snow injury is a major hazard for most of the evergreens and some of the decidious shrubs used as decorative plants. Quite a few of them are not entirely winter hardy in the northern states.</t>
  </si>
  <si>
    <t>                                           The dinette that   out of  Mffi- PHILIP MORRIS lias a]wavs     - 1 contained an exclusive SSp;'-/ y^sl  wDi-(JL" if.-.i ^ %x "oes    0"IM-e li i  Jn^-'- A:^i*4 'J V vapors present in every ^^^,~.x  M$    .     tH-lli/I ' L-l."tll Lilt/ %P^ jf No other cigarette. ^m*y '^^fHT t ^wilh or  filters i-^ j     remove all '7'csc irritating vapors t?^;-1 K*'f t'?:p^':sv i'~i'':~    :  ;i(Id yn- p I i;^~li':ftT:':5:'3i4^ lo the . ...  t*:%-.~ .--A h ft Crw?f?S and rare -  of Philip Morris! 8-^w^; S^ ^sj^ ,-S ^f''M$       All the rich flavor ami aroma arc yours.  llm y I^^^^^H ^^ '''need for -" t-ail^vls or fillers. Only ~~^^^m^^ f l^Br --Philip Morris oilers ~,.u this record of safely. For  HS^^^ ^^fe  t.^    yag}CTii *mt*m"' your fi/~/.   '' 1 for  /i;/i/  7//i// iry a carlon! fe^^^^^S ^^^^S America's Finest Cigarette .Make it Yours</t>
  </si>
  <si>
    <t>                                           ma  iron _^^^^^m^^52S^^9 ^^^m_ .^^^L*. BBI^HHi^^^*^H0'fl^HHBflft \     ] BRASS COMB Box. 21*0- M SffW NCI ray tollman*                .$1^8          , Vs. monetT) Oar,~</t>
  </si>
  <si>
    <t>                                           NEW SENATE REPUBLICAN LEADERS                 f SEN! WIlClAM f. , of California, enjoys a hearty  ;^~jp" Senators had unanimously elected him Majority Leader Aj'. .closed conference in Washington. With him is Sen. Homer Ferguson (left); of Michigan, unanimously chosen to head the OOP Policy Com? . Ksowland succeeds the late Sea. Robert A, Tatt, of GkibgT</t>
  </si>
  <si>
    <t>                                           Roy Eaton, brilliant twenty-three-year old American, who appeared on the popular All Star Concert Series at Clark College Sunday evening, gave an impressive performance which left little doubt that he is among the highly gifted young planists of today.</t>
  </si>
  <si>
    <t>                                           Thank You For Your Wonderful Black and WhiteOintment x   4 Mr*, /rcn*! Toylor, 72 .S. /~~/i Sf., P/.    " "Thnnk you for your wo"dc'"ful,,?l??.* nnd White Ointment. My*""".1*?; hands broke out with what the doctor  Eczema. It tormented her something awful. I put on Black and White Ointment. --^SS5^^ In a short time y^B^k she got wonderful lc5?    *      relief from the \^~*S\^K'\ misery." ltS^n^^clU So good-over. HaesV^) Ohinu tVn        with      and WhIM   mp</t>
  </si>
  <si>
    <t>                                           The Lord awaits you at the Greater. Mount Zion Second Baptist Church, corner Piedmont Ave. and Baker St. Sunday, Dec. 20, 1053 with the schedule as follows:</t>
  </si>
  <si>
    <t>                                           Members: BN8 NNPA ANP JNS  Erery Morning Except Monday, at 210        Avenue, N. E. Founded August 5, 1928; Became Dally March 13, -19  W. A. SCOTT, n, Founder-Publisher, Aug. 5, 192g to Feb. 7, 1M Telephone; WAmut H59 WAlnnt 1W Entered hi Post Office at Atlanta (3), Georgia, as second class mall under the Act of Congress, March 18, 1879. C. A. SCOTT Editor and General Manager DAILY 8 BATES BY  WEEKLY 8   ,- MONTHLY 1    8 BATES BY MAIL: DAILY: 1 Year $15.60; 6 Months $7.80; 3 Months $3Jt SATURDAY ONLY: 1 Year $6.12; 6 Months $334 THE ATLANTA DAILY WORLD is an independent newspaper - tartan and nonpar$,~ news absolutely  and  those things it believes to be to the interest of its readers and opposing those things against the interest of its readers. m ,TUE WORLD expressly repudiates responsibility for return of unsolicited pictures, manuscripts, etc, unless stamps are sent Adtor  D COMMUNICATIONS to and make CHECKS payable to ATLANTA DAILY WORLD, rather than to Individuals.</t>
  </si>
  <si>
    <t>                                           JOY LINGERS in the memories of these youngsters who live on Eoslage Street. They gathered i at 642 Eustago recently to receive gifts, including clothing, toys and food. Each also received a                 portion of the Bible to take home, made possible through the efforts of Mrs. D. Alexander.'                 (Adams Photo)</t>
  </si>
  <si>
    <t>                                           DUBLIN, Ga. --Smarting from a 13-13 tie with the Brooks County High School of Quitman, Ga., on 16 October, the Oconee High School Trojans loosed their power in the first few minutes of the game to run up thirteen points against the Woodville Wolverines of Savannah...</t>
  </si>
  <si>
    <t>                                           Tense Moment as EmlenTunnell returns kick-off 100 yards V          J YARDS TO MAKE THE J I ! ^r *t* '*'    ^ 1 All  ^HH^B^H^^B^^^^^^^^^^^H Ease the tension with</t>
  </si>
  <si>
    <t>                                           DAILY CROSSWORD                 ACROSS 1. Stores Strips of cloth (India) 11. African 12. Evade 13. Maxim 14. Undorshot  19. Chief deity (Babyl.) 15. University  18. Royal title in Ethiopia 19. Destiny 23. Small measure (abbr.) 33. Female sheep 20. Kxcuse 28. Not ever 30. Breach 31. Negative reply 33. Bogs 34. Arabian evil         (vaf.) 30. ShdbU forth, aj  39. Strange 42. Look* askance 43. Morningreception 49. Angry 40. Of Artui 47. French novelist 48. Insanely DOWN }. Cruxt on t      4                 2. Conceal 3. Elliptical 4. Wooden pin 5. Cubic meter 9. Flightless, aquatic bird T. Fragrant wood 8. Rovolrt 9. Mine          10. Large bodies of water 17. Ovum 18. BiU 19. ClgawtU (alang) tO. A wing JLApox                 23.      nlng (poet.) 24. Skin tumor 23. Bitter vetch 27. Insinuates 29. Newt 32. A rood leaving                 X. Large artery of the heart 36. Mohammedanism 36. Slipped 37. Republic (So. Am.)                 ^               YttUrdtjr't Anttrtr                 38. Quantity of paper 30. Roman poet 40. Apportion, as cards 41. Refuse to grant 44. Epoch                 p re it ' P P        57? IT" fa 22 4y_w* z_iT "ii 1 p^ 1 11 1</t>
  </si>
  <si>
    <t>                                           We Guarantee All Work Started This Month To Be Complete For Xmas ADD A NEW ROOM COMPLETE REMODELING FHA PAYMENTS BEGIN PAYING FEBRUARY 1, 1954 NO DOWN PAYMENT CALL ABBOTT FOR HOME REMODELING EL. 6741 24 HOUR SERVICE</t>
  </si>
  <si>
    <t>                                           Virginia Union blanked Bethune Cookman 13-0 in the third annual Tropical Bowl Classic ........ The SIAC Was approved a conference sponsored swimming meet at Alabama State College, Montgomery, Ala. ....... George Stewart and Althea Gibson are ranked No. 1 in ATA men and women singles, according to rating released this week ....... Prairie View A&amp;M has been awarded the Associated Negro Press mythical national championship ........ Savannah State was acclaimed the losingest leam...</t>
  </si>
  <si>
    <t>                                           URANIUM IN AFRICA TO GUARANTEE U. S. SUPREMACY OVER COMMUNISTS                 Congressional AEC Committee Returns From Inspection Tour                 BY JAMES LEE                 WASHINGTON (INS) Members of the joint congressional Atomic Energy committee returned from Africa yesterday with assurance that the dark continent s rich Uranium field will help the U. S. maintain leadership over Russia in production of Nucle\r weapons.                 Sen Bourke B Hickenlooper JR) Iowa, acting as spokesman for the legislators, declared that "substantial supply" of Uranium- heart element of the atomic and hydrogen bombs can be expected to flow into the U S. from Africa through out the foreseeable future Hickenlooper pointed out that the Belgian Congo and areas of South Africa are among the world s most productive regions as far as uranium is concerned GUARANTEE SUPREMACY The Iowan said that, when added to the U S and Canadian uranium supply, plus that of other regions beyond the reach of Communism, the African contribution to the free world s atomic-hydrogen effort guarantees continued supremacy over i,he Soviets in the super bomb race. Hickenlooptr, chairman of the committee s raw materials subcommittee, was designated by Representative Sterling Cole (R) N. Y., Congressional Atomic Energy chief, to report on the African tour. The lawmakers left for Africa shortly after Soviet Premier Georgi Malenkov's boast that Russia had succeeded in exploding a hydrogen weapon This was confirmed by the U S Atomic Energy Commission through its global detection network. PLEDGES OF COOPERATION Hickenlooper said that in the Congo and South Africa, the American legislators received firm pledges of cooperation in maintenance of the uranium supply'""^ The Congressman reported no evidence of Communist infiltration                 of Africa's uranium producing localities. Hickenlooper said that from every standpoint, "the raw material situation is encouraging." Committee members emphasized that when the increased U. S. HBomb and A-Bomb effort necessitated by Russian possession of the dread hydrogen missile, Africa's tremendous deposits of the radio, active mineral are of vital importance to the western world. The atomic energy group also inspected U. S. Air Bases in North Africa, which are part of the network ringing Russia with .American A-Bombcrs, and similar installation in Britain.</t>
  </si>
  <si>
    <t>                                           WASHINGTON -- (INS) -- Members of the joint congressional Atomic Energy committee returned from Africa yesterday with assurance that the dark continent's rich Uranium field will help the U. S. maintain leadership over Russia in production of Nucleus weapons.</t>
  </si>
  <si>
    <t>                                           Largest' Bank Opens New $98,000 Branch In Durham                 DURHAM, N. C. The Mcchanlos nnd. Famjors Bank of Hurhum. reportedly the largest  In the world operated by Negroes,         u now   8,000 brunch office hero last week.                 John n. Whcclcr, noted Durhnm civil rights lawyer who is president1 of the hunk, lists the bank s assets "In excess of $6 million. In addition to Hie now branch In its home city, located hI the  corner of Elm and Fnyettcville directs, the firm h.is  operating n  In ^li since 1022. -l  WliPi'li-r, who  tlie late Ur. Clmiios Clinton RpiuildliiK ns president of the bank In AubusI.                 1052, parted' with tho organization bs ft t*:  -) J044, ho was named vice-president nnd cashier, succeeding the  U. L. McDougnlcl. Ho Is n graduate or Morchousc College nnd holds the LL. D. degree from N. C. College. Tlic new two- structure was designed by II. R. Markley, Durham . It Is ultra modern in style nnd contains the latest safety devices highlighted by a built-in downstairs vault, wo streamlined teller s busses convey the  from ' receiving cages. I. Fundcrburg, , nnd Raymond K. Brown, teller, will staff the bank. DltlVIMN Somo 17,000 citizens In Durham's thickly Hayti section will be served by the special teller s window branch. It Is designed to accommodate -ln. A special metal drawer comes out to meet depositors, r. facilities are available (Cimdnucd on I'uge 4 Column 3)                 Largest Bank (Continued From Page One) behind the branch office. In addition to its functional , the branch utilizes some of the latest designs and decor. The tellers' ca:;es have cork floors. The main  is terrazo. Chinese red, cascade blue nnd curly birch with natural finish blend among the interior s furnishings. Ledge-stone and glass combine to complete the interior and exterior.</t>
  </si>
  <si>
    <t>                                           DURHAM, N. C. -- The Mechanlos and Farmers Bank of Durham., reportedly the largest bank in the world operated by Negroes, opened a new $98,000 branch office here last week.</t>
  </si>
  <si>
    <t>                                           Convening Baptists Refuse To Accept Terms Of Unity Offer                 Baptists under the leadership of Dr. li. A. Plnkston flatly refused to agree to unification as outlined In a telegram sent the body by the Georgia Baptist Missionary and Educational Convention. Dr. W. H. Borders, president in its closing session Thursday afternoon after a                 -. I After warning that the           faction i6 willing to unify with olh- er Baptists in state, the body vent on record as being against giving up any Baptist freedom and principle and voted to receive as information a telegram sent by the other Baptist group which met at sonic time in Macon. Georgia. CHURCHMEN DEBATE UNITY Taking part In the fiery debate on Baptist Unification was such stalwart Baptist churchmen as Drs. R. H. Milner, M. L. King, W. W. Wcatherspool, Roland Smith and President Pinkston and Vice-President L."M.- Terrlll, who presided at many of the sessions. The Pinkston group intimated that before unification can become a reality in Georgia a committee must be appointed to work details and not a mass meeting as suggested by the other group. Hence, Baptist unity will have to be a little while longer, but It will come in due time. MANY SPEAKERS HEARD Speakers In closing session included: Rev. E. D. Lawson, national ; Rev. Angel,                  Tennessee, represented the Benefit Board of National Baptist Convention: Dr. R. W. RUey, president, American Baptist Theological Seminary, Nashville; Rev. J. B. Powell, Greenville. Ala., of Home Mission Board of National Baptist Convention; while Missionaries Rev. I. 6Mack, Atlanta, Rev. N. H. Gamble, Daricn; B. M. Milner, Atlanta; Rev. A. F. Ponder, Qultman, made reports. UNUSUAL CONVENTION The convention was perhaps the greatest convention ever held under the Pinkston administration. For example. last night a big crowd greeted Rev. J. D. Dunson, Franklin, who delivered the farewell sermon. Usually on this night you preach to benches if at all. Not during this convention. Rev. E. D. Brooks. Stateaboro, created widespread shouting as he delivered a stirring doctrinal sermon and was followed by a heart-felt by Dr. R. H. Milner, Atlanta, Rev. P. H. Geer, Atlanta, was alternate to Rev. Dunson. PUBLIC RELATIONS DIRECTOR PRAISED Public Director Arnold was highly lauded by President Pinkston for his fine coverage ol the meeting and the host church and pastor were given a vote of thanks for their very fine entertainment. These activities sent the Baptist Uiceling Into the pages of history.</t>
  </si>
  <si>
    <t>                                           Baptists under the leadership of Dr. L. A. Pinkston flatly refused to agree to unification as outlined in a telegram sent the body by the Georgia Baptist Missionary and Educational Convention. Dr. W. H. Borders, president in its closing session Thursday afternoon after a...</t>
  </si>
  <si>
    <t>                                           Political Fight Flares Over Baton Rouge Post                 BY JAMES B. LAFOURCHE                 BATON KOUUJi, L,a. lAWi-)- Within a stone s throw of the old Capitol building here where at one time the raucous voices of Negro legislators were heard, white and Negro politics were in a verbal clash last week and here s why.                 J. Ashton Greene, East Baton Rouge Democratic committee member, white, was forced to resign his post as of last week because he nominated a Negro, Paul LeBlanc to serve as a deputy In a primary election Tuesday. Aug. 25. The committee barred LeBlanc from serving .At. a meeting held to ^ate election returns, the resignation of Greene proved to be one of the highlights of the occasion. HIGHLIGHTS The Rev. T. J; 3emison, Negro, representing the United Defense League, and the committee s refusal to second a motion by Greene calling for a reformation of belief in the Democratic way of life, furnished the remaining highlights. Chester James who offered the resolution requesting Greene's resignation, ch/ that the latter s "thinking and political philosophy are entirely at a variance with the rest of the committee,"'                 In protesting the committee s refusal to permit LeBlanc to serve, Rev Jemlson pointed out that Baton Rouge Negroes are Democrats 'by choice and not by force.'.1 He said that he had the right to be represented "We are citizens and we want a full .share of the responsibility of citizenship," he said. 'We want to be treated as you would want to be treated. The Constitution is color blind. The goddess or Justice is blindfolded and she won t know what race, color or creed of man is before her." In conclusion he said Negroes "will always contend for their rights" In a religious and peaceful way, and asked for "more Christian treatment." FAIR PLAY Following Rev Jemison's remarks Greene at once offered a motion for the committee to reaffirm its belle! in principles of fair play, democratic process, and equal rights. The motion died without being seconded. The election was to determine the Democratic candidate for city- councilman. A second primary has been set for Sept. 15, with Lewis i W. Eaton and Felix J. Douglas as candidates.</t>
  </si>
  <si>
    <t>                                           BATON ROUGE, La. -- (ANP)-- Within a stone's throw of the old Capital building here where at one time the raucous voices of Negro legislators were heard, white and Negro politics were in a verbal clash last week and here's why.</t>
  </si>
  <si>
    <t>                                           SHADYDALE, Ga. -- The Christmas program was given at the Greenwood Baptist Church December 28. This program was under the auspices of the Sunday School and the tree was laden with presents for both teachers and students. Miss Johnny Eva Huff of Atlanta...</t>
  </si>
  <si>
    <t>                                           TYLER, Texas--(ANP)-- Billy View Panthers spoiled the Texas College Steers homecoming here Nicks' undefeated-untied Prairie Saturday afternoon then they pushed over three touchdowns in the last half to win 27-7.</t>
  </si>
  <si>
    <t>                                           Churches Pay Last Respects To Mrs. Mattie L. Billings                 TJwo religious faiths Joined hands yesterday morning in final tribute to Mrs. Mattie L. Billings who had 1 served both the AME ar.d Seventh i Day Adventisl. Churches during her life.                 Minister of both denominations gathered at a flower covered  in the Berean Seventh Dny AdvenI tist Church, while friends and well I , including doctors, ministers, lawyers and businessmen, came through a rain filled, grey morning to pay last respects to one they I had known and admired. i The service was short and quiet; 1 even the singing of three numbers by the church choir and the touching solo, "I'm going Through" by P. E. .Hamilton. And the ministers, .who made, remarks, all lauded the' fact Mrsv Billings "was prepared" when she was called by death. Bishop W. A. Fountain praised her for her religious devotion and her faithfulness to her family.'                 'Die Rev. B. J. Nolen, pastor of St. Paul AME. expressed sympathy for tlie bereaved family, and Elder E. M. Starks. pastor, Berean Seventh Day Adventist Church, remembered her as "very cheerful and non complaining." even in her final illness. The Rev. J. G. Thomas, former i pastor of the Seventh Day Adventist Church, reiterated the. faith s belief in the eventual return of Christ, and declared Mrs. Billings would be among those who would I arise to heaven with him on the final, day. Other numbers rendered were "Come Ye Disconsolate," "What a Friend," and "Its So Sweet." Mrs. Billings, mother. of. Dr. R. A SUllngs,  Arhaay ta her home at 610 RockWeO'tSt.. Sr'W. She had been a member of the AME church in Macon, and a mem-' ber of the Seventh Day Adventist since coming to Atlanta several years ago.</t>
  </si>
  <si>
    <t>                                           Two religious faiths joined hands yesterday morning in final tribute to Mrs. Mattie L. Billings who had served both the AME and Seventh Day Adventist Churches during her life.</t>
  </si>
  <si>
    <t>                                           PICTURED ABOVE ARE FOUR ATLANTANS who left Friday evening by train for St. Frances de Sales high school in Rock Castle, Va. They are from left to right: Misses Beverly Mapp, Harriett Walker, Ruby Wilson and Margaret Alexander, also going were Misses /. Copland and Barbara McAllister, who do not  on picture.</t>
  </si>
  <si>
    <t>                                           NEW YORK -- ()--I am 19 years old and live with my faily. I finished high school and started to college, but could not afford to continue. I work in a cafe now and make only a small salary. My main reason for writing you is a problem concerning my...</t>
  </si>
  <si>
    <t>                                           Justin im k fat ^UridmsGtrvfm.. udd Ml Strings Jf^X TiNDER PLUMP TOP QUALITY  CU  ^IFT'fflmJ^M 'VHFtC'"Jr' %bV. ^B. m WWW ^b^fl Wmm^ m ^^L H ^^^^BBBBBBBbI .^BBBB^V ^^OKOb^T ^bHB'-B' t!* "~';*jJ^ I A. DRESSED.. READY TO STUFF AND      t^^m^M,": STRAIGHT SAlk' V IIH ^~?v. ^^^ HEN  Sfi^sS^6ic l^j^^^*""*'  SSff ff^^fe Cudahy's Puritan or jl^E^^^r. ^^^C!*ABM(^i4iH' /JMIfci /MW^.  ValleY DaIc Virsinla   COCKTAIL^  l^BBBMJMMjWHWWgy SMOKED 10-14-LB. AVERAGE ^HHl 4 1 %Hwj     I %Wr%       ^ 1 JH^L- VwifflBBw Hums  1 fe  PEARS ^i^fe \~^l^^y Armour's Star ^^B^          All 1  bo"  !     ^*^=^Si*i^ or Oscar Mayer's f^So/e Personnel XMAS CflHDIES ^^~^    ^         All Big Apple Personnel ou 5   .        .        $ 2  r Delicious, Juicy Florida Flesh HAMS SMOKED 20.24.LB. Aye. W/ You and Yours j CHOC. DROPS 2,9'f ^^fe. ?1c 10-14-LB. AVERAGE     1S JL C L^di^SX^SL^lJ CIeIIiIS 40c ^^^^^WilflllliliJl lb. 'Sd13 whole lb%#*^ l^^^^^\AooftABL? ImIeemix 2ic 1 ^^^^6^^^ 8-1 P ^flc ARMOUR S Small 4 8-Lb.Avg. S^. 1I^^M\^~W llf STICKS 391    ^^P^ MBH BAG ^M SMOKED  JY WPftS' S58MWI S 19-     20-Jf 95C Break! cist Ecicon- K^~^^     r- it I $1 79 .cn      *i \\y IV^BBB^ny^BBVBBm ^L IB^BF *J wg@0     *     *iAh$H BAG BMICKHaWK blue  f .V^Bl ? 2S1 1 i-K. 79* i-ilX. ^iSc I^^^P"!       tangerines 3u,25c</t>
  </si>
  <si>
    <t>                                           RENT REDUCED  APARTMENTS Farrington Avenue, S. E. Three lovely rooms and bath each unit. Rent reduced from $49.75 to $45. Vacancies available. Make your application now. ALEXANDER-GALLOWAY REALTY CO. 208 Auburn Avenue, N. E. WA. 0549 WA. 0550 WA. 0551</t>
  </si>
  <si>
    <t>                                           n your spare time In your own bomel Ho . All materials furnished. Certified . Diploma awarded.. Writs today 'or complete Information SOUTHERN STATES ACADEMY 4ox 144-W Station E.. Atlanta. Ccortto</t>
  </si>
  <si>
    <t>                                           TAKE BLACK-DRAUGHT KriS TABLETS, NOW! J B        * lor ^taM^-- -          I .^     NThey'ro new! They're food newal So ! So  to take! So pleasant. And, an exact measured  "guessing." New Black-Draught Tablets relieve /i/.Theyhelpsweelen your sour stomach too- so you wake up feeling bright- frisky as n  If you .need a  ive, chances are you need a stomach-, too and that s what you get in new Black-Draught Tableti. They give prompt relief from that logy, headachy,  feeling and bad breath that come when stomach U our and  by constipation. WORK FAST. ..BUT  New Black-Draught Tablelsdo not gripe. Made from pure vegetable herbs, they work gently... to bring you two-way relief while you sleep. Black-Draught comes in Powder and Granulated forms, loo. Famous since 1840. ^BffH^^T^              * child'*  and disposition- -give Syrup -. Youngsters love (Kin honey iwwt liquid- tak* tt Mm ly. So  and  FrightenedCan't Breathe? Gat Asthmatic Relief in Minutej Don't let    mil. Blnce 1861 Dr. Guild's Gng MounUlo Attbmstlc Compound or Asthrastlt ClnrattM      given  fut relief to  of  . Helna stop   (or breath, , coughing of bronchial  attacks as wonderful  relax, clear breathing tube* fata you breathe, sleep again. 80 oar, so quick, to .  tnr Or. Guilds Cm Mountain Asthmatis Compound or Aathmatio Clgartttos. At all drug store*. PRAYER U s Tremendous Mlfhlr Power! Are you (stint  problems? Poor Health? Money or Job Troubles? Unhapslnen? Drink? Love or Family Tronblut Would sou like more Happlnen, Snceew and TlOood Fortune." In Ufel Here la wonderful NEWS of s remarkable NEW WAT of PRAYER that U helping thousands to glorious New  and Joy! Just dip this Message now and mall with your .  and 3-c stamp to   FELLOWSHIP. Box 2100. Noroton. Conn. We will rush thU wonderful NEW Meuase of PRATER and FAITH to you by AIB MAIL absolutely</t>
  </si>
  <si>
    <t>                                           NEW YOdRK, Sept. 5 --(INS)-- Furniture designer Edward Worm-ley is a man who admits he doesn't understand women.</t>
  </si>
  <si>
    <t>                                           The Howard High School PTA observed its Founders' Day with appropriate exercises in the Howard Gymnasium on Wednesday morning, Feb. 17, with F. D. Browne of the Social Studies Dept. Of Howard presiding. Music was furnished by the Girls Glee Club...</t>
  </si>
  <si>
    <t>                                           Funeral Held For Dr. Smith                 CHICAGO, ILL.- (ANP)- Funeral services for Dr. Troy Smitn, prominent local physician, were  last Thursday at Quinn Chapel AME Church here, with the Rev. Archibald Carey, Jr., officiating. ur. smith died September 21 fol- lowing a three-week illness. Ho underwent an emergency at Provident Hospital recently. A practicing physician for 36 years, he had a varied career which ranged from a  and army surgeon to practicing physician and civic leader. He was also a member of several medical asso- ciations and a health columnist for Hie Chicago Defender. His rites were attended by hundreds of prominent citizens. Dr. Smith is survived by his widow, Mrs. Jessye Smith, and two I cousins, Mrs. Julia Bass and Mrs. Fayc Herrod, both of Chicago. Solving as active pallbearers were Drs. Roscoc Giles, Homer Cooper, Count Teffner, John Burrcll, J. U Pratt and T. Smith.</t>
  </si>
  <si>
    <t>                                           Man Of The Year Award Goes To Dr. J. H. Birnie                 An award as "Outstanding Omega Man of the Year" to Dr. J. H. Birnie, Morehouse College professor and a "token of appreciation for bettering race relations" given to Roy Wilkins, of New York, at two separate Achievement Week programs sponsored by the Omega Psl                 Phi Fraternity were made yesterday. WILKINS SPEAKS Psl Chapter made the. presentation to    . Birnie at a chapel  at Morehouse College while Mr. Wilklns received his honor at at chapel ceremony sponsored by Alpha Sigma Chapter at Morris Brown College. Mr. Wilkins was guest speaker on both occasions. James P. Freeman, assistant dean ot pledges of Psi Chapter                 made the award to Dr. Birnie in which he praised the science scholar and professor lor his achievements Charles B Hicks, keeper of finance, presided. At Morris Brown Charles Brown introduced Mr. Wilklns, and presented him the token.  PREPARED Mr. Wilkins stressed the need for being prepared and qualified for the opportunities presently available in On professions, retail business, science, education, and, other fields. Hechided those who -Md that     identifiable minority must "earn those rights by which one is " by being a human being, a citizen and a child of God. NEGRO MINORITY    looked with opt-' \~pon youth to grab the new opportunities and to help build a world suited to their ambitions, hopes and thinking. But he warned that in a vorM of "onen competition" the Negro minority must realize that "he has to be good"to make the grade.</t>
  </si>
  <si>
    <t>                                           An award as "Outstanding Omega Man of the Year" to Dr. J. H. Birnie, Morehouse College professor and a "token of appreciation for bettering race relations" given to Roy Wilkins, of New York, at two separate Achievement Week programs sponsored by the Omega Psi...</t>
  </si>
  <si>
    <t>                                           TIM TYLER By LYMAN                  FELIX THE CAT By SULLIVAN</t>
  </si>
  <si>
    <t>                                           XMAS SPECIALS MONDAY THRU THURSDAY FANCY HEAVY LONG ISLAND DUCKS ib 49c FULLY DRESSED HEN TURKEYS ft. 63c ROOSTER 10 Ib average Ib 29c HEAVY, FAT PLUMPS HENS ib 39c SOUTHERN FISH POULTRY 1 95 FORREST AVE.f N. E. CY. 9478 PHONE US EARLY WE WILL HAVE YOUR ORDER READY!</t>
  </si>
  <si>
    <t>                                           Richard Ammons, 1953 graduate of Morehouse College, became the first Negro employed in this area as a sales representative for the Philip Morris Company.</t>
  </si>
  <si>
    <t>                                           Says Brownell Won't Outlaw Communists                 nv                   WASHINGTON (INS)- Sources clo.se to Attorney Gcnerul Herbert Urowncll, Jr., said Saturday lie is expected to turn down   the Justice Dcpnrtmcnt .seek legislation to outlaw the Communist Party.                 s.ild earlier this week Unit (he White House hud  (Continued on I'iirc 5 Column B)                 Says Brownell (Continued On I'ugc Klghi) him to review suggestions to declare the party illegal. The Attorney Geiic-rul took no personal .-.land un the question. lint close associates of Urowncll saw only a .slim possibility dial I if will recommend such legislation Many members ol Congress are known have serious doubts whether such a law would be constitution, sen. OOP Leader William F. Knowland, California, 1ms .said he would support It if the constitutional Issue were resolved in . A .study of the problem has just been launched, but Justice Department .sources  Urownell will reject the Idea ns unwise and probably unworkable. Urownell Is said to believe that the powers of the subversive .s control board, If upheld by the .~;. me brand enough to Mlij-fy Die demands of those who  outlawing the party. The board hns already declared that the party Is n Communisl- protip as defined by law. The Reds have appealed this finding to the U. S. Court of Appeals and a do  Is expected within the next few months. If this court and the Supreme Court uphold the decision, '.he Communist party will be required                 to. register with the Justice Department, Him over Its membership lists and  IU complete . FnilurP, .to do so would bring stiff .</t>
  </si>
  <si>
    <t>                                           WASHINGTON -- (INS)-- Sources close to Attorney General Herbert Brownell, Jr., said Saturday he is expected to turn down proposals that the Justice Department Seek legislation to outlaw the Communist Party.</t>
  </si>
  <si>
    <t>                                           Like the balance of your favorite gun,* CABIN STILL is balanced at 91 to evenly combine mildness of proof with richness of flavor. OLD Cabin Still mild In proof ...yet rich in flavor r. STITZEL-WELLER DISTILLERY Established Louisville, Kentucky, 1849</t>
  </si>
  <si>
    <t>                                           Ttffl TYLER By  YOUNG                 FELIX THE CAT s By Sulljygn.</t>
  </si>
  <si>
    <t>                                           Atty. Dan Duke To Address Hungry Club                 Atty. Dan Duke" who has beta practicing in this" -state for eight vears will address' the Hungry Oldb We'driesday; December 2 at 12:15 p. m; Atty. -Duke, Is a graduate of Ogltthorpe University; he holds the LL; B. degree front Atlanta Law1 School; received the Jurtoh -Doctor-        , ?mory'.        , *~      Cambridge Onfverelty ln-          and has done graduate W(B* at Emory; University. Atty. Duke was Sololcltor Oener^ al for .the Pulton Superior Court and prosecuted the Ku Klux Klan members In 1M0-41. Re wtt assistant Attorney General of Georgia in 1945-46 under Ellis Arnold and revoked charter of the "Ku Klux Klan and Columbians, Inc. He has been mayor of Falrburn, . also city attorney in his home town. Mr. Dukes has worked on many civil rights cases. Dr. R. Johnson, chairman of the Hungry Club, is extending a very special Invitation to the general public to hear Daniel Duke.. The Hungry Club is sponsored by the Butler Street Y. M. C.' A. every Wednesday at 12:15 p. nt Becervations may be made by calling LA. 02M.</t>
  </si>
  <si>
    <t>                                           NEW YORK--Education is news. Important news, both to educators and to parents of America's all-time-record, coming generation.</t>
  </si>
  <si>
    <t>                                           Occasionally we feel the keen indictment of the lack of sufficient recreation and mediums of employment, in observing the alarming rate before us in juvenile delinquency. While we deplore the number of crimes committed and are in harmony with the court's effort to reduce this condition, we are nevertheless not unaware of a duty incumbent upon society to do its part toward the youth of our day.</t>
  </si>
  <si>
    <t>                                           A pert young woman of 35, with a dream of a career in journalism, visited the Atlanta World yesterday and "saw" the bustle of a city daily through the magic of touch.</t>
  </si>
  <si>
    <t>                                           Pit's Easy To I SAVE -BY- MAIL Endorse your chocks, "for deposit only" drop in the moil box and a receipt will bo sent you immediately. It's safe! MUTUAL FEDERAL SAVINGS LOAN ASSOCIATION OF ATLANTA 205 AUBURN AVE., N. E. CYpress 8282-8283 i Why not treat yourself Yes, why shouldn't you enjoy the best... be your own guest with Ancient Age! Guests are always flattered when they re served mellow Ancient Age. So, why not treat yourself like someone special? Look for AA ask for "Double A". No other whiskey has a flavor so impressive to discriminating tastes, q Taste the whiskey    1     in its flavor.  The Straight Kentucky Bourbon  m\mt  6 nus no k noor c I95j, mm me  a., , a.</t>
  </si>
  <si>
    <t>                                           Program To Widen Job Opportunities Revealed                 BOSTON, Mass. Development of a program to widen the job opportunities of young members of racial and religious minorities through apprentice training was revealed today In the eighth annual report of the Massachusetts Commission Against                 Uon, a stage agency. I The report, signed by Commissioners Mildred H. Mahoney, chairman Judge A. K. Cohen dnd Elwood S. McKenney. was filed with Gov. Herter and -the Legislature. .While pointing to the success the commission has had combatting discrimination through its educational programs and through the. routine processing of complaint? filed with it by aggrieved parties the commissioners said even greater progress might be expected to result from an integrated  training program  in by labor, management, public and private agencies. "The opening of employment opportunities of young people, who may otherwise be relegated to less remunerative or less attractive jobs for lack of roper training may be one of the most rewarding attacks on discrimination upon                 which this agency can embark," the report read in part. "Training of personnel for industry has fallen upon the schools labor unions and industry, collectively or individually. Each has done a successful job, but, unfortunately, too often a member of a particular racial or religious group has failed to take fullest advantage of the opportunities open to him because of conditions beyond his control." The commission  that i during the past year It has - cd or processed 242 matters tnv olv- ing alleged employment discrimination and 16 involving alleged discrimination by paces of public accommodation. Forty-one per cent of the complaints disposed of alleging discrimination in employment were settled after investigation and conference resulting in agreements to correct unlawful employment practices. The remainder were closed for lack of probable cause. In 50 per cent of the complaints and investigations concerning places of public accommodation, some .evidence of discrimination was found and corrected.</t>
  </si>
  <si>
    <t>                                           BOSTON, Mass. -- Development of a program to widen the job opportunities of young members of racial and religious minorities through apprentice training was revealed today in the eighth annual report of the Massachusetts Commission Against...</t>
  </si>
  <si>
    <t>                                           MIAMI -- (INS) -- Veteran Boxing manager Jack Kearns, generally the first to derate the punching powers of star pupil Joey Maxim, switched attitudes Monday and predicted Maxim will regain his light heavyweight championship by knocking out King Archie Moore Wednesday night in the Miami Stadium.</t>
  </si>
  <si>
    <t>                                           NOTICE Prophet Swain Back In town. See him about all your sickness and troubles now. 67 Richmond Street, S. E^ Atlanta, Ga, Phone ALplne' 0229.</t>
  </si>
  <si>
    <t>                                           Voter Registration To Be Concern of Meeting Tonight                 '-      ' registration wHl-  of a discussion in a meeting tonight at 8:00 o clock in the Butler Street YMCA. C. L. Harper, president or Atlanta Brnnch, NAACP, A. T. Walden nnd Rev Wra. M. Juckson. chairmen or the Atlanta Negro Voters Leapue. nnd D. L.                 Hollowcll. chairman of the two                 .lon"s registration  I  issued the call. All organizations interested in voter-registration within the area of Metropolitan Atlanta are urged to send representatives to the meeting. Members of the excutive committees of th two organizations are also asKed to be present. At tonight s meeting a three county wide committee is expected to be set up to  the registration campaign in Puifon, DeKalb and Rockdale Counties. In the meantime, ward and precinct lenders of the League have been asked to see to it that their districts are fully organized by March 1st. Voters in Ward IV, comprising the sections of Mechanlcsville and Plttsburg west of McDaniel St., High Point and Carver Apartments. South' Atlanta and Thomasville sections will meet on Friday nt 8:00 p. m. in South Atlanta Methodist Church, Rev. T. P. Orissom, pastor. Dr. R. A. Billings is leader of this ward find R. L. Andrews, Sr., Is the member at large of the Voters' League Executive Committee. Other ward and precinct  will be elected Friday night. I</t>
  </si>
  <si>
    <t>                                           Vetel registration will be the topic of a discussion in a meeting tonight at 8:00 o'clock in the Butler Street YMCA. C. L. Harper, president of Atlanta Branch, NAACP, A. T. Walden and Rev. Wm. M. Jackson, chairmen of the Atlanta Negro Voters League, and D. L.</t>
  </si>
  <si>
    <t>                                           BAND DIRECTORS' CLINIC AT     COLLEGE Musicians attending the annual Band Directors' Clinic held at     College, Greensboro, N. C. recently stayed' after sessions of the one-day meet to get additional information from. Frank Stachow, the visiting clinician from the Lebannon Valley College's Conservatory of Music at Annville, Pa. Top photo shows Verne'll Watson, Elizabelhlown; Alexander Watson, New Bern; Walter F. Carlson, director of bands at     College; Stachow and T. J. Anderson, High Point. Bottom photo: Band directors of the fairer sex also attended and took an active part in the clinic. Miss Yvonne Porter, an instructor in the college s music department, gives a few pointers on the clarinet to Miss Cornelia Joyce, Warsaw; Miss Mary WagMaff, Washington and Miss Lucy Sheffey, Winston-Salem, all of North Carolina. Misses Joyce and Wagstoff are graduates of     as of last June.</t>
  </si>
  <si>
    <t>                                           No HMR SILKIER than        SOFTNESS</t>
  </si>
  <si>
    <t>                                           NEW YORK--(INS)-- We doubt that anybody is better informed on all sports than a big bookie.</t>
  </si>
  <si>
    <t>                                           .fc... ^.t  ii! hand on rhe shoulder of Secretary of the Arm, Robert T. Stevens after a two-hour private conference in Washington during which the McCarthy-Army "feud" was ended and the                 l.ll^ W.... 1Visconsin senator refused to say who c^lle harmony meeting", capital sources said it v.                 'suggested" by Prestdent Eisenhower. (International Spundphoto) j</t>
  </si>
  <si>
    <t>                                           NEW YORK--(INS)--George Weiss, the brains of the Yanks, passed the word along.</t>
  </si>
  <si>
    <t>                                           Youth Held si Jail On Charges Of Robbing, Beating. Shooting Man                 A 21-year-old Negro youth was being- held in City Jail yesterday on robbery and assault charges of robbing a 49-year-old white man who was believed near death at Grady Hospital where he had been taken with pistol wounds of the lower  richt side, and numerous                 head injuries, inflicted by an iron pipe. John Robinson, Jr., 21, of 974i Skith Street, S. W. was arrested Friday on charges of robbing and wounding Sam Connella, 49, of 440 Hill Street, S. E., during a midnight struggle in the white businessman s auto, where the assault allegedly occurred, Homicide Squad Detectives J. M. Pack and W. D. Browning                 ported. The wounded Connella was found lying in the street by a man, identified as Melvin Hendley, of 600 Cpnnally Street, S. E. about 12:05 A. M. Friday. "SAME BOY" AS BEFORE Police quoted Connella as saying he was attacked shortly after he left his business at 959 McDanie) Street. S. W., about 11:15 P. M. He told police his assailant hid in the back of his auto, "without his knowledge, and later struck him with an iron pipe, which police said they recovered. Connella was quoted as describing the suspect as the "same boy" who had attempted to burglarize his business about two' weeks before. Police said Robinson had been            at that time in connection with previous burglaries, and the youth was picked up a second time. The officers said only $35 of the white victim s money was missing. A total of $113.80 was discovered in a sack on the floor of the car. The victim s watch and $55.88 was found intact in his billfold, police said. Police added, two pistols the white man was supposed to have had in  auto were missing.</t>
  </si>
  <si>
    <t>                                           A 21-year-old Negro youth was being held in City Jail yesterday on robbery and assault charges of robbing a 49-year-old white man who was believed near death at Grady Hospital where he had been taken with pistol wounds of the lower abdomen right side, and numerous...</t>
  </si>
  <si>
    <t>                                           SPECIALS BIG LOT 895 LEE STREET, S. W. FR. 4631 '53 PONTIAC Chieftain "8" De Luxe 4-Dr., 2-tone green'. Hydra., R. and H., W. W. tires, i Driven only 6,000 i miles SPECIAL j '53 CHEVROLET Bel Air 2-Door Powerglide, Blue Ivory. I R. H., low mileage SPECIAL '51 PONTIAC 8, 2-Dr $] 595 '51 PONTIAC 8, 2-Dr. $1,245 '51 PLYMOUTH 2-Door $995 '51 DODGE Sedan $995 '50 PONTIAC 6, 4-Dr. $895 '51 CHEVROLET 2-Dr. $895 '51 FORD, 2-Door $345 '50 PLYMOUTH C. Cpe. $795 '50 FORD V-8, 2-Door $795 '49 DE SOTO, 4-Door $695 '49 CHEVROLET, 2-Dr. $595 '48 PONTIAC, 2-Dr. $495 '46 PONTIAC, 4-Door $295 MAIN STORE 161 IVY STREET CY. 7366 '53 PONTIAC Chieftain "8" De Luxe 2-Door. Two-tone green. Hydra., R. and H.,  tires, low mileage SPECIAL '53 CHEVROLET Bel Air 4-Door Two-tone green, Powerglide, radio, heater, w. w. tires, low mileage. SPECIAL I '52 PONTIAC '8', Chieftain Dc Luxe, 4-Door $] 695 '51 PONTIAC B. 2-Dr. $1295 '51 PLYMOUTH. 4-Dccr 4O7  '49 PLYMOUTH, 4-Dr. $595</t>
  </si>
  <si>
    <t>                                           Lodge Is Picked fts President's Trouble-Shdoter                 BY PIERRE J. HUSS                 UNITED NATIONS, N. Y. .INS) President Eisenhower added a powerful name to his nner circle at the White House his week By designating Ambassador Henry Cabot Lodge Jr., iis special trouble-shooter and -maker.                 SPECIAL ADVISOR Sources in an advantageous  to judge the Presidential  on Page 7 Column 3)                 Lodge Is (Continued From Page One) tives and purposes in "elevating" Lodge said that the handsome young Republican from Boston is "one ol the influential powers behind Ike." His appointment as special advisor is understood to have a twofold purpose. Lodge will act as Ha-' ison man and troubleshooter for the President in White House relations with senators and congressmen-ironing out ruffled feelings on Capitol Hill- and help develop policy in both  and foreign ..  POWER, Lodtte has been told by the                 dent that he will have to continue also at the U. N. post, leaving the "new power behind the throne" to commute buck and forth between the national and international capitals. i</t>
  </si>
  <si>
    <t>                                           UNITED NATIONS, N. Y. -- (INS) - President Eisenhower added a powerful name to his inner circle at the White House his week by designating Ambassador Henry Cabot Lodge Jr., his special trouble-shooter and Policy-maker.</t>
  </si>
  <si>
    <t>                                           PHILADELPHIA -- (ANP)--Dick (Night Train)Labe, one of the nation's labulous pass defense aces, Saturday was traded from the Los Angeles Rams to the Chicago Cardinals in a six-man trade that involved three pro-football clubs.</t>
  </si>
  <si>
    <t>                                           David Barton, an able young business executive, had been inconsolable since the death of his teen-age son, Tim. Nothing that friends or family did or slid seemed to help him. He had sought escape in drink, and that having failed him, he was determined now to seek some woodland abode...</t>
  </si>
  <si>
    <t>                                           BOY RUSHED TO CITY IN 70-MILE MERCY MISSION                 Child Severely Burned While Lighting Fire In Wood Stove                 BY EDWARD PEEKS                 A six-y^ar-old Monroe County boy suffering from third-degree burns was rushed 70 miles to Harris Memorial Hospital last;* by two; Georgia State Patrol cars. With the assistance of Atldnta police in controlling' city traffic, they relayed the boy to the hd*pital- In" 57 minutes.                 The victim, was Walter James Spear, who lives about nine miles northwest of Forsyth, near route 41. He was delivered to the hospital In' the last -lap of the relay by Opl. F. L. Hayes of the Georgia State Patrol. Hayes received the victim at Stockbridge, where he was brought to Forsyth toy Cpl. D.-W. Gilbert and Patrolman R. T. Ray. Walter is the son of Strlonia, 26, and Mrs. Mamie C. Spear, 24. SLEEVE 1T FIRE The boy s aunt. Miss Pearl M. Davis, 18, said he was putting wood in the stove when a sleeve caught fire. Alone in the house at the time with three younger children1, Walter ran out Into the yard and the flames enveloped his body, she said. She and Walter's mother heard him  .from where -they were drawing water to wash a short distance from the house, Miss Davis said. They ran to him and smothered out Ills flaming clothes The parents took the boy to Dr A. W. Bramblett in Forsyth. Dr. Bramblett said in a telephone conversation that he gave Walter medical treatment and described                 the burns as covering 70: per c6nt of the boy s body, including'  sides, arms and legs. He said he made  for a bed for the -at Harris Memorial Hospital, because the boy was In danger of losing  which commonly occurs from burns. v STATE PATROL COOPERATION The parents told him that they did not have money to pay for ambulance service" to Atlanta,- TXr. Bramblett explained; "So "he then contacted the Georgia State Patrol. As the patrol car approached Atlanta with Walter, city-, police halted traffic along the route taken by Cpl. Hayes, who sped along Moreland Avenue, McDonough Blvd., Ridge Ave., Glenn St.,' Gordon and then to Ashby. .~{!: "We had very good cooperation from Atlanta police," said 'Hayes at the hospital. He estimated that it took him about 20 minutes to drive here from Stockbrldge.' Walter's mother, his aunts. Miss Da/vls and Mrs. Naomi WUllaitfs, and his uncle, Albert J. Davis, came to the hospital with him. At press time hospital officials said Walter's condition was fair.</t>
  </si>
  <si>
    <t>                                           A six-year-old Monroe County boy suffering from third-degree burns was rushed 70 miles to Harris Memorial Hospital last night by two Georgia State Patrol cars. With the assistance of Atlanta police in controlling city traffic, they relayed the boy to the hospital in 57 minutes.</t>
  </si>
  <si>
    <t>                                           IN MEMORI.AM                 In loving 'memory of  dr. mother, grandmother, daughter and sister, Mrs. Jnnie Bozeman. who departed this life three years ago, February 16, 1951. Gone is the one we love so clear, Silenced is the voice we loved to hear. Too far away for sight or speech, hut Not too far for thoughts to reach. Mr. Melvin Bozeman, son Mrs. Juanita Bryant McKenzic. Lillian Bozeman, grandchildren Mrs. Eliza Crawford, mother and family. IN MEMORIAM In loving memory of our dear mother, Mrs. Mollie Grier. who left us 8 years ago February 17, . Some may forget you now that You're gone, but we shall Remember, no matter liow long. Children and grandchildren. CARD OF THANKS The family of the late Mrs. Susan Sumptcr wish to thank theii friends for the many telegrams, condolence cards, flowers and for the use of their cars during their recent bereavement. Especially we thank Rev. L. S. Allen for words of contort and Mareellous Thornton, mortician for efficient service. Mrs. Mattie Hubert and family. CARD OF THANKS In loving memory of our dear devoted husband, father, uncle, John P. Fryer who passed three years ago. Feb. 22, 1951. "Tender memories of you will j linger  us always." j Mrs. Mary Ellen Fryer, wife Mrs. Ozeil F. Woolcock, daughter j Mr. John Edward Fryer, New York city, son Mrs. Wyolyn Gray, niece.</t>
  </si>
  <si>
    <t>                                           Mr. L. H. Harper, Mesdames Louise H.Lee and Rosena ... and Miss Miriam H.Lee have returned front Orlando, Florida, where they were the holiday weekend guests of Mrs. Frances Graham and report a delightful trip, En route to and from Orlando they stooped off...</t>
  </si>
  <si>
    <t>                                           The Atlanta Baptist Ministers Union in its weekly session held at Wheat Street Baptist church Tuesday afternoon praised the Supreme Court on its ruling to blotout segregation in public school in America, especially in Southern States, and some of the ministers...</t>
  </si>
  <si>
    <t>                                           The Weather GEORGIA- Fair and rather cold again early Hits morning with scattered frost; later today fair and warmer, low this morning, 30-35 over north portion and 34-38 Jn south.</t>
  </si>
  <si>
    <t>                                           BALTIMORE, Md. -- The Washington Conference of The Methodist Church, with headquarters here... launched a $100,000 campaign Sunday, January 31, for church extension within the conference.</t>
  </si>
  <si>
    <t>                                           DAYTONA BEACH, FLA.-- () -- Bethune - Cookman College, this city will confer an Honorary Degree on Jackie Robinson, Professional Baseball and Foot ball Star and a great leader in Race and Human Relations, on the...</t>
  </si>
  <si>
    <t>                                           HY-BEAUTE HELPsV^fcl STOP itching scalp SEstiifl and falling hair HiHnffl HAIR DRESSING .35c Km] PRESSING OIL 35c BP^J SCALP TREATMENT I. lb. SU5</t>
  </si>
  <si>
    <t>                                           Mythical, national championship honors will be held by the team which leaves The-field the victor following Florida A. &amp; M. University's clash with Prairie View in the Orange Blossom Classic being played in Miami's Orange Bowl Saturday night.</t>
  </si>
  <si>
    <t>                                           Though variety is the spice in life, there's no denying that it is expensive. Economy comes in the large packages. But a little thought- fulness, a little extra cure transforms "the same old Thing" into something new. And With hot cereals that's not difficult. You can serve.</t>
  </si>
  <si>
    <t>                                           Dr. Ruth Isabel Seabury of Boston, Massachusetts, educational secretary of the. American Board, of Commissioners for Foreign Missions, will address the students and faculty of Spelman College at the regular 8:00 a. m. chapel hour in Sisters Chapel on Tuesday, March 30.</t>
  </si>
  <si>
    <t>                                           Local Attorney NAACP Speaker                 Attorney Morris Abrams will be the principal speaker ut the March public meeting of the Atlunta Branch, NAACP Tuesday, March 9th at 8:30 P. M. in St. Paul Episcopal Parish House on Ashby Street, N. W., Father S. C. Usher, Rector. The public meeting                 will be preceded by a session of the executive committee of the branch at 1:00 P. M. the same date nnd place. Among the matters to be discussed at both meetings will be the "Walter White-Thurgood Marshall" Day, March 21st at 5:00 P. M. in Wheat Street Baptist Church, Rev. William Holmes Borders, pastor, the "Crusade for Full Citizenship" membership campaign nnd the proposed i budget tor 1954. The Finance ComI , headed by L. D. Milton, pre(Conlinucd on rage 5 Column 6)                 Local Atty. (Continued From Page One) sident of Citizens Trust Co. and treasurer of the local organization, met Friday nnd adopted n proposed budget. The legal redress committee will moke a report on cases being sponsored by the branch, and the membership committee will report on progress of the membership campaign, .scheduled for Mnrcb 21st through April 9th. Another'.' pre- dinner for representatives from business, industrial, labor, church, educational antl house to house organizations nji d films will be held at the Butler Street YMCA Friday, March 19th at 6:30 P. M. A special feature of this dinner meeting will be "toasts to "freedom" by individual citizens who are interested in the campaign. Special entertainment will also be furnished. I i</t>
  </si>
  <si>
    <t>                                           Attorney Morris Abrams will he the principal speaker at the March public meeting of the Atlanta Branch, NAACP Tuesday, March 9th at 8:30 P. M. In St. Paul Episcopal Parish House on Ashby Street, N. W., Father S. C. Usher, Rector. The public meeting...</t>
  </si>
  <si>
    <t>                                           The Original Gospel Harmoneties of Birmingham, Ala., will be featured on the 13th anniversary program of the Melotones on Sunday, March 7 at Wheat Street Baptist Church beginning at 3 p. m.</t>
  </si>
  <si>
    <t>                                           x lAFF-A-'bAY i                 Box of )ll*c talcum  *W ft           of coW crtm.^7</t>
  </si>
  <si>
    <t>                                           BEACH HIGH AWARD WINNERS SAVANNAH, Ga. Alfred E. Beach high school athletes won starring honors in football and basketball during the 1953-54 season. Among the honored guests at the recent athletic banquet were: Joe                 Wilson, basketball; Joe Greene, athletic director and head coach, and Elijah McGraw. Shown third from the left is Beach high principal L. Douglas.</t>
  </si>
  <si>
    <t>                                           LAFF-A-DAr                 "Dlsii. cau roe.</t>
  </si>
  <si>
    <t>                                           Ot Service Is Inherent, Mayor Says                 LAS VEGAS, Nev Answering an NAACP inquiry on the status of a civil rights ordinance pending before the city council here, Mayor C. D. Baker declared last week: "Social equality cannot be legislated and the right to refuse service is an inherent legal right." The. mayor said he spoke for the local beard of commissioners. A  to the NAACP from Mayor Baker noted: "So long ns the National Association for the Advancement of Colored People has branded the entire State of Nevada as the "Mississippi of the West," a law instituted oh the scale of a Statp Act seems mandatory to remove any stigma on the state as u whole,"                 The civil rights ordinance pending in Las Vegas was sponsored by the NAACP and  to the local board of commissioners last year. The NAACP charged last month that Las Vegas is the "Mississippi of the West" because of its primitive racial . At that time, i ne Association pointed out that racial discrimination Is the "general policy" of hotels, motels, restaurants and places of recreation in Las 'Vegas. Interment At Southview For Teston O'Neal The remains of Teston O'Neal, pioneer resident of Atlanta, were interred yesterday at South View Cemetery, after funeral services Sunday at Allen Temple AME Church, Rev. R. Harvey Porter, pastor, who delivered the eulogy. He paid tribute to Mr. O'Neal as one who was Interested) In improving his community. He was active in fraternal and church circles before his long illness. He was credited with organizing many chapters of the Yorkshire Masons over Georgia. Ceremonial rites were conducted by the St. Joseph Lodge No. 512, FA AY Masons, who also served as. pall bearers. Scripture was read1 by Rev. D. Wilkerson, pastor ot Smith Chapel AME Chyrch,' FIozlall, Ga. J. H. Rozelle made remarks. Solos were rendered, by Mrs. Janie Mae Wilkinson and Miss Evelyn Smith. Flower ladles were Mesdames Hattle Flanagan, Leila Hancock, Pearl Harris, E. Odum, Lola Pollar'd and Dorothy Hodges. Mr. O'Neal. Is survived' by his wife and three children, B. E. and Rufus O'Neal and Mrs. Wadelle Farmer: two brothers, Thayer arid Rev. R. T. O'Neal of Los Afigeles and: Conyers, respectively, and ft sister, Mrs. Ida Gibson of West Point, Oa.</t>
  </si>
  <si>
    <t>                                           Dr. Tobias Discusses Role Of Christian College In Speech                 ST. AUGUSTINE -More than 2,000 spectators crowded into the Heckcher Gymnatorlum at Florida Normal and Industrial Memorial College Monday, April 5, to hear the internationally famous H Channlng Tobias deliver the Key Note address for the third Annual                 All College Conference. Dr. Tobias In. his analytical discussion of "The Role of the Christian College in Improving Cultural Relations" admonished the audience, particularly the students to "keep your minds open for the appreciations for those things that has been done In the past for  n everlasting point of view,  a big rr.lnd possessed of these things can' not be narrow In Its thinking. Tobias went on to state that the Christian Colfolly of Impoverishing the general culture and denying the opportunity for cultural expression on account of race and nationality. Following the general assembly the audience was divided In'ji seminar groups in order to discuss and analyze various sub-topics. The sub-topics were: The Meaning mid Significance of Inter-Cultural                 Reations.* "THe Responsibility of the Christian College to the Local and Wider Community." "The Basic Philosophy of the Christian College in a Democratic Society." "The Responsibility or the Christian College to Its Supporting Constituency." "The Role of the Teacher. In the Christian College in Improving Inter-Cultural Relations." Participants In the Seminar Sessions were: Dr. Clianninu H. Tobias, Mr. Snmuel N. Slie. Dr. Julius G. Fields, Mr. Louis Harper, Dr. J. Irving E. Scott, Dean James A. Espy, Dr. William B. Stewart, Mrs. Thelma H. Livingston, Mrs. Mamie Rcddick, Mrs S. G. Freeland. Mr. J. A. Webster, Mr. Richard Murray, Mrs. R. N. Gordon, Dean C. E. Price, Mr James Carstens, Mr. Rodell E. Roberts, Rev. William N. Zanders, Sr., Mrs. L. G. Roper, Rev. L. T. Whltelock, Mr. William L. Brown, Rev. Walter L Storrs, Jr.. Mr. frank T. Wilson and Mrs. B. K. Puryear.</t>
  </si>
  <si>
    <t>                                           ST. AUGUSTINE -- More than 2,000 spectators crowded into the Heckcher Gymnatorium at Florida Normal and Industrial Memorial College Monday, April 5, to hear the , internationally famous H Channing Tobias deliver the Key Note address for the third Annual...</t>
  </si>
  <si>
    <t>                                           TTWTTYtEK By Cynian Yoiifii                 FELIX THE CAT By Sullivan</t>
  </si>
  <si>
    <t>                                           Expert Pan#l In Business Clinic Tonfte                 Tonight at 8 p. m., in *     of National Business Week, Uiettft Chapter of Iota Phi Lamttls'^r , will present a Business Clln^      the 'Butler Street YM1CA Room- 7. \-v-                 Dr. Samuel. Z-WesterflefCiftr^t lanta University? will serve an  when the panel'  "Trends and Directions ; ;        " will be developeS          . Sutton In Banking; Mss.; RubjrKov  --Gurllrr, *^H6.?UJ,'..;!p;   6;^B.-~:Br-- . Promotions; Miss _NJlefcta Campbell, Cooperative Buying Mrs. Alice Holmes Wwhington, Newspaper; J. R. Wilson, Jr., Real Estate; Dr. A. D. Kelley, Optaneetry Mrs. A. G. Cox, Mortuary Science and WiUlam Culbr^atb, Retailing. Other program .wlfl include Mrs. Zenobia Terry,  dent of the local chapter; WlUlatt A. Fowlkes, J. P. Whlttaket    Mrs. Alice Davles of Apex Beauty College. Music for the occasion will ,toe furnished by Carver, Howard and, Turner High Schools. Typing OO'ntests awards will be made by Miss Nettie Bennett. Ushers will /4 e (Mesdames Ruth Williams, CordeJif. Hill, Lottie Watkins and:     '' Moreland with Mesdaines DoHi Moore, Willie Kirkland and.      Davis on registration. This Clinic is co-sponsored IW the Atlanta Business League -r of which J. L. Wolfe is president. T}~ public is cordially invited and tf? entire staff of local concerns Si expected.</t>
  </si>
  <si>
    <t>                                           Tonight at 8 p. m., in observance of National Business Week, Delta Chapter of Iota Phi Lambda Sorority, will present a Business Clinic at the Butler Street YMCA Room 7.</t>
  </si>
  <si>
    <t>                                           WANT AD INFORMATION CALL WAlnut 1459 Deadline For Classified Advertisement Is 6 P. M. Dolly estimating Space For Classified Ad, Count Five Words For     MINIMUM CHARGE 5 k                 Aik for CUMlflca     Department Cbttifled Ad        ppl7 to  H              Ir-       *. and ire the tame for Daily vU Bundnj ': I                 1 Insertion     per Unr S Inftertloni 15o per Unt Insertion! Mo per      If Insertion* Ite per     I  Pnbllolty l*e per Urn</t>
  </si>
  <si>
    <t>                                           At its annual meeting the District Conference of the Atlanta District AME Church went on record as endorsing for the Bishopric of the A. M. E. Church, Dr. H. I. Beal. den the pastor of Big Bethel A. M. E. Church</t>
  </si>
  <si>
    <t>                                           CECELIA JEAN TERRELL ENGAGEMENT ANNOUNCED-Rev. and Mrs. J. M. Terrell, 249 Fletcher St., S. W., announce the engagement of their daughter, Cecelia Jean to Mr. Robert lewis Jackson, son of Mr. and Mrs. frank Jackson, 966 Coleman St., S. W. The wedding ceremony will lake place the latter part of July. Miss Terrell is head of the Food Service Dept. at Butler St. YWCA. Mr. Jackson spent 2 years in Germany with the U. S Army and is now employed with the U. S. Postal Employment</t>
  </si>
  <si>
    <t>                                           Fashion interest in shoes this Spring is four-fold. Major for attention is focussed on: New leather colors -- many never used in shoes before; lighter, tropical-weight leathers; the tapered toe and the open-look silhouette.</t>
  </si>
  <si>
    <t>                                           DAILY CROSSWORD]                 ACROSS 1. Ornamental fastener 5. Mast 9. Selected 10. Covers with asphalt 3 12. Chamber 13. Indicate 3 14. Ages 5 15. An arrow poison 16. Like 17. Abyss 18. Excavate 19. Botches 22. Prong 23. Spigot 24. Merriment 25. Reach across 27. Maim 30. Masculine pronoun j 31. Swiss river 32. At home 33. KJects 35. Mail 37. Double dagger (print.) 38. Part of the ear 39. A goddess of the Eskimos 40. Cutting tool 41. Observes 42. Solar disc DOWN 1. Elect 2; Aquatic bird 3. Doctrines A. Presiding elder (abbr.)                 5. Exhausted 6. Gasp 7. Shunning 8. Keep 9. Pest part 11. Fabric 13. Raised platform 17. Vitality 20. Sudden,  21. River (Pol.) 22. Large cask 24. Distant                 m h r wsr Va 15 1 3                 26. Lean. to3 26. Fairies 27. Bulk 28. Seaport (Port.) 29. Come in SI. Assum- ed name                 34. AngloSaxon serf ,35. Piece of land                 r#       '~ Antwc* 36. Percolate 40. Sun god</t>
  </si>
  <si>
    <t>                                           BOOKER WASHINGTON HIGH SCHOOL presents j the 96-Voice Glee Club on Sunday, May 9 at 7:30 P. M. in the Davage Auditorium, Clark Co'I lege, under the direction of Mrs. Essie M. Groves. Included will be the Waltz of the Flowers from i the Nutcracker Suite, Phantom of Delight by Robert Wilson and others. The Girls Chorus will                 be heard in "To Music" and "Night Lovely Night." Several new solo voices will be introduced for the fin I time. Gloria Mitchell, coloratura soprano and star of WLW-A TV will be an added attraction. Roslyn Pope will serve as accompanist. Admission prices, general .75c, students ,50c.</t>
  </si>
  <si>
    <t>                                           Court Orders Daddy Grace To Pay $3,800                 BY CARTER JEWEL                 NORFOLK, Va. (ANP)- Bishop Charles M. (Daddy) Oracc was In Norfolk tost week at the Htouse of Prayer for All People and found himself In trouble. A -maii Circuit Court jury ordered the long Dialled preacher lo pay $3,870.72 for two air- units                 stalled in his Ilamboyant thirdfloor apartment In the 2100 block of East Princess Anne road in August, 1952. The bishop, who ridiculed Negroes and considers it a disgrace to be considered a Negro, was in Norfolk to appear at Ills church on Ohurch Street. A large crowd greeted . Daddy Grace was represented by Max M. Broudy, a white lawyer, as his Negro lawyer W. Hale Thompson, ot Newport News, Va., was reportedly Insulted by the bishop and withdrew from' the case. Broudy made a motion Xor a new trial. The motion was continued by Judge Clyde H. Jacob. The bishop was impressive with his curly grey  hanging to his shoulders end polished fingernails an inch or more long. The god of thousands of Negroes stayed on the witness stand about 45 minutes. Sandwiched in heavily between hte                 talk were scriptural quotations. ORDER QUESTIONED Daddy insisted that he didn't order1 the air conditioning units because he didn't need  them. He claimed that lie .thought the plaintiffs. Ii. T. Zoby a:id Sons, were installing a cooling unit as an integral part of the heating unit they put in the apartment. "Arc you in need of all the 12 Cadillacs you own?" asked Zoby's attorney. Frederick T. Stant, Jr. Stroudy objected to the question but not before the bishop nodded. The bishop, Individually arid as a trustee of the House of Prayer tor All People, was named e defendant. Named with (him. were Elder Claude Wilkerson and the House of Prayer, but early in the trial; Zoby took a non-suit against the latter two defendants. Daddy Grace was originally represented by.Atty. Thompson of Newport News, but a copy of his withdrawal disclosed that Thompr son recorded his client as a "most disagreeable client," and has repeatedly made statements 'which I consider both  end distasteful. After you called me a liar  our telephone, conversation, I j- that I no longer could represent you."</t>
  </si>
  <si>
    <t>                                           NORFOLK, Va. --(ANP)-- Bishop Charles M. (Daddy) Grace was in Norfolk last week at the House of Prayer for All People and found himself in trouble. A seven-man Circuit Court jury ordered the long maned preacher to pay 3,870.72 for two air-conditioned units...</t>
  </si>
  <si>
    <t>                                           ~~_l_-/_\---y ^^^^jj^B PwblitUd       Morning Except Monday y jf 75 SEWS'* j^^^^ VOLUME 26, NUMBER 26S ATLANTA (3), GEORGIA, TUESDAY, JUNE 15, 1954 PRICE FIVE CENTS</t>
  </si>
  <si>
    <t>                                           LAFF-A-DAY                 "And you thought you would be neglected after the baby came."</t>
  </si>
  <si>
    <t>                                           RECErVE""AWARDS*^LWinne7   i n the state Hi-Y Tri-Hi-Y Talent contest receive awards, given by the Atlanta Daily World from William Gordon, -Managing Editor. Top row: Judge Cleveland, Elberton; Joan Carter, Gainsville. Next row: James Coleman, Columbus;                 lia Royal, Lyons. Second from front row: Thurman Clemon, Columbus; Jenell Johnson, Griffin. Front row: Edna Miller, Dixie; Eugene Polite, Brunswick; Robert Swain, Cordelia. Not in the                 photo is Thersia Isom. Photo by Perry)</t>
  </si>
  <si>
    <t>                                           The story of fish cakes is not confined to the cod fish variety you hurriedly pick up at the delicatessen or to those you take out of a can. True, these serve their worthy purpose. But fish cakes can also be made with salmon, crab meat or any other flaked fish. What's more.</t>
  </si>
  <si>
    <t>                                           WANT AD INFORMATION CALL WAlnut 1459 DMdtln* For Classified Advertisement li 6 P. M. Dally Estimating Space For Classified Ad, Count Five Words For Um MINIMUM CHARGE 50c                 uk for Classified AJ Department " Ad rates apply to  0 ad       Georrfa. and ^re the nune for Dally an* Sunday :                 1 Insertion We per Ub. 5 Insertion* 15c per     6            13o per Uni It Insertion! toe per      Reader Publicity Ho per Un.</t>
  </si>
  <si>
    <t>                                           / sends its best wlH Double-Rich*.. It'*    )  Oeani .~~%,?- I  .i."-.   ..i-:-.. i.t."y..~(   ^; VBLUtORAiS/ j.-. ""^~.TftTv'ttO'''  v y/ PROOF KENTUCKY S  WHISKEY- A BLtKO 90 PROOF .f 70% GRAIN NEUTRAL SPIRITS SCHENLEY DIST., INC.. FRANKFORT, KY.</t>
  </si>
  <si>
    <t>                                           Children, like grownups must have somewhere to play-Young life is full of vigor and that stored up energy must have on outlet. The mental faculties that have been functioning through the various textbooks in school, just don't subside as such with the closing of school.</t>
  </si>
  <si>
    <t>                                           You are invited to worship with the Liberty Baptist Church on the corner of Jackson and Chamberlain S's. S.E., Sunday, May 2,.</t>
  </si>
  <si>
    <t>                                           GEORGIA YOUTH TRADES MEET- Georgia Youth Industrial Education Association Conference iind Trades Contest was recently held ill Savannah State College, Savannnh, Georgia. Group Picture: Supervisors. Itinerant Teacher-Training and Instructors of Vocational Trades and Vocational-Industrial Education, State of Georgia: First Row, seated. L- R: Messrs J. J. Brown,                 E. F. Parrish, E. C. Stephens, Macon; A. R. Johnson, Augusta; W. M. Hicks, State Supervisor, State Department of Education, Atlanta; J. Perry, Augusta. Second Row, standing: Messrs. Freddie Gricr, Miicon; A. R. Coon, Mncon; Raymond McKinley, Augusta; A. Z. Trnylor, Teacher-Train cr, Atlanta; Earl White, Augusta; John Davis. Augusta; Aaron Tappan, Augusta.                 Third Row, standing,- L-jr; Prank Thorpe, Director Trades' and Industries, Savannah State College; H.   . Thompson, Augusta; Calvin Small, Moultrie; Charles Driskell, Albany; C. W. Carpenter, Columbus. Fourth Row, standing, 1^- R: A. T. Smith. Elberton; and Henry Bowman, instructor. Trades and Industries, Saivannuh Slate College.</t>
  </si>
  <si>
    <t>                                           ^I-J H *^-'TBf 1 Kit -AT JX Jft i u</t>
  </si>
  <si>
    <t>                                           Decision Reason For Attorney General Snub                 U. S. Attorney General Herbert Brou-nell will not be Invited to address the National Association of Attorneys General because of the part he played In the Supreme Court segregation ruling.                 Eugene Cook, president of the National group, -oftA Georgia Attorney  Gfiiernl,  Thursday that the decision not to ask Browncll to speak nt the Gulfport, Miss., meeting Dec. 8-11 wns made  consultation with Mississippi Attorney General J. P. Colemnn. It marks the first time in the history of the association that the U. S. Attorney General has not been invited to address the state law officers. Cook quoted Coleman, who will be host at the meeting, ns saying it would be  to have the Attorney General speak, since he joined with the National Association for the Advancement of Colored People in an attack on the segregation laws of 23 states when the U. S. government was not a party to the cases before the court. Cook added that Browncll "embarrassed" members last year In the South Dakota meeting when he was asked to speak on a non-controversial subject. Instead, Cook said, one of Brownell's assistants criticized the Attorney General and the governors in a controversial sub ject. Cook termed this address "inflammatory" and said it was "thought to be quite inappropriate." As ex-officio members of the National Association, Browncll and his entire staff will be invited to attend the Gulfport meeting. But, Cook said, Brownell's appearance as a speaker "would not be very conducive to the harmonious atmosphere we expect to create in an effort to solve some of the major problems relating to state and fed- eral relations."</t>
  </si>
  <si>
    <t>                                           U. S. Attorney General Herbert Brownell will not be invited to address the National Association of Attorneys General because of the part he played in the Supreme Court segregation ruling.</t>
  </si>
  <si>
    <t>                                           WASHINGTON--(A N P)-- The Washington Council of the National Council of Negro Women took "A New Look at the Council and he Community" last week by holding a one day workshop at the School of Religion, Howard university.</t>
  </si>
  <si>
    <t>                                           I HOME REMODELING I BY A BONDED I GENERAL CONTRACTOR Our contract to do your work Is bonded and insured by one of I America's largest  comI panics. I Complete Rooms I Built at These Prices: 112x12 $865.00 ll0x12 $765.00  $665.00 [These rooms will be complete j Btvith electricity and your choice of paint colors. All work Is            an  by the city lot Atlanta building inspector. I ALSO I BASEMENT APARTMENTS I PLASTERING I ATTIC APARTMENT8 I PLUMBING PAINTING PORCHES ENCLOSED IWB FINANCE FOR YOU I No Down Poymentl I ABBOTT I CONSTRUCTION CO. I Elgin 6741 I 24-Hour Phone Service)</t>
  </si>
  <si>
    <t>                                           Moving Church Meet Is Defeat To Bishop                 YORK (ANIM When Uip. Rov. Henry Knox Slu-nill, ; bi. ol the Protestant Episcopal Clnirch  last. week Hi:ii the next church convention  vii! not be held in Houston, Texas. C'.n isl  took u   jir..                 Wlnlc Bishop SherrUI did not, give the icai reason for changing the conven: ;.)ii  {. a high n[:il ')1 Mir church said that scri- was thfi cause. Tixa.- Hiolinp Qutu who liad worked limn a:.il  In break down the r.icial b.mirr.s  in his  had promised thai motels would bo built lo accommodate nil delegates. ref- of color, and .special motorcades \.ould transport  in the r.mie  to get around the Houiicii -  ((( on I'apc fi Column 4)                 Moving Church ((' il I'liiiii I'ltgi: One) I that ", cabs haul people accord- I ini1. !u race. I Housto.i was chosen us the site of tin" 11)55 convention when the or- :;ani.':.t:.-;ii mot in Uoston in 1952. I Al that time, opposition , but Bishop C^uin was.  tin- lime In1 I -il to try to iron out tin.1 (Hi- t . V. was bitter blow to the cm-  Bitiiop toi lose the  nt this time. In commenting on the decision to switch sites. another  c'n  said it may be in j keeping  the best practices to  meeting in Houston ut this time wr.i'n the recent Supreme Court '.on is still fresh in the minds rf t'.u people and as yet un-  FPItl;~d. BiFho,)  has not  i where tile 1955 convention will be j held, bit; Ik insists definitely, it will not be in Texas.</t>
  </si>
  <si>
    <t>                                           NEW YORK -- (ANP) -- When the Rev. Henry Knox Sherrill, presiding bishop of the Protestant Episcopal Church announced last, week that the next church convention will not be held in Houston, Texas. Christianity took a licking from jimcrow.</t>
  </si>
  <si>
    <t>                                           Suit For New Segregation At Navy Unit Lost                 A suit brought by the National Patrick Henry Organization Inc., atempting to reinstall segregation at the Ntivnl Air Station, has been dismissed. Judge Boyd Sloan, of U. S. District Court sustained a motion by the government for dismissal, sayIng the suit was "of a frivolous and vexatious nature." It was filed last March, after which the government .sought to dismiss. t,hev case arid  a, motion to that effect^</t>
  </si>
  <si>
    <t>                                           WANT A GOOD PLUMBER? CALL "CHESTER" PLUMBING CO. MAGIC NUMBERS EL0827 orEL0126 Repairs Remodeling A Specialty WE FINANCE EASY TERMS NO DOWN PAYMENT Also Any Typo Home Improvement</t>
  </si>
  <si>
    <t>                                           7th ^Jjj'gf.SaffetyPatrorSliow BjBK%i23   ^^^BB^^fc '.     3BBBPb^5EiiBtfcTB?^By*t        *$     ROY HAMILTON FIVE ROYALES CONNIE WILLIAMS Singing "YOU NEVER WALK ALONE" FEATURED WITH And His BAND PIANO RED OTHER ACTS i ADVANCE $1 .25 AT BOX $1 .50 I MONDAY, APRIL 12 8:30 P. M. 1 CITY AUDITORIUM I B. B. BEAMON Presentation.</t>
  </si>
  <si>
    <t>                                           LOOGf i$~~     NOTICES wr.~JUIL AOBOffl AYE."  \ Chapter No. ZO , March 9 3:30 P. M. Vtrs. Mattic Powell. W. M. rtrs. Pearl Carr, Sccrclury \tlanta Consistory No. 24 , March 5  8:00. P. M. Robert J. Walters, C.-ln-C. \l. II. Penn, Secretary</t>
  </si>
  <si>
    <t>                                           NAACP PUBLIC MEET AT Ml, ZION TONIGHT                 DisciiMion of public school^ elec* tion of delegates to the annual convention und committee reports.will make up the agenda of.  of the Atlanta Branch; NAACP a: 8-30 tonight in' the Mt. Zion Baptist Church, Piedmont Aye:, at Baker St. Rev. E. B\ .S^                 . The executive committed of' Jie branch will meet a.t: " place tonight at 7:00 o  Delegates will be elected by.ballot; and members who are available ^te asked to register at the: BJaniftlT, Offlco by calling Main 60 3i T#e convention will be held in Dallas Texas. June 29th through Augvuifc ith. The Atlanta Branch will be' entitled to five delegates.. Drs. K. Johnson, Clayton. Powell and K. A. Hugging will let$; a panel discussion on  and high schools. The.U. S. Su* preme Court decision banning- segregation in public schools will come in for discussion Music will. be furnished by singing units- of Mt.;       Baptist Church. In the meantime, the executive, committee of the Georgia State; Conference of NAACP Braricbi-WlU meet at 2:30 p. m., today In the Branch Office. A press conference is also scheduled for 3:44 p. m. to Dr. Wm. M. Bpyd, State Conference President. This groupwill prepare recommendations to be  to the Georgia Education Commission Wednesday at the-Staite Capitol. Although the National Convention does not officially open In DaUas_ until Tuesday, June 29th,'  Monday, Juns 28th legal, . and youth workshops will be.i c^n^ ducted on phases- of the 0? i program which af te"et those% ..t"-</t>
  </si>
  <si>
    <t>                                           Discussion a public schools, election of delegates to the annual convention and committee repot will make up the agenda of meeting of the Atlanta: Branch, NAACP at 8:30 tonight in the Mt. Zion Baptist Church, Piedmont Ave: at Baker St. Rev. E. Searcy,...</t>
  </si>
  <si>
    <t>                                           Founder's Day Speaker                 REV. EMORY R. SEARCY Rev. Emory R. Searcy, minister or Hid Ml. Ziou Baptisl church, will deliver the Founder's Day sermon of Florida A. and M. University Sunday. March 14. His sermon will   67th anniversary celebration which began nn Monday. Mnrch Rev. Searcy is an alumnus of  having graduate there 1939 from the Liberal Arts College Dii-ision. Received the B. D. degree from tho graduate school of religion, Morchousc College. He also  Columbia University New I'ork City. I He will develop his argument round the theme. "The Worth of i VInn in An Age or Science and ."</t>
  </si>
  <si>
    <t>                                           1 Atlanta ~-^^teJ\Vbrld edition ^^^g\~^        - r i i n r^/ y NEWS. WHILE ^^a        *    Every Morning Except MondUy JT IS NEWS**       ?'^*     26, NUMBER 266 ATLANTA (3), GEORGIA, WEDNESDAY, JUNE 16, 1954 PRICE FIVE CENTS</t>
  </si>
  <si>
    <t>                                           If it s a SUPERB LUXURY blend lit you' want, ^     5 ASK FOR^^^H. AI^ WHO  1*1 M$T ^^^-V ^I1~^P^( GALLAGHER  S WHITE LABEL BLENDED WHISKEY 90 PROOF *5  QfiAIN NUn$~ SPIRITS QAlkMHJS . INC. BRISTOL PA.</t>
  </si>
  <si>
    <t>                                           waa shirts 01 1 You con pay more but yon III can t 9*t iim r style, , I Is 1 fitting and durability than in 1 \**j 1 Von Heusen Sport Shirt* 1 os l0'^ ^y Marcui. li^l ^t\ $295    $595 Va i TK^'' One lot fine Nylon Sport Shirti r^j^^^"^ especially  to sell lor $2.45. i SLACKS Just arrived: a new shipment of ifS^r'^l Tropical Slacks at special lower- ^MTWir' I  prices. *^       I Nationally famous NYLON CORDS, IB H^ I light as a leather lor your $"^45 1? IV 1 wearing pleasure J 1 II Rockingham summer slacks, tailored '^'IhM^^ in master blends man- C4  4 0g !sLl^H^ made miracle  IX %H^'I^' Over 600 to choose from in a  I VLf size range. Splash and Solids in 1 ~$ the season s newest style , \\^\4m^ including those popular Charcoal \\i\s9 Greys and Browns. Buy at these law  P2B HATS ^^^~tfs^tf^^lfi^H Manufactured in America of ', X ^H ported bodies and can bt con..^^i^^^iBI fused in the matter of , qual^X i\. "~y ity and type with hati costing ^v^Nws*" much more. Our price  tji ^.05595 SUMMER SUITS Our dacron blends are the result- of many years of experience. We recommend these ROCKINGHAM master tailor blends for cool, carefree summer comfort. They are highly I resistant to wrinkles and hold a crease longer under the most difficult conditions. CHARGE IT! Fashion turns practical in our Dacron Blend suits 39.75 Shields Cuff Link, ond Tit Clospi $2.50 up I Van Heusen Ncckewar $1 .50 and $2.50 II Hickok Elastic     Belti..... .,....$2.50 I 62 Peachtree St. Thru to Brood St. I</t>
  </si>
  <si>
    <t>                                           MEMPHIS, Tenn.--(SNS)--The man was already out of the house and half-way to the car when his wife yelled:</t>
  </si>
  <si>
    <t>                                           MONEY TO LOAN FOR HOME OWNERS CUT YOUR HOUSE PAYMENTS IN HALF-PAY UP ALL YOUR BILLS REPAIR OR ADO A ROOM TO YOUR HOME, ALL ONE SMALL PAYMENT EACH  I CALL MR. LEVY NOWI I ELgin 6741 I DAY OR NIGHT SECURITY ENTERPRISES U3  AVc.,</t>
  </si>
  <si>
    <t>                                           Dr.      5#y s South Wi 1 1 JfetdSitfl                 Predicts Court Will Rule Out Segregated Education                 BY GEORGE M. COLEMAN                 He# felt that no man who was afraid to fight for equality is deserving of it, and predicted the U.;S. Supreme Court will abolish school segregation, while the white South backs down and i accepts the new order despite threats by radical, leaders of school closings and racial bloodshed.                 This was the stand taken by Dr. Benjamin E. Mays, president of Morehouse College Sunday as    delivered a strong slap at what he termed the evils of "legalized segregation" at Wheat Street Baptist Church without leaving out he shortcomings of Ills own race, or the apparent intentions of the majority force. He labelled originators of the separate but equal doctrine as " to begin with," without intention to better an ugly situation                 Involving human rights, which 'make no mistake about it Is the major  confronting the world," and accused the Negro In general of basing Negro success on white opinion. It was the scene of -a program of the Atlanta Council of the American Council on Human Rights, an outgrowth of a liberal movement of the Alpha. Kappa Alpha Sorority, and Dr. Mays, speaking on "Segregation Versus Integration," breached a wide deliberation which ran from probable fear of many  Negroes of integration to what he- believed the Supreme Court must do. "NINE MEN AREN'T CRAZY" "I do not believe those_nine men are crazy," Dr. Mays declared, explaining why he predicted the end of segregated schools. He asserted that southern white leaders were attempting to cloud the Issues by telling the public, the ideal sought was to gain permission for whites and colored to socialize. Rather, he declared, the United States, recognized religious, economic and democratic leader in world affairs, found Itself in the position of explaining its brand of idealism to "billions of colored peoples" in all parts of the world. He added he did not feel that the Supreme Court felt the U. S. could retain such leadership without practicing the Democracy it was preaching. And! What would happen if segregation were outlawed? Dr. Mays has a ready prediction for that too. He declared that basically, "I do not believe the white people in Georgia are any worse than the white people in Massachusetts." Predicting that the south "will accept the decision," he asserted that all people ore essentially alike with portions of goodness, evil, honesty and crookedness, and added that he could not say the Negro "would have done differently" under similar circumstances. An example of how people accepted racial changes, he recalled that "just eight years ago" southem politicians predicted bloodshed if Negroes were allowed to vote in Drimnries. 'INK HARDLY DRY" When the decision ruled In faTor of the Negro, he said, "the ink. was hardly dry when a white politician called me over the telephone, asking me to vote for him." The same .threat was made when the idea of Negroes attending White southern universities came up, Dr. Mays said. Now, he added, they are attending all but five, and there has been no bloodshed. Further, he recalled the battle of Susan B. Anthony, to gain the right for women to vote. Politicans, he said; fought violently -against it, declaring that women would stop (Continued on Page 3 Column 5)                 Dr. Mays Says (Continued From rage 1) having babies if they got into politics. That was more than eighty years ago, Dr. Mays declared, the facts i prove that women, including "Bh. I D's" are still bearing children. listing the evils of segregation, Dr. Mays said that second class citizenship 1. Bobs man of his dignity. j 2.- Eventually makes the Negro himself feel inferior and accept second1 class citizenship. 3. Makes the Negro insecure to the point that he fails to recognize an out-standing  of his i race until the whites do. 4. Limits our horizons. 5. "Makes us jealous of oilier Negroes; cruel and brutal to one                 another." "It seems- to me," Dr. Mays said "that every Negro should be against segregation," and addled, "I don't believe any man should' be free who is afraid to fight for it." Turning to those who he said are fearful -of integration', he declared that many southern Negro teachers have "hung back" in radical cases, afraid to go on record as being opposed to segregation measures. However, he hastily added, he was speaking generally and 'these shots are scattered." WHY IS BIAS BRUTAL? And why has  been such a brutal thing? This was Dr. Mays' answer: The writer of the doctrine of separate but equal "were liars to The writers of the doctrines of begin with," he said. "They never meant them. (Negroes) to be equal." I Furthermore, he declared that segregation, in its legalized sense, robs people of their manhood and womanhood, "even if you' are a millionaire," and with' his badge of inferiority "is tantamount to saying, God, you made a mistake." Dr. Mays said, however, that the effects of segregation would show Itself in many Negroes, even after I such was outlawed because of the success of the long campaign of the evil. He felt that many Negroes will side with the , of keeping tilings separate for  gain. "I don't think we are any better or any worse than other human beings," he said, and added, *T don't think we need fear too much." And he continued that "We will Inugh 25 years from now, wondering why we got so* excited."</t>
  </si>
  <si>
    <t>                                           He felt that no man who was afraid to fight for equality is deserving of it, and predicted the U. S. Supreme Court will abolish school segregation, while the white South backs down and accepts the new order despite threats by radical leaders of school closings and racial bloodshed.</t>
  </si>
  <si>
    <t>                                           The writer is white, but I hope my white is other than skin deep. I hope I am honorable, kind, just -- a believer in God.</t>
  </si>
  <si>
    <t>                                           More than 200 Golden Age Members will attend a gala picnic at Mozley Park today, from 10:00 a. m. to 2:00 p. m.</t>
  </si>
  <si>
    <t>                                           LOANS! SEE HOW LITTLE A LOAN COSTS 4 AT COMMUNITY Coih You 12 Month Provlllon Total Colt R.c.lvo (or Payment of l"~n    $ 90.00 $ 9.00 15-00 p iff 180.00 18.00 30-00 W, % 475.00 45.00 50-00 S 665.00  3 0 70-00 $ m 1045.00 I 9900 110.00 1    UP TO $2000 TODAY I COMMUNITY I LOAN INVESTMENT CORPORATION I ^l 207 Connolly Bldg. jam 98 Alabama St., 5. W. WL Telephone; MAIn 1308-09 WS COMMUNITY INVESTMENT  PAY 9% KK ANNUM</t>
  </si>
  <si>
    <t>                                           I i nil UlAU I nlu I D I U a nSi  A1?LY rm fl K; $'fB=^3 reg! 52.10 d an river sheets- si 87 VfW flr****0 4*1 H ~^^^ TJ, -^s !^l A i. Muslin, 81 x 90 lY-S^I  I]  a.' V'^^**18^ b^TO^l^S '1EG. 39c CANNON TOWELS- OAc bgl Ml K^ vw\ B r%$I^ Je ~=~ M 1 Jandy                  "T   5 a/tf $$ fl kv^^  i P- KEG- 5 5 BATES spreads- Sn84 RnT \rCw'^ hi H 4""'^  SS?5^.-- 1 R5lr I" A REG. 57.08 LOOP RUGS- Oval Shape,  I%11 l^k^ TM 1^1 H-- ^~^**^$^    ]f p A 1 11  V  MalVorVhone  l:' B EJ 1 t *V(Wl^i "E^- SI.oo  curtains-     ^^a^^1^^'1" am Si^^SSi,; y^vT*^ all steel Venetian blinds- 9 for $5 00 ^^TSi'n^^ HI Si       5   F-'-f-^^S^ 18 to 3G" wide- 54" Long *lvl   "ww ^~~vrr M gS ^jl Ib :V Ax. fit all steel venitian blinds-      A Oft m ^5   ^ f^#  fJM .8 to 3G wide- G4" Ion? Z IOT ^)U.UU NYLON TRICOT H I  j( ijT X^^lS\ti' VENETIAN BLINDS (All Steel) SLIPS 18 L-~S^ ^^j' V HEG. 5Dc DAN "RIVER PILLOW CASEr- j"~i REGULAR 43 98 US Blue, yellow, , green V I B tOO7 m 1 HIGH S STREET FLOOR I l.^' hi Ip ami pink n* Ion slip- SEBj ^~^B I s^^K f I^Hl^^^^^^^^^^^^^^^^^^P^^^^^^^^^fc^T^^^^n^^~*^^fcS^r*~~l I M ^i^B B  l.icr  nml ' ESx Wk\  V ///// IBM i 1 ^H Kl A -.1 VT  T*^   ^^A^^^^^^^^^^^^^^^^S^*'^^M^^B B UNIFORMS H Sj Msxp^^ i[~g^ $2.o  band punch set_ REGULAR $7.99 H M ^{~M \L p^ ^7. i bowl and G cups. Special "5 3D $3 99 Hi fg 1^5mr^J 3EG. S2.00 GLASS VANITY LAMP- Hrntitfful  it\ In aqua  3H I ^^H ^ n ^m .mil  All  l/rs (rum I.1 tu    I I ^S^^S REG. S2.C0 LUNCHEON SET, 16 PC. -m 'wen s Timti) ri. (fij ^^~3L---^^^"*^ ^~~resl Green set, service for 4 I MB ^t^r ^if' l^S'*v^i^:*=^^H 'deal for casement windows "Wtt DALE B r% i$$!    \^Wa^ IB Rcr. S30.95 10 PLAY GYM SET- 2 Swings. Rock- cO^CQ PINKING SHEARS H s^^m^^^r^ \~~Wfc^W\ l Ride Basketba" Goal- Sh0"er' Free B'baU *J* REGULAR $1.58 H ^SJ^^^^^V ^S'r ib^)?5 I lcs- S39'95 8 DRAWER DOlJBLE DRESSER-  0/1,95    ~^!~Zj'^ REG.. S2~.95 METAL WARDROBE- g1! Cgg ( 1 1  m::    Ing ^^8^^^ A'ilh double doors, Special I W      ;iir.::i:r:/"i".     ' 1 HIGH S FOURTH FLOOR REGULAR $1.56 \C ffl B^^KJ^JiWjjW^ftj^XjklliW^^^^HB ,r-r^'.'n''  "r!' "'!^I'''t^".,itY''^ "i^*"'".iv* IS OZ3S3r I " REFRIGERATOR- -M f\(\nr I'll.     K, I-* * *i/rs ^UeV i t^^^^^^^**^^^*^b^^~ a^^L I H ^^m uu m ii fag II I I II Cu. Ft., Reg- S50S.U5  J"^^^VI' ^BgMB._l Pi I, I 1 FltlGlDAIUE REFRIGERATOR-  s0fiQ95 J 19 !0 Cu. Ft., 'Reg. 5395.93  GOTHAM NYLONS In ^^^- g frigidaire refrigerator-  5 REGULAR $1 .98 M ^__^-j ""I". .Pm, Cu- F1- 5209.95 S I WW 79C H Sv"^"^"'-- ^rr:^^-~(  S DELIGHT GAS RANGE  4 OQgC i;..i.i sin,,. nm,,,, mil! ^X'^^IlS^^ Jouble Oven, Reg. 5239.95 I "^:fi a,"u,swar.S"~".r,l'h!"aKr j :"^r^;::r^^~'i ^hei-s delight gas range- S1 QQ95 '""'"incus sto:i:i' 11.0011 ffl ^B'-'j Knee high oven, Reg. S239.95  iw  mn mi mi.j^^nT- g ~-H frigidaire electric range- Cflgo LITTLE GIRL S "~7'~ I . 5184.50. A Special Buy I WU DRESSES B^^*~~S5l5S# FRIGIDAIRE ELECTRIC RANGED Si 99^ l^ rv c j c j    ^^^r^UfpSJ.'" ^ce S229.93, Special I VM REGULAR $5.98 H HIGH S STREET FLOOR 1iK.11 s' ;   ri. ^B t, J L^^^^^fti inl(    "T. H^^^J^U^^^L^^^^~^2^^^^^S^^^^^U^aS^U^^^H BOY S CABANA H ^^^^j^^^^^^^T^ PORCH AND PATIO FURNITURE- J_     f I REGULAR $1.98 K 'CH^~ ~^       **^ll?'1^ ^jP^Sl'' . 5129.05 SOFA BED GROl'P-1 Pi's.. sTR88 1 .ir.vrr m.i!   ,,rkf, s... P t^^^^^" '"KG.TmD^LmNG ROOM GROUP-8 pc OCI83 ii '   if 'iVn irie" "hir is. s i,i H ^' -tgC^IZ,  2 pc. suite, tables, lamps, 9x12 rug %J\   I DRESSE5 ra ^"""!j t'::    ---I^*\i^*i*ijT Douglas, . chartreuse. Rrcy. Sn/57 VALUES TO S14 9B H (i"V Ii 1 ,f ^C fwn I l lus n n Lino Rur I Sonn B fjn^n^ iH-^^i - t1 QQrr $9.00 B /'i ^H*W^- j! *~/*T, CooUcasc Bert. Simmons, Spring. S ^ lt.,rr..n  nl plr..lr,l. U  H I   T I,  J JOiT MattreSS, IMllOWS U.x.'.wr- rt .ml Ij.Ii.k  . si"" H -lj ij 'l . SW.93 GENUINE MAHOGANY D1MNG 5RR68 ;ii s"si:( (     n. BS V KOOM 1!NITS Open Stock, each W SUNBACKoDRRSSES ^^^^^^^^9^"'=~iFr t.. i.-, i,, ,.    . i,i,,r. W^^^^^    ^M  CADI V CAD  B COME EARLY HM      fl I 5$5S98 BHPS^SS^ SUMMER RUGS, 6x9, 8x10,9x12 Vi OFF I ,tC nn mS^^Q^^^M ^9- $9995 GULISTAN ROOM SIZE RUGS, Broodloom $47.47 Z tor   5.[)[) IHiafti^^ Rcg $?3i50 FAMOUS MILL WOOL TWIST, room size $48.48 H "'''^IvJI'i^;Hr^\rN"fIl!l v)Voir' i^^JV^^^L^tf^B Reg. $49,95 9x12 HIGH TWIST, Decorator colors $28.88 I """'""""'TT!"'   .UUlll f^^M^^^^^fim Reg! $79.95 9x12 ALEXANDER SMITH Axmins'cr Rugs $36.66 B ~:.***.J1\.... m^ri^^SSh iM Rog. $129.95 ALEX SMITH 12x12 Broadloom $68.68 SUMMER SUITS M\M IWt^flL i/iM Rog $15995 12x1 5 GULISTAN, Alex Smith Broadloom $98.98 B H Off            ^C    * Reg $4.49 Pr TWIST SCATTER RUGS, Cash Carry, 2 for $1.00 I H fl,, /^V/M ElIk3 l^ Reg $14.95 9x12 UNO RUGS,  '56.86 I ^Sis^ivi'-r1,"'!;,,,?1' E^,fi3^ Re*- ^29-95 R00M SIZE LOW PILE ^UGSi a" colors $ll 33 I fl MEN S ^P^i Reg. $39,95 9x12 BERKSHIRE 100% Wool Faced $16.66 DRESS SLACKS SBWrKU^y  S  FI OOR fl</t>
  </si>
  <si>
    <t>                                           'Miniature' War Still On NearQuemov                 TAU EH iINd' nr.ni.i;\::e w.ir bi iwc-i".! il'.e C!'.i::i"si' N:i;:    ".c :i:i:i Co::imi:n:s;s  d N;i:;h ThurMiiiy frum the Qiu'ir. i to t!u' Tach-.".i Isl.m'.'.s .II iii d C. s ci .il ir.:unhm:i                 A T.  .aid Coin- i -i suns on Tunien Island.  A'.itv.  uf tin' .shores ol Click- i:i:.i' Hi civ II ice. opened artillery lire in the isle i;l" YichaiiL', ;i N;.lir-t -ln-Kl      )i)  .  III.nur:lnr:i :      : to Fi)rinos:i. 'Ilif :)':'        I lit- Hi'ds Kil)lj'-il :i luf.il ot 2Z ^.-, .-;s I he  u. ; llu.'     i. ul I lie T:iclu ii group, bill Ijrolc-.- oil llu-  when the N:i!ii)li:lli.sl b;:~        '(l ; imr fin1. To - south. ;u- .l to :  i-s bi -n Red .'.mis on till1    :md ))ort of Aituiy ;ind b:!-s(in m  Qui-moy IsIiiikI Jii.^t oil' the Fnkk'ii Pruviiu-c i-o-Axi of tlu' . Tlii' Nutioiwlists said llu-ir t lins on Qiii- sank ;i Coiiiininii.sl       /t'd Junk -i- tin- Hrd  on Amoy ri- ; tht' N..-h:'ld . II whs ;i Communist Milillt-ry barium' :u:;    ! Qui'inoy Ki'Pt. '.1  touched nlf i:i d:ivs of bi!!-sc:ili'  utt:ii-Us .111 Amu  vicinity by Nuli(ui:  unri worships. 'fin- hi test 'I'uipi'li i:             s:ii.l :iir forc-c :ind n:iv;il units- 'ciin -il  mission.s" :iy; ('. iii.'.l;ill; on Amoy und ni-Miiiy   Tlmrsiby. fiut there wns no indication ril .her bombin'-'S or ir. I'. .-.i were .</t>
  </si>
  <si>
    <t>                                           TAIPEH--(INS--The minature war between the Chinese Nationalists and Communists moved North Thursday from the Quemoy- Amoy area to the Tachen Islands of Red China's central mainland coast.</t>
  </si>
  <si>
    <t>                                           The petition or Charles Atkiuson E. S. D. Antlgnae G E. DeLorme. C A. Scott Walter H. Smith Dewey Walkins. Hubert M. Jackson, R. O. Johnson, T. M. Alexander, W.L Hunter, A. T. Walden, W.H. Aiken, M. R. Austell, R.A. Bullines, C.G. F... J.E. Garnett, C. L. Gldeons...</t>
  </si>
  <si>
    <t>                                           Atlaiita^          JL Mm %* JL %*%, MmA %* %~*~ \^     '3   5 WHILE     *          Momkn Except Momkf /f /s j^^y..   CENTS VOLUME 26, NUMBER 302 ATLANTA (3), GEORGIA, WEDNESDAY, JULY 28, 1954 PKltb</t>
  </si>
  <si>
    <t>                                           EjBOYS' 6 TO 12 ^^^H m 8-OZ. DOUBLE-KNEE         LeothereHo DUNGAREES BA^ I 8 Zipper fly. En %/ Jf\ff\ fB I 11-Oz. WESTERN 5a00 DUNGAREES Milium lined, pockets and I B SnntoriiPd  a g*t% belt. Colors and white. ^B ft n. oz. denim, zip- M "0M sizes 10 to 18. Irrs of $10. B I g, /gV    S' g A terrific buy! I boys' "I TO Vfi I WOMEN S I but a io 10 100% WOOL H j SPORT SHIRTS BLOUSES- H 1 Bio. selection of long M ft A ~~~~%** ^~fci^ f ^B H sleeve cotton snort I  OAfPATITRC B I shirts nnd sanforized 9 *VJ\$  H I cotton plaid flannels. tf ^H 5j ^m $ H M Boys' Rayon Gabardine  w FOR  9 B 0  CUIRT9 Wool and orlon blouses. B. iz ed. q !oniy' sleeve". 1  Q to 38. Some irrs. Sweaters, Asst. colors, sizes 6 a^f W orlon and woo). Plain and ^M 10 '6- novelty knits. Sizes 34 to 40. H BOYS' 4 TO 18 WOMEN S I JACKETS, UMBRELLAS; I SPORT COATS 5 H 2.98 to 7.98 2.00 -ns loi? sabs., satin H twills, wool plaids. Sport l16r b ra/~P acetate urn- H coats, wool  and cor- . Solids and plaids. H duroy combinations. Sizes Plastic Itaincoats. Clear and 4 is colors. Sizes h, M, L, X. M 1/2 Price! Reg. 2.98 WOMEN S c H BAf^~fFT^ SIZES 34 TO 46 B JA^      W0QL C0AJ 998to IS98 SWEATERS I \V\% .SL'Icc.'lion of fine qua!- *% CiQ H it.v coats. All wool. Warmly       7Q) H lined. Velvet trims. Some H with in. bass. Sizes Plain and novelty knits. H 5 lo (ix. to 14. Select on Full cut. crew neck. Pastels M .iy! and dark colors. ^M SAMPLE SALE! WOMEN S I G3RLS' SIZES 10 TO 42  uniforms I 2.98 2.00 I A . s.-lfi-tion of Co"~~ .s''~' and h.lter dr.-sses. Dan Kiyrr ~'~"!"IS ^eve"I.; H materials, plaids, stripes, I5"     ront White and H solids, combinations. Sizes ^H' l - Samples and H =~^1^N ^7798""1 WOMEN S RAYON GABARDINE SLIPS, PETTICOATS} B ?~Q 1.00 I %r ta" IH Watf.--. spot and sl'!'s ravo"      . J9  rrc-isr--inl S in i r t ''at c embroidery trim. H clastic Dark, rayon . 2  2 lo 3~- Petticoats, cottons, H stash pockets. . tan.      - shadow panels, Can- H .skipper, srey. Sizes S, M, Cans.Reir.7.es. B j Xl^ IScrl jackets, rayons. M, L. JB MtN'S 2.98, 3.98 WOMEN S LONG SLEEVE  I SPORT SHIRTS . I Uic selection. Dan Rivers, jLa5   ^ Si hark , rayon checks. flH gabardines, cottons. Solids, Irrs. of 1.08 quality. But- M fancies Full cut. Sizes S, ton yoke front. Braid trim. H M. h. XL. Some irrs. Pastels.1 Sizes 34 to 40. M SPECIAL PURCHASE! GUARANTEED    MEN S FALL  IWH /TtKlf M SLACKS NYLONS I 3.99 50"   . I Newest materials and col- R^ sheer nylons. B nrs. Itayon sheen Rahar- !',a1' ,n^ JV"' rpd fox- dines. Checks, .  Ma ami CO-la. Also seam- 9 Fall . fi.!)R values. Inss - Srronds  irrs. SB Sizes 28 to 42. Some ins. Sizes H'.^ to 11. g TOTS' CORDUROY TOTS' REC. 2.98 ^B AND DENIM mill TCn  fi UilHVVLCIIO Girls- wr.no Around A *A H Gripper Crotch.    Style. Quilteri f IBll H Assorted Colors. I  Colton Prints.  BK Si;ts 9 Mo. i uVV S.:cs 2 to 3 BB Long "and Short Sleeve "BIRDSEYE" H POLOS DIAPERS Eg Strincs and First q,,al.ly. g%  Jft U Novelties  J r 5 size 27x27. SoltV DOZ. H Cotton Knit ror B and . U Bfl Sirrs 1 to 3 __H ^UGS RUGS I Reg. 10.9S-14.98 I V H Sizes ft. n 5 ft. Heaviest ^n'-x^a" DH quality! Heantifnl loops. Heavy Quality A AA H v friezes,   Cotton Loop I 1111 ^B S cotton . A terrific val- Runs. Astd. 4 5 lie! Dceor.itor colors. colors. HI "nEwI^M^! J FEATHERpR00F I 1 cottons 8 oz=, TICKING V ^j^ ^Si vn ~?nuC ^H j,  YD.  3U# YD H Ai Hiu selection! l  per- B C i-ales. I'a.iam.i stripes and B A . Solid and .striped I'irst iin.ility! V'nll holts, H % . Lengths to 10 blue and white striped. H9 JL .Mis. ::G" widths: widths. H 1 OPEN FRI. 'TIL 8 P. M.I B ^ S Whitehall at HunterBH</t>
  </si>
  <si>
    <t>                                           Big Luke Easter who was the home run sensation of the Pacific Coast League in 1949 before he went to the Cleveland Indians, and who dropped this year to the International League, will join the San Diego Padres in a few days... Why not wait and see what the City of Atlanta has to offer towards providing golfing facilities for Negroes? After all the city has not shown its hand and no one knows really what it has in mind!!! Tommy Jackson exploded as a championship contender. We said...</t>
  </si>
  <si>
    <t>                                           i t: s ATLANTA BORN ATLANTA OWNED  MANAGED ^J 5*^881 p., '^OW/~"-""lf^' I' \..V ~~~^u-tv A :(!i)^ v Jj f. r^"v,.,v je* ili-rfU*. "1 I, j  K^f*. l ^^WHfc^ everything for a pleasant ^"^;. /N summer at home  4fe WT ^^^^^f Ms,       summer is the signal to move the j x s^ 7  i ^K  out under the trees, to let the small l*~ r f\1 ^^^^^^^**"       ^fy sPlosh away the hours in their own little ;~j i ^^ Jilll,^' M* ^^^J^^^^^ p00'' e^coura9e ^~P i0 do bit of 'x^' 1. j^^^^^^^ j^^^^^%^^^^ ^y sWy Nl chef-ing. To others, summer means a retreat            $ ~"*~rr^!^7 1 y^^^fe"" io come home to, cool rush rugs on i .fSP^ f^* Vj\*j n vi* ,^s ^1 windows and an air-conditioner to beat the 1 T. A* r ''V \^tio/^ -T ^4(W heat. To both, Rich's offers the South'* f l^ 0 r ^^^^^^jj. f/ "*"~H" t;M^'~ 5W**^ widest assortments of everything I</t>
  </si>
  <si>
    <t>                                           "43      Builwtw " J</t>
  </si>
  <si>
    <t>                                           OFFICIAL REPRESENTATIVES of the A. M. E. Zion Church, Slate and city of Auburn, N. Y., attending the first organizational meeting of the National Harriet Tubnian Home and Shrine Committee which was attended by 80 people ot the Tubman Home Tuesday morning, (left) seated, Bishop Willia, J. Wall:, of Chicago, sponsor and chairman of the Harriet Tubnian                 Mayor Robert A. Nelson of Auburn, N. Y., Mrs. Adelaide B. Meade of Auburn, official of the National Council of Church Women; Standing (left to right) Bishops William C. Brown of Brooklyn, N. Y., Stephen G. Spoltswood of Memphis Tenn., State Senator George B. Metccilf of Auburn, and Rev. Arthur E. May, director of the Home.</t>
  </si>
  <si>
    <t>                                           Future Teachers^ Receive fop Awards In Scholarships                 WASHINGTON. D. C. Meeting the challenge of the recent Supreme Court . Educational organizations nre adjusting their programs to meet the needs of the future.                 The National Sorority of Phi Delta Knppa. nn honorary teachers organization, recognizing It must be continually alert to rightfully administer the stewardship which it has assumed, was  the first to open its scholarship contests j throughout the country to all high school girl graduates in the  third class who arc interested in the teaching profession, regardless of color or religion. Mrs. Grncc H. Rncker, the sorority s National Program Director has just announced the 1954 National scholarship . Miss Barbara Jane Cash, a white .student at- Broad Ripple High School. Indianapolis, Indiana, is the  of the coveted $1,000 national award. She was sponsored by Tau chapter of that. city, and topped the list of 269 girls who competed in Intelligence nnd Achievement College Entrance examinations through out the country to win. Miss Cash graduated last June and ranked second in a class of 379 students. She is an active member of the Christian Church, and is studying at the Jordan Conservatory of music, Butler University. She will enter Indiana University in September to major in the field of Education to prepare herself for a mathematics teacher. The Eastern Reclnnnl Winner was  by Thetn Chapter. She is Jovce Fnye Brabham of Brooklyn. New York. Joyce was second in the notional contest. She was  with honors. She is active in sport.s.'and plays the base violin. Joyce enjoys her membership in 'he Yoiiiic People's Fellowship al Concord Baptist Church of Christ. Now that she lins finished her four                 yon it. at St. Francis Xavier Academy for Girls, Joyce is looking forward to enter college to begin her (mining for administrative nursing (teaching) Miss Marian Adcle Brnye of Tuskcyee Institute, Alabama, ran third and is declared the Southern Regional Winner. She was sponsored by Upsilon Chapter. Marian graduated from Tuskcgee High as  of her  of 135 students. She will enter Tuskcgee Institute in the School of Education (his fall. The sorority further announced tho renewal of National Scholarship Awards to three girls now in school training in the field of education aim the awarding of local chapters scholarships to 41 girls totaling 4,onn. Mrs. Marion H. Blultt or Washington. D. C. is the Supreme Basilcus of tho National Sorority of Phi Delta Kappa.</t>
  </si>
  <si>
    <t>                                           WASHINGTON, D. C. -- Meeting the challenge of the recent Supreme Court decision, Educational organizations are adjusting their programs to meet the needs of the future.</t>
  </si>
  <si>
    <t>                                           NEW YORK, N. Y. -- (ANP) Dr. J. Rupert Picott was unanimously nominated for one of the 12 Vice presidents of the National Education Association at the NEA's annual convention held here last week. This is tantamount to election a group of delegates said.</t>
  </si>
  <si>
    <t>                                           LONDON -- (NNPA)--jorno kenyatta and tour other Africans Tuesday asked the Judicial Committee al the Privy Council for special leave to appeal from their convictions at Kapenguria, Kenya (British East Africa), in April, 1953, of organizing and managing the so-called Mau Mau, African secret society sworn to drive whites from East Africa.</t>
  </si>
  <si>
    <t>                                           THE ROSE BUD SAVING CLUB will meet, with Mrs. Nina Carmicheal 485 Lambert St. N. W , Apt. 153. Bible verses begin with the letter "C".</t>
  </si>
  <si>
    <t>                                           It is now official. Ezzard Charles will seek to wrest the heavyweight championship of the world from Rocky Marciano June 17 at Yankee Stadium in the first big outdoor fight of the summer. The two men signed official contracts last week.</t>
  </si>
  <si>
    <t>                                           Albany State Adult Education Program To Begin October 5th                 ALBANY. Ga Srpt 2'2 Registration of  planning to  in Albany Statr College's Aciult Eriuration flushes wil  Tuestloy . Octobrr ft. Ropislraton wil br in  II, Caroline Hall.  :\l 7 p. in. Classes will</t>
  </si>
  <si>
    <t>                                           WASHINGTON -- (ANP) -- Congressman Adam Clayton Powell of New York, who left the country last week as an American delegate to the fourth annual session of the World Conference of Parliamentarians meeting in London, wrote an "open letter" summarizing his year's...</t>
  </si>
  <si>
    <t>                                           Solons Wire Greetings To MRA Assembly                 MACKINAC ISLAND, MichiganSenator Homer Ferguson and 14 U. S. Rapresentatives from Michigan wired today s opening of the MBA Assembly here that "We : of the United States Congress from Michigan send  to the Assemblv for                 I al Re-Armament and  to our state and to historic Mackihac JFland the distinguished visits j from this country and abroad. Michigan created for the world mass production In our industrial age . the- material needs of mankind^ ;ln, this, atomic age wi$n the .world seems1 headed j,. chaos, may this assembly' proclaim* from Michigan the inspired Ideology which, under God, will unite man^   3.Jl^ t;i;~.Xr.* --.Vii^vi The telegram was signed" by Congressmen Jesse Wolcbtt, senior member of the delegation and chairman of the House Banking' Currency Committee; John Bennett; Alvin Bentley; Elford Ceder; berg; George Dondero; Clare Hoffman; Victor Knox; Thaddeus Machrowlcz; George Meader; Charles Oakman; George O'Brien: Loute Rabout; Paul shafer and Ruth Thompson. A delegation .J mont Airlines In North         arrived in two special planes. her delegations came from Nortfc west Airlines. Boeing Aircraft, and from the CIO union at Seiberllng. Tire Company. FISSION WEAPONS ) DESTROY BOTH AMERICAS Robert Moon; noted atomic scientist, and his wife, keynoted the opening session, calling MBA the "Ideology for all men every.; where." Professor- Moon said;'!MRAabsolutes.'" ;He 'wa^ed:Hj^          fissionable materials' are1 3i? developed to wipe out the Northern and Southern hemispheres. He said also that "We've come to the twilight age cf man. using tha lni'  process alone... In the new age a Power greater than man s intellect must transcend our own pride. .It must, be. the.age,of tile "Holjf SplrlTf ir   our hearts to God completely, get' guidance from God first, and  if t our talents be put to work pa. Cod says. I "We need absolute standards in  as in science. It means absolute commitment all the time. Then the race to make absolute weapons will be transformed into blessings for mankind. We must have absolute standards and pure hearts. Then a new age will be torn." i The editor of the "Bombay Free Press," M. V. Kanath. reported that there was only despair, cynicism and shrugging of shoulders at Geneva where he said, "Hard men have come to quarrel things over." He contrasted this with'- Cattx where he said, "Equally hard men changed." He cited the impact of a U. S. atomic scientist who apologized for the use of the atom bomb on humanity and of an Indian bomb throwing Communist conspirator_:whb . '-different at Caux. He said, "Communism grows not where there is poverty but where there Is lack of ideology. MRA came to India with a force that had no commercial attached to it but an ideology to offer an ideology of moral absolutes which Is the answer to the philosophic indigestion of India and the materialistic indigestion of America. This remedy gives hope for us and you." Ansus ATunro. staff writer of the "Windsor Star" In Canada, told Ine Assembly that "In the past (Continued on Page 6 Column 2)                 Solons Wire (Continued From I'lifje One)  years, I've  trie release of many times forty megatons of power through men and women oy MRA. If we in the news paper game could present this story, .vhat a tremendous force that, would be. I hope to carry out the !i given at Caux by my own publisher, Hugh Grayblcl, to open the press of Canudii to the  ol MRA."</t>
  </si>
  <si>
    <t>                                           MACKINAC ISLAND, Michigan-- Senator Homer Ferguson and 14 U. S. Representatives from Michigan wired today's opening of the MRA Assembly here that "We members of the United States Congress from Michigan send greetings to the Assembly for...</t>
  </si>
  <si>
    <t>                                           International Atomic Pool To Operate Without Russia                 BY ROBERT E. CLARK                 DENVER (INS) President Eisenhower revealed dramati- 1 cally that the United States and several free world partners are proceeding at once without Russia with an international Atomic pool to put the Atom to work for peace.                 Thf historic labor day  carries through the proposal outlined before the United Nations by Mr. Eisenhower last December                 0 tun: l he massive destructive force of the  to the benefit, of mankind The president made Hie surprise disclosure in a brief radio-television address from Denver beford waving a radio-active wnnd to launch construction of the nation s first commercial-size atomic power plant in Shippinpport, Pa KF.n INVITATION Tie coupled the announcement with a renewed invitation to the Soviet Union and other Communist nations to participate in the atom pool, declaring: "We hope that no nation will lone stand aloof from the work ol this agency The - decision to proceed with the atomic pool puts it bluntly up to Russia to join in 1 the project for the betterment of I mankind or demonstrate to the i world that it is interested in the atom only as a weapon of  lion The Soviet Union has thus far scorned participation in the plan. j (Continued on I'aRC 8 Column 8)                 Infemalbnal (Continued From Page One) although Russian representatives engaged In lengthy conferences with the United States on the subject. . AGREED Countries which have already agreed to participate in the poo) include France, Great Britain and three members of the Britisli commonwealth-Canada, Australia and South Africa. Other free nations are expected to join up shortly The benefits the boldly-conceived project can produce for thee world s millions are almost limitless as the awesome power of the atom itself. Atomic energy peacefully applied will mean more food for hungry millions, abundant electricity for power-starved areas and better health for the peoples of the world. Atomic materials, including raw uranium and fissionable U-235 will be contributed to the common pool from our own stockpile and those of other participating nations. The actin</t>
  </si>
  <si>
    <t>                                           DENVER -- (INS) -- President Eisenhower revealed dramatically that the United States and several free world partners are proceeding at once -- without Russia -- with an international Atomic pool to put the Atom to work for peace.</t>
  </si>
  <si>
    <t>                                           Ever since Archie Moore won the light heavyweight championship in December, 1952 from Joey Maxim. Harold Johnson has been clamoring for a title bout. He will have his chance Wednesday night, Aug. 11 in Madison Square Garden in a nationally televised 15-round...</t>
  </si>
  <si>
    <t>                                           "Prejudicial Remarks" Cause Of Manslaughter Case Snag                 The Court of Appeals has reversed the manslaughter conviction of James C. McKibben on the grounds that the prosecuting attorney made prejudical remarks when the defendant offered to submit himself to cross-examination.                 McKlbben was convicted September 23, 1953, for the shotgun slaying March 29, 1952, of Jimmie Harris, 51, of 321} Jonesboro Road. He was sentenced to 15 to 20 years in the Fulton Superior Court of Judge Claude D. Shaw. The Court' of Appeals held that McKibben had' a right to submit himself to -. not under oath, by the state s attorney. When the defense lawyer offered to submit his client to cross-examination, Assistant Solicitor William E.                 Spence was quoted in the record eal saying that McKibben's .-attorney! "knows that he can t do that-Vus^ "He is just doing this to mislead" the jury," Spence said, according .0 the record. S The Court of Appeals ruled #~j$ "A Defendant has the right to  1 mit himself to cross-examination by counsel for the state in such a situation as is here presented. "Counsel for the state may  to cross-examine the defendant, 'but such counsel has no right to impro* perly attack either the defendant', but such  has no right to improperly attacK either the defendant, or the defendant s counsel and tQ impute bad motives to them. or either of them for such offerings.1.'</t>
  </si>
  <si>
    <t>                                           The Court of Appeals has reversed the manslaughter conviction of James C. McKibben on the grounds that the prosecuting attorney made prejudical remarks when the defendant offered to submit himself to cross-examination.</t>
  </si>
  <si>
    <t>                                           Up until the time their television sets turned into electric washing machines, the fans of America saw more baseball than the guy who sitches 'em.</t>
  </si>
  <si>
    <t>                                           NEW YORK -- (INS) -- The 1954 World Series will start Sept. 29 -- barring a National League playoff -- with the first two games to be played in the park of the National League champion.</t>
  </si>
  <si>
    <t>                                           YOUR WORRY IS OVER! WE CAN SOLVE YOUR PROBLEMS! UAfiflCC M0DERN CUSTOM BUILT HOMES FINANCED n u m lo DY F H A AT $37 00 pER MONTH BUILDING LOTS 5-ACRE FARM PLOTS Also New Modern 4-and 5-Room Apartments for Rent AT MIZPAH, N. J. NEAR ATLANTIC CITY The rapidly growing town, Mizpnh, lms been endorsed by the N. B. C. of America, Inc., The Grand Lodge of the Elks, The Sunday School, 13. T. U. Cont-ress,"and the American Legion of Washington, D. C. The above mentioned organizations have already secured properly us well as thousands of individuals, located throughout the four corners of this U. S. Our Low Prices and Terms Will Arnaxe You TERMS ON BUILDING LOTS $2.00 DOWN $2.00 PER MONTH FOR MOKE INFORMATION WRITE TO: N.  SONS COMPANY  GIRARD AVES., PHILA. 25, PA.-GA. 5-1103 When Writing l  Mention Name of Paper You Saw Tliia^dv,</t>
  </si>
  <si>
    <t>                                           Through the Rev. Michael Scott, a UN observer for the International League for the Rights of Man, it was learned that Queen Elizabeth of England has submitted a memorandum to the UN Commission of the Racial Situation in the Union of South Africa...</t>
  </si>
  <si>
    <t>                                           Westside Voters League To Hear Local Candidates Today                 Gubernatorial Candidates In Spirited Drive                 The gubernatorial race will take the back seat temporarily as the Westside Voters League meets tonight at Mt. Moriah Baptist Church to hear local candidates. However, it may come to the forefront despite the wishes of the organization which is                 one of the pioneer bodies working in civic and political relations. Attorney Cnssimdrn E. Maxwell will preside. Cnndidnt.es will be given n full hearing nnd n large number of public spirited citizens rue expected to hear their views. Westside Voters League members have obtained some major concessions for our minority through concerted action and recognize that critical events directing our racial croup will result, from the race from the Georgia governorship. It is not expected that the group will ignore the nine-mnn field that is currently stumping the state. ON POLITICAL FRONT On the political front these developments came to the forefront in the boiling gubernatorial race. Melvin E. Thompson accused his gubernatorial opponents of  him because they have "no plan, no platform, no policy." He said "they are more interested in running against me than in running for governor. I am not going to nail no hides to the door 1 am going to abuse no fellow Georgian... My victory is going to be a victory for a platform and a program. Trmmiviori 1 "n Opm-ginnE    choose between progress and , ler. Meanwhile. Marvin Griffin opened his fifth week of : by charging former Gov. Ellis Arn'iill was masterminding Thompson'? campaign nnd that Anrnll wanted to mix Hie races. PICTURE SHOWN He is currently showing a picture of Arnnll and a Negro standing                 pother which lie  was  from the Pittsburgh Courier. Griffin  the Negro wns an assistant io Arnall when the former governor was price . Oriflin renewed his  that lie is the only candidate who will  on Gov. Herman Tnlmndge's program and praised Talmadge repeatedly. He said he wns the only  giving full and unqualified support to Tnlmndge's "private school plan. Fred Hand, another claimant of support from Gov. Talmadge, said voters could take the high road of dignity and progress or the low road of power politics and corruption by electing either Griffin or Thompson. Hand is displaying a photograph of the pardon Griffin signed for himself while executive secretary to former Gov. E. D. Rivers and said it was an example of the corruption Griffin's election would bring to Georgia.                 Hand said  Griffin and Thompson would  under the U. S. Supreme Court decision outlawing segregated public schools. He said he is. the only man running that would not yield to the decision. GOWEN S POINTS Charlie Gowen likewise centered Ills fire on Griffin. He said Griflin'c proposal to leave it up to 100member boards of education to assign Negro and white pupils was nothing but a copy of his plan to have five-member boards do the same thing. Gowen  Griffin's rural rends authority would be unconstitutional because it would require that gas tax funds allocated to the State Highway Department be given to an independent authority. On the segregated schools issue, Gowen said: there is no racial issue. No matter what any candidate suys in a political campaign. Georgia is not going to secede; the public school segregation problem cannot be handled on a political stump. Tt car. only be settled at the local level. Mrs. Grace Thomas, a lawyer and champion of Jury service for women charged' that' other candidates are ? "anarchy and defiance of the law" by confusing the issues. That, she . is not desegregation which remains a moot question, but Is whether "we shall have law and order- and Christianity."</t>
  </si>
  <si>
    <t>                                           The gubernatorial race will take the back seat temporarily as the Westside Voters League meets tonight at Mt. Moriah Baptist Church to hear local candidates. However, it may come to the forefront despite the wishes of the organization which is...</t>
  </si>
  <si>
    <t>                                           Your Biggest LABOR DAY SHOW B. B. KING BILL HARVEY B.B.KING GUITAR BILL HARVEY Band FEATURING  FORESTS MILDRED JONES AMOS MILBURN CHOKER CAMPBELL and his Orchestra Bull Moose Jackson ANNIE LAURIE STICKS McGHEE'  DILLARD ALSO PRESENTING "MISS SEPIA ATLANTA '54" AND HER COURT Sunday-, Sept. Midnite To Dawn CITY AUDITORIUM ADVANCE $1.00 AT BOX $1.50 B. B. BEAMON presentation.</t>
  </si>
  <si>
    <t>                                           So! here we go again. Many have asked what happened to our column FOCUS ON THE PREPS which originated in "32" and faded away last year. Reader interest and concern in the column has been encouraging and has forced us to resume same. FOCUS ON THE...</t>
  </si>
  <si>
    <t>                                           In loving memory of our darling wife and mother, Mrs. Mary West, who slept away, October 8, 1953. No one knows our heartaches Only God can tell how we miss you. Mr. C. P. West, husband Miss Alma West Mr. Boisie West Mrs. Mildred Gossett, children 1AM In sad but loving memory of our darling brother and son, MR. ARTHER JUDGE, who left us October 9. 1952. God gave* us strength to face it, And courage to bear the blow, But what it meant to lose you, No one will ever know. The flowers we placed upon your grave May wither 'and decay But the love for the one who  beneath Will never fade away. Sadly missed by: Mrs. Ethel Judge, Mother Sisters and Brothers.  In memory of our dear husband and son, Mr Fred D. Grimes 'who departed this life five years 'ago, Oct. 9, 1949. A dear one from us is gone. A voice we love is still, A place Is vacant in our hearts, which never can be filled. Mrs. Louise Grimes, wife Mrs. Carrie G. Broadnax, mother CARD OF THANKS The family of the late Mr. Walter C. Clarke wishes to express its sincere thanks to the many friends for their beautiful florals, telegrams, cards of condolence, use of their cars and other expressions of sympathy. We also wish to thank Rev. L. Scott Allen, Rev.W. H. Borders, the members of Central Methodist Church and Ivey Brothers Funeral Home for their sympathetic and efficient services. Miss Anne Clarke Mr. Oscar Clarke Mr. and Mrs. Madison D. Gay and family Mr. and Mrs. John H. Clark and family.                 MRS. MARY WEST</t>
  </si>
  <si>
    <t>                                           LOST FRIENDS Merc they arc, (lie  u.si.-tl crowd In lime s tempest, tossed, \      Wiiudt-icii ii din Ui*.:ir province pi iml Tim friends we won ami lust. .Some we met in childhood . Some In college years: To release along the ways Of disappointment, tears Uiil. still indented on our hearts Are their annals sweet: And at the  where friends part We hear their wobbly feel. In  communion, they return When we re-live the past And memory s brightest candles burn When the role Is enst. I'd Hive the world to have them back To warm this  frost: 1 Flint  discarded nor/ k The .iU.s I hunt ;lnd   ,M.. i</t>
  </si>
  <si>
    <t>                                           It does not take a long memory to vouche for the fact that in 1848 and 50 we had n political condition similar to the one we ate now facing. Despite what is being said and done the real issues cote the some and some of the candidates now in the ... were a port of the entrenched machine that now seeks Ip pelpetuate its power through the fiat of confusing the voters.</t>
  </si>
  <si>
    <t>                                           MilMLIII Jlair Rinse? for  hairl Nnrtraflim my  i^J^^W In your hair ^ /^^BSk       a      t_       *       . N^BH         !nat*~    tli. JRf Diuslvil In      1V1 'J/ 0 Iniiaallr            V  nd            wl* I* X-  //IC*-\ I DrvgpJst ^QMB9^flR #  W^HB^^SSBRf/^l KONGO CHEMICaToO. WWIlM^WwTMg.M, J</t>
  </si>
  <si>
    <t>                                           A church is a miracle and a mystery.</t>
  </si>
  <si>
    <t>                                           it s Crystal Clear j There's no gin like GOrdOll'S  IORPDN'SDgr8mCO.,lTB.,,ILl</t>
  </si>
  <si>
    <t>                                           Japan Prime Minister To U. S. For Aid                 BY                   WASHINGTON -(INS)- An  'source sri fa 'Wcdrtey day that Japanese Prime Minister Shi*eru Yoshfcta will make a special trip to Washington this fall to try to negotiate a U. S. aid program of more than one billion dollars. The plan calls for American assistance in: 1. Construction of a  highway network from Tokyo south through the Japanese main island of Honshu to Kobe. 2. A series of hydroelectric projects to relieve Japan of the costly burden of steam plant operations with her low-grade coal re . 3 Nine reclamation projects to      Into crop production roughly 50,000  of new . The source said the ambitious aid plan has crown out of Japan's desperate need for economic assistance to tide her over until her '.ional trade situation improves. A  operations administration mission is now in Japan to talk over the Japanese economic VllBht. The mission has two specific goals. One is to determine the actual extent of need on the part j of the Jiipanesc, and the other to Cive serious consideration to proposed Japanese projects.</t>
  </si>
  <si>
    <t>                                           SHADYDALE, Ga.--Revival began on Sunday night at the Greenwood Baptist Church. Fifteen were added to the church. Rev. Mills of Macon was the guest speaker. White in the city Rev Mills was the house guest of Rev. and Mrs. L. R. Harris Rev Harris is the pastor of the...</t>
  </si>
  <si>
    <t>                                           Right, scone from Mickey Spillcme's newest adventure, 'I The Jury" now playing at the Royal Theatre through Tuesday, also  on the show is "Flight Nurse."</t>
  </si>
  <si>
    <t>                                           IT'* are particularly prowl  the President of the United State* will be a special guest on this program. GEORGIA POWER ~~~;        -." !J^     GmM,  H     %3 ^J BS I Li Bm ISs ^i Coftimemorating Thomas A. Ediion't P0!/VI W\*iO invention of the first practical ((JlftVi incandescent lamp, October 21, 1879.     /~/ Sunday Night, Oct. 24 9:00-11:00 2 hours 4 networks -fie^GA / OOAtf Every one h a .tar, and every one is in tins show! Judith Anderson Produced by Walter Bhen.nan David 0. Selznick Joseph Gotten Directed by Bhando.yde Wilde Kinc Vidor Eddie Fisher Helen Haves Master Script by Guv Madison Ben Hkcht Thomas Mitchell Music by Kim Novak Victor Younc und many others and his orchestra i*</t>
  </si>
  <si>
    <t>                                           NEW HOMES Select Yours Today URBAN VILLA Subdivision WEST LAKE AVE. SSMPSOlfl ROAD 88 BEAUTIFUL LOTS (75 ft. to 100 ft. Frontages) under construction. RANCH-TYPE HOMES with 3 bedrooms. Brick construction, Plaster walls; Full Tile, Bath with Showers; Carports, Youngstown Cabinets, closets and Storage. Some with Basements. LOOK AT 1841 SIMPSON ROAD TODAY 3 bedrooms, brick, ranch-type; full basement. Price $13,900.00. Down payment $700.00 to G. l.'s; Dawn payment $1,500.00, Non G. I. SELECT A LOT in this Beautiful Urbanvilla Subdivision TODAY, and let us  to your plan or select a plan from our file. For more information Gall one of our salesmen TODAY or come by our office. EXCLUSIVE AGENT: J. L. WOLFE REALTY CO. 195 Auburn Avenue, N. E. ALpine G84G ALpine 6847</t>
  </si>
  <si>
    <t>                                           TIM TYLER                 by Lyi (dii ^                 FELIX THE CAT                 By Sullivah</t>
  </si>
  <si>
    <t>                                           Less than three months ago, Brooks Lawrence, 29-year-old right hander, was toiling for the Columbus Red Birds in the American Association. Today, he's pitching for the St. Louis Cardinals--and in nine weeks, has compiled an amazing record for a freshman...</t>
  </si>
  <si>
    <t>                                           (Memphfs, Tenn.                 (SNS)                 MRS. LESLIE TAYLOR, principal of Leath School, retires from the city school system this year The prominent race leader is seen above as she poses with her husband, Mr. W. F. Taylor (left) at an elaborate dinner party that complimented                 her last Saturday by other principals of the Memphis City Schools at Lumpkin's Hotel. Seen at the right is Miss Emma Crittenden, .principal of Riverview School, who was chairman of the                 dinner.</t>
  </si>
  <si>
    <t>                                           HINTON, W. VA --(ANP)--Rev. Thomas M. Venable, pastor, First Baptist, church, Hinton, has accepted a call to the pastorate of Jerusalem Baptist church, Norfolk, it was disclosed here last week. He was unanimously elected pastor of the Norfolk church at a special...</t>
  </si>
  <si>
    <t>                                           COLLINS SAYS                 COLLINS SAYS:                 Pvt. School Plan Would Wreck Eckic.                 (By International News Service)                 Georgia's State School Superintendent launched a speaking campaign against the so-called private school amendment Friday decl uring it would "wreck" education in the State. Dr. M. D. Collins told a district meeting of the Georgia Education Association in Atlanta, "There is something tremendously dangerous about this proposal." He added: "It will1 wreck our public school program and we just can t idly sit by and let it happen." Collins will speak at other similar meetings throughout the State next week, urging teachers to fight the amendment which goes before he people in the November 2 general election. Governor Herman Talmadge and Governor-elect Marvin Griffin are pressing for passage of the Constitutional Amendment which would permit the Legislature to grant State money to private individuals lor educational purposes. Passage of the amendment is part of State leaders' plan for maintaining school segregation in Georgia.</t>
  </si>
  <si>
    <t>                                           Parents Sue To KeepMacon Principal From Using Funds                 MACON, Oil. (SNS) *Mvc parents have filed suit in Bibb County Superior Court asking for an injunction to restrain R. J. Mnrtin, principal of Ballard-Hudson High School, nnd Miss Gernldlnc Ware, n teacher, from using money allegedly obtained from students by                 "threats nnd coercion." Filed Wednesday, the suit   the court to appoint nn auditor to investigate student funds at the school nnd to rule against thr defendants for any money shown to have been spent by them foi personal use. The petition charged that Martin and Miss Ware collected a $5 class fee from Ballard-Hudson seniors and this fee was authorized by the board of education. The defendant!) deposited $770 in fees in a local bank jn their names, the suit said. Liitcr, they withdrew $336.80 of the money from the bank and spent it for their own personal use, the petition charged. They also refused to return a $282.38 rebate on class rings resulting from an excise taN reduction after the seniors had paid                 their money to the . Parents further   a 25 cent "health fee" was wrongfully and illegally collected from each pupil by the principal, in addition to the regular 50 cent entrance fee set up by the board of education. They  $2,500 as "reasonable" attorney s fees nnd $5,000 punitive damages. Plaintiffs are Dr. D. T. Walton.: George Goodrum, Mrs. MRry E. Brooks, Mrs. Josephine Denton and Mrs. Lucille Berry. Goodrum is chairman of the Negro Citizens, Committee which brought charges of personal and administrative mis-, conduct against Martin In a threeday hearing before the board education early last month. Martin was cleared of the charges. Good- rum Is also president of the Ballard-Hudson PTA. i Parents filed the suit through Attorney Thomas Johnson, representative for the citizens committee, which has held a series of Martln-must-go mass meetings.</t>
  </si>
  <si>
    <t>                                           MACON, Ga. -- (SNS) -- Five parents have filed suit in Bibb County Superior Court asking for an injunction to restrain R. J. Martin, principal of Ballard-Hudson High School, and Miss Geraldine Ware, a teacher, from using money allegedly obtained from students by...</t>
  </si>
  <si>
    <t>                                           MEET THE DOMINOES' MASCOT Lula Belle Murry (Miss "B") I popular Atlanta disc jockey, is introduced to "Lucky", the mascot of Billy Ward's Dominoes quartette. Ward (holding the dog) made the introduction back stage of the City Auditorium during their appearance here during the holidays.                 (I HOTO UY PERKY)</t>
  </si>
  <si>
    <t>                                           Mine I 1 A. FULL MONTH S 1T IS y0UI3 II /fi\ T n ca(:l1 1  you save bv l ie 1Ot^I ill ~=31r r*his ful1        of      insured safe savings account will ~^t=*=- J li^Ip all your ambitions come lo lift sooner! Remind yourself not to EAtME  roi^! MUTUAL FEDERAL SAVINGS LOAN ASSOCIATION OF ATLANTA CY 8282 8283 FlfffllFnH!*) 205 Auburn Ave., N. E.</t>
  </si>
  <si>
    <t>                                           Penn swerved her speeding car sufficiently to avoid striking the crouched figure that had loomed suddenly on the highway She slammed on her crakes to be confronted by a very angry young man who had stopped by the roadside near Washington, D. C., to tinker with the jalopy which had...</t>
  </si>
  <si>
    <t>                                           IjPwtt ft****** uv Mtp  iW HARTLEY GARMENT CO. 1811 Cliurch Street, Kaslivllle 3, Tennessee ATLANTA REPRESENTATIVE KENNETH SnriTH V. j. No. 183 Phone DE. 8761 I'.mory University,   .</t>
  </si>
  <si>
    <t>                                           OTIS WHITE Olis While, principal or Forest Avenue School will share the  at rhe homecoming services at Allen Temple Church today. Mr. White is a teacher of the young men s class at Allen Temple.</t>
  </si>
  <si>
    <t>                                           -~h Mb* II ill D0LLARS: fc*\' "Y       * IK In 111 a a !iX-J4 Save III Ifii 113 Anr AD j^mpr Mark* I!  l HntMl/ pOV*d WH U \(M1^     TO ACHIEVE  F1NAK" ^^J mr\        while having funds ^r i t  reserve  1*9 i jC t*^ essential. By saving here your dollars are secure \n Dutch and they re earning a better-than-average d U? (^3/ Save return twice each year. Open your account       /mmi Gullder* BuUd it every 5, Be ahead ^*^ S^"  fT MUTUAL FEDERAL ^O.L Savings Loan Association of Atlanta So" M '11 20S * AVENUE' N'    CY' 8282"82M</t>
  </si>
  <si>
    <t>                                           Among the institutions and organizations honoring Liberian President William V. S. Tubman on his first state visit to America are Morgan State College and Lincoln (Pa.) University.</t>
  </si>
  <si>
    <t>                                           Young people from several states and colleges will appear on the second National Talent Hunt Demonstration to be held in Davage Auditorium of Clark College Tuesday night, December 28, at 8 p.m.</t>
  </si>
  <si>
    <t>                                           Full, soft lip lines are something every woman desires and with a little practice, can have.</t>
  </si>
  <si>
    <t>                                           ^^J praise as a host! W* r^V^[j Kentucky Bred before your  BESTiM ACROSS THE BOARD      ^^ because it s genuine SdUR MASH Bourbon!  Hg9  PARK TILFORD 55^' Kentucky -f% Bred 1 1~$       5fra/^/;f Kentucky Bourbon    ^'..^r..-...-rt'^i I        ty.   f (tT. sh  ' - _~._5n mil f^f7S\ ;   ?g--;"*'^:'~-'-'-' T-'.! .i.;.i{ici-_j;:.''.:  '-</t>
  </si>
  <si>
    <t>                                           FOR LEASE Proposed Office Building And Stores We will soon have available for Lease more than 12 large and smaller offices, in a new modern building to be built on Simpson Street (near Ashby) in a coming business center; we are now prepared to execute Lease, some already engaged. This building will be air conditioned with ample parking space for each tenant, on lot in rear of building. CALL N. D. JONES, TO INSPECT AND SPECIFICATIONS N. D. JONES REALTY COMPANY 250 AUBURN AVE., N. E. MA. 1820 WA. 0563                 CALL US TODAY AND BE A MM  tomorrow NORTHEAST SECTION 520 WABASH AVENUE, N. E. A beautiful 6 room brick, large shady lor, daylight basement, a good buy. Price $11,500.00, cash payment $2,000.00. 414 ARNOLD STREET, N. E. 7 room house,   condition. Hrics $8,500.00. Down  $1,500.00. OTHERS TO SELECT FROM WEST SIDE BECKWITH SiRiSf 6 mom Frame douse, good condition, near Washington High School. Price $9,500.00. Down payment $2,500.00. 1977 GORDON ROAD 6 room home, could be used by two families, larne lot with trees. Price $8,500.00. Down payment $1,400.00. 879 BOOKER WASHINGTON DR. 6 room house, 3 years old. Pine panel den, centrally located. Price $10,500.00. Reasonable down payment. COLLIER HEIGHTS SECTION THESE HOUSES CAN BE BOUGHT WITH SMALL DOWN PAYMENT BY G. l.'s. 32 LINKWOOD ROAD 5 room house. Large spacious lot 100 x 900 ft. must see this week. Come for details. 22 LINKWOOD ROAD, S. W. S room frame house, excellent condition, lame wooded lot 100 x 700 feet. Price $7,500.00. 175 LINKWOOD ROAD, S. W. 5 room frame house, floor ,  lot. Also 3 room house in rear. Pine panel walls, renting for $40.00 per month. Both houses for $10,700.00. Reasonable cash payment. 182 LINKWOOD ROAD, S. W. Lame wooded lot 300 x 750 feet. Nice 6 room basement type house. Buy now and complete this wonderful home later. $3,000.00 cash necessary. 2993 BURTON ROAD, S. W. Beautiful 5 room home, large lot with plenty of trees, lot 114 x 140. Price $7,400.00. Down payment $1,300.00. 2981 BURTON ROAD, S. W. Nice 6 room home, lot 100 x 200 feet. Quiet neighborhood. Owner willing and ready to sell. Call for details. PITTSBURG AREA GARIBALDI STREET, S. W. A new 5 room frame house, hardwood floors floor furnace. A bargain at $7,500.00 Cash payment $600.00. WE CAN SELL ANY PIECE OF PROPERTY LISTED OR OFFERED FOR SALE. FOR QUICK ACTION CALL ANY OF THE SALESMEN LISTED. CALL TODAY. A. 1 MA. 0313 F. McLAl.:GHM\ MA. 5C07 J. H.  KK. 4003 A. K. PHILLIPS BE. 1273 A. J. SMITH FR. 4O3'.l SMITH REALTY COMPANY 51 Elliott Street, S. W. ALpine 1418                 A WOMAN NEVER FORGETS THE MAN WHO REMEMBERS THERE S NO PLACE LIKE HOME EXTRA SPECIAL FOR RENT WITH OPTION TO BUY 200 CHAPEL ROAD, N. W. Lovely 6 room frame now being decorated throughout; vacant. You can rent this home if you can buy. MOZLEY PARK SECTION 2 bedroom brick, near bus, park, school; substantial down payment required. Assume small G. I. Loan. 82 WEST LAKE AVE. 6 rooms, bath up, 3 room terrace apartment and extra lot, priced for quick sale. EZRA CHURCH DRIVE Beautiful new 6 room brick, pine paneled den, large modern kitchen; two baths, garage, basement. A woman s dream. ROCKMART DRIVE 5 room brick, tile bath, elevated lot, I $1,800 down; balance like rent. IF YOU SEE A HOUSE ANYWHERE YOU WANT TO BUY, CALL j US. OUR FRIENDLY, HUSTLING SALESMEN WILL SHOW ANY PROPERTY AT YOUR CONVENIENCE. FOR INFORMATION PLEASE CALL: ROY JOHNSON FR 1957 THEODORE RENFRO AL 1961 ALLEN CALDWELL RA". 7383 CALDWELL REALTY COMPANY 267 Chicamauga Avenue, 5. W. RAymond 7383</t>
  </si>
  <si>
    <t>                                           SAY B HAM POLICE IN 91 THEFTS                 BIRMINGHAM. Ala- (INS) Police were hunting for policemen in Birmingham last night,  officials say -23 officers are suspected of participating in burglaries and safe-cracking. Police director Paul Singer said the policemen were believed Involved in 01 burglaries and thefts over a two-year period. The investigation r.. he said, from testimony of a former police officer now in jail on three burglary charges: Police Commissioner R. E. Lindberg said the high-level police report aimed at members of the force disclosed a "rotten and shameful" situation. Singer said the probe within the department indicated that a detective, a police lieutenant, two sergeants and 19 patrolmen had slipped over the line from law enforcers to law violators. N.C. HOLDS 1ST SCHOOL BIAS MEET                 RALEIGH (INg) Gov. William B. Umstead held his first meeting here Wednesday with the newly-appointed advisory committee to study segregation in public schools. Umstead told newsmen that it was an organizational session and that the committee s purpose was to "find and establish a policy and a program which will ^preserve the state public school system by having the Bupport of the people." He  three Negro members of the group as representing wide cross-sections of the Negro population. They were Dr. J. W. Senbrook', president of the Faytteville State Teachers College, Dr. j F. D. Bluford, president of A. and T College at' Greensboro, and Mrs. Hazel Parker of Harboro. Negro Home Demonstration Agent for Edeecomb Countv, Umstend said that the group will  a survey on problems  from the Supreme Court decision outlawing segregation in public schools. He indicated that the recommendations of the committee may be' passed on the state legislature.</t>
  </si>
  <si>
    <t>                                           BROOKLYN--(A N P)--Members of the Ishmaelites sect threw the Brooklyn Flatbush magistrate's court into a wild scene last week. The uprising came after the colorfully dressed leader and his temple scribe, King Joshua Ben David and Lincoln Baker, respectively.</t>
  </si>
  <si>
    <t>                                           HOMER FOR CLEVELAND Al Smith of the Cleveland Indians is congratulated by Bobby Avllo as he crosses the plate 6n his leadoff homer in the 1st inning of the 2nd game of the World Series in the Polo Grounds, New York. The Giant' catcher is Wes Westrum. Umpire Berry is tossing a new ball to. pitcher Johnny Antonelli. Smith hit Antonelli's first pitch over the left, field wall. The game ended with a 3-1 victory for the Giants. i                 [International Soundpheto}</t>
  </si>
  <si>
    <t>                                           Cosmopolitan To Hear Dr. C. L Hill                 1)11. C'lIAIM.KS I.. 1111. 1. Sunday will br a  day    t Cosmopolitan AM 13 Church, corner Vine and Foundry Streets. Prej sident Charles I,. Hill of Wilberforce Univi'isiiy. ox-dt an of Morris I Brown ". will preach at, the   church at 11 A. M. Sunday. Ailcusl at 11 A. M. Fr.-o p.: - for 200 cars. Music by Ilk- gospel chorus. Everybody welcome. Hev. J. F. Moses. pastor.</t>
  </si>
  <si>
    <t>                                           IN MEMORIAM                 In loving memory of our dear son ind brother, Pvt. Joe Willie Marignay, who departed this life November 22, 1951 in Korea. Sadly missed. Rev. G. B. Marignay and Children.                 PVT. JOE W.</t>
  </si>
  <si>
    <t>                                           I JESSIE COLZIE MOTORS j ..USED CARS BOUGHT AND SOLD f BEAUTIFUL SELECTIONS PRICED RIGHT C SAFETY SERVICED FINANCING f SEE THEM ON THE LOT IN REAR f "YOUR WESTSIDE j USED CAR DEALER" 883 Hunter Street, N. W. 1 WAInut 1787 j HYDE PARK HKj^4/* jH CLOTHES i ^j* Gift Tips For It a \f A. A A. f*  w V Civ      $  S ~~?OT FROM SOCKS yfc/ WALTER A. /  ^\ib1 hickok belts ^^hk -~^^PwHB of Above Items). i 2TT'/f ~$~ 237 MITCHELL ST., /*~^B Southwest FLORSHEIM SHOES ARROW SHIRTS t</t>
  </si>
  <si>
    <t>                                           The Educational Committee of York Rite Masons of Georgia under the leadership of Grand Master Clem Davenport and the Educational Committee Chairman, Rev. A. S. Dickerson announced the following Scholarships at its recent Grand Lodge Meeting in Savannah...</t>
  </si>
  <si>
    <t>                                           SPECIALS FOR TBS WEEK-END 265 WHITAKER CIRCLE, N. W. 6 rooms and bath, central .hear, lot 60 x 178, garage. You most see this today. Price, $15,000.00. 408 ANGIER PLACE 6 room house. Price, $13,500.00. 341 ADDINGTON STREET, S. W. 6 rooms frame, practically new. Down payment, $950.00. 407 ANGIER PLACE 5Vi room frame. Price, $10,500.00. WABASH AVENUE 6 room brick, lovely home. Call for price and terms. WE HAVE SEVERAL OTHER GOOD BUYS THROUGHOUT THE CITY, ALSO INFORMATION ON TWO 6 ROOM BRICK HOUSES, CONSTRUCTION UNDERWAY. CONTACT ONE OF THESE SALESMEN TODAY. J. T. BICKERS AM. 7197 Wm. T. ROBIE LA. 6523 G. D. JEWELL RA. 0191 FRANKLIN BROWN AM. 9367 H. M. HOLMES, JR MA. 6534 COL. A. F. PITTS BE. 4181 fll f 11 So"" REALTY COMPANY JyjfrSjffjflFp :0  Autire Art, N. XlltnUj. G*. 1 SPECIAL FOR QUICK SALE i THIS MAN MUST BE BACK TO CAMP WITHIN 10 DAYS 226 HIGHTOWER ROAD, N. W. 6 room house, less than 1 year old, approximately 1,100 square feet floor space. Size of lot 80 x 200. This cam be purchased under FHA or Gl Loan, or equity can be bought and loan assumed. 413 ARNOLD ST., N. E. 8 rooms, V/i bath, possibilities for basement, within 2 blocks of transportation and school. Price $10,500.00. .$2,500.00 will handle. call w. f. Mclaughlin ma. 5607 SMITH REALTY COMPANY 51 ELLIOTT ST., S. W. AL. 1418 G. I. LOAN AND F. H. A. INSURED LOANS AVAILABLE HOUSES PRICED FOR QUICK SALES D. P.'s $300.00 $500.00 ROCKDALE PARK SECTION 128 NEW JOHNSON ROAD 6 room frame; lot 50 x 189, 2 baths. Price $4,500.00. 124 NEW JOHNSON ROAD 6 room frame, large lot 396 x 280. Price $7,000.00. 123 JOHNSON ROAD 5 room frame, $3,750.00. lot 75 x 150. 171 JOHNSON ROAD 9 room frame; lot 100 x 150. Price $6,500.00. 1850 OLD JOHNSON ROAD 4 rooms; lot 80 x 200; price $4,000.00. 301 FORTUNE STREET, N. E. 3 rooms, frame, 81' x 180', Price $4,000.00. 100 OTHER HOUSES IN GREATER ATLANTA. SALESMEN TO SERVE YOU WHEN IT IS CONVENIENT FOR YOU. LET US KNOW WHAT YOU WANT. P. Moore WA. 9917 C. C. Taylor AM. 0247 G. A. Scott BE. 8130 Wm. Grimes BE. 4681 Miss S. E. Warner AM. 5770 M. Martin CY. 9924 J. Tyler RA. 6605 S. T. Thompkins RA. 5057 T. H. Mizell BE. 6882 J. L. WOLFE REALTY COMPANY 195 Auburn Ave., N. E. AL. 6846-7 ATLANTA, GEORGIA</t>
  </si>
  <si>
    <t>                                           FLORIDA RATTLERS TALK THINGS OVER Pic- lured above in a huddle are the tough Florida A. and M. University Orange and Green Rat- i tiers, who defeated the Morris Brown College j Purple Wolverines, 27-7, Saturday afternoon, at Herndon Stadium. It was in the third period, just before the Purple Wolverines scored their lone                 , that ihe Orange anu  Kanlers celled "lime out" and Icilked things over. The Wolverines look advantage of the "time out" and also held a brief strategy session. Moments later Quarterback Lowell Williams hit End Howard Glover in the end zone for a touchdown. The large crowd may be seen in the background.                 (Photo by Alexander Adams)</t>
  </si>
  <si>
    <t>                                           NAACP Attorneys To Appeal Hillsboro, 0., School Case                 NEW YORK       attorneys announced here today that they will appeal the ruling of a federal Judge to hold over a school segregation case In Hlllsboro, Ohio, until after the Supreme Court hands down Its final decrees in the decision banning segregated schools.                 On Sept. 29 Federal District Judge John H. Druffel said In Cincinnati that he would withhold his* decision in regard to the case brought by the NAACP. The association s case sought a preliminary Injunction against the Hlllsboro board of education to restrain the board from requiring Negro students to withdraw fron two previously all-white elementary schools, pending the final  of an action brought 'by five Negro mothers on behalf of their children. Judge Druffel ruled that t,he case be continued until two weeks after the Supreme Court hands down its final decrees. The Negro children 'Were allowed to -.enroll in the  schools on registration day, Sept. 7, and were assigned to seats In regular classrooms on Sept. 8. They attended classes each day until' Sept. 15, when, Miq board of education .advised their parents that' schools zones had been established and that the streets on, which- they lived were in the Negro elementary school zone. No white children under the board s zoning order was assigned to the Negro schools ..r The Negro children have been kept' from school by their parents since Sept. 15 Their parents refused to send them back to the '.Negro elementary school.</t>
  </si>
  <si>
    <t>                                           NEW YORK -- NAACP attorneys announced here. today that they will appeal the ruling of a federal Judge to hold over a school segregation case in Hillsboro, Ohio, until after the Supreme Court hands down its final decrees in the decision banning segregated schools.</t>
  </si>
  <si>
    <t>                                           MAGNIFICENT! BAILEY T ADULTS 75c CHILDREN 35c (HIE) NOW! Box Office Opens 11:30 A. M.</t>
  </si>
  <si>
    <t>                                           WASHINGTON, D. C.---Use of infra-red lamps during and after farrowing can save hog producers an average of 3 pigs in 2 litters according to a new USDA publication, Leaflet 381. Infra-red Lamps....Their Use in Brooding Pies."</t>
  </si>
  <si>
    <t>                                           WASHINGTON--The time has come for us to go out oa a, limb (another limb) and make a prediction. one concerns the Army. Navy game. And since our last shot in the dark proved not too well aimed, we hope this one stays true to the target.</t>
  </si>
  <si>
    <t>                                           JURY CONVICTS CHICAGO COMMUNIST CHIEF                 first Conviction Of Its Kind May Get Supreme Court Test                 BY TOM UYEMURA                 CHICAGO (INS) Illinois communist leader Claude M. lightfoot who went to Moscow in 1935 and "studied" there for four months was convicted Wednesday by a Federal jury of violating the Smith Act In the first trial of an untested clause in the statute.                 A Chicago jury of seven men and Hve women decided that Lightfoot, 46-year-old executive secretary of the Illinois Communist Party, had advocated the violent overthrow of the United States Government. He faces a possible maximum sentence of 10 years' imprisonment end a $10,000 fine. The section of the 1940 lav under which Lightfoot was convicted makes it a crime to belong to an organization advocating overthrow of the Government by force and knowing of such intent. In Washington. Justice Department sources said the historic verdict may clear the way for the arrest and trial of more Communist party underground leaders. APPEAL PLANNED Chief defense counsel John J. Abt, Jr., of New York, filed a motion for a new trial and Utterly denounced the verdict "as a long step toward the police state, where everybody lives in fear." He said "Anti-Communist hysteria prevented a verdict on merits" and added that the Government "wholly failed to prove Its case." Abt said the case will be appealed to the IT. Supreme Court, If necessary. Lightfoot, holding the hands of bis tearful wife, Geraldyne, asserted his conviction was "a blow to democracy and the Bill of Rights" and said: "I will continue to light injustice and to seek a new social' order in this imperialistic country through the Communist Wrty." n. s. District Judge Philip L. Sullivan deferred sentence' pending a hearing Feb. 16 on the hew trial motion. Re granted Lightfoot permission to remain at liberty under the- $30000 bond he posted after his Indictment. ^In -his instructions to the jury, which deliberated some 10 hours before deciding Lightfoot was guilty, Judge Sullivan said it was not a crime to belong to the Communist party. But he emphasized that it was a crime to belong to a group                 advocating overthrow of the government by violence provided the member knew of this purpose. Lighlfoot Is a Negro. The chief prosecutor, James B. Parsons, and three members of the jury also are Negroes. HEAVIEST ANTI-RED PUNCH Parsons, who for 16 days had presented the prosecution s case in dealing what many attorneys .if the heaviest legal punch at Communism this nation has ever seen, commented: "I think tho verdict is a substantial measure In* effecting the security of the nation. I felt this and soul into it. "I don't like to see the vicious exploitation of minority groups. I don't like to see my people' sold down the river with some trumped-up ideas that had origin In other countries. I don't like to see Communists using our race to destroy something fine that our race helped to build." As he left the courtroom. Assistant U. S. Attorney General William OTJonnell joined northern Illinois U. S. Attorney Robert Tieken in congratulating the 43-year-old Parsons. OlDonnell had assisted Parsons in the prosecution. Parsons has been practicing law only five years, three of them for government. He is a Chicagoan a specialist in military and security I .He was chosen' to outline the -evidence because 'he had tho highest security, rating among three assistant !*            screened by the 'Federal Bureau  of" Investigation:' Parsons charged LJghtfoot was  due to his own writings and teachings of 'the Communist party doctrine. Llghtloot was first to be tried alone under Section 2385 of the Smith Act. Of 107 accused Communists previously indicted under this statute, all were seized in groups of five or more and charged with revolutionary conspiracy.</t>
  </si>
  <si>
    <t>                                           CHICAGO -- (INS)-- Illinois communist leader Claude M. Lightfoot who went to Moscow in 1935 and "studied" there for four months was convicted Wednesday by a Federal jury of violating the Smith Act in the first trial of an untested clause in the statute.</t>
  </si>
  <si>
    <t>                                           Rites -Saturday                 MR. EDb  OWENS Funeral Services for Mr. Edd Guss Owens will be held Saturday, August 14, 1954 at 1 o clock nt Mt. Vernon Baptist Church. Rev.- J. R. Lovctt. officiating. Interment, Lincoln Cemetery.</t>
  </si>
  <si>
    <t>                                           ORLANDO, Fla. Construction will begin immediately on this $450,000 45-bed hospital to be operated by Seventh-Day Adventists, according to L. T. Hall, administrator of the Florida Sanitarium. The project was made possible by a gift of $100,000 from the Dr. P. Phillips Foundation. Much of the Phillips wealth was amassed in the                 citrus industry. It was revealed that the gift was motivated by inadequate medical facilities in the community of 17,000 Negroes. The new general hospital will have medical, obstetrical, and surgical facilities and will be operated as a branch of the Florida Sanitarium and Hospital.</t>
  </si>
  <si>
    <t>                                           Don't Forget Your Date SUNDAY and EVERY SUNDAY AFTERNOON From 4 P. M. 7 P. M. THE ATOMIC PACKED EVENING IN PARIS Featuring Music Exotic Comedy In The Etks Forrest Roopi 315 Auburn Avenue, N. R. ADMISSION 50c</t>
  </si>
  <si>
    <t>                                           /^CCelebrate V National Tkrif t Week I JANUARY 1 7th 23rd 1 open your profit-earning A savings account Hera!    Bo alert to good living! Brintc Jn  accumulated funds to    f\ put them to work earning JQYc our above-average twice-yearly returns. (KJ)n Start the good habit of thrift ihi* (S)  $288,805 paid our savers in 1954 This year get your share! MUTUAL FEDERAL SAVINGS LOAN ASSOCIATION OF ATLANTA 20S AUBURN AVE,, N. E,      !f^ CY. 8282-8283</t>
  </si>
  <si>
    <t>                                           SKINNY? Thin Underweight Women</t>
  </si>
  <si>
    <t>                                           Igv*..;;:-":1-: cM^Atra N5 Ytan  Integrity" 1</t>
  </si>
  <si>
    <t>                                           Honesty Means More To This Lady Than BagOf Groceries.CashMoney                 BY GEORGE M. COLEMAN                 There's a lady in Atlanta who apparently doesn't believe in the cynical view the world holds nowadays, and she proved Monday evening when she made It possible for an elderly nurse to get back her groceries nnd money she had lost on a crowded downtown street corner.                 It was about 4:20 p. m.. Traffic Patrolman N. I. Sanders reported, and lie was working traffic at Forsyth and Marietta Streets, when a woman approached him with a large bag of groceries The woman, who later turned out to be Mrs. Louise Whitley, 34 of 429 Sunset Avenue, N. W., told him she had found the shopping bag on a nearby corner. She left the bag with the policeman and went on down the street. The bag, later turned Into the Station Captlan's office at the Atlanta Police Department for                 ,  canned goods, breads, a quantity of other food stuffs but it also contained a woman s purse in which there were two 10 dollar bills, one five dollar bill, six one dollars and a single dime! all adding up to a total of $31.10. The finder had not . She was honest. There was also a name, written on a Social Security card, which Identified the owner of the property as Mrs. Hannah Hamilton Harris, of 1193 Hunter Street, N. W. Of course, Mrs. Harris no longer lived there. In fact she had moved sometime ago to 518 Chestnut Street, N. W., and was unavailable for comment because her duties as a Practical Nurse keeps her away from home often. However, it was learned from the widow of the late Dr. D. R. Greene at the Hunter Street address that Mrs. Harris had received her groceries and money, through the efforts of two Kegro Patrolmen who investigated until they located her. Mrs. Green, who said Mrs. Harris was a very  friend of hers, said the nurse was a graduate of the old Clark University and  originally from Griffin, Georgia. She said the lady received her groceries after the Officers went back to the station and got them. Everything turned out fine. It wasn't an earth-jarring event, but there s a lady in Atlanta who apparently doesn't believe in the  view the world grasps nowadays, and she has a good conscience to prove It.</t>
  </si>
  <si>
    <t>                                           There's a lady in Atlanta who apparently doesn't believe in the cynical view the world holds nowadays, and she proved Monday evening when she made it possible for an elderly nurse to get back her groceries and money she had lost on a crowded downtown street corner.</t>
  </si>
  <si>
    <t>                                           lending service FOR HOME OWNERS Lower House Payments Get Ready Cash Pay All Type Bills Buy More Property Home Improvements For FREE Information GALL ANYTIME CY. 7401 Lending Service Go. -Tiniii</t>
  </si>
  <si>
    <t>                                           BROOKSHIRE, Tex. -- Attentive listensrs filed the Mount Zion Baptist Church at Brookshire, Texas, and the School Auditorium at Burton, Texas, to hear the Assistant Field Secretary, Southwest Region Edwin C Washington, Jr., speak on pertinent NAACP matters. Mr.</t>
  </si>
  <si>
    <t>                                           Savings institutions in Atlanta ... sending out an SOS for National Thrift Week, Jan. 17 to 23, ... John P. Whittaker, President ... the Mutual Federal Savings and ... Association of Atlanta, ... today.</t>
  </si>
  <si>
    <t>                                           Death Of Baptist Woman Is Reported                 NEW ORLEANS ) Funeral services for Mrs. Snllic C. Wade.  Baptist woman ol the city were held Friday at Second Zlori         church. Mrs. Wide, at. her      , was  of the Flr?t District Baptist Aswiat'on of Now Orlenni?: president of the Women's Detiortment of the           Baptist Conventlnn: n^rt c     - of the National Baptist Convention..</t>
  </si>
  <si>
    <t>                                           JENNIE TODD looked away from ... "I am too late--in letting myself love Cindy!"</t>
  </si>
  <si>
    <t>                                           Atlanta JJJl^World Members: SNS NNPA ANP INS  Every Morning Except Monday at 210 Auburn Avenue, N. E. Founded August 5, 1928; Became Daily March 13, 1932 W. A. SCOTT, II, Founder-Publisher, Aug. 5, 1928 to Feb. 7, 1934 TELEPHONE: WAInot 1459 C. A. SCOTT Editor and General Manager Entered In Post Office at Atlanta (3), Georgia as Second Class Mail under the Act of Congress, March 18, 1879. DAILY SUBSCRIPTION RATES BY CARRIER: WEEKLY AND MONTHLY (TAX INCLUDED) WEEKLY 31c MONTHLY $1.34 MAIL SUBSCRIPTION RATES: The dally rates, payable in advance are: One year, S15.60 plus .48c (sales tex) or $16.08; six months, $7.80, plus .24c or $8.04; three months, $3.90 plus .12c or $4.02. Saturday only rates are: One year, $6.24 plus .19c (sales tax) or $6.43 and for six months. $3.12 plus .12c or $3.24. No sales tax required on out of state subscriptions. THE ATLANTA DAILY WORLD Is an Independent newspaper nonsectarian and non partisan, printing news as accurately as possible and supporting those things it believes to be to the interest of its readers anij opposing those things against the Interest of its readers. THE WORLD expressly repudiates responsibility for return of unsolicited pictures, manuscripts, etc., unless stamps are sent. Address all COMMUNICATIONS to and make CHECKS payable to THE ATLANTA DAILY WORLD, rather than to Individuals.</t>
  </si>
  <si>
    <t>                                           XMAS GREETINGS FROM WAOK 1380 On The Dial LISTEN TONIGHT 10P.M.to3A.M, FIVE HOURS OF MUSIC IN THE TRUE SPIRIT OF XMAS INCLUDING XMAS MESSAGES FROM Atlanta Ministers Made. Possible' By'  ROSS BREAD</t>
  </si>
  <si>
    <t>                                           SEE THESE BARGAINS TODAY 796 804 JETT STREET, N. W. Two very nice houses. Price $6,500 each. New terms offered on down payments. Call us for details. 413 ARNOLD STREET, .N. E. 2- frame, 7 rooms, 2 baths, can be used as duplex. Price, $10,500. Down payment, $2,000.00. GLEN IRIS DRIVE 6 room brick, being decorated inside and out. Price, $12,500. Down payment, $2,500. 1471 SHARRON STREET, N. W. 6 room brick, new, full basement. Price, $15,000.00. Down payment, $3,000.00. A good buy, can be seen anytime. WE HAVE SEVERAL HOUSES IN FORMWALT, COOPER AND  STREETS. REASONABLE PRICES. CALL FOR DETAILS. 123 STAFFORD STREET, N. W. New, 6 rooms and bath. New terms offered, Call us at once. CHURCHES FOR SALE ASHBY STREET Lovely location and environment, brick church with frame assembly hall, new organ and pews, an additional apartment 6 rooms and bath, suitable for Baptist Church (built-in baptistry). Call us at once. COOPER STREET BAPTIST CHURCH Large auditorium, organ, piano, separate Sunday School room, you must take advantage of this offer. Contact one of our salesmen today. J. T. BICKERS AM. 7197 Wm. T. ROBIE LA. 6523 G. D. JEWELL UA. 019X FRANKLIN BROWN AM. 9367 H. M. HOLMES, JR MA. 6534 COL. A. F. PITTS BE. 4181 I'll 1 II REALTY COMPANY j5MJp^    ;ftf*fe 208       Atf. M. t AriMts Cm. LOOrCTHESE OVER AND CALL US 1451 EASON STREET, N. W. New, three bedroom brick, full basement, large lot, ready to move in. Priced for quick sale. 123 STAFFORD STREET, N. W. New 6 rooms and bath, modern in every respect; Price $11,500. Terms to suit you. 7 BROWN AVENUE,' S. W.-6 rooms, lovely lot. $6,000.00. 2250 BURTON ROAD, N. Wi 4 rooms, now vacant. Lot 75 x 143. Price, $14,850.00. Small down payment. FOR RENT 245 TUSKEGEE STREET, S. E. 3 rooms, hot and cold water, $45.00. 714 MAGNOLIA STREET, N. W., Apt. 6-2 rooms, $40.00. 655 MAGNOLIA STREET, N. W. 3 rooms, $35.00. Look At This Beautiful Home Now Under Construction 1268 FAIR STREET, S. W. 6 full rooms, plenty of closet space, full basement, 3 baths, 2-car garage, large corner lot, convenient to everything, beautiful and useful. For further information call us. OTHER GOOD HOUSES AND BUILDING LOTS IN ALL SECTIONS OF THE CITY. WRIGHT WRIGHT REAL ESTATE BROKERS 574 Mitchell Street, N. W. OFFICE: MAln 6015 MAin 0740 RES.: WA. 6429 FR. 5870 LA. 1817 RA. 2042 BE. 2646 i</t>
  </si>
  <si>
    <t>                                           IAFF-A-DAY                 "Ah! Venice with its enchanting' gondolas and canals! How romantic!1.'</t>
  </si>
  <si>
    <t>                                           Ju^g^Altack Police tactics Sn Kenya                 NAIROBI. Kenya (ANP)- Three judges of the East African Court of Appeals lost week attacked the Kenya police for handling over Mau Mau suspects to screening teams for "softening up" to extract i information. I The three are Sir Newham Worley, Sir Enoch Jenians, and Justice Briggs. An African had described to the Judges how lie was taken to a  camp and beaten on the head and body with rifle butts. "There seems," said the judges, "no good reason to doubt that this man s allegations of ill-treatment are substantially true. i "If  to be a common practice, when a person is arrested in commission of a terrorist offence, or on suspicion, for the police to hand him over to these teams where he is subjected to a softening-up process." The , however, dismissed what legal powers of detention the screening teams have or under whose authority they act. "Whatever authority is responsible," they said, "it is difficult for us to believe that these teams could continue to use methods of unlawful violence without the knowledge of that authority."</t>
  </si>
  <si>
    <t>                                           NASHVILLE, Tenn.--The St. Elizabeth High School cagers of Chicago, III., breezed to a 98-56 victory over the Carver Vocational High School Basketball Tournament, which got underway here Thursday, at the Tennessee State Gymnasium.</t>
  </si>
  <si>
    <t>                                           One of the Real questions of the 1955 Spring training campaign is the ultimate fate of that ballplayers ballplayer, Little Phil Rizzuto of the New York Yankees.</t>
  </si>
  <si>
    <t>                                           CAU EM-4541</t>
  </si>
  <si>
    <t>                                           The fete was the untiring services of Mrs. Rubye McLendon Curlin, president; and Miss Constance Scott, Organist, during the past year.</t>
  </si>
  <si>
    <t>                                           I SAID to Eileen, "I'm very sorry about Ralph."</t>
  </si>
  <si>
    <t>                                           GREENVILLE, Ga. -- Better farm and home living for 399 Women and 688 girls has resulted from programs carried out by Meriwether County Home Demonstration and 4-H Club Councils, in the opinion of Miss Ruble C. O'Neal, home demonstration agent.</t>
  </si>
  <si>
    <t>                                           When the Supreme Court unanimously outlawed racial segregation in public schools, the 13th and 14th Amendments to the Constitution breathed new life. Hope for children learning together became a reality. It meant that children will grow to understand and...</t>
  </si>
  <si>
    <t>                                           MEXICO, D. F. -- (ANP) -- The romantically fabulous Josephine Baker, the bewitchingly beautiful brownskinned darling of Paris, the amazing ambassador of good-will for persons of African descent, captiviated the hearts of the people of Guadalupe, city of the...</t>
  </si>
  <si>
    <t>                                           Ike Believed Ready To Run For Second Term                 WASHINGTON Despite a trickle of reports that President Eisenhower would like to retire to his Gettysburg; Pennsylvania, farm after his term expires, and despite the fact that the Eisenhower home on that farm will be completed this . most reporters in                 ton feel Mr. Elsenhower will be the GOP  In 1956. They base this reasoning on sev- 1 eral things, one of the factors being i                 the President's behavior In the last two years, another being his dislike of leaving a job unfinished. Election of a Democratic congressional majority In I9!~4 is thought to have lessened chances that Uie President would step down from office at the end of his current term. Mr. Elsenhower will be 6C years old, come the November, 1956 elections. If he runs and 1? elected, (Continued On Page 8, Col. 8)^.                 Ike Believed (Continued From Page One) that, will mean he will pass seventy (If he lives) before he finishes his second term. That is considered old for a President and in a very similar situation. Harry Truman decided lo step down rather than run for  term. However. Mr. Truman had serve.! almost  years, whereas Mi. Eisenhower will have served only lour, when the choice will have 10 be made.</t>
  </si>
  <si>
    <t>                                           On Nationally Known Brandsj\ ~^ljp COMPLETE STOCK OF STACY ADAMS SHOES USE OUR LAY A WAY PUN</t>
  </si>
  <si>
    <t>                                           NEW YORK -- Blood pressures were markedly in a majority of patients and restored to normal levels In a substantial number, by combining the potent hypotensive drugs hexamethonium chloride and hydralazine with the Indian snake root derivative reserpine, it is reported...</t>
  </si>
  <si>
    <t>                                           Headquarters ForSold Exclusively In Atlanta At 91  ST., N. E. Hey, Mister! SHOES! if COMPLETE SHOE REBUILDING SUEDE SHOES  All TYPES OF ZIPPER WORK ALL WORK DONE BY EXPERT CRAFTSMEN. UNDER NEW MANAGEMENT: Eugene Wise W.B. Pitman          WHISENANT, Inc. Shoe Rebuilders 40  8   N. W.</t>
  </si>
  <si>
    <t>                                           Dr. M. L. King will fill his pulpit at Ebenezer Baptist Church at both the evening and morning worship hours. At the morning worship hour which is 10:45 a. m. Rev. King will preach from the subject "Shackles of Excuses." Preaching again at 7:30 p. m.. the subject will be...</t>
  </si>
  <si>
    <t>                                           A COOL c(~. FOR A TALLOW Towering Roy Felix, 6' 11" of basketball star, recalls his first game in AW.son square Garden, and the secret of his record-breaking  V*^ TfeLL ME, RAY. ^X^l THIS V/ILL ^^Bi^dB^. I WHATfe THE B1  EST T SURPRISE YOU. J  A THRILL OF YOUR J IT GOES BACK kEI^H \_CAREER _^l A  WHILE.. A ^MM     were In lha Cily Champlonihlpi. Before "Then one of Ihe boys pa.ied     gams we were all kind ol , teme, Beech-Nut Peppermint Cum ond Hshl. The Garden was packed and I'd . I found it helped to never played before luch big ."      the tension." "I woi really lucky that night. C/ZcLt/- }~-jL$- ffH^^H Mtr lli* game   me I  2 u \MmMgMk cored 36, a. " Htw "t0"K KNlCKtuaocKtlt ^           Ease the tens/on w/fh</t>
  </si>
  <si>
    <t>                                           STATIONED, IN GERMANY Pfc. Christine Mosely, daughter of Mrs. Gensie Mosely, 1429 JonesIwro R. S. E., is now stationed iri Nice, Germany with the 7902nd A U. Del. "C" WAC Division. "She is a. Ki- of Hold's 'Basiness Scliool ;uid Uic Beaumont. School of Nursing. Pfc. Mosely lias served 14 months overseas.</t>
  </si>
  <si>
    <t>                                           Atlanta J^fe World ,'^T.':v.v.; Member*: 8N8 NNPA anp INS Pqbilahnd Every Morning Except Monday     210 Auburn Avrnw, H. I Founded August 5, 1928; Became Dally March }S. 1932 W. A. 8COTT, H, Founder-Publisher, Aug. 5, 1928 to Fek. 7, IW4 TELEPHONE: WAInut 1459 A. SCOTT Editor and General Manager Entered in Port Office at Atlanta (3), Georgia as Second CIm Mat wider the Act of Congress, Mnrch 18. 1879. DAILY SUBSCRIPTION RATES BY CARRIER: WEEKLY AND MONTHLY (TAX INCLUDED) WEEKLY Slo MONTHLY fltt MAIL SUBSCRIPTION BATES; The dally rates, payable In advance are: One year,  I5.60' .48c (sale* tax) or $16.08;  lx months. $7.80. plus Mo or SR.04; three months. $350 plan .12c or J4.02. Saturday only rates are: One year, $654 plus .I9c (sale* Us) or $~.4S and for six months. $3.12 plus J2c or $3.24. No sales    required on out of state subscriptions. THE ATLANTA DAILY WORLD la an Independent newspaper  and non partisan, printing news as accurately aa possible and supporting those things It believes to be to the Interest of Its readers an* opposing those things against the Interest of Its readers. THE WORLD expressly repudiates responsibility for return of unsolicited pictures, manuscripts, etc., unless stamps are sent. Address all COMMUNICATIONS to and make CHECKS payable to THE ATLANTA  WORLD, rather than to Individuals.</t>
  </si>
  <si>
    <t>                                           JEAN WORTH S MILES SOUTH OF COLLEGE PAEK, OA. Now Located At     OAK, Don't Be Misled. Look For The Name JEAN WORTH On Sign Cefch the            bm * 1          mt Hteta'a and ret off at K*d Oak, Ga. at the Irafflo . look for tin of JEAN WORTH NOTICE ON 88 OR HOLIDAYS T ^"TEA^o 0*0Park  nd  t. Talrban Da, CLOSED A IX PAT WEDNESDAY! PALM18T AND F8 ASKS NO QUESTIONS CALLS TOUtt NAME This Udr  loo  ot  too. ihi  jour life m It la, and  bt For  trouble  la a remed? and In most esses, the remedy U within Tour reach. It you  knew how. For while Icnoruce   7  b* bile* It la "our of the moat   ort to be  of the * of Lore, Mkrrlai*. Btulnets and 8Deea]. Not know to . Kaawled(~ la rover Ifnoranee la tha east*  f all EtII. Bbe         U . Know   7   and find 8       and Bapslneu. No one In trouble turned away. Ttxla Udy hu  * and aha can and will help you. Tbli lAdr warm yon   ha       ^</t>
  </si>
  <si>
    <t>                                           Judge To Rule On Sanity Of Accused Co-ed Slayer                 TOiiEDO. Ohio- (AND- A Common Pleas court Judge here must decide whether Joseph. Collins, 21year-old accused slayer of a 19year-old University of Toledo coed is sane.                 The question was posed* after Judge John Mr. McCabe heard conflicting views of state and Toledo psychiatrists at a hearing last week to determine ir Collins must stand first degree murder trial for the slaying of Delores Grisham last August in her home. Judge McCabe indicated, barring further testimony, that he would make his decision this week. The Toledo psychiatrists said they had examined Collins twice and found him sane. One of the doctors had examined the defendant last April after he was arrested on an assault and battery case filed by the girl. The psychiatrist said he was sane at that time. Experts from Lima State Hospital for the Criminally Insane said that he was examined twice                 at that institution and each time was pronounced insane. Attorneys for Collins called his relatives to the squad, and they testified that he twice had tried to commit suicide in recent years. ...idt The medical experts said that it (Continued On Page 4, Col. 4)                 Judge To (Continued From Page One) was possible for Collins to be sane at one time and insane at another. Judge McCabe wanted to know: "When can we stop sacrificing the lives of innocent to whims of these persons who are sane one day and, insane the next?"</t>
  </si>
  <si>
    <t>                                           TOLEDO, Ohio--(ANP)- A Common Pleas court Judge here must decide whether Joseph Collins, 21-year-old accused slayer of a 19-year-old University of Toledo coed is...</t>
  </si>
  <si>
    <t>                                           Atlanta- JttR World Members: 8N8 NNPA ANP INS Published Every Morning Except Monday at 210 Auburn Avenue, N. E. Founded August 5, 1928; Became Daily March 13,' 1932 W. A. SCOTT, n, Founder-PubUsher, Aug. 5, 1828 to Feb. 7, 1934 TELEPHONE: WAInut 1459 C. A. SCOTT Editor and General Manager Entered In Post Office at Atlanta (3), Georgia as Second Clam MaO under the Act of Congress, March 18, 1879. DAILY SUBSCRIPTION RATES BY CARRIER: WEEKLY AND MONTHLY (TAX INCLUDED) WEEKLY 31o MONTHLY $134 MAIL SUBSCRIPTION RATES: The dally rates, payable in advance are: One year, $15.60 plus .48e (sales tax) of 516.08; six months, $1X0, plus .24c or $8.04; three months, $3.90 plus .12o or $4.03. Saturday only rates are: One year, $0.24 plus .19c (sales tax) or $8.43 and for six months, $3.12 plus .12c or $3.24. No sales tax required on out of state subscriptions. THE ATLANTA DAILY WORLD is an independent newspaper  and non partisan, printing news as accurately as possible and supporting those things It believes to be to the interest of its readers and opposing those things against the Interest of its readers. THE WORLD expressly repudiates responsibility for return of unsolicited pictures, manuscripts, etc., unless stamps are sent. Address all COMMUNICATIONS to and make CHECKS payable to THE ATLANTA DAILY WORLD, rather than to individuals.</t>
  </si>
  <si>
    <t>                                           On a recent train trip I sat among a large group of teen-age school lads on holiday leave. They came from a well-known, expensive school. All of them were reading. But the reading matter was hardly likely to add to their cultural or moral training. It consisted of aU</t>
  </si>
  <si>
    <t>                                           OKLAHOMA CITY--(ANP)-- The 50th annual session of the Oklahoma State Sunday School and Baptist Training Union congress will meet at Fairview Baptist church here May 31--June 3, Rev. S. S. Fairly, pastor, announced. Theme of the session is "The Church...</t>
  </si>
  <si>
    <t>                                           From my door to the gates of the Atlanta Federal Prison takes only fifteen minutes by car. For some, it's only a matter of steps, taking only a few seconds to walk from freedom to confinement. So I went to prison, but strictly without compulsion.</t>
  </si>
  <si>
    <t>                                           NEW YORK --(INS)- The surprisingly largo numbers of shutouts and low-hit games pitched this season in the majors is no surprise to Casey Stengel.</t>
  </si>
  <si>
    <t>                                           NEWNAN, Ga. -- The graduation exercises were held at the new Methodist Church on Thursday, at which time fifty seniors were award ed their diplomas by Supt. W. H. Drake of the Newnan Public schools An interesting feature of the program was a panel "Our...</t>
  </si>
  <si>
    <t>                                           WASHINGTON, D. C. -- The Public Health Service recently announced the reclearance of 200,000 cc's of poliomyelitis vaccine manufactured by the Pitman-Moore Company and by the Wyeth Laboratories which had been withheld pending reappraisal of the vaccine...</t>
  </si>
  <si>
    <t>                                           Tulsa, Oklahoma Board Votes To End School Segregation^ 1                 By  VIRGIL                  TULSA, Okla. (ANP) The board of education of Tulso voted unanimously last week to end all segregated schools. This action came as a sudden surprise in the nation s Oil Capital where Negroes live on the North end of town and tho whites fill up the rest of tho town. Negroes are nine percent of the city s population.                 SUPREME LAW The vote calling for the end of  schools In the city followed only four days after the state of Oklahoma board of education Issued a policy of eventual integration. The state policy declared that although the state law states that it is illegal for Negroes and whites to attend the same school, he board recognizes the recent XT. S. Supreme court action as the supreme la wof the land. As a result, the state ordered local school boards to either end  school s or act in "good faith" in setting up a program to desegregate. Under the state s new pro- j grani. the following changes from the previous Jimcrow setup are per- J                 : REQUEST OF PARENTS Children of different races may attend the same schools and classes at all . The schools do not have to be integrated in 1955-56, but each district must have a plan for such action. Both Negro and white1 children may attend a school with a majority of their own race at the requests of their parents. In its action the Tulsa board of education set up school districts which could bring a possible 100 white children to 'colored schools and about 200 colored children to white schools. Because of Tulsa's housing setup, however, integration is not expected to create a problem and not too many children are                 peeled to become "Interractej Sup. of Schools Charle^Jp,- Ms- son introduced the Tulsa plan tci V the board. He expects the plan to j'. work. He commented. FAIR TO ALL :J;:\ "We shall expect understanding and tolerance of both teachers audit children and parents, Negro' --, in our early efforts %at do., segregation. We don't expect-.  . tut we consider this "plan"one that is fair to all  involved." Tulsa is the first Urge city, jn Oklahoma to Integrate *1ts schools. Several smaller ones have acted, however. Surprisingly, the first to act was nid, located in "Little Dixie" in Oklahoma. This town permitted Integration during-  school, but such has riot yet  planned for the fall. The towns of Poteau, El Reno and Seminole also have voted the end eir segregation, but net all of-          to act during the 1855-56 school-, year, _''"v':</t>
  </si>
  <si>
    <t>                                           TULSA, Okla. -- (ANP) -- The board of education of Tulsa voted unanimously last week to end all segregated schools. This action came as a sudden surprise in the nation's Oil Capital where Negroes live on the North end of town and tho whites fill up the rest of the town. Negroes are nine percent of the city's population.</t>
  </si>
  <si>
    <t>                                           Manager "Pete" Peterson brings his rampaging Macon Cardinals to town today to hook-up with the Atlanta Braves in a heated "Father's Day" doubebill, at Yankee Field, out in Rockdale Park, Hostilities commence at 2:30 p. m.</t>
  </si>
  <si>
    <t>                                           DOWN! NEW 1955 MERCURY S CHOICE OF STYLES COLORS Ask For FORD  Broker A^EL 8231</t>
  </si>
  <si>
    <t>                                           DURHAM N. C.--Dr. Helen G. Edmonds, professor of history at North Careline College Durham, is currently on a speaking tour in Germany.</t>
  </si>
  <si>
    <t>                                           SELECTIVE STUDENTS                 With rising college enrollments presenting the nation s colleges with a number of increasing problems, the Carnegie Corporation of New York has. proposed that a screening process be applied to applicants in order to select those students "who pan profit;  from college."</t>
  </si>
  <si>
    <t>                                           NEW YORK -- Mutual's GAME OF THE DAY major league broadcast schedule the next two weeks is highlighted by the network's annual airing of the HALL OF FAME GAME from baseball's birthplace, Cooperstown, N. Y.</t>
  </si>
  <si>
    <t>                                           IN MEMORIAM                 MISS NELLIE M. THOMAS                 In loving memory of our dear daughter and sister, Miss Nellie M. Thomas who  this life five years ago, July 13, 1950. Only those who have lost Can tell of the  We bore in silence For the one we  so dear. Sadly missed by Mr. and Mrs. Wilry Thomas .6r. parents. Mr. Wiley Thomas brother. IN MEMORIAM                 MR. CLIFFORD K. JOHNSON                 Tn   of my dear h isb;i:id. Mr. Ciiflord R. Johnson, who      :u ird this life  years ncn. .Inly 5. 1 fif)nr. IhlI nnt Inrcnllfn. Mill Mnry E. .Inhnsoti.  Mrs. Vivinn Mays, . IN MEMORIAM                 MRS. FANNIE M. MAPP                 In sad. but loving memory of  mother. Mrs. Fannie M. Mapp, who departed tills life seven years at o, July 8, 1D48. God knew she was suffering Her hill was hard to climb, A  voice said come, He closed her weary eyelids And whispered, pence be thine. Sadly missed by: Charles        Roy Mapp Willie Jackson Siimmie Jackson, sons Ola Brooks, daughters Insrphinc Odoms IN MEMORIAM In loving memor yof Mir. Mettle 'her. Mrs Panlinp BilMngslea. who departed this lile eight years ago, July S. 1947. Mother, no one knows how  we miss you when others teem so happy. Our ryes are filled with tears, You left when life was sweet.- But now it s sad to know that you are gone We love you so much but God has taken you  where you will have eternal rest. Sadly missed by: Mrs. Henrietta Winston, mother Chiirtrpn  .</t>
  </si>
  <si>
    <t>                                           Atlanta J^^ World edition: Publiskael       Morninf Except Monday tt uou*ee' VOLUME 27, NUMBER 241 ATLANTA (3), GEORGIA, THURSDAY, MAY 12, 1955 PRICE FIVE CENTS L___</t>
  </si>
  <si>
    <t>                                           ENJOY MISS GEORGIA Quality Dairy Products "There's A Store Near You"</t>
  </si>
  <si>
    <t>                                           On May 17 the momentous decision as read by Chief Justice Warren proclaimed in part:</t>
  </si>
  <si>
    <t>                                           WANT AD INFORMATION Call WAInul 1459 Itoadllm Per Ctasdfiod AdvorHtemont h 'H-J^ la  Spoc* For Classified Ad, Count Hvo WonU Hr UM   Mnmaww   w M,      f^/^Q^ 50e                 fc* tut ClMrified Ad "Department UlMmUltd Ad ntca apply to  H               In Oeorfta  sd in the hbi for Dally and SmxtoJ                  i Insertion Uepedtat S Inwrtkms Ue per Hat Intertloni llo per MM 16 Insertion! Me per Um         PnbUetty Me     Ihn</t>
  </si>
  <si>
    <t>                                           jo million times a day at home, at work or while at play ^ft ~~^^T*"'^^ ,v- I.. TOR TASTE*. bright, bracing ^ta5^MV ever-fresh sparkle. BH^^^v 2. ?OR Ril;RIiSHMTNT...a  bit of quick energy that brings you back . 4 (:r: 8                -Of THE COCA-COIA COMPAK41f BT THE ATLANTA COCA-COIA BOTTLING COMPANY r-rr</t>
  </si>
  <si>
    <t>                                           CHOOSE NOW while you may, rather than later lots of any size can be yours at a very low cost when you must. .There is nothing finer in all the on most convenient terms. Call one of our rep* South among any cemeteries. CARVER MEMOR- representatives NOWI PL. 3-6975 or AL 9610 IAL PARK is built on the popular garden plon,  nst            a New building on the premises with each grave-site being marked with an ar- wi,h     conVeniences. , yet inexpensive memorial tablet. Family CARVER MEMORIAL PARK ATLANTA (Clayton County).</t>
  </si>
  <si>
    <t>                                           in MtwORiAw                 In loving memory of our dear mother, MRS LIZZIE KATEf., \~ho departed this iife ten years sea. September 26, 1945. God needed another angel To sit upon his throne So he came and got you, mother And carried you safely home. Sadly missed by: SONS Mr. Arthur Hayes Mr. Edson Hayes Mr. Obie Hayes DAUGHTERS Mrs. Clara Hardemon Mrs. Bertha Cnrmichael Mrs. Alma Flnpig IN MEMORIAM In memory of our darling moth01, MRS. DELLIE . who -d this life four years ago. September :!2, 1961. Your love is still In our hearts It wiil never die. Your loving smile Is still in our homes. Gone but not forgotten. Mrs. Sallie Mae Whitehend, daughter Mr. Rubien Brlddie, son Mr. Frank Brlddie. son Two grandchildren.</t>
  </si>
  <si>
    <t>                                           Hold Wife in Husband's Slaying                 TOLEDO, Ohio (AiNP) A young housewife here was held without bond for grand Jury action on first-degree - charge*. growing out of the death of her  band. Mrs. Delia Jackson, 22, pleaded Innocent when arraigned la-            of her husband, Arthur,c29 She was quoted by authorities"**, saying she shot her husband  a pistol she bought him. as\Vf Father's Day present. She maintained her husband abused her after 'an afternoon of drinking. Mrs. Jackson Is the mother of four children, from 14 months to five years.</t>
  </si>
  <si>
    <t>                                           'SURPRISE' STATE WITNESSES CAUSE JUDGE TO RECESS LYNCH-MURDER TRIAL UNTIL TODAY                 judge Also Cites Danger Of Fire In Crowded Courtroom                 By JAMES L. KILGALLEN                 SUMNER. Miss. (INS) The so-called "Wolf Whistle" murder trial of two Mississippi men accused of the murder of a 14-year-old Chicago Negro boy was suddenly recessed Tuesday afternoon until 9 A. M. today to give the prosecution an opportunity to confer with its witnesses.                 Judge Curtis N. Swango, In sustaining a motion to this effect ,trom District Attorney Gerald. Chatham, said he also was taking into consideration the over-crowded condition In the sweltering courtroom. "If a fire should occur, a great tragedy might result,' Judge Swango said. Taking of testimony was to have started at Tuesday afternoon s session following the swearing-in of the all-male white jury Tuesday morning. On. trial are Roy Bryant, 24, a storekeeper of Money, Miss., and his half-brother, J. W. Milam, a 36-vear-o'd war veteran. TWO CHARGES They are accused of having                 naped and killed Emmett Louis Till because he allegedly "'" at Mrs. Bryant when he went into her husband s store to buy bubble gum. When the afternoon session opened, District Attorney Chatham asked the court to grant the prosecution time to confer with its witnesses. He said the state witnesses with whom he had already confered had named other persons who might prove to be valuable witnesses whom the state might want to summon. MOTION OPPOSED The prosecution motion was opposed by Defense Attorney J. J. Breland, who contended that the [prosecution could proceed with the witnesses they already have stipulated. I Judge Swango, however, granted .the State's motion, recessed the trial until this morning, and said he also wanted to discuss the overcrowded condition of the overtaxed courtroom. The Judge noted that for the last two days the courtroom has been jammed with people standing in the aisle .along the walls and flowing out into the corridor. "This room.",, add Judgt Swans' "is so crowded that the court believes it would be bad to proceed under present conditions. A great j tragedy might occur if a fire broke 'out. "After today no one will be  to stand in the courtroom who has no official business here. We ft.-int to accommodate all of  public that we can but we Iniust take proper precautions." Coimsel for both sides had previously named witnesses they intended to call. The prosecution named 13, the defense 10. Some of the witnesses, who were in the courtroom, were sworn so (Continued on Page 2 Column 6)                 CROWD SEARCHED AT TRIAL Chief Deputy Sheriff Ben Shelby, of Tallahatchie County, is shown as he searched all spectators going into the courthouse at Sumner, Miss., at (he trial of two white men accused of murdering a Chicago Negro boy. Roy Bryant, 24, and his half-brother, J. W. Mi!am, 36, pleaded innocent. They are charged with murdering the boy because he allegedly "wolf whistled" at Bryant's wife. The boy, Emmett Louis Till. 14.                 was shot to death. (international Soundphoto)                 Judge Also ontinued From Page One) tody when ii arrived at Chicago. 1 She said  that she has received over 2,000 letters but that i news stories were erroneous  said most of the letters were . She was asked if she felt the 'i body found in the river was that ol her Eon. She quickly replied, "If I hadn't been sure that that was my boy Td bo down here right now looking for him." .1 After accepting the subpoena Mrs. Bradley sat down at the col- 1 ored press table and showed a keen interest in the selection of i he lnst juror which was going: on when she arrived. As various members were dis- qualified she turned to this writer and said, "How many more do they need. When I told her that they enly needed one but were din- qualifying many because they had contributed to the defense fund of the two accused white men, her face clouded and she turned away. Mrs. Bradley wore pin curls, a black velvet hat and rhinestone earrings. Her shoes were black pumps. The final juror was selected at 10:10 a. m. Mrs. Bradley was not escorted by any officials or law enforcement officers as she arrived here. i CONGRESSMAN DIGGS Less than five minutes after i Mrs. Bradley entered, and during the brief recess taken as the last juror was selected. Congressman Charles C. DJggs of Michigan ar- rived with two aides, Atorney Basil Brown and James Del Rio. I Since Congressman Diggs arrived during the time the new Jury was to march in, the deputy on the courthouse door was barred to everyone from entering due to the expected movement of the jury. As he stood outside with others, a photographer, Ernest Withers of Memphis, tipped the colored press table that Dlggs was outside. This reporter went out and found the Congressman at the door. Del Rio explained the situation, say- ing they could not get in find ask- ed the writer if he could get back n. When I answered "pea," he handed me one of Congressman Diggs' calling cards and asked if 1 t would take it in to; the judge who was off the bench during the short recess. i I got thr card in Judge wango s i hand by relaying it through R. B. i Smith, specially-assigned prosecu- i tor. j The judge immediately paged the' sheriff nod sent hin put to es- cort Diggs and his party in. I Meanwhile the j$herin in pass- ing the colored press  told ate j "You folks will have to make loom for him at  table." Congressman Dlggs was then brought in, three colored photographers yielded their seats and the nation s third ranking colored Congressman sij t down at a  i crow press table. THE "UNK-tJP" This is the "line-up" as I sit here i and write this in longhand at our press table. I am seated at the head of an 8 foot table facing- away from the judge. I  away from what Is actually happening in the court and. in order, to see the  I must- look over my left shoulder. Down the table, on my left sits Mrs, Bradley, mother of- a boy brutally murdered. Next to her is her father and four other reporters crowd the left side, of the table, down to the wall. At the other end directly facing me sits Mrs.' Nannie Mitchell Turner, elderly publisher, of the, St. Louis Argus. Then coining up the right side of the table (my right) sits Congressman Dlggs. and his party, aud us .many newsmen that can line up on one side of a 8 foot . To the rear of the room in another Jim crow section stands the aging 61-year-old Rev. Moses Wright, the state s chief witness in the, trial. (He has not had a seat ell morning. Downstairs the only drinking fountain says 'White Only." This was the scene as the actual case began.</t>
  </si>
  <si>
    <t>                                           SUMNER, Miss. -- (INS) -- The so-called "Wolf Whistle" murder trial of two Mississippi men accused of the murder of a 14-year-old Chicago Negro boy was suddenly recessed Tuesday afternoon until 9 A. M. today to give the prosecution an opportunity to confer with its witnesses.</t>
  </si>
  <si>
    <t>                                           MEDICAL AUXILIARY THERE, TOO The Woman's Auxiliary of the Old North State Medical Society, as usually, held their meeting in Raleigh recently. The ladies lost no time in                 ing over the program upon arrival. They are from left to right: Mesdames C. D. Grandy, Durham; W. C. Shanks, Burlington; K. W. Jones, and Mrs. J. M. Clark, both of Reidsville.</t>
  </si>
  <si>
    <t>                                           No better illustration can be found of the undue advantage afforded to some draft-age men by the Selective Service Act than the provision which permits individuals to enlist in the National Guard before reaching the age of 18 1-2 years-and be deferred from the draft...</t>
  </si>
  <si>
    <t>                                           Asks Bill Delay                 MRS. OVETA  HOBBY, retiring Secretary of Health, Education and Welfare, is shown as she sought to hold up action on a House-approved bill that would lower the age from 65 to 62 for starting social security payments to women and disabled persons. She urged the Senate Finance Committee in Washington to make n thorough study of the matter before actins on the Democralic-                 legislation. (International)                 SB</t>
  </si>
  <si>
    <t>                                           IT IS SERIOUS BUSINESS when you re cooking your own. At least this Tennessee State freshman faculty group found it so on the sun deck of the university s gym "Friendship Night' last week. This "mixer," complimenting new faculty mem- bers, had all the right ingredients plenty of j good food, music, and fun. Roasting wieners are i                 (!,om . V.ucon Hir.ton of Raleigh, N. C; Ronald Harris, Kansas City, Kans.; Miss Will Anne Davenport, Columbus, Ohio; Mrs. Madeline B. Houston, San Antonio, Texas; Dr. Roland Norman, Logtown, Miss.; James Sounders, Joliet, 111.; Robert Largen, Atlantic City, N. J.; Miss Ida M. Williams, Ft. Valley, Ga.; and Alfred C. Tyler,                 Cleveland, Ohio. (Photo by Clanton III).</t>
  </si>
  <si>
    <t>                                           Sandersvills                 SANDERSVHiLE The P-TA of the Thomas J. Elder High School held its first meeting on Sept. 1 at the school with Mrs. Mattie Cooper Burke, president, presiding. A number of interesting and unique plans were formulated for the year and centered around the objectives of the P-TA. The first of which will be a drive to raise funds to help support the school program. Four captains were selected as leaders in this drive. Messrs M. C. Cooper, Lonnie Archer, Mines. Elizabeth Crowder and Oscar Scott. Mr. C. W. Daniels is the principal of the T J. Elder High School Mmes. Willie M. Rhodes, C. W. Daniel and Mr. Speed are members of the faculty. Mre. Mpzie V. Davis of Savannah spent the weekend here with her sister, Mrs. Mnltie Cooper Burke.</t>
  </si>
  <si>
    <t>                                           ATLANTA DECATUR WEST END 201 Peaclitree, N. E.. 109 VV. Ponce UcLcon Avc, K78 Gordon St., S. W. BUCKHEAD 3222 Peachtree Road, N. E. Thompson Boland Lee's Main Store on Peachtree Open Friday nights 'till 8:30. West End Store 'till 9:00 BEVERLY ANNE WILLIS Beverly. 3 years old is  lovely  of Mr. and Mrs. Hubcil Willis, Jr., 1 135 Colcman St., S. W., Atlanta. Beverly has been fitted by us since infancy. BUY THE BEST FOR YOUR CHILD AND THEY RE SIMPLEX  Dress and School SHOES jt\ Stylos A. Black Pnteni Strap Wifh B8W- B. Bt9wH Oxford Sizes  J 8. B V 6.95 sizes 6] to 8, B to EE 6*5 A 8', to 13. A to EE 7.95 12J    A U K.95 l^i to 3, A to EE 8.95 SECOND I- LOOK Ws Now Havs A Nsw  UdStt Time PAYMENT  PLAN   At Our Main Sinre Credi* Offke</t>
  </si>
  <si>
    <t>                                           Tots To View Play At Clark Today, Friday                 Conrad Seller's incomparable children s play, "The Clotfn Who Ran Away." makes its Clark College ; this. morning at 10 oclock in Oovage Auditorium. The play is being staged primarily for Atlanta elementary school children who will %c performances at 2 o clock today                 and again at 10 and 2 o clock torn arrow. Heading the cast is Mar  Alexander as the clown, Dodo; Robert Daniels as Mr. Frunmklns. the doll maker; Joe Louis Tucker, his assistant; Helen Everett and Benita Hatfeild who make up Gladys, the home less horse; Bernard Robinson as Rudolph Boo, the robber; John Godfery as Ugly, Boo's servant; and Louise Cox as the loveliest 'doll in the Frumpkins collection. All the action takes -place at Mr. FrurapUns doll shoppe and the adjacent street. Rhythmic old English folk tunes and Morris Dance music will be  by the Children's Theatre Orchesta directed by Mr. Wayman Carver. Orchestra personnel includes Marcus Rowland, David Hudson, Gerald Hood, Luther Stripling, Philip Hood, Virginia Bay and Ned Johnson. Director Esther Jackson said that the Children's Theatre is designed to "provide a fancy that is important to children and to stimulate their imagination and creative thought." The theatre attempts to' integrate all theatre arts and also to provide participation experience for the children by utilizing the audience and the entire theatre. In the future Director Jackson hopes that the Children's Theatre will use children as acton.                 ESTHER JACKSON</t>
  </si>
  <si>
    <t>                                           Conrad Seller's incomparable children's play, "The Clown Who Ran Away," makes its Clark College debut this morning at 10 oclock in Davage Auditorium. The play is being staged primarily for Atlanta elementary school children who will see performances at 2 o'clock today...</t>
  </si>
  <si>
    <t>                                           DAILY CROSSWORD!                 ACROSS 1. Shallow pan 6. Wncer-like organ 11. Sufficient 12. Biblical name W. Anativt of Turkey 14. A flag 1?. Before i$. Sum- up 17. Born 15. Soothes 21. Atone for 53. 6 2?.Btfkine * 2          warning 29. Political division                 of a city 30. To purify 31. Short  33. Donkey 36. Linen vestment (Kcel.i .17. Also 40. again 42. Terminal part of arm 43. Coral island 14. Quoted 45. Appraises 40. Equals DOWN 1. Lessen by retrenching a. River In Asia 3. A butter Knife 4. Ffcmily 5 NotUmM*                 6. A sweet 7. Owns S, Ireland (poet) 9. Theater seat 10. British princess M. A kind of cheese W. Malt beverages 10. Furnishes temporarily 20. Chang* Sl.Ajktty Quarrel  s             4e4 23. Denary                 2~. Eastnorth* *ast (*bbr.) 2$. A native of StfUt 30. Kind of bread 32. CorrJ.                 dors 33. Sandarae tree                 S4.Bristleltk9 part 38. Native of Scotland             nary person (slang)                 $9. Excess                 of chances 41 Rubber tree  1 Hasten power                         r^ T J55, ^T TT k? ll_ ..I75""" ii^l;  2  J2. 77J 23* 24 55 2tt I; ""ill J9 3O    3J 34 35 ^36 37" IT 3e 3o"   l W 4? Iilllllrllll BW _a bm b^ I</t>
  </si>
  <si>
    <t>                                           mm AD INFORMATION Call WAhtuf 1459 Jcctdiine for Classified Advertisement Is 6 P. M. Dally In Ettlmating Space tor Classified Ad, Count Five Words for Lin. Minimum Chnrge of 60c on Classified Advertising                 As for Classified Ad Department ClaMtfled Ad rates  to all advertising originating in Georgia and aft the same for l): and Sunday insertions:                 1 Insertion 17c per,     3 Insertions lGc per llm 6 Insertions 14c per      ID Insertions 13c per Uot Reader Publicity 15c per Urn Notices IGc per :</t>
  </si>
  <si>
    <t>                                           The Bethlehem Community Center located at 9 McDonough Blvd., S. E. adjacent to Gammon Theological Seminary plans to lay the cornerstone to its new building today, Sunday, November 27th at 3:00 P.M. This has been eagerly awaited by the Atlanta community for...</t>
  </si>
  <si>
    <t>                                           M FOR SALARIED PEOPLE H ls10 To MOO"0! H QUICK GASH NO RED TAPE- R M EASY WEEKLY PAYMENTS tj FINANCE CO. Ml 10^2 Whitehall St. CY, 0558^  I  M</t>
  </si>
  <si>
    <t>                                           SFAITLE, Wash.--(ANP)-- Joe Lon13 is not among those who contend that Carl lBobo) Olson's loss to Ray Robinson was due to marital and other difficulties outside the ring As far as thee former heavyweight champion is concerned. Robinson is Olson's master and...</t>
  </si>
  <si>
    <t>                                           Seldom has more fissionable news material been found for a college publicist than that of his football team being invited to a major bowl. It is the one open season when the press agent can let his perfervid imagination run wild in prying the lid off the pandora's box which the news has keen suppressed until the right time and place for announcement. Jake Gaither hod invoked a solemn pledge from Grambling College that it would make no announcement of its invitation to the Orange Blossom Classic...</t>
  </si>
  <si>
    <t>                                           fill your hearts with lasting  '''^$0^*r^- V  V V m vl SEASON S GREETINGS from your IF MEN IN WHITE H. H. Anderson, M. D. Henry F. Shorter, Jr., M. D. d a * if n Mi Mi Moore, Mi Di R. A. Billings, M. D. F      M D E. G. Bowden, M. D. Charles L Shorter, M. D. R. H. Carter, M. D. A. G. Taylor,, M. D. R. L. Chan.ber.ain, M. D. LtBlSSill. Mirian E. Chivers, M. D. p. q. Yancey, M. D. A. M. Davis, M. D. Clarence L. Baskin, D. D. S. R. S. Douthard, Jr., M. D.  t qp B0^       $t s. James B. Ellison, M. D. w. D. Brown, Jr., D. D. S John T. Gill, Jr., M. D. j Hi D. Cochran, D. D. S. Richard C. Hackney, M. D. Roberl Cl Cornell, D. D. S. W. N. Harper, M. D. Ai Vi Cohen, D. D. S. J. B. Harris, M. D. Ai Bl Cooper, D. D. S. G. L Hightower, M. D. C. F. Goosby, D. D. S. G. A. Howell, M. D. Ri Hi Jordan, D. D. S. R. Benton Jackson, M. D. fli l. Kelsey, D. D. S. Marque L. Jackson, M. D. William B. Shropshire, D. D. S. Roosevelt P. Jackson, M. D. c. Miles Smith, D. D. S. Asa C. Johnson, M. D. Harvey Smith, D. D. S. Hezekiah K. Lewis, M. D. G. B. Warren, D. D. S. H. L. Lang, M. D. J. L. Williams, D. D. S.</t>
  </si>
  <si>
    <t>                                           WHAT A PRIZE When nine-year-old Darrell Owens dropped his ticket stub into the box with thousands of others at the recent Southeastern Fair, he had no idea he d come out as a top prize winner; but he did, and what a prize. Here he s shown with his Shetland Pony, which he immediately named "Block Cloud."                 Ireil      at 1700 Cowley Plac*, S. W. (Perry's Photo)</t>
  </si>
  <si>
    <t>                                           WASHINGTON-- (ANP)-- The U. S. Civil Service Commission, in its "investigation" of Dr. Frank S. Horn's dismissal from Housing and Home Finance Agency, refused to interview several prominent government officials who could have backed Horne's charges that he was fired...</t>
  </si>
  <si>
    <t>                                           RICHMOND, Va.--Suit was filed in the Richmond Circuit Court to enjoin the State of Virginia from holding a referendum on Jan. 9 to decide whether a constitutional convention shall be held.</t>
  </si>
  <si>
    <t>                                           WASHINGTON, D. C.--(NNPA)--Pull-fledged fights are developing in both the Republican and Democratic parties among the candidates for the Presidential nomination as a result of the uncertainty that President Eisenhower will be a candidate next year for a second...</t>
  </si>
  <si>
    <t>                                           f CITY EDITION Atlanta ^World            Morwint Except Monday VOLUME 28, NUMBER 90 TEL.: WAInot 1459 ATLANTA (3), GEORGIA, THURSDAY, NOVEMBER 17, 1955 PRICE FIVE CENTS T.,.</t>
  </si>
  <si>
    <t>                                           LAFF-A-DAY                 I saved you some money. I got them all during one hour on the  meter."</t>
  </si>
  <si>
    <t>                                           INTERNATIONAL BOND Taking up residence at Talledega college, following her  reception at Alabama university. Miss Autherine Lucy finds scores of new friends and champions of her fight among the varied racial groups at the school. In the dining hall of Talledega. she finds tablemates hailing from China, Czechoslovakia, Alabama, No.. Carolina. Tennessee and Massachusetts. Miss Lucv  a 10-dav stav at the . at th*                 invitation of president. Dr. Arthur Gray. (Newspress Photo).</t>
  </si>
  <si>
    <t>                                           God WANTS YOU To Be Bully Heppr! Are m  . cott .problem*? Poor Health? Money or Job TniUwT Love or Family     *les? Werrte*? DrlakT Unhapplness of snr ? Would yon like more BiDDlneu, Ssceeii and "Good Fortune" In Ufe? If yon hm  nx of  problem! or others like them, dear friend, hero Is  NEWS of a remarkable NEW WAT of PRAYER that Is   U  NEW  and tori Jnt cJI*  Messate now  d* mall with roar name, address and Se  to LIFE-STUDY FELLOWSHIP. Box tin, Norotan. Conn. We will ruth this wonderful NEW Meuace of PRAYER and FAITH to rou by      MAIL  !</t>
  </si>
  <si>
    <t>                                           Rev. Bickers To Preach In Philadelphia Sunday                 KKV. n. \V. HIC  Tiic Ki'v. Benjamin Welclon Bick- I is. . Ml. Plrnsunt Baptist j .ill - t!ie Tinel   ;it Ebenczrr BiijjtiM church, '. Pa. Sunday at U a. i. Rev. Samuel L.   )(' is pastor.</t>
  </si>
  <si>
    <t>                                           The Weather GEORGIA- Fair and colder early this morning; low 18-22 extreme North, 22-26 central. 26-32 extrem* South. Later to-' day mostly faJr awl cold.</t>
  </si>
  <si>
    <t>                                           CARROLLTON, Ga. -- Mrs. M. A. Brown is able to be back at school after a week's Illness. The Penny Saving Club met with Mrs. Annie Mae Heard n Friday evening The meeting will be held with Mrs. Ella Glass on Friday. The Acity Basketball team for ladies was...</t>
  </si>
  <si>
    <t>                                           ROBERTA, Ga. -- Services were held at the Jordan Grove A. M. E. Church. Rev. F. O. Gilford, pastor. The quarterly conference will be held at Jordan Grove on Sunday with Rev. C. D. Thornton, presiding elder of the Forsyth District presiding. The day will begin with Sunday...</t>
  </si>
  <si>
    <t>                                           Q'jIlLN^ VISITS* NIGERIAN HOSPJf AL                 QUEEN ELIZABETH II, visiting the orthopedic hospital in Lagos, stops to talk with a woman patient, Sabiliyu Braimo, who is suffering from a leg injury. The call was an incident in the queen s tour ot                 wnn tier husband, the Duke of Edinburgh, (/)</t>
  </si>
  <si>
    <t>                                           Fifty-Seventh Annual Statement Statement of Financial Condition for 1955 II December ti [I .ASSETS LIABILITIES, CONTINGENCY / I Heal Estate (Including $352,869.70     SURPLUS fill Home Office Property and $596,865.01 ,11 Branch Office Properties) !??T?~     .$ 1,068,780.81 1 1 Mortgages: V,. Ittel Brfsmeson OuUfesdfaf City-Insured by FHA and ^-inrf^^.Trr. 4:$;:$] VA Guaranteed $ 6,219.7~.14 L 1} Other City \    ... 7,458,857.01 TJAkf Otiixm* 4 'i t I, Farm-Insured by Fanner1/  ot ReporW and Incomple*. r-^~MBMr I' Home Administnrtlon M.581.84 ^.8 Other Farm ...JjgK  $13.8~.975.6, ~^5JST?^.....: J^MM. Policy Loans JTr... $ 1,989.78165 2 Bonds: v Employees Retirement and Savings Fund tia. U. S. Government $ a,0M.488.4  f State and Municipal, V. S. Interest, Rent and Premium! f and Canada 3,106,670.87 Collected in Advance j.   ,377.O7 Railroad, United States ../SfJ:.. 1,104.756.89 Public Utfllty. U. S. and Taxes and Accrued Expense    Canada 16.855.81*84' Payable fa 1956 496.008.M industrial . 8. MS^? ^MMM For D!8 te PollcyhoMeri       Preferred and Common Stocks: n 1 1 c T.~~^f    Mandatory Security Varaakka C7SV:.*^* $-140,000.00 ReMm Preferred. U. S 93.465.00 AU Other Liabilities 532.960M Common, U. S. Including $j State Supervised- tilT Corporations 1.144 .374.00 $1,377,838.00 TOTAL LUBlLlTJliS $43,460.404 90 Cash and Bank Deposits $ 907.722.16 Contingency Reserve and Surplus: interest and Other Investments Rcscrve Income Due and Accrued 362.7J4.32 ^'n^!.T^ Md DefelTed S1^51 Unassigned surplus 3.760.000.00 $ 6.421.778.21 AU Other Admitted Assets 177,894.10 e T. .n.,,TT, .rT TOTAL LIABILITIES. CONTINGENCY RESERVE TOTAL ADMITTED ASSETS $49,882,183.11 AND SURPLUS W.M.m.U yf^^W INSURANCE IN FORCE $219,591,797.00 IffllWp^ /899  AT THE BOTTOM ST/LL CLIMBING 1956 8 ^fs^^ "NO HOME COMPLETE WITHOUT NORTH CAROLINA MUTUAL POLICIES" I</t>
  </si>
  <si>
    <t>                                           HOWARD VS. WASHINGTON Washington High Cu, ti, Hubbord (L) seems to be getting out of the way of the leaps of Howard's, Charles Durden (34) and Coyle Wise (C) and Tyrone Maddox (L) in the first of their series Monday night. Howard won  43-32.                 (Perry's      )</t>
  </si>
  <si>
    <t>                                           ATLANTIC CITY, N. J.-- Rev. Resell Roberts, crusading pastor who submitted himself to the ravages of hunger for eleven days and nights to maintain a Ghandi-like fast in his pulpit, ended his vigil here Wednesday at midnight. The Shiloh Baptist Church pastor had...</t>
  </si>
  <si>
    <t>                                           MADAM DAY WHY BE DOWN HEARTED WHEN YOU CAN BE HAPPY AND GAY! Yon have heard her on the air. Now talk to her In person, the one and only advisor. Win tell the truth. First time tells you the day and date of your marriage. Win tell the truth. First time in your city. Please don s class me with other readers. Come Ht your earliest convenience Don't put it off. Greatest ever in your city, county or state. Seventh daughter of  generation. With a veil she tells PAST and PRESENT, and reveals the Future. Advice on the affairs of life, business, love, marriages, wills and divorces. Answers any and all questions. Calls names of friends and enemies. Locates lost and burled treasures. Satisfaction guaranteed. All readings strictly private and confidential. Readings strictly guaranteed to an. Readings daily and Sundays 9:00 A. M. to U P. M. EVERYBODY WELCOME Seventh Daughter of the Seventh Generation Born with a Double Veil. LOOK FOR BLACK AND WHITE SIGN WHITE AND COLORED ARE WELCOME Located on Roosevelt Highway going South out of College Park, Route 29. Coming by but, catch College Park bus at Rich's, ride to end of line, call and we  pick you up. Far Appointment Call PO. 1-9277 (From 9:M A. M. to 11:00 P. MJ</t>
  </si>
  <si>
    <t>                                           Think, Talk and Walk with God" is the subject from which Rev. William Hohnes TiGrders will preath at the regular Sunday Morning worship services. Worshippers are requested to be present at 10:30 a. m.,.for the .Musical Meditation period preceding the services. The ...</t>
  </si>
  <si>
    <t>                                           CHECK DONATION -- Dr.s. Richard Hackney (L) and J. T. Gill (R) officers for the Atlanta Medical Association, present a $1,000 check to Rev. M. L. King, Sr. to be sent to the Montgomery Improvement Association to help meet any health emergencies arising among Negroes in their bus protest. Rev. King is the father of M. L. King, Jr. one of the leaders on the 87 day old protest against Montgomery buses.                 Perry's Photo</t>
  </si>
  <si>
    <t>                                           NEW ORLEANS -- (INS) -- Pittsburgh fullback Bobby Grier, the first Negro ever to play in the Sugar Bowl game at New Orleans, charged Monday night that a "Wrong Ruling" involving him won the game for Georgia Tech.</t>
  </si>
  <si>
    <t>                                           The Bethune Elementary School Parent Teachers' Association recently observed Founder's Day with a program, of which Mrs Alma Letman was Chairman, with Mrs. Barbara Harrell, President presiding.</t>
  </si>
  <si>
    <t>                                           Ik who want  ^L the finest ^ 1 Got it ..r L,.. jm^j j hu j qet C**n          * 1 ^Ji I c  f'/!?' T I B I  BOURBON WHISKEY. 86    1!!~Ziu!$!2\ 9 M PROOF. DISTRIBUTED BY McKESSON I WW*^,^*T'*^^ I JB M ROmiNS, INC.. NEW YORK, N. Y. I Ol^-^- \Jk 9</t>
  </si>
  <si>
    <t>                                           Alice Archer To Be Buried Today                 The funeral of little AJlce Lenore Archer, who died last Friday in Wilberforce, Ohio after a brief illness, will be held here today at 1 p. m. Services will toe held at the H. M. Ivey Funeral Home. Interment will follow at South View l.".                 The child was living with her parents, Mrs. and Mrs- Leonard C. Archer, formerly of Atlanta, when .she died. Alice Lenore was eight years old, a member of the Cook Laboratory Elementary School third grade does, a member of Brownie Troop 106 and Group Four of Jack and Jills. :nc. Funeral services were held in the Central State College Oalloway Chapel Sunday at 2 p. m. She is survived on her maternal side by Mrs. Bertha Walker Durham, grandmother, Mrs. Thomdsina Walker Morford, great aunt, New York City. Mrs. Viola cureton Miller, Detroit, Mrs. Alice Cure ton Thomas, Cleveland, Mr. and Mrs. R. E. Oureton and Dr. E. E. Cureton, H, California. On her paternal -side she Is survived by Mr and Mrs. 3. H. Ar- j cher. Jr., Mr. Nelson T. Archer, Mrs. Cattle. Waters, Cleveland,'. Mr. and Mrs, John, CJayttfev New York City. Mr. arid Mrs. Harry Owen. New York City, and a host of relatives and friends. Mr. and Mrs. L. C. Archer are with Mr. and Mrs. R. E. Cureton  jf 54 Whttehouse Drive, 8. W. while in the city.</t>
  </si>
  <si>
    <t>                                           The funeral of little Alice Lenore Archer, who died last Friday in Wilberforce, Ohio after a brief illness, will be held here today at 1 p.m. Services will be held at the H. M. Ivey Funeral Home, Interment will follow at South View Cemetery.</t>
  </si>
  <si>
    <t>                                           I See These Today 199 and 191 STANHOPE CIRCLE, N. W. 2 new brick houses with full basement. Priced to sell. See them today. Reasonable terms. 1941 DETROIT AVENUE, N.,W. 5 rooms and bath Price $7250.00. Central heatin.g system. Down payment $800. Also similar houses on Morehouse Drive, N. W. Same terms. 548 RANKIN STREET, N. W. 8 rooms and bath (two stories) Reasonably priced. Down payment $1750; Also two other houses on Rankin Street. 686 FRASER STREET, S. E. Rental property triplex Down payment $1,000.00. Price $6,000.00. 733 JONES AVENUE, N. W. Shown by appointment only. 6 rooms and one room In basement. Reasonable terms. THESE ARE JUST A FEW OF THE HOUSES !N ALL SECTIONS OF THS CITV. SALESMEN! J. T. Bicker* PL. 5-7197 Wm. T. Robie SY. 4-3146 G. D. Jewell PI. 3-0191 Col. A. f. Pitts SY. 4-4181 H M= Holmes Jr. MU. 8-6534 Franklin Brown PL. 5=9367 Miss Omle Dixon MUrray 8-5685 ry4Je;~             j$        COMPANY __      ^m i mT' ~^^3'^^^JT^L^^^~'.^^J^Blr'W^A^^    -*^lM:~g^;H^;^!^g^a^^~ga^a^:^^a^ 701 Alburn Ax .ILL</t>
  </si>
  <si>
    <t>                                           IN MEMORIAL                 In loving memory of my mother, Mrs. Fannie B. Neal. who passed April 23, 10V2. When evening shadows fall And I am sitting alone, T .often wonder if you could come home. Sadly missed by: Mrs. Nettie Neal Wynn, daughter.</t>
  </si>
  <si>
    <t>                                           ATLANTA, Ga. -- The Atlanta University Center will begin its religious week program this afternoon at 3 o'clock in Sisters Chapel at Spelman College with Rev. W. E. Carrington of New Rochelle, N. Y. as the speaker.</t>
  </si>
  <si>
    <t>                                           Survey Shows 72 Negroes Attend Virginia Schools                 RICHMOND. Vti -- A sur vey of Integration in Virginia revealed Tuesday that. 72 Negroes are enrolled in four of the state s nine tax-supported colleges.                 Twenty Negroes attend the University of Virginia, 12 attend the medical college or Virginia and another 30 the college s nursing school, six attend William and Mary and four Virginia Polytechnic Institute. Jtfprt-oJ.          -~       . are' engaged in post graduate work. An application has been submitted by a Negro to Washington College but no action has yet been taken. NORTH CAROLINA TO DISCUSS ISSUE RALEIGH, N. C.-(    - The State Board of Higher Education will take up questions concerning Negro students at ita meeting this Ftlday. A member of the board said the the board at its next meeting would discuss a proposal for a later meetIng of officials of both public and (Continued on Page 6 Column 3)                 J Survey Shows (Continued from Page One) private colleges to discuss problems confronting the institutions including the segregation issue." The inter-college meeting, planned for late this spring, would disCU5S "^c whole situation, with                 particular reference to problems of increased enrollments,'1 the members of the state board said. Leaders have suggested tighter entrance requirements for students at state college, because of increased enrollments. Only yesterday the state lost an appeal by which it hoped to keep three Negro students from attending the University of North Carolina. The students have been enrolled, pending the court appeal</t>
  </si>
  <si>
    <t>                                           RICHMOND, Va. --(INS)-- A survey of integration in Virginia revealed Tuesday that 72 Negroes are enrolled in four of the state's nine tax-supported colleges.</t>
  </si>
  <si>
    <t>                                           Date Set For Ala. Bus Case                 MONTGOMERY, Ala. (ANP) A May in hearing has been set on a federal suit attacking the constitutionality of local .and state laws requiring segregation of races on buses. Federal Judge Frank M. Johnson, Jr.  attorneys last week that evidence in the case will be heard by a three-judge court. The suit, filed by four Negro women on Feb. 1, charges that current city and state laws requiring racial segregation on public transportation violated rights guaranteed them under the 14th Amendment to the U. S. Constitution. Defendants named by the women Include members of the Montgomery City Commission, the Alabama Public Service Commission, Police Chief G. J. Ruppenthal, Montgomery City Lines Inc., and two bus drivers. The federal suit is the second filed by Negroes In the South in an attempt to knock down exist' Ing transportation segregation laws. A similar suit against the South Carolina Electric and Gas Company, which operates city buses in Columbia and Charleston, Is pending in the U. S. Supreme Court.</t>
  </si>
  <si>
    <t>                                           PRESIDENT OF ALABAMA U. BLAMES OUTSIDE FORCES FOR CAMPUS STRIFE                 Faculty, Civic Leaders Pledge Aid In Restoring Law, Order                 ir WELDON PAYNE                 rU8       . Ala.                 (INS)                 In a statement made public Monday night, Alabama University President C. CarmichaeJ. blamed .the lawlessness which has prevailed in the last few days" on "a small percentage of the student body and elements from the outside."                 He  student leaders for                 rendering a magnificent service in holding the mob in check. He also expressed appreciation for the efforts of the deans and other officials. In a Monday afternoon (acuity meeting, the University faculty unanimously pledged its rapport in helping to put down the disturbances. Tuscaloosa officials and civic leaders also met and pledged their united effort to restore law and order. ORDER WILL BE RESTORED President Carmlchael said: "With all of these forces dedicated to the task, I have a reasonable hope that order will shortly be restored. We want to assure parents of the students and all other friends of the university that no pains win be spared in an effort to achieve that purpose. "The University of Alabama is determined that law and order shall prevail on its campus. It asks for the sympathetic understanding of all citizens in a trying time."The statement was  shortly  the trustee meeting. BLAMES OUT8IDBR8 A source, close to the school said that all university people say that the violence does not represent the views of student*/ The strife, they say, has mainly'  engendered by people from the outside. He named University of Alabama authorities last night called on Tuscaloosa National Guard troops to standby for further anticipated mass de(Continued on Page 4 Column 8)                 ENROLLS AT UNIVERSITY OF ALABAMA (, Alo. (SNS) Miss Autherine J. Lucy, 26-year-old Miles College graduate, registered at 125-year-old University of Alabama on Feb. 1 ana1 began classes Feb. 3. Born at Shiloh, Ala. in Morengo County, she has worked as school teacher and business secretary. She is  as an under-graduate and is working toward a degree in library service.                 President Of (Continued from Page One)  against the admission of the school s first Negro student. But  officers said in Montgomery that the University , dent s request for troops would not be acted upon Immediately. In view or Oov. James Fotaom's policy of allowing state police to handle the situation. The governor and his adjutant general were in Tuscaloosa. to' attend a meeting ot the Board of Trustees called to chart a. course of action in the face of the Ctourt's order to admit the student and the protests of students. Some 30 Highway Patrolmen are stationed around the Tuscaloosa campus where several demonstrations have teen staged to protest the admission of Autherine Lucy, a 36-year-old Birmingham secretary who is the school s first Negro student. The call for National Guardsmen came shortly after a special faculty committee met behind closed doors to discuss the "tense" situation. MAT CLOSE SCHOOL School President C. Carmlchael announced: "If we can not operate! with law and order, we might have to close the school." Dean of Mien Lewis Ooraen said: "Frankly we ve done everything in our power to deal with the situation.'' The tense situation reached a new peak earlier1 when a boisterous rock and egg throwing mob followed Bfiss Lucy around the cam- pus as undergraduates and townspeople protested an end to racial segregation at the 138-year-old Alabama institution. There was no apparent letup in the demonstrations as she moved from class to class under heavy police protection. 1 School officials promised  action and University stu- dents were summoned to an as- sembly Tuesday at which they were asked to condemn what a student leader called "mob violence." BOARD MEETING The University Board of Trustees was to meet last night, but officials declined to say whether the demonstrations would be discussed. j Monday, MUs Lucy slipped into her first class, but when she emerged, demonstrators pummeled her and her escorts with eggs and rocks The missiles broke windows out of the car carrying Miss Lucy between classes and the crowd Ignored an appeal of the college president to disperse. The crowd welled as many as  00 persons at times during the day, and *"nMn*rt mainly townspeople, as weU as some university students. MEN -DECOY1  Monday afternoon, after her last class for the day, Mss Lacy left the campus quietly under guard of State Highway PatjtOmen. A crowd was waiting for her, but two  men came out of a buildup and entered a car. The crowd began following the vehicle, and was decoyed away from the entrance, then Miss lacy left to be driven to her home in Birmingham. Dean of Women Smrah Healy ordered all women students of the University to remain in their rooms except when  classes or visiting' the dining ball, to prevent their involvement m the disturbances. All university students were ordered to attend a convocation on the campus today. The faculty held special -meeting Monday afternoon concerning the repeated distant*-, antes, bat few details of the discussions were made public</t>
  </si>
  <si>
    <t>                                           In a statement made public Monday night, Alabama University President O. C. Carmichael blamed "........the lawlessness which has prevailed in the last few days" on "a small percentage of the student body and elements from the outside."</t>
  </si>
  <si>
    <t>                                           RESHUFFLING Molvin Groomes, center.     Aggies  coach, was busy last week re- shuffling hir. lineup, trying, to get together a winning combo. He checks over with Walter                 Porker, left, Suffolk, Va., third baseman and Roland Eller, right, Winston-Salern, catcher, both co-captains for the team.</t>
  </si>
  <si>
    <t>                                           MADAM DAY THE MOST RELIABLE AND ESTABLISHED PALM READER IN ATLANTA Madam Day is a Christian woman. She believes in telling the truth whether it s good or had. I have been here so long- thai people come from tin; lour corners of the World visit me. Madam Day guarantees your reading or it will not cost you one cent. She sees all and tells all. Heads every line of your hand. You have seen the rest, now try the best. 1 am sure that  you have visited me, I will start to help you immediately. There is no problem too big in this world for me that I lan t cure or help. I will make you happy and well satisfied; have helped thousands and thousands of people and guarantee to help you. If you have sickness, love .marriage, business problems, quarrels and troubles, m-c me. I will also help you to banish misery, regain your youth and vigor, life you oul of sorrow and trouble and start you on the path In happiness; why be down- hearted, sick and worried when you can be helped and" everything made clear by consulting this gifted reader. For appointments and directions, call PO. 1-9277. Take the College Park Bus at Rich's Department Store on Alabama Street, go to end of line in -College Park and phone me. We will pick you up free of charge. Located on Roosevelt Highway, Koute 29 9 blocks from College Park just three blocks from city limit sign. OPEN from 7 A. M. to II P. JM. Uaily, Sunday and Holidays.</t>
  </si>
  <si>
    <t>                                           KARLOF is the SMOOTHEST VODKA YOU VE       ^' TRY IT 0</t>
  </si>
  <si>
    <t>                                           B aunt Jemima clover leaf } IQRiTS l%   28' MiLK POWDER 2 Pkgs 25cl JpF^^H MAYONNAISE  P^^l I ^M Hfl ^1 MM*M^*a*   *   *^MaB^ Wm\ H B H HOI ^SjM Ell BH ^1 Ik I Tender Yellow Yellow Sweet 4 Libs. C CORN 6 ears 29c SQUASH 2 ibs.!9c POTATOES 19c 1 I mld C"~my Hoop              IBaffil Swcet Ri!sher 1 v        cured B Fresh Meaty X I PICNICS ^l= 29?J SPARE RIBS I % CHUNK 5 U. S. GRADED BEEF IBOLOeMA "^25? ROAST 35 I BP1 FfeEh "^(t-bone ^^^BJ fl LbbS J U- S. Graded i UlWI^d I C f L" 4B^5iRL0!N STEAKi, i. 23 J I</t>
  </si>
  <si>
    <t>                                           Radcliffe Memorial Presbyterian church has completed plans for services. Sunday School, 9:45 a. m. Worship, 11 a. m. Communion will be celebrated. The pastor, Rev. William S. Mercer, will preach on "The People Had a Mind to Work." Senior choir will sing.</t>
  </si>
  <si>
    <t>                                           i i m ^^***ff^ ^4  tt U ft Dvl* The light, mild Kentucky Straight Bourbon g ******^~t*    .ot cherished flavor 86 PROOF .ll,.'^rf''w"^~~ 61 ENMORE DISTILLERIES COMPANY, .f.  JP ^Fl^^W "WHERE            OF PRODUCT IS TRADITION" ^^SKjg^^^SE^</t>
  </si>
  <si>
    <t>                                           DON'T MISS MkflHrV III I illi 1 Seats now available at Cain Street Box Office Daily From 10 A. M. to 9 P. M. Sunday From 2 P. M. to 9 P. M. Sat. From 10 A. M. to 9.-30 P. M. Also Available At: Sportsman's Smoke House 242 AUBURN AVE., N. E. Paschal Bros. Restaurant 837 HUNTER ST.. S. W. Schedule of        and Performances Mil Prices Include Taxes) tipper Bale. Mat.-    . thru Irt. P. M. jii.~(~ Mat.    . and Sun. P.M. 51 Tm Eve.- Mon.  Frl.. H::~l P. sl.^n Sat at fi P. M. and P. M. ?I.7O Sun. At R T. M. and V.Xn V. M. SlilO Reserved Seats Only for All Performances ALL  IM LL'~E!~ R 0 X ]f THEATRE 2M PEACHTREE ST., N. E.</t>
  </si>
  <si>
    <t>                                           Trying To Pull Cole Off Stage Defendant Says                 BIRMINGHAM, Ala.- CENSO One of the Alabama white men Involved in an attack on Negro singer Nat King Cole was described FHday as' trying to" pull the performer from the stage.                 Birmingham Policeman H. E. Schatz, 28, said Kenneth Adams, 35, grabbed the singer by the trousers leg after another man had knocked him down in the center of the stage of Birmingham's Municipal Auditorium. "He (Adams) was trying to drag Nat King Cole off the stage," Schatz said. The testimony came as trial of four others opened in city Court. Adams and Vinson R. Vinson, 23, are charged with assault with intent to murder and will be tried later in State Court. Officer Schatz said Adams, a hulking 200-pounder. had climbed up on the stage a moment after Willis Vinson "dove over the footlights, and grabbed Colo between his ankles and his knees, knocking him down." Adams, the policeman said, "DlimUed over Vinson, and grabbed Cole off the stage." Schatz, the first officer to' reach the center ,of the stage when a group of men rushed clown the auditorium aisle as- Colo sang Tuesday night, was the only witness testifying yesterday at the p ot lice court hearing. The trial  Monday. Defendants, charged with conspiracy to commit a breach of the peace and disorderly conduct are: E. L. Viuson, 25; Orliss W. Clevenger, 18; Mike Fox, 3C, and Jesse Mabry, 43. Defense attorneys unsuccessfully sought Friday to have the Police Court  postponed, and to have each of the defendants tried separately. Judge Parker overruled both motions. Cole,  but not Injured in the attack, flew to Chicago for examination by his personal physician and for a brief rest. He wns scheduled to resume his Southern concert tour with the Tead Heath British orchestra at Raleigh, N. C.</t>
  </si>
  <si>
    <t>                                           BIRMINGHAM, Ala. -- (INS) -- One of the Alabama white men involved in an attack on Negro singer Nat King Cole was described Friday as trying to pull the performer from the stage.</t>
  </si>
  <si>
    <t>                                           GREENSBORO, N. C.--A strong conviction that, the well-prepared and dedicated teacher will always be able to get a job, was expressed by two of the state's outstanding high school principals in separate addresses at Bennett College during the week.</t>
  </si>
  <si>
    <t>                                           MATTER OF COURT RECORD- Probably ^lie' greatest factor in Temple's victory over Southern Methodist, for third place in the NCAA basketball finals at Chicago, was HatLear (above) five-foot, 11 -inch senior from Philadelphia. Hal scored 48 of .Temple's 90 points, to set a new NCAA individual scoring record. He also set a new five-game tourney record of 160 points, plus a marl: of Go goals, which boat ths                 nxd of 57. (Newspress</t>
  </si>
  <si>
    <t>                                           FORT VALLEY, Ga. -- The Department of Georgia Lettered Districts of the American Legion held its second annual Citizenship Camp at Fort Valley State College June 10-16. The camp was made up of 39 boys ranging in ages from 15-19 from principal cities throughout Georgia...</t>
  </si>
  <si>
    <t>                                           YOUNG  DIES OF WOUNDS RECEIVED THURS.                 A Young housewife died Thusday morning of bullet wounds she suffered during a scuffle with her husband, police reported.                 Walter Lee Edward. 24, told police I hU wife was, fatally injured as he (Continued on Page 6 Column 31                 Young Housewife (Continued From Page One) tried to stop her from shooting herself. The gun went off when he grabbed her 'and the weapon which she pointed at herself, officers quoted him as saying. Mrs. Josephine Irma Edwards, 22, 1422 Kerry Drive, Apt. 152, was pronounced dead on arrival at Grady Hospital. She suffered a bullet wound and powder burns of the neck. Her husband was arrested on suspicion of murder. Edwards told police he went home around 9 p. m. finding his wife away, he sought her at the home of his mother-in-law, Mrs. Mary Jane Wnll, 1298 West Moreland Circle. No one was home there, but he saw his mother-in-law on the street his story continued and she also claimed to ibe looking for Edwards's wife. Edwards said he later saw his sister-in-lnw, Carrie Mae Bell 29, who told him she and his wife had been drinking but she thought the younger sister had gone home. The husband went home at 1 a.m. and his wife arrived 20 minutes Inter police reported. Edwards was quoted as saying he questioned her                 H  officers the woman got a gun and pointed it at herself. Edwards asked her not to do it and grabbed her and the gun, the story continued. During tMi scuffle, the couple fell on a bed and gun went off, police were told. In another case, Reuben A. Carter 40, of 630 Strong Street N. W. was stabbed around 11:30 P. M. by an unidentified assailant on Dover St, S. W. He suffered knife wounds of the neck, right shoulder nnd side Ptl. James Bailey reported.</t>
  </si>
  <si>
    <t>                                           A Young housewife died Thusday morning of bullet wounds she suffered during a scuffle with her husband, police reported.</t>
  </si>
  <si>
    <t>                                           TALLAHASSEE -- The annual ROTC awards day was held in Bragg Stadium at Florida A. and University last Thursday.</t>
  </si>
  <si>
    <t>                                           FOR THE BEST DEAL IN GEORGIA See BISHOP BROS. First NEW CARS- CARS Lowest Down Payments Anywhere E. Z. Payments. We Trade For Anything 200 GARS TO CHOOSE FROM BISHOP BROS. 489 Spring Street JA. 4-3456 CALL BILL WHITESIDE. HE LL BRING YOU A CAR ANYTIME, ANYWHERE</t>
  </si>
  <si>
    <t>                                           65 Make Honor Roll At Morehouse College                 The recently-released Dean's List or Scholarship Honor Roll of Morehouse College lists the names of 65 men who have qualified for scholarship honors, based on work dons during the first semester of the current school year (1955-56).                 BASIC ASPECTS Honors Day was observed at More house with a special chapter Service Tuesday morning, May 1, with Dr. William V. Roosa, professor on the faculty of the Morehaiise School of Religion as speaker. Dr. Roosa professor on ''A Pew Aspects ol Creative Scholarship," emphasizing three basic aspects: 1) To recognize facts, to know how to deal with them effectively, and to understand and interpret them: 2) an atmosphere of freedom of thought and expression; and 3) a sense of social responsibility to share In building a finer world. The erudite theologian  his listeners to make "returns in glorious light ror all the ell that is being poured into the 'amps of your life." COMPLETE HONOR ROLL The complete Honor Roll follows: Samuel E. Allen, Richmond, Virginia; James Anderson; Jacksony Mississippi: Walter Baety, Jacksonville. Florida: John Barber. Detroit, Michigan: Bobby Baylor, Port Worth, Texas: Rufus Bowling, Jr., Memphis. Tennessee: Wllllnm J. Busli, Savannah, Georgia; Finley C. Campbell, Detroit, Michigan; Roy F. Canf.v, Wilmington, North Carolina: Cornelius W. Carter, Amerlcus, Georgia; Peter Chatard Jr., New Orleans, Louisiana: Brinston B. Collins, Norfolk. Virginia; (Continued on Page 2 Column 5)                 65 Make (Continued From Page One) William S. Cooper, Hampton, Virginia; Oscar M. Davis Memphis, Tennessee; Willie J. Davis, Fort Vnllcy, Georgia; Joseph Epps, Dolomite, Alabama; Andrew A. C. Ezenkwele, Nigeria, B. W. A.; W. E. Durante Fisher, Bronx, New York; Macea E Russell, Blackshear, Georgia: Thomas Glbbs, Oreenville, South Carolina; Alfi-ed G. Gilbert, Austin, Texas, James L. Gilchrist, Birmingham, Alabama; Randolph Grant, Jr., Florence Smith Carolina; Alfred D. Greene, Memphis, Tennessee; Frank Greene, Memphis Tennessee; Theodore Gullatt, Jr., Scottsdale. Georgia; Donald M. Gulley, Jr., Greenville, Ala., Andre" Don Hammonds, Chattanooga, Tennessee; Robert Hampton, Memphis, Tennessee; Wilson Henderson, Day. tona Beach. Florida; John Hope, III. Nashville, Tennessee; James R.~ Johnson, Atlanta, Georgia; Lawrence M. Johnson, Lynchburg, Virginia; William Johnson. Atlanta, Georgia; Donald W. Jones, Orlando, Florida; Melvin R. Ladsen, Richmond Heiahts, Florida; Leonard W Lc-e. Snow Hill, Alabama: Ralph H. Lee. Normal, Alabama: James L. Lott, Atlanta, Georgia; Nelson K. McMillan, Atlanta, Georgia; Bramleth Murphy, Oxford Mississippi; Major Owens, Memphis Tennessee; Benjamin Page. Mullins, South Carolina; Albert T. Perkins, Owensburg, Kentucky. Julius Peterkin Dunn, North Carolina; Tliomas F. Pinson. Dalton. Georgia; James B. Reed, Chicago Illinois; William Singleton, Charleston, South Carolina: Ashton Spann, New Orleans La: Asa T. Spaulding. Durham North Carolina Joseph St. Amand New Orleans, Louisiana; Zollie Stringer, Troy, Alabama; Arnold L. Sullon, Orangeburg, South Carolina: Paul F. Thompson, Kinston, North Carolina; Roscoe Thompson, Detroit, Michigan: William Townsend, St. Louis Missouri; Joseph N. Ukut, Nigeria, B. W. A; John W. Vaughn. Barne.. Georgia; Charles A. Waltonj. Indianapolte, Indiana; James W. Whitehead, Atlanta, Georgia; Donald Williams, New Orleans, Louisiana.. Gulls H. Williams, Gary, Indiana; Frederick Williams, Chattanooga, Tennessee; Edward Willlamsom, Point Rock, Alabama; Elmer C. Wilson, Houston Texas.</t>
  </si>
  <si>
    <t>                                           The recently-released Dean's List or Scholarship Honor Roll of Morehouse College lists the names of 65 men who have qualified for scholarship honors, based on work done, during the first semester of the current school year (1955-56).</t>
  </si>
  <si>
    <t>                                           LAFF A DAY                 "Recently I married one of your ..."</t>
  </si>
  <si>
    <t>                                           The Indian River (Florida East-Coast) Here where fall scarred palm fans quiver lime bathes in the Indian River. Here where aged palm fans quiver And God rides the Indian River. Broad son of waters, blue and bold Out where the gulls their praise unfold Unto the sun s green, , pearl- Strange jewels of a mystery world r :7; c f t J -^ Soil son of waters, oft I've tried To weave the bright tears when you cried Into a sheaf of song whose strains Might break the welds of chocking chains Thai hold men fast, who judge the skin In meting justice out to men. r Wide son of waters, time alone Can know thy age- thy soothing tone:- But, all that hears may live anew The sermon from the breast of you: And ' the1 breath that Florida sheds t Where bees make up the lilies</t>
  </si>
  <si>
    <t>                                           HARRIS 32- Whitehall S,.: NEAR CORNER MITCHELL ST. Values to S3.93 I Values to S6 l,' Men's SLACKS' SKIRTS ttO QQ $1.99 Si/ps 23-44 Men's Better I SHORTS j Ladies' SL9K T-SHIRTS i I      48c I I 99C j Ath. Shirts Men's S3.98 I Ladies' PAJAMAS UMBRELLAS \.B c.n Super At. 99c $2.69 Ladies' Denim I Mens S2.99 Pedal t SPORT PUSHERS I -SHIRTS I 2 FOR 22s S3.SQ Ladies' l^astex Swim SUITS Men's White  Ctf OQ Handkerchiefs i 88c Poz. Values to .SG.fl i i Lartfes' Rummei- I Straw DHF.sSKS I HATS $3.99 $1.98 Si^es ;t-32 j None Higher Ladies" 15-Yd. j Girls' S5 .V I SHORTS ~.'RI\ i Super At i ;;-x S? RR I SOc Ladies' S3 ""y5* ''LAY Horsehair SHORTS CRINOLINES lor- e-t Special I J For SI SI. 88 I kittle Girls' ~~~~~^    1 I Swim ST-ITS Ladies Sun mm  I **ar r!-0^. SHOP AT 3 1.48 I HARRIS'</t>
  </si>
  <si>
    <t>                                           FAYETTEVILLE N. C. -- Florence P. Eaton, veteran teacher of Art at the Fayetteville State Teachers College since 1941, was presented a valuable gift at the commencement exercises which marked the termination of her long teaching career. The gift was made possible by her...</t>
  </si>
  <si>
    <t>                                           RICHMOND, Va. --(ANP) -- White Virginians are sharply divided on the integration issue. State and local officials are also divided on ways to meet The problem. Dissatisfaction with the do-nothing policy of Governor Thomas B. Stanley and other bitter opponents of school integration is mounting in the state.</t>
  </si>
  <si>
    <t>                                           A Soothing Dtessingfiyrpa burns chafe nSdl minor cuts D'^ Skin Irritations</t>
  </si>
  <si>
    <t>                                           WANT AD INFORMATION Call WAInut 1459 Deadline For Classified Advertisement Is 6:00 P. M. Dally In Estimating Space for Classified Ad, Count Five Words For Lim MINIMUM CHARGE of 60c on Classified Advertising                 4a for Classified Ad DepartmentClassified Ad rates apply to all advertising originating; In Georgia and re the same for Dally and Sunday Insertions. I                 1 Insertion 17c "per lini 3 Insertion* 16o per     6 Insertions 14c per     10 Insertions ISc per Une Header PubUclty 15o per line Notice* 18c per Unf I</t>
  </si>
  <si>
    <t>                                           LONDON (INS) -- The grand illusion is over as -- conscious and titles gave them claim to superiority over their humbler neighbors.</t>
  </si>
  <si>
    <t>                                           TIM TYLER By Lyman Young                 FELIX THE CAT                 By Sullivan</t>
  </si>
  <si>
    <t>                                           I have fallen head over heels in love with a young lady who sang a very sweet vocal arrangement at The Esquire's Sport dance recently. But who is she?</t>
  </si>
  <si>
    <t>                                           .'..for all your financial needs... See The Man With a P8an I THE flA^L Ten Offices Serving NATIONAL Greater Atlanta d a jvi i^ Member Federal Deposit Iniurance Corporation jWh] I 1 1 1 H$!rfc 1 1 IrJH r i hH j?5 PAIRS $    00 *' H PAIR j. ^^a v f</t>
  </si>
  <si>
    <t>                                           TfM TYLER By Cyman Young                 FELIX THE CAT By Sullivan</t>
  </si>
  <si>
    <t>                                           The women of Greater Springfield are inviting every one out to hear this great speaker at 11 a. m. Sunday. You will miss a treat if you are not present to hear Mrs Callier's great message. She is a member of the Congregational Church, a graduate of Clark College...</t>
  </si>
  <si>
    <t>                                           One of the dramas enacting a like setting in our time is now being filmed from reality in the big city of Chicago as the National Democratic Convention meets.</t>
  </si>
  <si>
    <t>                                           PFC. E. PLURIBUS ALLEN of (215 West Taylor Sfiecf) Savannah, Go., is honor graduate of cooking class No. 6 cit Hie Third Army Area Food Service School at Fort Benning. The class was graduated Ocl. 5. Allen prepares dough for a batch of hot rolls. He will return to his unit, Headquarters and Headquarters Company, first Bailalion, 30th Regiment, Third Infantry Division at Fort Benning.</t>
  </si>
  <si>
    <t>                                           Britian And U.S. Move To End Problems                 WASHINGTON, (INS) Both the U. S. and Britain moved Thursday to narrow the dangerous gap in the Atlantic alliance but American officials Indicated further progress now depends on withdrawal of Anglo-French troops from Egypt.                 The U. S. action was revealed by the State Department when spokesman Lincoln White said: I "We have been In. constant and close touch with the British gov- ernment on this question (troop I (withdrawals from Suez). The British move came when ambassador Sir Harold Caccia made a special trip to the State Depart- ment to inform the U. S. about I the latest British foreign policy i statement. The British envoy said he told acting secretary of state Herbert Hoover, Jr., about the statement made In London Thursday by British foreign secretary Selwyn Lloyd: This was the first time since the British-French Invaded Egypt that special pains have been taken by London to inform the U S. of Britain's Intentions in the Middle Cast. IJoyd announced he was making only a preliminary statement about British Intentions to gradually pull out of Egypt as the United Nations police forces move in. I The State Department spokesman commented that the United States would await a "definitive" I statement from the British regardIng troop withdrawal before mak- I Ing any specific reaction. The British ambassador said he (Continued on Page 6 Column 1)                 Britain And (Continued From Page One) informed Hoover that LJoyd would meet with French foreign minister Christian Pineau Friday to discuss the withdrawals and then would make a - statement on Monday. Replying to questions, ambassador Caccia said he knew of no large difference existing between Britain and France regarding the evacuation of the Suez Canal area. U. s. officials report the United States has decided that as soon as London and Paris anounce their troop evacuation timetable America, will put into operation  plan to meet the oil crisis</t>
  </si>
  <si>
    <t>                                           WASHINGTON,--(INS)-- Both the U. S. and Britain moved Thursday to narrow the dangerous gap in the Atlantic alliance but American officials indicated further progress now depends on withdrawal of Anglo-French troops from Egypt.</t>
  </si>
  <si>
    <t>                                           MILLER S BEER FULL $ C 50 TAX I CASE D  PETERS STREET GROCERY I 281 Peters St., S. W. MU. 8-1572</t>
  </si>
  <si>
    <t>                                           In The Courts                 In The Courts                 Atlantan Given Life In Slaying Of Wife                 By SAMUEL L. ADAMS                 A former Post Office clerk, charged with killing his wife and injuring her employer in a West Hunter shooting last May was sentenced to life imprisonment Tuesday after he entered a plea of guilty to murder charges.                 John Dennard, 33, of 100 MaysonTurner Ave., was sentenced, by Superior Court Judge E. E. Andrews to imprisonment "for his natural life" in the fatal shooting of his wife. He also was sentenced to serve from five to 10 years for shooting James W. Couch, and, in addition, must serve 12-months for a pistol- misdemeanor, the terms to run concurrently. CHOKING CASE Meanwhile, in the second division of Superior Court, two men charged with choking and cutting to death a young woman were found guilty and sentenced each to serve not less than 15 years nor more than 20 in prison. The convicted men, Ike Hayes, Jr. and LeRoy Freeman were accused of slaying Mrs. Pannie Lou Amy on June 17 "by cutting, stabbing and wounding her with a knife and by choking her with a leather belt and a pocket handkerchief." They were arraigned before Judge Jesse Wood. DENNARD S MURDER PLEA NEW Dennard's plea, admitting guilt to murder, was facilitated by a new law passed during the last session of the state legislature. The new law permits a Judge to hear a guilty to murder plea without making it mandatory to sentence the defendant to death by electrocution. (Continued on Page 8 Column 4)                 Affanfan Given T (CoiiiiuusU Fium rage One) Dennurd, accompanied by Uirec of his brothers, surrendered to police May 30 after a 15-hour manhunt. He was charged with firing a hail of bullets into the body ot his estranged wife, Mrs. Lillian Dennard, 31, 317 W. Chester Blvd., NW, Apt. 4. The woman was working unsuspectingly at Deluxe Cleaners on W. Hunter St. when six bullets were pumped into her head and chest. A seventh bullet injured Couch, the woman s employer. However, all of the shots apparently were intended for Mrs. Dennard. The couple had been separated two weeks, It was reported. OTHER CASES In other court action: James W. Morris was sentenced to one year for burglarizing the home of Willie J. Smith, 255 Rawson St. on May 22; William Lawrence was given from two to four years for assault with intent to rob R. H. Tyson, 669 Kelly St., SE, on July 31; and JameS Lee Jones was judged "not g-" on one count and guilty on another count of burglary. He was sentenced to one to two years, with the recommendation that his punishment be treated as a misdemeanor. Jones had been jointly indicted with Clarence Wright, alias "Peter Pan." INDICTMENTS Persons indicted by the grand jury include: Lucious L. Rogers, on charges of assault with intent to rape a woman against her will on August 26, and for allegedly breaking into the home of th . O'Neal Stanford, charged with the rape of a young girl on August 24. Loruie Brinkley, accused of breaking into the home of Buford Simmons, 705 Central Avt.-., SW, on July 13 and stealing  good;;.                 Toney Duboi-e, charged with a felony in his escape from Bellwood Prison Camp on July 13. He had been serving a six month term before his escape. Edith Henderson, charged with circulating a  check for $20 on June 25. Marvin Hill, accused I'urgintj n $7a cheek on August :tl.</t>
  </si>
  <si>
    <t>                                           A former Post Office clerk, charged with killing his wife and injuring her employer in a West Hunter shooting last May was sentenced to life imprisonment Tuesday after he entered a plea of guilty to murder charges.</t>
  </si>
  <si>
    <t>                                           FOUNDATION DAY Rev. Howard Bu'ssey (second from left), pastor of the Roclcdale Baptist Church, points out the building sight of the new church to- participants of the first "Foundation Day" progrom held Sunday. Looking on are, left                 to right. Dr. Duward Cason, of the Southern Baptist Convention; Rev. Samuel Williams, pastor of Friendship Baptist Church, and Bennle William*. Superintendent of Rockdale Baptist Church                 Sunday School. (Perry's Photo)</t>
  </si>
  <si>
    <t>                                           IN MEMORIAM                 MRS EVA i\ In memory of our deal- mother Mrs. Eva Millignn, who passed 7 roars ago, November 19. 1949. One that was so lovingly thoughtful and true. Our dear mother. M:-s. Hattin Mae White,  The Navy develops nn atomic charge against submarines.</t>
  </si>
  <si>
    <t>                                           I NOTHING DOWN^I A WEEK I Smith -Lorona^^^^^fe I WORLD S FIRST AND ^^       ^ I FREE HOME DEMONSTRATION B TEL: JA. 1-1477 H BuckheVrandVe"^, 74 BROAD ST., N. W. 1</t>
  </si>
  <si>
    <t>                                           Atlanta Jmmk World  VOLUME 29, NUMBER 85^ JEL^WAInut 1459 ATLANTA (3), GEORGIA, SUNDAY, NOVEMBER II, 1956 PRICE TEN CENTS /f Is News'</t>
  </si>
  <si>
    <t>                                           17 Year Old Youth In Need Of Blood                 A 17-year-old youth who suffered severe burns in an explosion is in Grady Memorial hospital in need of blood. Anyone wishing to donate blood to Levi Crawford "Moon' Price, should report to the colored division of Grady hospital any day of the week. Price of ,1377 Kerry Dr. suffered first and second degree burns over about six percent of (Continued on Page 5 Column G)                 17 Year Old (Continued I'rom Page One) his head, face and body when ho lighted a match near a can of fluid at Chefelte Cafe on Peachtree Street, where he was employed, Wednesday. The youth s mother, Mrs. Myrtice Moon of the same address, said she will appreciate anybody who will donate blood to her son.</t>
  </si>
  <si>
    <t>                                           According to an announcement by Rev. Taschereau Arnold, public relations director of the General Missionary Baptist Convention of Georgia, the Baptist special to Denver, Colorado will be leaving Atlanta's Terminal Station over the Seaboard railroad Monday...</t>
  </si>
  <si>
    <t>                                           TIM TYLER By Lyman Young</t>
  </si>
  <si>
    <t>                                           END "DISCRIMINATION AGAINST NEGRO PLAYERS,"  FOOTBALL LEAGUE TOLD                 BV HOWARD                  Ntw YORK (INS) A sports group threatened Thursday to boycott National Football League games next season unless     T^*'".1 owner George Preston Marshall ended what it called "Discrimination Against Negro Players."                 The Red Rooster Sports Committee In New York, a group of fans Rnd present and former Negro athletes, sent a- letter to Tlm Mara, owner of the Champion New York Giants, asking  to intercede with Marshall "in the Interest of his securing qualified players on the Redskins,  of color. The group insisted that "the pattern or discrimination practiced by the Redskins Is about to result In a league-wide boycott, which would seriously affect the attendance at a Giants-Redskins game at Yankee Stadium." The letter praised the Giants for their "own Den  practice" of hiring' but warned that unless Marshall "has a change of heart before Jan. 31, you and other owners will be embarrassed by having to cross a picket line lo get to the NFL draft at Philadelphia. Commissioner Bert Bell told International News Service that picketing of Ihe NFL meetings would be a "very foolish and blundering thing." He said: "Professional football always has been a leader in the hiring of players on their ability alone. At present we have something like 40 or 50 Negro boys on our teams. We were the first or the professional sports lo hire Negroes." Bell said he lias never heard Marshall discuss his personal views on the hiring of Negroes. The Commissioner added, however, that It was his personal opinion- that Marshall would sign a Neero player if the Redskin owner believed lie had the ability. In Its letter to the Giants, the  said the Redskins have never bad a Negro player and it charged the Washington club has passed over outstanding Negro plays in the annual draft of college stars. "In December of last year," the Ielter said, "they (the Skins) .passed over Jim Parker of Ohio State, who is considered by many as the outstanding lineman in the country." Wellington Mara, secretary oi the Giants, said "our team s position on this is clear. We hire boys for their ability. We can t tell Marshall how to run Ills  any more than lie can tell us how to inn ours." "On January 3rd of this year, Harry Wismer, part owner of the Redskins,  any doubt about  team s discriminatory policy, when he appeared before the Capital Press Club, in Washington and admitted, when questioned, that he had made, many attempts to get Mr- Marshall to hire Negro players, but had been sarcastically turned away."</t>
  </si>
  <si>
    <t>                                           NEW YORK -- (INS) -- A sports group threatened Thursday to boycott National Football League games next season unless Washington Redskins owner George Preston Marshall ended what it called "Discrimination Against Negro Players."</t>
  </si>
  <si>
    <t>                                           U. S. Warden At Hungry Club Wed.                 Fred T. Wilkinson, Warden of the Urlted States Penitentiary in Atlanta, will address the Hungry Club of the Butler Street YMCA on Wednesday. This is the first time Mr. Wilkinson has appeared before the public forum and he v.ill bring valuable information on                 some of the problems confronting our community regarding s oung and adult offenders against our laws and the philosophy of treatment of these unfortunates. The Hungry Club has through te years brought facts, situations, problems and individuals to the foreground in an effort to lift the sights of thinking citizens in the community through knowledge. All of this has been done within the bounds of a philosophy that you cannot do anything about a com(Coiitluued on Page 8 Column 4)                 I U. S. Warden (Continued From Pace One) munity until you know the community. It is. therefore, extremely important that every  cant take advantage of this opportunity to hear some of the problems, philosophies and                 vations from the director of one of the country s highly rated penal institutions located in our community. The Hungry club Is not a membership organization, everyone Is always invited. Luncheon is begun promptly at 12:15 p. m. each Wednesday in the Banquet Room of the Butler Street 'Y.' Reservations may be made by calling the Public Relf.tions Office of y, JA. 4-0246.</t>
  </si>
  <si>
    <t>                                           Fred T. Wilkinson, Warden of the United States Penitentiary in Atlanta, will address the Hungry Club of the Butler Street YMCA on Wednesday. This is the first time Mr. Wilkinson has appeared before the public forum and he will bring valuable information on...</t>
  </si>
  <si>
    <t>                                           While we do not always burn old records, we nevertheless at times engage in somewhat of an inventory of our stock and take into account what might be done in the future to better enhance our positions for the objectives we seek. Therefore, we would make a few recommendations which might reinforce our position on this civic and political front upon which vie make a new entry.</t>
  </si>
  <si>
    <t>                                           NEW YORK -- (INS) -- It Seems to us there always has been a fairly large minority of Ivy Leaguers who looked down with aloof scion on the antics of colleges whose walls were not draped in the sacred ivy of social superiority.</t>
  </si>
  <si>
    <t>                                           IAFF-A-DAY                 "I like Jti"</t>
  </si>
  <si>
    <t>                                           1. These three small words of three apiece form a powerful Trinity of sacred elements, sufficient to bring to any soul a joy and satisfaction that will never cease.</t>
  </si>
  <si>
    <t>                                           Religious Movies Help Your Church Raise MONEY  Voice Recording Records Made While V Walt J. E. JORDAN j PL. 8-24GG MU. ~-246S                 ^#^i^W W0RlD'* FASTEST  W^W/ HAIR $TRAIcHKNER    ^-// SLACK RINS6  *otD AT Au DRUG ^ous  W** by all qom)      B^^^^ /ASK  BY      ^JQpAyi</t>
  </si>
  <si>
    <t>                                           "Freedom Rally" And March To Be Held Here Sunday                 The "Freedom Rally" and the "Freedom March" are scheduled to be held Sunday.                 The two-hour "March" is scheduled to be held from 9 to 11 a.m. Sunday and the "Rally" will be held at Big Bethel AME church, 220 Auburn Ave., N. E. at 4 P. M. An estimated 700 volunteer work- 1 crs from Clark, Morchouse, Spel-i man colleges and Atlanta univer-l . Gammon Theological seminary and Blayton School of Ac-i counting, along with towns people have planned to participate in the march to collect donations, from door-to-door. Dr. 'Samuel Cook of Atlanta university is chairman of the "March". More than 150 automobile owners have agreed to volunteer their services in driving the workers from block to block. Rev- c. K. steele, pastor, Bethel Baptist in Tallahassee, Fla. and president of that city s Inter-Civic Council, which spearheaded that city s bus boycott, will deliver the main address at the "Freedom Rally." Rev. Steele is a Morehouse College graduate and a member of the ^wide Nora-VIoIcnce Movement. .Also appearing at the rally are seven singing groups- They are Southern Gospel Singers, Five , Gjppel Harmonineers, Inspirational Singers, Pattersonaires. Jewel Harmony and Gospel Volunteers. Wfilllam Fowlkes is chairman of the rally.</t>
  </si>
  <si>
    <t>                                           The "Freedom Rally" and the "Freedom March" are scheduled to be held Sunday.</t>
  </si>
  <si>
    <t>                                           /^}w^Pj^j\ Painful J8BE$*""\^ Heal Faster ^3 s Best. Petroleum Jelly   7 product Mi 1NE 1*5*1    'vo heard about Nadinola and old looking. Nadinola will Blcucliing Cream for yeara.  look fresher, years young. Probably you plan soon to try this er. And Nadinola works so fast famous skin . that these wonderful results an Well, now s the time to act, guaranteed from  one jar! because now you can got a Full So don't delay- buy Nadinola Dollar Sizr jar of Nadinola Do- Delure Bleaching Cream now at luxe Bleaching Cream for just Half Prick- a big Doixajj six* IUr.p a D01.1.AK! That's right. jar for only Fifty Cknts. Most  now offer 1 special Hai.k Prick Salk to  Mj^V^ j\ Nadinola Deluxe to new users. la your complexion dark and Deluxe Bleoch.ng Creom dull? Nadinola will lighten and 1  in"    Full $1  brighten it. Are you embarrassed CgJST } rvalue by oily shine, enlarged pores and lS^_ SPECIAt blackheads? Nadinola 'works wi tfi- 1^5=-=*^    ' jf\^ in the skin to combat these com-  *% jTi 0*  faults! Perhaps your com-  R?Sv25H ^V ^Jr %~  has become sort of tired VSSSSsJg^</t>
  </si>
  <si>
    <t>                                           GAY SOCIAL AND Saving Club meets wth Mrs. Odella Muldrew. 581. Rankin St. Monday at 8:30 p. m.</t>
  </si>
  <si>
    <t>                                           Two Given Sec'y Posts In Capital                 WASHINGTON ' Two competent young women secretaries have bsen given governmental paste one in the White House, thp other In the U. S. Senate. Mrs. Anna H. Laney, a native of DcuCcc and who formerly  ns administrative aide In the (Continued on Page 3 Column 7)                 Two Given (Continued Front Page One) Foreign Operations administration, assumed her new duties as secretary on tlie Disarmament staff of the White House.  Miss Daphne E. Coleman of Newberry, S. C, who received her training a S South Carolina State college and at American University Law school, was appointed secretary to the legislative assistant to Senator Jacob Davits, Republican of New York.</t>
  </si>
  <si>
    <t>                                           Crash Into Utility Pole Hurts 2 Women                 Two young women were injured early Monday as the car in which they were riding skidded from the roadway and cracked a utility pole into two parts, police reported. Miss Jaunita Kirkland, 10, or 720 Connally St., SE, sustained lacerations of the right eye, and Miss Estella Cox, W, nf a Tilton St.  ddress, suffered possible internal injuries. The driver of the vehicle. Willie B. Faust, 20, of 498 Hunt St. NE, was charged with failing to relna n in proper lane-. Tlie mishap occurred around 1 a. m. as Faust lost, control of his 1948 Chevrolet while traveling East on Avc. F in Rockdale Park. Police said the Impact caused considerable damage to the front end of the vehicle and chopped 1 clean through the utility poJe. I Faust was quoted as saying he i was not familiar with the road. He told police the car slid sideways and mounted the curbing before crashing head-on into the pole.</t>
  </si>
  <si>
    <t>                                           See your friendly Sinclair Dealer for the new gasoline that WORKS LIKE A FREE ENGINE TUNE-UP "Exclusive New "Octane Booster" in Sinclair Power-X Motorists tell us Powcr-X gives them more mileage, Gasoline tunes up your engine automatically every too up to 40 miles more per tankful. You can  you drive. That's because this amazing X-Chemi- pend on Sinclair Powcr-X -a product of Sinclair's cal "Octane Booster", developed by Sinclair Research, 40 years of refining experience. eliminates harmful engine deposits that ruin power 'and performance. raDE Hk nn/l/e IA//TH CAKe w*\ In an older car, after 3 tankfuls of Power-X, you ll      ^ SINCLAIR T\ feel a new surge of power as if you just had an en- ANO M 1 gine tune-up. In a new car, Power-X brings out all the says Dino, tho Sinclair Dinoaaur/^~fM^^^ full power of the highest compression engine helps ^V ^    \^Jj [keep it running iike new, year after year. \^dC^   - )^^s. fM POWER UP WITH POWER-X, THE SUPER FUEL ^^LS^A-^O JCJ^ H ~^B ^f^ B 4 ik B Bj8 I^^B A^^B ^       SsS B^^r Bl ^Bf ^ R*^ Co./</t>
  </si>
  <si>
    <t>                                           (Paid Political Advertisement) (Paid Political Advertisement) (Paid Political Advertisement) YOUR VOTE W^S;;;': ALDERMAN 7TH WARD LET S ALL  City-Wide Election Everybody VOTES</t>
  </si>
  <si>
    <t>                                           OFFICE SUPPLIES CHURCH SUPPLIES 141 AUBURN AVE., N. E. B K Call Write or Visit J: S JA. 5-7838 I GIVE A BIBLE FOR EASTER y^^"^ up TO $2500 I (7 Vv Phone before 1 \S f ^S noon for a cash I ^r loan later yr ^e same day! LOAN INVESTMENT CORPORATION I Phone MUrray 8-1308 9fa Alabama Street- Mark Building I Atlanta, Georgia Allonla f 3 Ad I87-7C x 301</t>
  </si>
  <si>
    <t>                                           MARSHALL, Texas -- Samuel Marti, Mexican violinist and Gunhild Hilson, American pianist, will be the international artists who will headline the Ninth Annual Festival of Fine Arts of Wiley College, Marshall, Texas, to be held April 8 through 11. The violin-piano...</t>
  </si>
  <si>
    <t>                                           NEW YORK--The purpose of segregation "is not, and never has been, the physical separation of the races," Roy Wilkins, NAACP executive secretary, asserts in an article in the May issue of Current History magazine.</t>
  </si>
  <si>
    <t>                                           MUNICIPAL MARKET 209  AVE., S. E. WEEK END SPECIALS FRYERS 39c HENS urge u. 29g     "~~~T LARfiE 3 ooz $1.10 MEDIUM 3 Daz. 97c SMALL 3 o.z. 87c Meaty I SPARE RIBS Lb 55c Vegetables Are From Georgia Finest Selection In Town</t>
  </si>
  <si>
    <t>                                           Artis H. Houston, 239 W. Lake Ave., N. W., Apt. 104, son, Artis Hugh, Jr.</t>
  </si>
  <si>
    <t>                                           The Weather GEORGIA Partly cloudy and warm today scattered thundershowers this evening. Partly cloudy and hot, widely scattered afternoon and evening thundershowers. Low 6874. High 92-98.</t>
  </si>
  <si>
    <t>                                           Bishop Wilkes Tells Grads To Hold On To Working Faith                 The graduating da.is at Morris Brown College Sunday was told to j hold on to the anchor of working faith and that 'Only  through God is eternal."                 J The Right Rev. William R. Wilkes I presiding prelate of the Sixth Spiiij copal District.      Church of Georgia ,., against suti-.- i j      tlie stadium fj r the chapel. j Bishop Wilkes, chairman of the j trustee board ol' 'Morris Brown Col- j lege  b-th graduates ami the j audience that, they had nothing In fear and challenged all present i to believe that "When God made j you He was at His l;e.st." I "God Is the Father, n..l s:-.me despot sitting off in some laboratory, j is on the side of truth an! Me' 1  sides in this  between j I  and wrong," he said. I    said il. is left to -ij salva- tion to the world "if only we are                 to turn to the stronghold of Christian faith." Bishop Wilkcs referred to the concepts of the dignity of man and said those who look at c-Uor as a criteria are n!y referring to things which are mere accidents. He said during; Mis day of crisis and change, the Cliristiah emphasis has been excluded. He said there Ls light ahead :f only "We will turn to Christ." Bishop Wilktfs said, the general need is to return to honesty and accept the truth. He said that any man who refuses tu do this Is a .slave and net free. He l.okl the class to "know the truth." The Bishop mentioned the new techniques of science, the event'! improvements made by man, but added that mere material achievement did not neue- mean moral improvements.</t>
  </si>
  <si>
    <t>                                           The graduating class at Morris Brown College Sunday was told to hold on to the anchor of working faith and that "Only truth through God is eternal."</t>
  </si>
  <si>
    <t>                                           NEW YORK A milestone in Negro eclueation will be commemo rated during an Academie Convo-1 cation at Virginia Union University, Richmond, Virainia, November 13 13, 1937. Outstandin.; Ncgro leaders will participate. A colorful aca demic procession will be one of the</t>
  </si>
  <si>
    <t>                                           MUSICAL DIRECTOR FOR "THE NEXT PHASE" James W. Owens (Seated) an American Negro from Danberry, Conn, is shown with some of the cast members who .ed background music for the African play "The Next Phase" when it played in Atlanta Tuesday and Wednesday. Mr. Owens, a public school teacher, is serving as musical director for the play. He has traveled                 more than 3,000 miles in Nigeria to study African music for his compositions in "The Next Phase," and the film "Freedom." Wilh Mr. Owens are, from lef! to right, Oula Olulode, B. A. Clark, Isaac Amata, S B. Nambe, and M. Baahala. All                 except Mr. Owens, come from Nigeria. (Perry's Photo)</t>
  </si>
  <si>
    <t>                                           Officers "Chase" Cafe Customers                 .Police officers J. R. Watkins and H. A. Quavn reported S-. , they chased several Negro customers from a white restaurant on Memorial Drive. SW, at about 3 a.m. although the proprietor s tt-ilo explained that her business licen.se authorized her lo serve Nesrrocs. The officers said they were alerted by three white youths who said Nosrocs and whites were eating in the same restaurant and that the proprietor s wife told them she would ra hcr- serve Negroes than "them" because Uiey were more polite and that their money spent (Continued on Page 5 Column 3)                 Offers a0liase" IContinued From Page One) ju t as well. When they arrived at the restaurant, the officers reported seeing  Negroes drinking coffee at '~lie counter along with white patrons. "We proceeded to run the Negroes off - paying  bills," the officers reputed. They faid they talked with the woman who also gave Diem the same explanation for serving ihe Ncproes.</t>
  </si>
  <si>
    <t>                                           DECATUR LITTLE LEAGUE AND SPONSORS Proud Decalur Little Leaguers, first organization of Negro youths in DeKalb County, are shown with their sponsors the Decatur Athletic Club. The club was organized the past summer and is a hustling wideawake unit. The club and                 bailers are (left to right, rear row) Robert Wimbush, manager; Frank Usher, coach; Mrs. Sarah Stephens, asst. sec.; Mrs. Elizabeth Wilson, sec; Frank Flint, coach; Willie Stephens, coach. Not shown are James White, chairman; Rev. E. C. Newberry, vice-chairman and Earl Gunby                 surer. (Lowe's Photo)</t>
  </si>
  <si>
    <t>                                           AT ST. AUGUSTINE S COLLEGE-Shown talking with President Benjamin E. Mays after his address in the college chapel at St. Augustine's College are, left to right: Dr. Prezell Robinson,                 dean; -Father S. D. Rudder, chaplain; Dr. Benjamin E. Mays, president of Morehouse College, and President James A. Boyer of St. Augustine's College.</t>
  </si>
  <si>
    <t>                                           FBI May Probe Texas Beating Of African Student                 WASHINGTON (ANPj- Tlifc United States Department of Justice announced this week that it has under consideration the investigation of the  beating and jailing of an African student who refused to take the back .seat on a Texas bus.                 The incident which was  from Henderson, Texas, Monday night, resulted in international repercussions since the British Embassy and the U. S. Department have expressed an interest. The Justice Department expressed its intentions immediately after it learned that Essin Kssin, a theological student at Southwest College in Terrell, Texas, had suffered abuse at the hands of the Henderson policemen. VICTIM OF OLD "BACK SEAT" ORDER The 30-year-old student, was said to have been seated midway a Continental Trailway bus enroute from Terrell to Houston, Texas. When he refused to take a back seat at the request of the driver a policeman was notified. The patrolman. L. L. Boatwright, is said to have grabbed the African by the arm and escorted him to the back of the vehicle. When he refused to sit down he was hit with a "slap-jack"' by the policeman. Boatwright claimed that he tapped the Negro when he reached into his coat pocket. Essin said he was reaching for his passport to show the officer. The policeman claimed that Essin sat down but when he returned to the bus a shor ttime later the student had taken a seat in the center of the bus again. He then arrested the young minister and carried him to the city hall. There he was fined $25 by the City Judge Barto Giles. He was placed in jail because he had only S24 with him. He was later released when an official of the college which he is attending paid his fine.</t>
  </si>
  <si>
    <t>                                           WASHINGTON -- (ANP)--The United States Department of Justice announced this week that it has under consideration the investigation of the alleged beating and jailing of an African student who refused to take the back seat on a Texas bus.</t>
  </si>
  <si>
    <t>                                           E9    1      TRANSMISSION SERVICE Any Make- Any Model 3-HOUR SERVICE I E-Z TERMS DIAL TR. 5-5931 887 Marietta St., NW</t>
  </si>
  <si>
    <t>                                           RECONDITIONED 25 apartment t J T WESTINGHOUSE $ "ZZ^- -V;~\ REFRIGERATORS *f^"N^- ALL GUARANTEE!*.?;.; I 8^^^^S,J B BUY I *$'*{] ^^3L I ONE 1:1;' ;:   ^^J now I j:  _^..v ^T:c I       chef __-~~fe==asas*-- 'I ^J TABLE TOP p f    -f 'f i jc :j6ASRAHaES ?;i .l':~;     ...j    HEAT- '^ttl^mmg^ s i"^ control: \   PILOT LIGHT 'i:f:p-M^ C j}_ PORCELAIN Iv'^S.SS  i! l_L $ oven '^SS7?*:J NICE BROILER H* gj jf t GUARANTEED ^rs^?~   *-^-wJL__^^ l* 8*</t>
  </si>
  <si>
    <t>                                           PHILADELPHIA-- (INS) -- The National Collegiate Athletic Association wound up its 53nd Annual Convention Thursday with a flurry of final committee reports and balloting on numerous amendments.</t>
  </si>
  <si>
    <t>                                           why Ancient Age can say: i "IF BOURBON ^Hk^ B^~ 0 IB unit All we distill is Kentucky straight bourbon. And to safeguard the uniform quality of /PpW^SjjMk We know that bourbon of the finest quality Ancient Age, we distill it at one place only K^Mffl^^^MB requires choice grains. That's all we use. We at the Ancient Age distillery in Frankfort,            ^ know it calls for the greatest skill in distilling. Kentucky. .. country. H^^^^^ The men who guide the making of Ancient Nothing has been spared to make Ancient F^SlvS^^J^j Age are the most experienced in the industry. Age the greatest bourbon of them all. Try it F1""" m-*1 And it takes lots of time. That's why we wait tonight. After one taste, you ll understand *'~?$~~imS?A'A six full years for careful aging to bring the why we can make the challenge: "If you can y^] quality ingredients to their peak of maturity. find a better bourbon buy it!" ^^~^Tyfe^ I KENTUCKY STRAIGHT BOURBON WHISKEY 6 YEARS OLD 86 PROOF c1955 ANCIENT AGE DISTILLING CO., FRANKFORT, Iff,</t>
  </si>
  <si>
    <t>                                           TALLADEGA COLLEGE VISITOR-Carcl Brice, Talladega graduate and international concert or isl made a happy return to her alma mater during a widespread southern tour of the Brice^Trio. Miss Brice is shown with her  teacher and Talladega^CKbir director, Frank Harrison (left) and President Arthur D. Gray,- following a Sunday Chapel service. Sharing the concert tour and the Talladega visit with Miss Brice were her brothers, accompanist Jonathan Brice and bass-baritone Eugene Brice. After concerts in Cleveland and Detroit, the  return to NewTork for studio work and rehearsals in spring engagements. Miss Brice is to appear in the opera, R5GINA at City Center in April and as soloist in the Cincinra'i Festival of Music in May.</t>
  </si>
  <si>
    <t>                                           Wave Of Robberies Continues; Bandits Attack People On Street                 Atlanta's unofficial wave of robberies continued Monday and Tuesday as bandits attacked pedestrians on city streets.                 Three unidentified teenage  took a brief case amd wallet from a Onunfey Street man late Monday, but got only six cents for their troubles. However, the thieves took a bank book from the victim, Robbery Sqtta4 Detectives said. The victim, identified as Walter Biggins, of 156 Orumloy       , was quoted' as say ingr three youths attacked him about 10:40 . at Central Avenue and Richardson Street. The youths  were armed with knives. A 38-year-old woman, listed as Mrs. Mamie Courtney, of 259 ll tlh Street,   , was robbed early Tuesday at Pine Street and Bradford Places NJE., police reported. Two men and  a woman attacked her about 4 am. as she walked Ihome  a cafe, police said. Money totalling $8 in cash and a check for $7.33 were taken. Mrs. Courtney told police the bandits                 knocked her down several time3 -during I/he robbery. A second woman, identified as Mrs. Sally Elaine Godfrey, of 160 Raymond Sbivet, S.W., lost her purse Monday night to a main at MitoheH and JepWia Street, S.W. Police quoted Mrs. Godfrey as saying Iavo charge-a-plo.tes and a .bank book were . The thief also gat a small amount of change, police said.</t>
  </si>
  <si>
    <t>                                           Atlanta's unofficial wave of robberies continued Monday and Tuesday as bandits attacked pedestrians on city streets.</t>
  </si>
  <si>
    <t>                                           JEAN WORTH Don't Be Misled Look For The Name JEAN WORTH On Sign Catch tbe Snliarban    Mlnr ta P.lth.irt,  t Bro.d and Alabama    ., Oak. Ga. at the W011TH Ol nUt NOTICE. ON SUNDAYS OB HOLIDAYS Take         Park Trolley U Collen Park and ** to          Bus. dosed Wednesday* Ihli ladr doe a not (latter T6B.     trill yo-r lift- .It   . and . be. For t\trr . there Is a remand lu moat .. the remedy la Kllhln your reach. ^If job  alr       bow. For while IrnerauM mar   be,.     , it ta folly of tbe most       ta be  of the  or LoVo, Martial e. 'Uuihic'ai. and Specnlntipft.      ;      l).      am) H..J Sum      H. U4y li.a   ail ho tiau Mi will help .  f Uli lili      ( Ul t*        aha           fall*. I MIXES SOUTH OP COLI.EGE .</t>
  </si>
  <si>
    <t>                                           Remember                 I 1. Sunday is Mothers Day. Plan a surprise for j your parent. 2. Be careful of darken areas. Police haven't sought all bandits yet. 3. "The right thinker and worker does his best, and does the thinking for the ages He improves moments; to him time is money, and he hoards this capital to distribute gain." Mary Baker Eddy. Sammy Davis In The Vest Business Sammy DavlB, Jr., hus opened Hollywood offices or his Smart Enterprises to engage In the sale of a specially-tailored Sammy Davis vest, a form-fitting garment he has popularized In his stage . I Associated with Davis hi the new von cure is his personal secretary Arthur Silver. They will ols o handle the development of new stage talent, and are considering production of a Western-type movie starring Sammy in the role Negroes played in tho lawless days of the Old West. Dr. lanier Attends Conference On Placing Of Talent KINGSTON, Jamaica (ANP) Dr. R. O"Hara Lenier. director of the project on identification and placement of Negro talent, is attending the Regional Caribbean Conference of the International Planned Farenthhood Federation here in Kingston. He will return to Now York after interviews in Cuba, Haiti. Port of Spain, and  Bri'ish Guiana In these places he will talk with International Cooperation Administration officials, cultural  at U. S. embassies and faculties of universities.</t>
  </si>
  <si>
    <t>                                           I MUJiipl I  S 25 I 11 v;*  *l rt f'* J yi HEAVEN Hill         3 l Selling Bourboo1 in Kentvtky,  Bourbon was</t>
  </si>
  <si>
    <t>                                           The Atlanta Federation of Colored Women's Clubs honored Mrs. Dollie J. Alexander with an informal fellowship tea Sunday evening August 31 at the Club Building 174 Raymond St., S. W.</t>
  </si>
  <si>
    <t>                                           Man Gave Youth Whiskey, Jury's Bill Charges                 A 33-yew-old  was Indicted Tuesday by  he Fulton County Grand Jury on a felonious charge of furnishing  to  t minor child The Indictment         Henry Whutloy. nf 2109 Oordon Rd.. 8W. of  a Ift--old boy with  whiskey on June M  without first obtaining written authority from the parent or guardian of said minor." The Quantity of liquor was report* ed as two pints. The youth vu lodged In Juvenile Home following discovery of the  act. A Juvenile officer Informed the grand jury that a charge of allowIng a minor to drive a car while under the Influence of liquor If pending  Whatley In Traffic Court. The officer said the youth     Involved In an accident at VfelCoa and Penchtree Streets. Whatley wm allowed to make (1.000 bond, pending his trial en the charge raised by the (rand fart.</t>
  </si>
  <si>
    <t>                                           .^VAC^ipN Dinah ^a$Rin$8n    "Queen of the* Blues," her two sohi; , 9, and George, 11, and Disc Jockoy Bill Dupree,                 of*'StatiQn-VVllB, Pause of N. Y., Inl'crnolional Airport before boarding a Pan Amorlcan World Airways Clipper for a vocation in Bermuda.</t>
  </si>
  <si>
    <t>                                           WASHINGTON--(ANP)--Jackie Robinson, retired baseball great went to the bat for baseball players recently.</t>
  </si>
  <si>
    <t>                                           Home Improvement Specials FREB ESTIMATION Roomi built m tow m ISM Roofing ai low *i $145 Water Proofing of Butment low m $75 I Concrete Drlrewayi Porohei Any type of carpentry work. Tile floor* and wall*, *  Idlng, painting, plastering, papering, underpinning. Reasonable . All Work Guaranteed. Reference* and city Inspection. No Down Payment. Pay a* Little ai 15.00 per Mo. CALL DAT OB 1T BY. ~-SMS w JA. t-~(5t</t>
  </si>
  <si>
    <t>                                           JEFFERSON CITY, Mo.--Tennessee Sime Of' Nashville. NAIA past Lincoln U.champion, edged past Lincoln U (Mo) Tigers 108-104 last week in jefferson city in a game which saw the Lincoln Tigers batting all the way again their formidable for Richard Bornels dumped in...</t>
  </si>
  <si>
    <t>                                           Alva Tabor, Fort Valley State College's director of physical education and his youth basketball coach, Ernest Oglesby will arrive on, the Morehouse College campus at noon today for a game with Frank L. Forbes' Maroon Tigers. The tipoff has been set for 8:00 p. m. in the new Morehouse College Health and Physical Education Building.</t>
  </si>
  <si>
    <t>                                           Quiet optimism is the prevailing mood of business men gaging 1959 international business prospects, according to the annual survey of overseas business expectations appearing in the January issue of Dun's Review and Modern industry. Participating in the...</t>
  </si>
  <si>
    <t>                                           "WHERE'RE the boys with VV those torches?" Finley Burkhauser called out.</t>
  </si>
  <si>
    <t>                                           CLUB  PRESENTS AN EVENING OF JAZZ SUNDAY, APRIL 19, 1959 5-9 P. M. MAGNOLIA BALLROOM LOUIS SMITH QUINTET and LLOYD TERRY S GROUP ADVANCE $1.00 AT DOOR $1.25 EXTRA ADDED ATTRACTION SAVE WHERE YOUR MONEY IS SAFE INSURED SAVINGS MONEY DEPOSITED DY TNE  OF MONTH EARNS FROM THE 1st YOU CAN BANK BY MAIL MUTUAL FEDERAL SAVINGS AND LOAN ASSOCIATION 205 Auburn Ave., NE JA. 3-8282</t>
  </si>
  <si>
    <t>                                           NEW YORK, -- Former Rep. Brooks Hays of Arkansas charged Monday that the "rigid position" of the Justice Department seriously hampered negotiations in the Little Rock School integration crisis of 1957.</t>
  </si>
  <si>
    <t>                                           Sees Doom For County Unit System                 , On. (UPI) Ilic mayor of Nasville., Tenn., hns predicted Unit Georgia's  unit .system will be doomed by judicial decree lln- ii^xl  it is  before tin1 II. S. Hupcrme Court. Mayor Uin Wp.sI .said Hi?   r In the nu  of the hl.'.li ( may - I he clo-.e- decision In (lie in -i.'. l i'n'~ nt l.lllll It'.'.l Wi'i.l, who v.:\: in W.iYi iov. Moud.iy for a visit, b.i.'.cd Ins .it on the (in I Illiil. tin' .\V!.li iii -.s , two unit count ic.\ lar inor.1  t  in pr-  it        witi.'i.'. ol     :   S in tile i.l ill' Tin* mayor .said lu- told :i  i'.  :.. tinn.'cil for   iil in 'li iint'^si c and other. sl.i'.t'.s dial the iiU Kiation of I'.irm residents to eltit b ha.s Icfl "pii'.s and cows having {~   )j I's.- tin than :.omc      ." Prendi List Cusuuiiies AI.CtllMUl, A!gi.Tltt (U('I)-     I^  in Algeria put 1 1 V ri buls "out of " nnd  84'J  durini; Die wirk  .Mnrch 2!l, Kroncli (l(~.H  d. Vicnoli lo.we.s were pill at OH dead.</t>
  </si>
  <si>
    <t>                                           PERSONAL AUTO SALE MUST SACRIFICE '59  Flreflyte Sportsman, full power, loaded with extra equip., well kepi, way above average car. 8ee, you ll agree it i a r ve nway at 81105. Terms $250 down, balance $55 mo. Also '56 OLDS Holiday Super M, full power, factory air ., car like new. This car is a steal at $1495. Terms $300 down, bal. 580 mo. Need money quick, first callers will get preference. They'll go fast, call now, MU. 8-9560, all hours) For Fro InspicHon Cell "Oito" tht Orkin Man j/ 1901 ORKIN EXTERMINATING CO., IRC. TR. 3-4541 WORLD S LAROKf</t>
  </si>
  <si>
    <t>                                           CHIPLEY, Fla. -- (UPI) -- Florida newsmen got a first - hand look at rattlesnake cg.tching procedure here Monday at the "national rattlesnake rodeo."</t>
  </si>
  <si>
    <t>                                           CHICAGO--(ANP)-- The Philadelphia Phillies are frankly looking beyond this year when several of their tan minor leaguers will be ready for big league competition. The Phillies have same corking prospects who did well in the minors.</t>
  </si>
  <si>
    <t>                                           Dr. Carole B. Priester, eminent evangelist mill end the CityWide Revival Sunday, at St. Paul AME Church, where Dr. 3. R. Hurley is pastor. Services will be held at the Thomas Heathe Slater School Auditorium on Pryor Road, S. W.</t>
  </si>
  <si>
    <t>                                           Peek                 ~*     the                      A VD as they led Him away, they laid hold upon one Simon, a Cyrenian. corning out of the country, and on him they Jaia the cross, that he might bear it after                 Jesus." ~~?f. hike 23:ic                 CUSTA.YS BOSS (itSS-XUS) I</t>
  </si>
</sst>
</file>

<file path=xl/styles.xml><?xml version="1.0" encoding="utf-8"?>
<styleSheet xmlns="http://schemas.openxmlformats.org/spreadsheetml/2006/main" xmlns:x14ac="http://schemas.microsoft.com/office/spreadsheetml/2009/9/ac" xmlns:mc="http://schemas.openxmlformats.org/markup-compatibility/2006">
  <numFmts count="2">
    <numFmt numFmtId="164" formatCode="mmm d, yyyy"/>
    <numFmt numFmtId="165" formatCode="mmmm d, yyyy"/>
  </numFmts>
  <fonts count="3">
    <font>
      <sz val="10.0"/>
      <color rgb="FF000000"/>
      <name val="Arial"/>
    </font>
    <font/>
    <font>
      <u/>
      <color rgb="FF0000FF"/>
    </font>
  </fonts>
  <fills count="2">
    <fill>
      <patternFill patternType="none"/>
    </fill>
    <fill>
      <patternFill patternType="lightGray"/>
    </fill>
  </fills>
  <borders count="1">
    <border/>
  </borders>
  <cellStyleXfs count="1">
    <xf borderId="0" fillId="0" fontId="0" numFmtId="0" applyAlignment="1" applyFont="1"/>
  </cellStyleXfs>
  <cellXfs count="5">
    <xf borderId="0" fillId="0" fontId="0" numFmtId="0" xfId="0" applyAlignment="1" applyFont="1">
      <alignment readingOrder="0" shrinkToFit="0" vertical="bottom" wrapText="0"/>
    </xf>
    <xf borderId="0" fillId="0" fontId="1" numFmtId="0" xfId="0" applyAlignment="1" applyFont="1">
      <alignment readingOrder="0"/>
    </xf>
    <xf borderId="0" fillId="0" fontId="1" numFmtId="164" xfId="0" applyAlignment="1" applyFont="1" applyNumberFormat="1">
      <alignment readingOrder="0"/>
    </xf>
    <xf borderId="0" fillId="0" fontId="1" numFmtId="165" xfId="0" applyAlignment="1" applyFont="1" applyNumberFormat="1">
      <alignment readingOrder="0"/>
    </xf>
    <xf borderId="0" fillId="0" fontId="2" numFmtId="0" xfId="0" applyAlignment="1" applyFont="1">
      <alignment readingOrder="0"/>
    </xf>
  </cellXfs>
  <cellStyles count="1">
    <cellStyle xfId="0" name="Normal" builtinId="0"/>
  </cellStyles>
  <dxfs count="0"/>
</styleSheet>
</file>

<file path=xl/_rels/workbook.xml.rels><?xml version="1.0" encoding="UTF-8" standalone="yes"?><Relationships xmlns="http://schemas.openxmlformats.org/package/2006/relationships"><Relationship Id="rId1" Type="http://schemas.openxmlformats.org/officeDocument/2006/relationships/styles" Target="styles.xml"/><Relationship Id="rId2" Type="http://schemas.openxmlformats.org/officeDocument/2006/relationships/sharedStrings" Target="sharedStrings.xml"/><Relationship Id="rId3" Type="http://schemas.openxmlformats.org/officeDocument/2006/relationships/worksheet" Target="worksheets/sheet1.xml"/></Relationships>
</file>

<file path=xl/drawings/drawing1.xml><?xml version="1.0" encoding="utf-8"?>
<xdr:wsDr xmlns:xdr="http://schemas.openxmlformats.org/drawingml/2006/spreadsheetDrawing" xmlns:a="http://schemas.openxmlformats.org/drawingml/2006/main" xmlns:r="http://schemas.openxmlformats.org/officeDocument/2006/relationships" xmlns:c="http://schemas.openxmlformats.org/drawingml/2006/chart" xmlns:cx="http://schemas.microsoft.com/office/drawing/2014/chartex" xmlns:cx1="http://schemas.microsoft.com/office/drawing/2015/9/8/chartex" xmlns:mc="http://schemas.openxmlformats.org/markup-compatibility/2006" xmlns:dgm="http://schemas.openxmlformats.org/drawingml/2006/diagram" xmlns:x3Unk="http://schemas.microsoft.com/office/drawing/2010/slicer" xmlns:sle15="http://schemas.microsoft.com/office/drawing/2012/slicer"/>
</file>

<file path=xl/worksheets/_rels/sheet1.xml.rels><?xml version="1.0" encoding="UTF-8" standalone="yes"?><Relationships xmlns="http://schemas.openxmlformats.org/package/2006/relationships"><Relationship Id="rId20" Type="http://schemas.openxmlformats.org/officeDocument/2006/relationships/hyperlink" Target="http://search.proquest.com/docview/490477380/" TargetMode="External"/><Relationship Id="rId22" Type="http://schemas.openxmlformats.org/officeDocument/2006/relationships/hyperlink" Target="http://search.proquest.com/docview/490483867/" TargetMode="External"/><Relationship Id="rId21" Type="http://schemas.openxmlformats.org/officeDocument/2006/relationships/hyperlink" Target="http://search.proquest.com/docview/490478099/" TargetMode="External"/><Relationship Id="rId24" Type="http://schemas.openxmlformats.org/officeDocument/2006/relationships/hyperlink" Target="http://search.proquest.com/docview/490516929/" TargetMode="External"/><Relationship Id="rId23" Type="http://schemas.openxmlformats.org/officeDocument/2006/relationships/hyperlink" Target="http://search.proquest.com/docview/490507984/" TargetMode="External"/><Relationship Id="rId1" Type="http://schemas.openxmlformats.org/officeDocument/2006/relationships/hyperlink" Target="http://search.proquest.com/docview/490386401/" TargetMode="External"/><Relationship Id="rId2" Type="http://schemas.openxmlformats.org/officeDocument/2006/relationships/hyperlink" Target="http://search.proquest.com/docview/490394158/" TargetMode="External"/><Relationship Id="rId3" Type="http://schemas.openxmlformats.org/officeDocument/2006/relationships/hyperlink" Target="http://search.proquest.com/docview/490400424/" TargetMode="External"/><Relationship Id="rId4" Type="http://schemas.openxmlformats.org/officeDocument/2006/relationships/hyperlink" Target="http://search.proquest.com/docview/490401311/" TargetMode="External"/><Relationship Id="rId9" Type="http://schemas.openxmlformats.org/officeDocument/2006/relationships/hyperlink" Target="http://search.proquest.com/docview/490431955/" TargetMode="External"/><Relationship Id="rId26" Type="http://schemas.openxmlformats.org/officeDocument/2006/relationships/hyperlink" Target="http://search.proquest.com/docview/490632810/" TargetMode="External"/><Relationship Id="rId25" Type="http://schemas.openxmlformats.org/officeDocument/2006/relationships/hyperlink" Target="http://search.proquest.com/docview/490542646/" TargetMode="External"/><Relationship Id="rId28" Type="http://schemas.openxmlformats.org/officeDocument/2006/relationships/hyperlink" Target="http://search.proquest.com/docview/490682182/" TargetMode="External"/><Relationship Id="rId27" Type="http://schemas.openxmlformats.org/officeDocument/2006/relationships/hyperlink" Target="http://search.proquest.com/docview/490671633/" TargetMode="External"/><Relationship Id="rId5" Type="http://schemas.openxmlformats.org/officeDocument/2006/relationships/hyperlink" Target="http://search.proquest.com/docview/490404228/" TargetMode="External"/><Relationship Id="rId6" Type="http://schemas.openxmlformats.org/officeDocument/2006/relationships/hyperlink" Target="http://search.proquest.com/docview/490413190/" TargetMode="External"/><Relationship Id="rId29" Type="http://schemas.openxmlformats.org/officeDocument/2006/relationships/hyperlink" Target="http://search.proquest.com/docview/490732924/" TargetMode="External"/><Relationship Id="rId7" Type="http://schemas.openxmlformats.org/officeDocument/2006/relationships/hyperlink" Target="http://search.proquest.com/docview/490426555/" TargetMode="External"/><Relationship Id="rId8" Type="http://schemas.openxmlformats.org/officeDocument/2006/relationships/hyperlink" Target="http://search.proquest.com/docview/490431476/" TargetMode="External"/><Relationship Id="rId31" Type="http://schemas.openxmlformats.org/officeDocument/2006/relationships/hyperlink" Target="http://search.proquest.com/docview/490891714/" TargetMode="External"/><Relationship Id="rId30" Type="http://schemas.openxmlformats.org/officeDocument/2006/relationships/hyperlink" Target="http://search.proquest.com/docview/490871049/" TargetMode="External"/><Relationship Id="rId11" Type="http://schemas.openxmlformats.org/officeDocument/2006/relationships/hyperlink" Target="http://search.proquest.com/docview/490432971/" TargetMode="External"/><Relationship Id="rId33" Type="http://schemas.openxmlformats.org/officeDocument/2006/relationships/drawing" Target="../drawings/drawing1.xml"/><Relationship Id="rId10" Type="http://schemas.openxmlformats.org/officeDocument/2006/relationships/hyperlink" Target="http://search.proquest.com/docview/490432856/" TargetMode="External"/><Relationship Id="rId32" Type="http://schemas.openxmlformats.org/officeDocument/2006/relationships/hyperlink" Target="http://search.proquest.com/docview/491001677/" TargetMode="External"/><Relationship Id="rId13" Type="http://schemas.openxmlformats.org/officeDocument/2006/relationships/hyperlink" Target="http://search.proquest.com/docview/490435147/" TargetMode="External"/><Relationship Id="rId12" Type="http://schemas.openxmlformats.org/officeDocument/2006/relationships/hyperlink" Target="http://search.proquest.com/docview/490434869/" TargetMode="External"/><Relationship Id="rId15" Type="http://schemas.openxmlformats.org/officeDocument/2006/relationships/hyperlink" Target="http://search.proquest.com/docview/490444644/" TargetMode="External"/><Relationship Id="rId14" Type="http://schemas.openxmlformats.org/officeDocument/2006/relationships/hyperlink" Target="http://search.proquest.com/docview/490435595/" TargetMode="External"/><Relationship Id="rId17" Type="http://schemas.openxmlformats.org/officeDocument/2006/relationships/hyperlink" Target="http://search.proquest.com/docview/490459094/" TargetMode="External"/><Relationship Id="rId16" Type="http://schemas.openxmlformats.org/officeDocument/2006/relationships/hyperlink" Target="http://search.proquest.com/docview/490449608/" TargetMode="External"/><Relationship Id="rId19" Type="http://schemas.openxmlformats.org/officeDocument/2006/relationships/hyperlink" Target="http://search.proquest.com/docview/490473860/" TargetMode="External"/><Relationship Id="rId18" Type="http://schemas.openxmlformats.org/officeDocument/2006/relationships/hyperlink" Target="http://search.proquest.com/docview/490470867/" TargetMode="External"/></Relationships>
</file>

<file path=xl/worksheets/sheet1.xml><?xml version="1.0" encoding="utf-8"?>
<worksheet xmlns="http://schemas.openxmlformats.org/spreadsheetml/2006/main" xmlns:r="http://schemas.openxmlformats.org/officeDocument/2006/relationships" xmlns:mx="http://schemas.microsoft.com/office/mac/excel/2008/main" xmlns:mc="http://schemas.openxmlformats.org/markup-compatibility/2006" xmlns:mv="urn:schemas-microsoft-com:mac:vml" xmlns:x14="http://schemas.microsoft.com/office/spreadsheetml/2009/9/main" xmlns:x15="http://schemas.microsoft.com/office/spreadsheetml/2010/11/main" xmlns:x14ac="http://schemas.microsoft.com/office/spreadsheetml/2009/9/ac" xmlns:xm="http://schemas.microsoft.com/office/excel/2006/main">
  <sheetPr>
    <outlinePr summaryBelow="0" summaryRight="0"/>
  </sheetPr>
  <sheetViews>
    <sheetView workbookViewId="0"/>
  </sheetViews>
  <sheetFormatPr customHeight="1" defaultColWidth="14.43" defaultRowHeight="15.75"/>
  <sheetData>
    <row r="1">
      <c r="A1" s="1" t="s">
        <v>0</v>
      </c>
      <c r="B1" s="1" t="s">
        <v>1</v>
      </c>
      <c r="C1" s="1" t="s">
        <v>2</v>
      </c>
      <c r="D1" s="1" t="s">
        <v>3</v>
      </c>
      <c r="E1" s="1" t="s">
        <v>4</v>
      </c>
    </row>
    <row r="3">
      <c r="A3" s="1">
        <v>4.90378711E8</v>
      </c>
      <c r="B3" s="2">
        <v>11687.0</v>
      </c>
      <c r="C3" s="1" t="s">
        <v>5</v>
      </c>
      <c r="D3" s="1" t="s">
        <v>6</v>
      </c>
      <c r="E3" s="1" t="s">
        <v>7</v>
      </c>
    </row>
    <row r="4">
      <c r="A4" s="1">
        <v>4.90378818E8</v>
      </c>
      <c r="B4" s="2">
        <v>11682.0</v>
      </c>
      <c r="C4" s="1" t="s">
        <v>5</v>
      </c>
      <c r="D4" s="1" t="s">
        <v>8</v>
      </c>
      <c r="E4" s="1" t="s">
        <v>7</v>
      </c>
    </row>
    <row r="5">
      <c r="A5" s="1">
        <v>4.90378993E8</v>
      </c>
      <c r="B5" s="2">
        <v>11675.0</v>
      </c>
      <c r="C5" s="1" t="s">
        <v>5</v>
      </c>
      <c r="D5" s="1" t="s">
        <v>9</v>
      </c>
      <c r="E5" s="1" t="s">
        <v>7</v>
      </c>
    </row>
    <row r="6">
      <c r="A6" s="1">
        <v>4.90379043E8</v>
      </c>
      <c r="B6" s="2">
        <v>11682.0</v>
      </c>
      <c r="C6" s="1" t="s">
        <v>5</v>
      </c>
      <c r="D6" s="1" t="s">
        <v>10</v>
      </c>
      <c r="E6" s="1" t="s">
        <v>11</v>
      </c>
    </row>
    <row r="7">
      <c r="A7" s="1">
        <v>4.90379071E8</v>
      </c>
      <c r="B7" s="2">
        <v>11687.0</v>
      </c>
      <c r="C7" s="1" t="s">
        <v>5</v>
      </c>
      <c r="D7" s="1" t="s">
        <v>12</v>
      </c>
      <c r="E7" s="1" t="s">
        <v>7</v>
      </c>
    </row>
    <row r="8">
      <c r="A8" s="1">
        <v>4.90379107E8</v>
      </c>
      <c r="B8" s="2">
        <v>11675.0</v>
      </c>
      <c r="C8" s="1" t="s">
        <v>5</v>
      </c>
      <c r="D8" s="1" t="s">
        <v>13</v>
      </c>
      <c r="E8" s="1" t="s">
        <v>14</v>
      </c>
    </row>
    <row r="9">
      <c r="A9" s="1">
        <v>4.90379202E8</v>
      </c>
      <c r="B9" s="2">
        <v>11680.0</v>
      </c>
      <c r="C9" s="1" t="s">
        <v>5</v>
      </c>
      <c r="D9" s="1" t="s">
        <v>11</v>
      </c>
      <c r="E9" s="1" t="s">
        <v>7</v>
      </c>
    </row>
    <row r="10">
      <c r="A10" s="1">
        <v>4.90379248E8</v>
      </c>
      <c r="B10" s="2">
        <v>11668.0</v>
      </c>
      <c r="C10" s="1" t="s">
        <v>5</v>
      </c>
      <c r="D10" s="1" t="s">
        <v>15</v>
      </c>
      <c r="E10" s="1" t="s">
        <v>16</v>
      </c>
    </row>
    <row r="11">
      <c r="A11" s="1">
        <v>4.90379394E8</v>
      </c>
      <c r="B11" s="2">
        <v>11668.0</v>
      </c>
      <c r="C11" s="1" t="s">
        <v>5</v>
      </c>
      <c r="D11" s="1" t="s">
        <v>11</v>
      </c>
      <c r="E11" s="1" t="s">
        <v>7</v>
      </c>
    </row>
    <row r="12">
      <c r="A12" s="1">
        <v>4.90379483E8</v>
      </c>
      <c r="B12" s="2">
        <v>11673.0</v>
      </c>
      <c r="C12" s="1" t="s">
        <v>5</v>
      </c>
      <c r="D12" s="1" t="s">
        <v>17</v>
      </c>
      <c r="E12" s="1" t="s">
        <v>7</v>
      </c>
    </row>
    <row r="13">
      <c r="A13" s="1">
        <v>4.90379527E8</v>
      </c>
      <c r="B13" s="2">
        <v>11673.0</v>
      </c>
      <c r="C13" s="1" t="s">
        <v>5</v>
      </c>
      <c r="D13" s="1" t="s">
        <v>11</v>
      </c>
      <c r="E13" s="1" t="s">
        <v>7</v>
      </c>
    </row>
    <row r="14">
      <c r="A14" s="1">
        <v>4.90379534E8</v>
      </c>
      <c r="B14" s="2">
        <v>11666.0</v>
      </c>
      <c r="C14" s="1" t="s">
        <v>5</v>
      </c>
      <c r="D14" s="1" t="s">
        <v>11</v>
      </c>
      <c r="E14" s="1" t="s">
        <v>7</v>
      </c>
    </row>
    <row r="15">
      <c r="A15" s="1">
        <v>4.90379646E8</v>
      </c>
      <c r="B15" s="2">
        <v>11666.0</v>
      </c>
      <c r="C15" s="1" t="s">
        <v>5</v>
      </c>
      <c r="D15" s="1" t="s">
        <v>18</v>
      </c>
      <c r="E15" s="1" t="s">
        <v>11</v>
      </c>
    </row>
    <row r="16">
      <c r="A16" s="1">
        <v>4.90379654E8</v>
      </c>
      <c r="B16" s="2">
        <v>11765.0</v>
      </c>
      <c r="C16" s="1" t="s">
        <v>5</v>
      </c>
      <c r="D16" s="1" t="s">
        <v>19</v>
      </c>
      <c r="E16" s="1" t="s">
        <v>11</v>
      </c>
    </row>
    <row r="17">
      <c r="A17" s="1">
        <v>4.9037968E8</v>
      </c>
      <c r="B17" s="2">
        <v>11663.0</v>
      </c>
      <c r="C17" s="1" t="s">
        <v>5</v>
      </c>
      <c r="D17" s="1" t="s">
        <v>11</v>
      </c>
      <c r="E17" s="1" t="s">
        <v>7</v>
      </c>
    </row>
    <row r="18">
      <c r="A18" s="1">
        <v>4.90379697E8</v>
      </c>
      <c r="B18" s="2">
        <v>11677.0</v>
      </c>
      <c r="C18" s="1" t="s">
        <v>5</v>
      </c>
      <c r="D18" s="1" t="s">
        <v>20</v>
      </c>
      <c r="E18" s="1" t="s">
        <v>21</v>
      </c>
    </row>
    <row r="19">
      <c r="A19" s="1">
        <v>4.90379726E8</v>
      </c>
      <c r="B19" s="2">
        <v>11752.0</v>
      </c>
      <c r="C19" s="1" t="s">
        <v>5</v>
      </c>
      <c r="D19" s="1" t="s">
        <v>22</v>
      </c>
      <c r="E19" s="1" t="s">
        <v>23</v>
      </c>
    </row>
    <row r="20">
      <c r="A20" s="1">
        <v>4.90379809E8</v>
      </c>
      <c r="B20" s="2">
        <v>11666.0</v>
      </c>
      <c r="C20" s="1" t="s">
        <v>5</v>
      </c>
      <c r="D20" s="1" t="s">
        <v>24</v>
      </c>
      <c r="E20" s="1" t="s">
        <v>11</v>
      </c>
    </row>
    <row r="21">
      <c r="A21" s="1">
        <v>4.90379979E8</v>
      </c>
      <c r="B21" s="2">
        <v>11659.0</v>
      </c>
      <c r="C21" s="1" t="s">
        <v>5</v>
      </c>
      <c r="D21" s="1" t="s">
        <v>11</v>
      </c>
      <c r="E21" s="1" t="s">
        <v>7</v>
      </c>
    </row>
    <row r="22">
      <c r="A22" s="1">
        <v>4.90380031E8</v>
      </c>
      <c r="B22" s="2">
        <v>11752.0</v>
      </c>
      <c r="C22" s="1" t="s">
        <v>5</v>
      </c>
      <c r="D22" s="1" t="s">
        <v>25</v>
      </c>
      <c r="E22" s="1" t="s">
        <v>7</v>
      </c>
    </row>
    <row r="23">
      <c r="A23" s="1">
        <v>4.90380052E8</v>
      </c>
      <c r="B23" s="2">
        <v>11661.0</v>
      </c>
      <c r="C23" s="1" t="s">
        <v>5</v>
      </c>
      <c r="D23" s="1" t="s">
        <v>26</v>
      </c>
      <c r="E23" s="1" t="s">
        <v>11</v>
      </c>
    </row>
    <row r="24">
      <c r="A24" s="1">
        <v>4.9038058E8</v>
      </c>
      <c r="B24" s="2">
        <v>11759.0</v>
      </c>
      <c r="C24" s="1" t="s">
        <v>5</v>
      </c>
      <c r="D24" s="1" t="s">
        <v>27</v>
      </c>
      <c r="E24" s="1" t="s">
        <v>11</v>
      </c>
    </row>
    <row r="25">
      <c r="A25" s="1">
        <v>4.90380751E8</v>
      </c>
      <c r="B25" s="2">
        <v>11759.0</v>
      </c>
      <c r="C25" s="1" t="s">
        <v>5</v>
      </c>
      <c r="D25" s="1" t="s">
        <v>28</v>
      </c>
      <c r="E25" s="1" t="s">
        <v>7</v>
      </c>
    </row>
    <row r="26">
      <c r="A26" s="1">
        <v>4.90380769E8</v>
      </c>
      <c r="B26" s="2">
        <v>11759.0</v>
      </c>
      <c r="C26" s="1" t="s">
        <v>5</v>
      </c>
      <c r="D26" s="1" t="s">
        <v>29</v>
      </c>
      <c r="E26" s="1" t="s">
        <v>7</v>
      </c>
    </row>
    <row r="27">
      <c r="A27" s="1">
        <v>4.90380974E8</v>
      </c>
      <c r="B27" s="2">
        <v>11757.0</v>
      </c>
      <c r="C27" s="1" t="s">
        <v>5</v>
      </c>
      <c r="D27" s="1" t="s">
        <v>30</v>
      </c>
      <c r="E27" s="1" t="s">
        <v>31</v>
      </c>
    </row>
    <row r="28">
      <c r="A28" s="1">
        <v>4.90381074E8</v>
      </c>
      <c r="B28" s="2">
        <v>11759.0</v>
      </c>
      <c r="C28" s="1" t="s">
        <v>5</v>
      </c>
      <c r="D28" s="1" t="s">
        <v>32</v>
      </c>
      <c r="E28" s="1" t="s">
        <v>11</v>
      </c>
    </row>
    <row r="29">
      <c r="A29" s="1">
        <v>4.90381214E8</v>
      </c>
      <c r="B29" s="2">
        <v>11668.0</v>
      </c>
      <c r="C29" s="1" t="s">
        <v>5</v>
      </c>
      <c r="D29" s="1" t="s">
        <v>11</v>
      </c>
      <c r="E29" s="1" t="s">
        <v>7</v>
      </c>
    </row>
    <row r="30">
      <c r="A30" s="1">
        <v>4.90381271E8</v>
      </c>
      <c r="B30" s="2">
        <v>11759.0</v>
      </c>
      <c r="C30" s="1" t="s">
        <v>5</v>
      </c>
      <c r="D30" s="1" t="s">
        <v>33</v>
      </c>
      <c r="E30" s="1" t="s">
        <v>7</v>
      </c>
    </row>
    <row r="31">
      <c r="A31" s="1">
        <v>4.90381312E8</v>
      </c>
      <c r="B31" s="2">
        <v>11745.0</v>
      </c>
      <c r="C31" s="1" t="s">
        <v>5</v>
      </c>
      <c r="D31" s="1" t="s">
        <v>34</v>
      </c>
      <c r="E31" s="1" t="s">
        <v>11</v>
      </c>
    </row>
    <row r="32">
      <c r="A32" s="1">
        <v>4.9038137E8</v>
      </c>
      <c r="B32" s="2">
        <v>11747.0</v>
      </c>
      <c r="C32" s="1" t="s">
        <v>5</v>
      </c>
      <c r="D32" s="1" t="s">
        <v>35</v>
      </c>
      <c r="E32" s="1" t="s">
        <v>7</v>
      </c>
    </row>
    <row r="33">
      <c r="A33" s="1">
        <v>4.90381677E8</v>
      </c>
      <c r="B33" s="2">
        <v>11738.0</v>
      </c>
      <c r="C33" s="1" t="s">
        <v>5</v>
      </c>
      <c r="D33" s="1" t="s">
        <v>36</v>
      </c>
      <c r="E33" s="1" t="s">
        <v>7</v>
      </c>
    </row>
    <row r="34">
      <c r="A34" s="1">
        <v>4.90381679E8</v>
      </c>
      <c r="B34" s="2">
        <v>11733.0</v>
      </c>
      <c r="C34" s="1" t="s">
        <v>5</v>
      </c>
      <c r="D34" s="1" t="s">
        <v>37</v>
      </c>
      <c r="E34" s="1" t="s">
        <v>7</v>
      </c>
    </row>
    <row r="35">
      <c r="A35" s="1">
        <v>4.90382094E8</v>
      </c>
      <c r="B35" s="2">
        <v>11743.0</v>
      </c>
      <c r="C35" s="1" t="s">
        <v>5</v>
      </c>
      <c r="D35" s="1" t="s">
        <v>38</v>
      </c>
      <c r="E35" s="1" t="s">
        <v>11</v>
      </c>
    </row>
    <row r="36">
      <c r="A36" s="1">
        <v>4.90382226E8</v>
      </c>
      <c r="B36" s="2">
        <v>11733.0</v>
      </c>
      <c r="C36" s="1" t="s">
        <v>5</v>
      </c>
      <c r="D36" s="1" t="s">
        <v>39</v>
      </c>
      <c r="E36" s="1" t="s">
        <v>7</v>
      </c>
    </row>
    <row r="37">
      <c r="A37" s="1">
        <v>4.90382415E8</v>
      </c>
      <c r="B37" s="2">
        <v>11733.0</v>
      </c>
      <c r="C37" s="1" t="s">
        <v>5</v>
      </c>
      <c r="D37" s="1" t="s">
        <v>40</v>
      </c>
      <c r="E37" s="1" t="s">
        <v>7</v>
      </c>
    </row>
    <row r="38">
      <c r="A38" s="1">
        <v>4.9038249E8</v>
      </c>
      <c r="B38" s="2">
        <v>11736.0</v>
      </c>
      <c r="C38" s="1" t="s">
        <v>5</v>
      </c>
      <c r="D38" s="1" t="s">
        <v>41</v>
      </c>
      <c r="E38" s="1" t="s">
        <v>11</v>
      </c>
    </row>
    <row r="39">
      <c r="A39" s="1">
        <v>4.9038267E8</v>
      </c>
      <c r="B39" s="2">
        <v>11779.0</v>
      </c>
      <c r="C39" s="1" t="s">
        <v>5</v>
      </c>
      <c r="D39" s="1" t="s">
        <v>42</v>
      </c>
      <c r="E39" s="1" t="s">
        <v>7</v>
      </c>
    </row>
    <row r="40">
      <c r="A40" s="1">
        <v>4.90383018E8</v>
      </c>
      <c r="B40" s="2">
        <v>11712.0</v>
      </c>
      <c r="C40" s="1" t="s">
        <v>5</v>
      </c>
      <c r="D40" s="1" t="s">
        <v>43</v>
      </c>
      <c r="E40" s="1" t="s">
        <v>44</v>
      </c>
    </row>
    <row r="41">
      <c r="A41" s="1">
        <v>4.90383242E8</v>
      </c>
      <c r="B41" s="2">
        <v>11779.0</v>
      </c>
      <c r="C41" s="1" t="s">
        <v>5</v>
      </c>
      <c r="D41" s="1" t="s">
        <v>45</v>
      </c>
      <c r="E41" s="1" t="s">
        <v>7</v>
      </c>
    </row>
    <row r="42">
      <c r="A42" s="1">
        <v>4.90383363E8</v>
      </c>
      <c r="B42" s="2">
        <v>11768.0</v>
      </c>
      <c r="C42" s="1" t="s">
        <v>5</v>
      </c>
      <c r="D42" s="1" t="s">
        <v>46</v>
      </c>
      <c r="E42" s="1" t="s">
        <v>7</v>
      </c>
    </row>
    <row r="43">
      <c r="A43" s="1">
        <v>4.90383382E8</v>
      </c>
      <c r="B43" s="2">
        <v>11779.0</v>
      </c>
      <c r="C43" s="1" t="s">
        <v>5</v>
      </c>
      <c r="D43" s="1" t="s">
        <v>11</v>
      </c>
      <c r="E43" s="1" t="s">
        <v>7</v>
      </c>
    </row>
    <row r="44">
      <c r="A44" s="1">
        <v>4.90383412E8</v>
      </c>
      <c r="B44" s="2">
        <v>11717.0</v>
      </c>
      <c r="C44" s="1" t="s">
        <v>5</v>
      </c>
      <c r="D44" s="1" t="s">
        <v>47</v>
      </c>
      <c r="E44" s="1" t="s">
        <v>7</v>
      </c>
    </row>
    <row r="45">
      <c r="A45" s="1">
        <v>4.90383494E8</v>
      </c>
      <c r="B45" s="2">
        <v>11717.0</v>
      </c>
      <c r="C45" s="1" t="s">
        <v>5</v>
      </c>
      <c r="D45" s="1" t="s">
        <v>48</v>
      </c>
      <c r="E45" s="1" t="s">
        <v>7</v>
      </c>
    </row>
    <row r="46">
      <c r="A46" s="1">
        <v>4.90383577E8</v>
      </c>
      <c r="B46" s="2">
        <v>11768.0</v>
      </c>
      <c r="C46" s="1" t="s">
        <v>5</v>
      </c>
      <c r="D46" s="1" t="s">
        <v>11</v>
      </c>
      <c r="E46" s="1" t="s">
        <v>7</v>
      </c>
    </row>
    <row r="47">
      <c r="A47" s="1">
        <v>4.90383608E8</v>
      </c>
      <c r="B47" s="2">
        <v>11779.0</v>
      </c>
      <c r="C47" s="1" t="s">
        <v>5</v>
      </c>
      <c r="D47" s="1" t="s">
        <v>49</v>
      </c>
      <c r="E47" s="1" t="s">
        <v>11</v>
      </c>
    </row>
    <row r="48">
      <c r="A48" s="1">
        <v>4.90383622E8</v>
      </c>
      <c r="B48" s="2">
        <v>11779.0</v>
      </c>
      <c r="C48" s="1" t="s">
        <v>5</v>
      </c>
      <c r="D48" s="1" t="s">
        <v>50</v>
      </c>
      <c r="E48" s="1" t="s">
        <v>7</v>
      </c>
    </row>
    <row r="49">
      <c r="A49" s="1">
        <v>4.90383648E8</v>
      </c>
      <c r="B49" s="2">
        <v>11768.0</v>
      </c>
      <c r="C49" s="1" t="s">
        <v>5</v>
      </c>
      <c r="D49" s="1" t="s">
        <v>51</v>
      </c>
      <c r="E49" s="1" t="s">
        <v>11</v>
      </c>
    </row>
    <row r="50">
      <c r="A50" s="1">
        <v>4.90383649E8</v>
      </c>
      <c r="B50" s="2">
        <v>11779.0</v>
      </c>
      <c r="C50" s="1" t="s">
        <v>5</v>
      </c>
      <c r="D50" s="1" t="s">
        <v>11</v>
      </c>
      <c r="E50" s="1" t="s">
        <v>7</v>
      </c>
    </row>
    <row r="51">
      <c r="A51" s="1">
        <v>4.90383681E8</v>
      </c>
      <c r="B51" s="2">
        <v>11689.0</v>
      </c>
      <c r="C51" s="1" t="s">
        <v>5</v>
      </c>
      <c r="D51" s="1" t="s">
        <v>52</v>
      </c>
      <c r="E51" s="1" t="s">
        <v>7</v>
      </c>
    </row>
    <row r="52">
      <c r="A52" s="1">
        <v>4.90383682E8</v>
      </c>
      <c r="B52" s="2">
        <v>11778.0</v>
      </c>
      <c r="C52" s="1" t="s">
        <v>5</v>
      </c>
      <c r="D52" s="1" t="s">
        <v>53</v>
      </c>
      <c r="E52" s="1" t="s">
        <v>11</v>
      </c>
    </row>
    <row r="53">
      <c r="A53" s="1">
        <v>4.90383702E8</v>
      </c>
      <c r="B53" s="2">
        <v>11779.0</v>
      </c>
      <c r="C53" s="1" t="s">
        <v>5</v>
      </c>
      <c r="D53" s="1" t="s">
        <v>54</v>
      </c>
      <c r="E53" s="1" t="s">
        <v>11</v>
      </c>
    </row>
    <row r="54">
      <c r="A54" s="1">
        <v>4.90383703E8</v>
      </c>
      <c r="B54" s="2">
        <v>11778.0</v>
      </c>
      <c r="C54" s="1" t="s">
        <v>5</v>
      </c>
      <c r="D54" s="1" t="s">
        <v>55</v>
      </c>
      <c r="E54" s="1" t="s">
        <v>11</v>
      </c>
    </row>
    <row r="55">
      <c r="A55" s="1">
        <v>4.90383714E8</v>
      </c>
      <c r="B55" s="2">
        <v>11778.0</v>
      </c>
      <c r="C55" s="1" t="s">
        <v>5</v>
      </c>
      <c r="D55" s="1" t="s">
        <v>56</v>
      </c>
      <c r="E55" s="1" t="s">
        <v>7</v>
      </c>
    </row>
    <row r="56">
      <c r="A56" s="1">
        <v>4.90383726E8</v>
      </c>
      <c r="B56" s="2">
        <v>11778.0</v>
      </c>
      <c r="C56" s="1" t="s">
        <v>5</v>
      </c>
      <c r="D56" s="1" t="s">
        <v>57</v>
      </c>
      <c r="E56" s="1" t="s">
        <v>11</v>
      </c>
    </row>
    <row r="57">
      <c r="A57" s="1">
        <v>4.90383741E8</v>
      </c>
      <c r="B57" s="2">
        <v>11768.0</v>
      </c>
      <c r="C57" s="1" t="s">
        <v>5</v>
      </c>
      <c r="D57" s="1" t="s">
        <v>58</v>
      </c>
      <c r="E57" s="1" t="s">
        <v>59</v>
      </c>
    </row>
    <row r="58">
      <c r="A58" s="1">
        <v>4.90383751E8</v>
      </c>
      <c r="B58" s="2">
        <v>11778.0</v>
      </c>
      <c r="C58" s="1" t="s">
        <v>5</v>
      </c>
      <c r="D58" s="1" t="s">
        <v>60</v>
      </c>
      <c r="E58" s="1" t="s">
        <v>11</v>
      </c>
    </row>
    <row r="59">
      <c r="A59" s="1">
        <v>4.90383762E8</v>
      </c>
      <c r="B59" s="2">
        <v>11768.0</v>
      </c>
      <c r="C59" s="1" t="s">
        <v>5</v>
      </c>
      <c r="D59" s="1" t="s">
        <v>61</v>
      </c>
      <c r="E59" s="1" t="s">
        <v>7</v>
      </c>
    </row>
    <row r="60">
      <c r="A60" s="1">
        <v>4.90383773E8</v>
      </c>
      <c r="B60" s="2">
        <v>11696.0</v>
      </c>
      <c r="C60" s="1" t="s">
        <v>5</v>
      </c>
      <c r="D60" s="1" t="s">
        <v>62</v>
      </c>
      <c r="E60" s="1" t="s">
        <v>63</v>
      </c>
    </row>
    <row r="61">
      <c r="A61" s="1">
        <v>4.90383804E8</v>
      </c>
      <c r="B61" s="2">
        <v>11777.0</v>
      </c>
      <c r="C61" s="1" t="s">
        <v>5</v>
      </c>
      <c r="D61" s="1" t="s">
        <v>64</v>
      </c>
      <c r="E61" s="1" t="s">
        <v>11</v>
      </c>
    </row>
    <row r="62">
      <c r="A62" s="1">
        <v>4.90383819E8</v>
      </c>
      <c r="B62" s="2">
        <v>11768.0</v>
      </c>
      <c r="C62" s="1" t="s">
        <v>5</v>
      </c>
      <c r="D62" s="1" t="s">
        <v>65</v>
      </c>
      <c r="E62" s="1" t="s">
        <v>7</v>
      </c>
    </row>
    <row r="63">
      <c r="A63" s="1">
        <v>4.90383835E8</v>
      </c>
      <c r="B63" s="2">
        <v>11779.0</v>
      </c>
      <c r="C63" s="1" t="s">
        <v>5</v>
      </c>
      <c r="D63" s="1" t="s">
        <v>66</v>
      </c>
      <c r="E63" s="1" t="s">
        <v>7</v>
      </c>
    </row>
    <row r="64">
      <c r="A64" s="1">
        <v>4.90383854E8</v>
      </c>
      <c r="B64" s="2">
        <v>11779.0</v>
      </c>
      <c r="C64" s="1" t="s">
        <v>5</v>
      </c>
      <c r="D64" s="1" t="s">
        <v>67</v>
      </c>
      <c r="E64" s="1" t="s">
        <v>7</v>
      </c>
    </row>
    <row r="65">
      <c r="A65" s="1">
        <v>4.90383886E8</v>
      </c>
      <c r="B65" s="2">
        <v>11778.0</v>
      </c>
      <c r="C65" s="1" t="s">
        <v>5</v>
      </c>
      <c r="D65" s="1" t="s">
        <v>68</v>
      </c>
      <c r="E65" s="1" t="s">
        <v>7</v>
      </c>
    </row>
    <row r="66">
      <c r="A66" s="1">
        <v>4.90383893E8</v>
      </c>
      <c r="B66" s="2">
        <v>11776.0</v>
      </c>
      <c r="C66" s="1" t="s">
        <v>5</v>
      </c>
      <c r="D66" s="1" t="s">
        <v>69</v>
      </c>
      <c r="E66" s="1" t="s">
        <v>7</v>
      </c>
    </row>
    <row r="67">
      <c r="A67" s="1">
        <v>4.90383895E8</v>
      </c>
      <c r="B67" s="2">
        <v>11768.0</v>
      </c>
      <c r="C67" s="1" t="s">
        <v>5</v>
      </c>
      <c r="D67" s="1" t="s">
        <v>70</v>
      </c>
      <c r="E67" s="1" t="s">
        <v>7</v>
      </c>
    </row>
    <row r="68">
      <c r="A68" s="1">
        <v>4.90383901E8</v>
      </c>
      <c r="B68" s="2">
        <v>11778.0</v>
      </c>
      <c r="C68" s="1" t="s">
        <v>5</v>
      </c>
      <c r="D68" s="1" t="s">
        <v>71</v>
      </c>
      <c r="E68" s="1" t="s">
        <v>7</v>
      </c>
    </row>
    <row r="69">
      <c r="A69" s="1">
        <v>4.90383911E8</v>
      </c>
      <c r="B69" s="2">
        <v>11768.0</v>
      </c>
      <c r="C69" s="1" t="s">
        <v>5</v>
      </c>
      <c r="D69" s="1" t="s">
        <v>11</v>
      </c>
      <c r="E69" s="1" t="s">
        <v>7</v>
      </c>
    </row>
    <row r="70">
      <c r="A70" s="1">
        <v>4.90383913E8</v>
      </c>
      <c r="B70" s="2">
        <v>11768.0</v>
      </c>
      <c r="C70" s="1" t="s">
        <v>5</v>
      </c>
      <c r="D70" s="1" t="s">
        <v>72</v>
      </c>
      <c r="E70" s="1" t="s">
        <v>7</v>
      </c>
    </row>
    <row r="71">
      <c r="A71" s="1">
        <v>4.90383927E8</v>
      </c>
      <c r="B71" s="2">
        <v>11768.0</v>
      </c>
      <c r="C71" s="1" t="s">
        <v>5</v>
      </c>
      <c r="D71" s="1" t="s">
        <v>73</v>
      </c>
      <c r="E71" s="1" t="s">
        <v>7</v>
      </c>
    </row>
    <row r="72">
      <c r="A72" s="1">
        <v>4.90383935E8</v>
      </c>
      <c r="B72" s="2">
        <v>11776.0</v>
      </c>
      <c r="C72" s="1" t="s">
        <v>5</v>
      </c>
      <c r="D72" s="1" t="s">
        <v>42</v>
      </c>
      <c r="E72" s="1" t="s">
        <v>7</v>
      </c>
    </row>
    <row r="73">
      <c r="A73" s="1">
        <v>4.90383942E8</v>
      </c>
      <c r="B73" s="2">
        <v>11768.0</v>
      </c>
      <c r="C73" s="1" t="s">
        <v>5</v>
      </c>
      <c r="D73" s="1" t="s">
        <v>74</v>
      </c>
      <c r="E73" s="1" t="s">
        <v>7</v>
      </c>
    </row>
    <row r="74">
      <c r="A74" s="1">
        <v>4.90383948E8</v>
      </c>
      <c r="B74" s="2">
        <v>11776.0</v>
      </c>
      <c r="C74" s="1" t="s">
        <v>5</v>
      </c>
      <c r="D74" s="1" t="s">
        <v>75</v>
      </c>
      <c r="E74" s="1" t="s">
        <v>76</v>
      </c>
    </row>
    <row r="75">
      <c r="A75" s="1">
        <v>4.90383951E8</v>
      </c>
      <c r="B75" s="2">
        <v>11778.0</v>
      </c>
      <c r="C75" s="1" t="s">
        <v>5</v>
      </c>
      <c r="D75" s="1" t="s">
        <v>77</v>
      </c>
      <c r="E75" s="1" t="s">
        <v>11</v>
      </c>
    </row>
    <row r="76">
      <c r="A76" s="1">
        <v>4.90383958E8</v>
      </c>
      <c r="B76" s="2">
        <v>11768.0</v>
      </c>
      <c r="C76" s="1" t="s">
        <v>5</v>
      </c>
      <c r="D76" s="1" t="s">
        <v>78</v>
      </c>
      <c r="E76" s="1" t="s">
        <v>7</v>
      </c>
    </row>
    <row r="77">
      <c r="A77" s="1">
        <v>4.90383979E8</v>
      </c>
      <c r="B77" s="2">
        <v>11768.0</v>
      </c>
      <c r="C77" s="1" t="s">
        <v>5</v>
      </c>
      <c r="D77" s="1" t="s">
        <v>11</v>
      </c>
      <c r="E77" s="1" t="s">
        <v>7</v>
      </c>
    </row>
    <row r="78">
      <c r="A78" s="1">
        <v>4.90384008E8</v>
      </c>
      <c r="B78" s="2">
        <v>11779.0</v>
      </c>
      <c r="C78" s="1" t="s">
        <v>5</v>
      </c>
      <c r="D78" s="1" t="s">
        <v>79</v>
      </c>
      <c r="E78" s="1" t="s">
        <v>11</v>
      </c>
    </row>
    <row r="79">
      <c r="A79" s="1">
        <v>4.9038402E8</v>
      </c>
      <c r="B79" s="2">
        <v>11779.0</v>
      </c>
      <c r="C79" s="1" t="s">
        <v>5</v>
      </c>
      <c r="D79" s="1" t="s">
        <v>11</v>
      </c>
      <c r="E79" s="1" t="s">
        <v>7</v>
      </c>
    </row>
    <row r="80">
      <c r="A80" s="1">
        <v>4.90384031E8</v>
      </c>
      <c r="B80" s="2">
        <v>11779.0</v>
      </c>
      <c r="C80" s="1" t="s">
        <v>5</v>
      </c>
      <c r="D80" s="1" t="s">
        <v>11</v>
      </c>
      <c r="E80" s="1" t="s">
        <v>7</v>
      </c>
    </row>
    <row r="81">
      <c r="A81" s="1">
        <v>4.90384033E8</v>
      </c>
      <c r="B81" s="2">
        <v>11779.0</v>
      </c>
      <c r="C81" s="1" t="s">
        <v>5</v>
      </c>
      <c r="D81" s="1" t="s">
        <v>80</v>
      </c>
      <c r="E81" s="1" t="s">
        <v>11</v>
      </c>
    </row>
    <row r="82">
      <c r="A82" s="1">
        <v>4.90384037E8</v>
      </c>
      <c r="B82" s="2">
        <v>11779.0</v>
      </c>
      <c r="C82" s="1" t="s">
        <v>5</v>
      </c>
      <c r="D82" s="1" t="s">
        <v>81</v>
      </c>
      <c r="E82" s="1" t="s">
        <v>11</v>
      </c>
    </row>
    <row r="83">
      <c r="A83" s="1">
        <v>4.90384045E8</v>
      </c>
      <c r="B83" s="2">
        <v>11775.0</v>
      </c>
      <c r="C83" s="1" t="s">
        <v>5</v>
      </c>
      <c r="D83" s="1" t="s">
        <v>82</v>
      </c>
      <c r="E83" s="1" t="s">
        <v>11</v>
      </c>
    </row>
    <row r="84">
      <c r="A84" s="1">
        <v>4.9038405E8</v>
      </c>
      <c r="B84" s="2">
        <v>11779.0</v>
      </c>
      <c r="C84" s="1" t="s">
        <v>5</v>
      </c>
      <c r="D84" s="1" t="s">
        <v>83</v>
      </c>
      <c r="E84" s="1" t="s">
        <v>11</v>
      </c>
    </row>
    <row r="85">
      <c r="A85" s="1">
        <v>4.90384081E8</v>
      </c>
      <c r="B85" s="2">
        <v>11779.0</v>
      </c>
      <c r="C85" s="1" t="s">
        <v>5</v>
      </c>
      <c r="D85" s="1" t="s">
        <v>84</v>
      </c>
      <c r="E85" s="1" t="s">
        <v>7</v>
      </c>
    </row>
    <row r="86">
      <c r="A86" s="1">
        <v>4.90384086E8</v>
      </c>
      <c r="B86" s="2">
        <v>11779.0</v>
      </c>
      <c r="C86" s="1" t="s">
        <v>5</v>
      </c>
      <c r="D86" s="1" t="s">
        <v>11</v>
      </c>
      <c r="E86" s="1" t="s">
        <v>7</v>
      </c>
    </row>
    <row r="87">
      <c r="A87" s="1">
        <v>4.90384093E8</v>
      </c>
      <c r="B87" s="2">
        <v>11779.0</v>
      </c>
      <c r="C87" s="1" t="s">
        <v>5</v>
      </c>
      <c r="D87" s="1" t="s">
        <v>7</v>
      </c>
      <c r="E87" s="1" t="s">
        <v>7</v>
      </c>
    </row>
    <row r="88">
      <c r="A88" s="1">
        <v>4.90384097E8</v>
      </c>
      <c r="B88" s="2">
        <v>11768.0</v>
      </c>
      <c r="C88" s="1" t="s">
        <v>5</v>
      </c>
      <c r="D88" s="1" t="s">
        <v>11</v>
      </c>
      <c r="E88" s="1" t="s">
        <v>7</v>
      </c>
    </row>
    <row r="89">
      <c r="A89" s="1">
        <v>4.903841E8</v>
      </c>
      <c r="B89" s="2">
        <v>11694.0</v>
      </c>
      <c r="C89" s="1" t="s">
        <v>5</v>
      </c>
      <c r="D89" s="1" t="s">
        <v>85</v>
      </c>
      <c r="E89" s="1" t="s">
        <v>7</v>
      </c>
    </row>
    <row r="90">
      <c r="A90" s="1">
        <v>4.90384112E8</v>
      </c>
      <c r="B90" s="2">
        <v>11771.0</v>
      </c>
      <c r="C90" s="1" t="s">
        <v>5</v>
      </c>
      <c r="D90" s="1" t="s">
        <v>11</v>
      </c>
      <c r="E90" s="1" t="s">
        <v>7</v>
      </c>
    </row>
    <row r="91">
      <c r="A91" s="1">
        <v>4.90384116E8</v>
      </c>
      <c r="B91" s="2">
        <v>11768.0</v>
      </c>
      <c r="C91" s="1" t="s">
        <v>5</v>
      </c>
      <c r="D91" s="1" t="s">
        <v>86</v>
      </c>
      <c r="E91" s="1" t="s">
        <v>7</v>
      </c>
    </row>
    <row r="92">
      <c r="A92" s="1">
        <v>4.90384122E8</v>
      </c>
      <c r="B92" s="2">
        <v>11776.0</v>
      </c>
      <c r="C92" s="1" t="s">
        <v>5</v>
      </c>
      <c r="D92" s="1" t="s">
        <v>87</v>
      </c>
      <c r="E92" s="1" t="s">
        <v>7</v>
      </c>
    </row>
    <row r="93">
      <c r="A93" s="1">
        <v>4.90384123E8</v>
      </c>
      <c r="B93" s="2">
        <v>11778.0</v>
      </c>
      <c r="C93" s="1" t="s">
        <v>5</v>
      </c>
      <c r="D93" s="1" t="s">
        <v>88</v>
      </c>
      <c r="E93" s="1" t="s">
        <v>11</v>
      </c>
    </row>
    <row r="94">
      <c r="A94" s="1">
        <v>4.90384131E8</v>
      </c>
      <c r="B94" s="2">
        <v>11768.0</v>
      </c>
      <c r="C94" s="1" t="s">
        <v>5</v>
      </c>
      <c r="D94" s="1" t="s">
        <v>89</v>
      </c>
      <c r="E94" s="1" t="s">
        <v>7</v>
      </c>
    </row>
    <row r="95">
      <c r="A95" s="1">
        <v>4.90384142E8</v>
      </c>
      <c r="B95" s="2">
        <v>11778.0</v>
      </c>
      <c r="C95" s="1" t="s">
        <v>5</v>
      </c>
      <c r="D95" s="1" t="s">
        <v>90</v>
      </c>
      <c r="E95" s="1" t="s">
        <v>11</v>
      </c>
    </row>
    <row r="96">
      <c r="A96" s="1">
        <v>4.90384145E8</v>
      </c>
      <c r="B96" s="2">
        <v>11778.0</v>
      </c>
      <c r="C96" s="1" t="s">
        <v>5</v>
      </c>
      <c r="D96" s="1" t="s">
        <v>91</v>
      </c>
      <c r="E96" s="1" t="s">
        <v>7</v>
      </c>
    </row>
    <row r="97">
      <c r="A97" s="1">
        <v>4.90384148E8</v>
      </c>
      <c r="B97" s="2">
        <v>11779.0</v>
      </c>
      <c r="C97" s="1" t="s">
        <v>5</v>
      </c>
      <c r="D97" s="1" t="s">
        <v>92</v>
      </c>
      <c r="E97" s="1" t="s">
        <v>93</v>
      </c>
    </row>
    <row r="98">
      <c r="A98" s="1">
        <v>4.90384151E8</v>
      </c>
      <c r="B98" s="2">
        <v>11778.0</v>
      </c>
      <c r="C98" s="1" t="s">
        <v>5</v>
      </c>
      <c r="D98" s="1" t="s">
        <v>73</v>
      </c>
      <c r="E98" s="1" t="s">
        <v>7</v>
      </c>
    </row>
    <row r="99">
      <c r="A99" s="1">
        <v>4.90384165E8</v>
      </c>
      <c r="B99" s="2">
        <v>11778.0</v>
      </c>
      <c r="C99" s="1" t="s">
        <v>5</v>
      </c>
      <c r="D99" s="1" t="s">
        <v>11</v>
      </c>
      <c r="E99" s="1" t="s">
        <v>7</v>
      </c>
    </row>
    <row r="100">
      <c r="A100" s="1">
        <v>4.90384168E8</v>
      </c>
      <c r="B100" s="2">
        <v>11776.0</v>
      </c>
      <c r="C100" s="1" t="s">
        <v>5</v>
      </c>
      <c r="D100" s="1" t="s">
        <v>94</v>
      </c>
      <c r="E100" s="1" t="s">
        <v>11</v>
      </c>
    </row>
    <row r="101">
      <c r="A101" s="1">
        <v>4.90384172E8</v>
      </c>
      <c r="B101" s="2">
        <v>11778.0</v>
      </c>
      <c r="C101" s="1" t="s">
        <v>5</v>
      </c>
      <c r="D101" s="1" t="s">
        <v>11</v>
      </c>
      <c r="E101" s="1" t="s">
        <v>7</v>
      </c>
    </row>
    <row r="102">
      <c r="A102" s="1">
        <v>4.90384182E8</v>
      </c>
      <c r="B102" s="2">
        <v>11771.0</v>
      </c>
      <c r="C102" s="1" t="s">
        <v>5</v>
      </c>
      <c r="D102" s="1" t="s">
        <v>11</v>
      </c>
      <c r="E102" s="1" t="s">
        <v>7</v>
      </c>
    </row>
    <row r="103">
      <c r="A103" s="1">
        <v>4.90384187E8</v>
      </c>
      <c r="B103" s="2">
        <v>11778.0</v>
      </c>
      <c r="C103" s="1" t="s">
        <v>5</v>
      </c>
      <c r="D103" s="1" t="s">
        <v>73</v>
      </c>
      <c r="E103" s="1" t="s">
        <v>7</v>
      </c>
    </row>
    <row r="104">
      <c r="A104" s="1">
        <v>4.90384191E8</v>
      </c>
      <c r="B104" s="2">
        <v>11775.0</v>
      </c>
      <c r="C104" s="1" t="s">
        <v>5</v>
      </c>
      <c r="D104" s="1" t="s">
        <v>95</v>
      </c>
      <c r="E104" s="1" t="s">
        <v>7</v>
      </c>
    </row>
    <row r="105">
      <c r="A105" s="1">
        <v>4.90384192E8</v>
      </c>
      <c r="B105" s="2">
        <v>11778.0</v>
      </c>
      <c r="C105" s="1" t="s">
        <v>5</v>
      </c>
      <c r="D105" s="1" t="s">
        <v>96</v>
      </c>
      <c r="E105" s="1" t="s">
        <v>7</v>
      </c>
    </row>
    <row r="106">
      <c r="A106" s="1">
        <v>4.90384198E8</v>
      </c>
      <c r="B106" s="2">
        <v>11778.0</v>
      </c>
      <c r="C106" s="1" t="s">
        <v>5</v>
      </c>
      <c r="D106" s="1" t="s">
        <v>97</v>
      </c>
      <c r="E106" s="1" t="s">
        <v>11</v>
      </c>
    </row>
    <row r="107">
      <c r="A107" s="1">
        <v>4.90384211E8</v>
      </c>
      <c r="B107" s="2">
        <v>11779.0</v>
      </c>
      <c r="C107" s="1" t="s">
        <v>5</v>
      </c>
      <c r="D107" s="1" t="s">
        <v>11</v>
      </c>
      <c r="E107" s="1" t="s">
        <v>7</v>
      </c>
    </row>
    <row r="108">
      <c r="A108" s="1">
        <v>4.90384212E8</v>
      </c>
      <c r="B108" s="2">
        <v>11777.0</v>
      </c>
      <c r="C108" s="1" t="s">
        <v>5</v>
      </c>
      <c r="D108" s="1" t="s">
        <v>11</v>
      </c>
      <c r="E108" s="1" t="s">
        <v>7</v>
      </c>
    </row>
    <row r="109">
      <c r="A109" s="1">
        <v>4.90384225E8</v>
      </c>
      <c r="B109" s="2">
        <v>11779.0</v>
      </c>
      <c r="C109" s="1" t="s">
        <v>5</v>
      </c>
      <c r="D109" s="1" t="s">
        <v>98</v>
      </c>
      <c r="E109" s="1" t="s">
        <v>11</v>
      </c>
    </row>
    <row r="110">
      <c r="A110" s="1">
        <v>4.90384227E8</v>
      </c>
      <c r="B110" s="2">
        <v>11777.0</v>
      </c>
      <c r="C110" s="1" t="s">
        <v>5</v>
      </c>
      <c r="D110" s="1" t="s">
        <v>11</v>
      </c>
      <c r="E110" s="1" t="s">
        <v>7</v>
      </c>
    </row>
    <row r="111">
      <c r="A111" s="1">
        <v>4.90384239E8</v>
      </c>
      <c r="B111" s="2">
        <v>11770.0</v>
      </c>
      <c r="C111" s="1" t="s">
        <v>5</v>
      </c>
      <c r="D111" s="1" t="s">
        <v>99</v>
      </c>
      <c r="E111" s="1" t="s">
        <v>100</v>
      </c>
    </row>
    <row r="112">
      <c r="A112" s="1">
        <v>4.90384241E8</v>
      </c>
      <c r="B112" s="2">
        <v>11777.0</v>
      </c>
      <c r="C112" s="1" t="s">
        <v>5</v>
      </c>
      <c r="D112" s="1" t="s">
        <v>101</v>
      </c>
      <c r="E112" s="1" t="s">
        <v>7</v>
      </c>
    </row>
    <row r="113">
      <c r="A113" s="1">
        <v>4.90384242E8</v>
      </c>
      <c r="B113" s="2">
        <v>11778.0</v>
      </c>
      <c r="C113" s="1" t="s">
        <v>5</v>
      </c>
      <c r="D113" s="1" t="s">
        <v>102</v>
      </c>
      <c r="E113" s="1" t="s">
        <v>103</v>
      </c>
    </row>
    <row r="114">
      <c r="A114" s="1">
        <v>4.90384243E8</v>
      </c>
      <c r="B114" s="2">
        <v>11768.0</v>
      </c>
      <c r="C114" s="1" t="s">
        <v>5</v>
      </c>
      <c r="D114" s="1" t="s">
        <v>104</v>
      </c>
      <c r="E114" s="1" t="s">
        <v>105</v>
      </c>
    </row>
    <row r="115">
      <c r="A115" s="1">
        <v>4.90384248E8</v>
      </c>
      <c r="B115" s="2">
        <v>11777.0</v>
      </c>
      <c r="C115" s="1" t="s">
        <v>5</v>
      </c>
      <c r="D115" s="1" t="s">
        <v>11</v>
      </c>
      <c r="E115" s="1" t="s">
        <v>7</v>
      </c>
    </row>
    <row r="116">
      <c r="A116" s="1">
        <v>4.9038425E8</v>
      </c>
      <c r="B116" s="2">
        <v>11777.0</v>
      </c>
      <c r="C116" s="1" t="s">
        <v>5</v>
      </c>
      <c r="D116" s="1" t="s">
        <v>106</v>
      </c>
      <c r="E116" s="1" t="s">
        <v>7</v>
      </c>
    </row>
    <row r="117">
      <c r="A117" s="1">
        <v>4.90384255E8</v>
      </c>
      <c r="B117" s="2">
        <v>11696.0</v>
      </c>
      <c r="C117" s="1" t="s">
        <v>5</v>
      </c>
      <c r="D117" s="1" t="s">
        <v>107</v>
      </c>
      <c r="E117" s="1" t="s">
        <v>7</v>
      </c>
    </row>
    <row r="118">
      <c r="A118" s="1">
        <v>4.90384262E8</v>
      </c>
      <c r="B118" s="2">
        <v>11771.0</v>
      </c>
      <c r="C118" s="1" t="s">
        <v>5</v>
      </c>
      <c r="D118" s="1" t="s">
        <v>73</v>
      </c>
      <c r="E118" s="1" t="s">
        <v>7</v>
      </c>
    </row>
    <row r="119">
      <c r="A119" s="1">
        <v>4.90384264E8</v>
      </c>
      <c r="B119" s="2">
        <v>11777.0</v>
      </c>
      <c r="C119" s="1" t="s">
        <v>5</v>
      </c>
      <c r="D119" s="1" t="s">
        <v>108</v>
      </c>
      <c r="E119" s="1" t="s">
        <v>7</v>
      </c>
    </row>
    <row r="120">
      <c r="A120" s="1">
        <v>4.90384271E8</v>
      </c>
      <c r="B120" s="2">
        <v>11777.0</v>
      </c>
      <c r="C120" s="1" t="s">
        <v>5</v>
      </c>
      <c r="D120" s="1" t="s">
        <v>11</v>
      </c>
      <c r="E120" s="1" t="s">
        <v>7</v>
      </c>
    </row>
    <row r="121">
      <c r="A121" s="1">
        <v>4.90384272E8</v>
      </c>
      <c r="B121" s="2">
        <v>11777.0</v>
      </c>
      <c r="C121" s="1" t="s">
        <v>5</v>
      </c>
      <c r="D121" s="1" t="s">
        <v>7</v>
      </c>
      <c r="E121" s="1" t="s">
        <v>7</v>
      </c>
    </row>
    <row r="122">
      <c r="A122" s="1">
        <v>4.90384281E8</v>
      </c>
      <c r="B122" s="2">
        <v>11770.0</v>
      </c>
      <c r="C122" s="1" t="s">
        <v>5</v>
      </c>
      <c r="D122" s="1" t="s">
        <v>109</v>
      </c>
      <c r="E122" s="1" t="s">
        <v>11</v>
      </c>
    </row>
    <row r="123">
      <c r="A123" s="1">
        <v>4.90384282E8</v>
      </c>
      <c r="B123" s="2">
        <v>11768.0</v>
      </c>
      <c r="C123" s="1" t="s">
        <v>5</v>
      </c>
      <c r="D123" s="1" t="s">
        <v>110</v>
      </c>
      <c r="E123" s="1" t="s">
        <v>11</v>
      </c>
    </row>
    <row r="124">
      <c r="A124" s="1">
        <v>4.90384285E8</v>
      </c>
      <c r="B124" s="2">
        <v>11689.0</v>
      </c>
      <c r="C124" s="1" t="s">
        <v>5</v>
      </c>
      <c r="D124" s="1" t="s">
        <v>11</v>
      </c>
      <c r="E124" s="1" t="s">
        <v>7</v>
      </c>
    </row>
    <row r="125">
      <c r="A125" s="1">
        <v>4.90384286E8</v>
      </c>
      <c r="B125" s="2">
        <v>11777.0</v>
      </c>
      <c r="C125" s="1" t="s">
        <v>5</v>
      </c>
      <c r="D125" s="1" t="s">
        <v>111</v>
      </c>
      <c r="E125" s="1" t="s">
        <v>7</v>
      </c>
    </row>
    <row r="126">
      <c r="A126" s="1">
        <v>4.9038429E8</v>
      </c>
      <c r="B126" s="2">
        <v>11777.0</v>
      </c>
      <c r="C126" s="1" t="s">
        <v>5</v>
      </c>
      <c r="D126" s="1" t="s">
        <v>112</v>
      </c>
      <c r="E126" s="1" t="s">
        <v>7</v>
      </c>
    </row>
    <row r="127">
      <c r="A127" s="1">
        <v>4.90384298E8</v>
      </c>
      <c r="B127" s="2">
        <v>11768.0</v>
      </c>
      <c r="C127" s="1" t="s">
        <v>5</v>
      </c>
      <c r="D127" s="1" t="s">
        <v>113</v>
      </c>
      <c r="E127" s="1" t="s">
        <v>11</v>
      </c>
    </row>
    <row r="128">
      <c r="A128" s="1">
        <v>4.903843E8</v>
      </c>
      <c r="B128" s="2">
        <v>11777.0</v>
      </c>
      <c r="C128" s="1" t="s">
        <v>5</v>
      </c>
      <c r="D128" s="1" t="s">
        <v>114</v>
      </c>
      <c r="E128" s="1" t="s">
        <v>11</v>
      </c>
    </row>
    <row r="129">
      <c r="A129" s="1">
        <v>4.90384317E8</v>
      </c>
      <c r="B129" s="2">
        <v>11776.0</v>
      </c>
      <c r="C129" s="1" t="s">
        <v>5</v>
      </c>
      <c r="D129" s="1" t="s">
        <v>115</v>
      </c>
      <c r="E129" s="1" t="s">
        <v>11</v>
      </c>
    </row>
    <row r="130">
      <c r="A130" s="1">
        <v>4.90384321E8</v>
      </c>
      <c r="B130" s="2">
        <v>11768.0</v>
      </c>
      <c r="C130" s="1" t="s">
        <v>5</v>
      </c>
      <c r="D130" s="1" t="s">
        <v>11</v>
      </c>
      <c r="E130" s="1" t="s">
        <v>7</v>
      </c>
    </row>
    <row r="131">
      <c r="A131" s="1">
        <v>4.90384332E8</v>
      </c>
      <c r="B131" s="2">
        <v>11770.0</v>
      </c>
      <c r="C131" s="1" t="s">
        <v>5</v>
      </c>
      <c r="D131" s="1" t="s">
        <v>11</v>
      </c>
      <c r="E131" s="1" t="s">
        <v>7</v>
      </c>
    </row>
    <row r="132">
      <c r="A132" s="1">
        <v>4.90384334E8</v>
      </c>
      <c r="B132" s="2">
        <v>11776.0</v>
      </c>
      <c r="C132" s="1" t="s">
        <v>5</v>
      </c>
      <c r="D132" s="1" t="s">
        <v>116</v>
      </c>
      <c r="E132" s="1" t="s">
        <v>7</v>
      </c>
    </row>
    <row r="133">
      <c r="A133" s="1">
        <v>4.90384341E8</v>
      </c>
      <c r="B133" s="2">
        <v>11779.0</v>
      </c>
      <c r="C133" s="1" t="s">
        <v>5</v>
      </c>
      <c r="D133" s="1" t="s">
        <v>11</v>
      </c>
      <c r="E133" s="1" t="s">
        <v>7</v>
      </c>
    </row>
    <row r="134">
      <c r="A134" s="1">
        <v>4.90384346E8</v>
      </c>
      <c r="B134" s="2">
        <v>11776.0</v>
      </c>
      <c r="C134" s="1" t="s">
        <v>5</v>
      </c>
      <c r="D134" s="1" t="s">
        <v>117</v>
      </c>
      <c r="E134" s="1" t="s">
        <v>11</v>
      </c>
    </row>
    <row r="135">
      <c r="A135" s="1">
        <v>4.90384349E8</v>
      </c>
      <c r="B135" s="2">
        <v>11768.0</v>
      </c>
      <c r="C135" s="1" t="s">
        <v>5</v>
      </c>
      <c r="D135" s="1" t="s">
        <v>118</v>
      </c>
      <c r="E135" s="1" t="s">
        <v>7</v>
      </c>
    </row>
    <row r="136">
      <c r="A136" s="1">
        <v>4.90384354E8</v>
      </c>
      <c r="B136" s="2">
        <v>11778.0</v>
      </c>
      <c r="C136" s="1" t="s">
        <v>5</v>
      </c>
      <c r="D136" s="1" t="s">
        <v>119</v>
      </c>
      <c r="E136" s="1" t="s">
        <v>11</v>
      </c>
    </row>
    <row r="137">
      <c r="A137" s="1">
        <v>4.90384357E8</v>
      </c>
      <c r="B137" s="2">
        <v>11769.0</v>
      </c>
      <c r="C137" s="1" t="s">
        <v>5</v>
      </c>
      <c r="D137" s="1" t="s">
        <v>11</v>
      </c>
      <c r="E137" s="1" t="s">
        <v>7</v>
      </c>
    </row>
    <row r="138">
      <c r="A138" s="1">
        <v>4.90384374E8</v>
      </c>
      <c r="B138" s="2">
        <v>11776.0</v>
      </c>
      <c r="C138" s="1" t="s">
        <v>5</v>
      </c>
      <c r="D138" s="1" t="s">
        <v>120</v>
      </c>
      <c r="E138" s="1" t="s">
        <v>7</v>
      </c>
    </row>
    <row r="139">
      <c r="A139" s="1">
        <v>4.90384376E8</v>
      </c>
      <c r="B139" s="2">
        <v>11768.0</v>
      </c>
      <c r="C139" s="1" t="s">
        <v>5</v>
      </c>
      <c r="D139" s="1" t="s">
        <v>121</v>
      </c>
      <c r="E139" s="1" t="s">
        <v>11</v>
      </c>
    </row>
    <row r="140">
      <c r="A140" s="1">
        <v>4.90384379E8</v>
      </c>
      <c r="B140" s="2">
        <v>11778.0</v>
      </c>
      <c r="C140" s="1" t="s">
        <v>5</v>
      </c>
      <c r="D140" s="1" t="s">
        <v>122</v>
      </c>
      <c r="E140" s="1" t="s">
        <v>7</v>
      </c>
    </row>
    <row r="141">
      <c r="A141" s="1">
        <v>4.90384385E8</v>
      </c>
      <c r="B141" s="2">
        <v>11776.0</v>
      </c>
      <c r="C141" s="1" t="s">
        <v>5</v>
      </c>
      <c r="D141" s="1" t="s">
        <v>123</v>
      </c>
      <c r="E141" s="1" t="s">
        <v>7</v>
      </c>
    </row>
    <row r="142">
      <c r="A142" s="1">
        <v>4.90384388E8</v>
      </c>
      <c r="B142" s="2">
        <v>11778.0</v>
      </c>
      <c r="C142" s="1" t="s">
        <v>5</v>
      </c>
      <c r="D142" s="1" t="s">
        <v>11</v>
      </c>
      <c r="E142" s="1" t="s">
        <v>7</v>
      </c>
    </row>
    <row r="143">
      <c r="A143" s="1">
        <v>4.90384392E8</v>
      </c>
      <c r="B143" s="2">
        <v>11778.0</v>
      </c>
      <c r="C143" s="1" t="s">
        <v>5</v>
      </c>
      <c r="D143" s="1" t="s">
        <v>67</v>
      </c>
      <c r="E143" s="1" t="s">
        <v>7</v>
      </c>
    </row>
    <row r="144">
      <c r="A144" s="1">
        <v>4.90384395E8</v>
      </c>
      <c r="B144" s="2">
        <v>11776.0</v>
      </c>
      <c r="C144" s="1" t="s">
        <v>5</v>
      </c>
      <c r="D144" s="1" t="s">
        <v>124</v>
      </c>
      <c r="E144" s="1" t="s">
        <v>7</v>
      </c>
    </row>
    <row r="145">
      <c r="A145" s="1">
        <v>4.90384403E8</v>
      </c>
      <c r="B145" s="2">
        <v>11768.0</v>
      </c>
      <c r="C145" s="1" t="s">
        <v>5</v>
      </c>
      <c r="D145" s="1" t="s">
        <v>125</v>
      </c>
      <c r="E145" s="1" t="s">
        <v>7</v>
      </c>
    </row>
    <row r="146">
      <c r="A146" s="1">
        <v>4.90384405E8</v>
      </c>
      <c r="B146" s="2">
        <v>11769.0</v>
      </c>
      <c r="C146" s="1" t="s">
        <v>5</v>
      </c>
      <c r="D146" s="1" t="s">
        <v>126</v>
      </c>
      <c r="E146" s="1" t="s">
        <v>11</v>
      </c>
    </row>
    <row r="147">
      <c r="A147" s="1">
        <v>4.90384406E8</v>
      </c>
      <c r="B147" s="2">
        <v>11776.0</v>
      </c>
      <c r="C147" s="1" t="s">
        <v>5</v>
      </c>
      <c r="D147" s="1" t="s">
        <v>127</v>
      </c>
      <c r="E147" s="1" t="s">
        <v>11</v>
      </c>
    </row>
    <row r="148">
      <c r="A148" s="1">
        <v>4.90384423E8</v>
      </c>
      <c r="B148" s="2">
        <v>11769.0</v>
      </c>
      <c r="C148" s="1" t="s">
        <v>5</v>
      </c>
      <c r="D148" s="1" t="s">
        <v>128</v>
      </c>
      <c r="E148" s="1" t="s">
        <v>7</v>
      </c>
    </row>
    <row r="149">
      <c r="A149" s="1">
        <v>4.90384424E8</v>
      </c>
      <c r="B149" s="2">
        <v>11769.0</v>
      </c>
      <c r="C149" s="1" t="s">
        <v>5</v>
      </c>
      <c r="D149" s="1" t="s">
        <v>67</v>
      </c>
      <c r="E149" s="1" t="s">
        <v>7</v>
      </c>
    </row>
    <row r="150">
      <c r="A150" s="1">
        <v>4.90384431E8</v>
      </c>
      <c r="B150" s="2">
        <v>11777.0</v>
      </c>
      <c r="C150" s="1" t="s">
        <v>5</v>
      </c>
      <c r="D150" s="1" t="s">
        <v>129</v>
      </c>
      <c r="E150" s="1" t="s">
        <v>130</v>
      </c>
    </row>
    <row r="151">
      <c r="A151" s="1">
        <v>4.90384435E8</v>
      </c>
      <c r="B151" s="2">
        <v>11768.0</v>
      </c>
      <c r="C151" s="1" t="s">
        <v>5</v>
      </c>
      <c r="D151" s="1" t="s">
        <v>131</v>
      </c>
      <c r="E151" s="1" t="s">
        <v>7</v>
      </c>
    </row>
    <row r="152">
      <c r="A152" s="1">
        <v>4.90384437E8</v>
      </c>
      <c r="B152" s="2">
        <v>11769.0</v>
      </c>
      <c r="C152" s="1" t="s">
        <v>5</v>
      </c>
      <c r="D152" s="1" t="s">
        <v>132</v>
      </c>
      <c r="E152" s="1" t="s">
        <v>11</v>
      </c>
    </row>
    <row r="153">
      <c r="A153" s="1">
        <v>4.90384441E8</v>
      </c>
      <c r="B153" s="2">
        <v>11775.0</v>
      </c>
      <c r="C153" s="1" t="s">
        <v>5</v>
      </c>
      <c r="D153" s="1" t="s">
        <v>133</v>
      </c>
      <c r="E153" s="1" t="s">
        <v>7</v>
      </c>
    </row>
    <row r="154">
      <c r="A154" s="1">
        <v>4.90384454E8</v>
      </c>
      <c r="B154" s="2">
        <v>11769.0</v>
      </c>
      <c r="C154" s="1" t="s">
        <v>5</v>
      </c>
      <c r="D154" s="1" t="s">
        <v>134</v>
      </c>
      <c r="E154" s="1" t="s">
        <v>7</v>
      </c>
    </row>
    <row r="155">
      <c r="A155" s="1">
        <v>4.90384458E8</v>
      </c>
      <c r="B155" s="2">
        <v>11776.0</v>
      </c>
      <c r="C155" s="1" t="s">
        <v>5</v>
      </c>
      <c r="D155" s="1" t="s">
        <v>135</v>
      </c>
      <c r="E155" s="1" t="s">
        <v>7</v>
      </c>
    </row>
    <row r="156">
      <c r="A156" s="1">
        <v>4.90384463E8</v>
      </c>
      <c r="B156" s="2">
        <v>11768.0</v>
      </c>
      <c r="C156" s="1" t="s">
        <v>5</v>
      </c>
      <c r="D156" s="1" t="s">
        <v>136</v>
      </c>
      <c r="E156" s="1" t="s">
        <v>7</v>
      </c>
    </row>
    <row r="157">
      <c r="A157" s="1">
        <v>4.90384464E8</v>
      </c>
      <c r="B157" s="2">
        <v>11775.0</v>
      </c>
      <c r="C157" s="1" t="s">
        <v>5</v>
      </c>
      <c r="D157" s="1" t="s">
        <v>137</v>
      </c>
      <c r="E157" s="1" t="s">
        <v>7</v>
      </c>
    </row>
    <row r="158">
      <c r="A158" s="1">
        <v>4.90384465E8</v>
      </c>
      <c r="B158" s="2">
        <v>11768.0</v>
      </c>
      <c r="C158" s="1" t="s">
        <v>5</v>
      </c>
      <c r="D158" s="1" t="s">
        <v>138</v>
      </c>
      <c r="E158" s="1" t="s">
        <v>7</v>
      </c>
    </row>
    <row r="159">
      <c r="A159" s="1">
        <v>4.90384467E8</v>
      </c>
      <c r="B159" s="2">
        <v>11775.0</v>
      </c>
      <c r="C159" s="1" t="s">
        <v>5</v>
      </c>
      <c r="D159" s="1" t="s">
        <v>139</v>
      </c>
      <c r="E159" s="1" t="s">
        <v>7</v>
      </c>
    </row>
    <row r="160">
      <c r="A160" s="1">
        <v>4.90384469E8</v>
      </c>
      <c r="B160" s="2">
        <v>11769.0</v>
      </c>
      <c r="C160" s="1" t="s">
        <v>5</v>
      </c>
      <c r="D160" s="1" t="s">
        <v>140</v>
      </c>
      <c r="E160" s="1" t="s">
        <v>11</v>
      </c>
    </row>
    <row r="161">
      <c r="A161" s="1">
        <v>4.90384471E8</v>
      </c>
      <c r="B161" s="2">
        <v>11775.0</v>
      </c>
      <c r="C161" s="1" t="s">
        <v>5</v>
      </c>
      <c r="D161" s="1" t="s">
        <v>141</v>
      </c>
      <c r="E161" s="1" t="s">
        <v>7</v>
      </c>
    </row>
    <row r="162">
      <c r="A162" s="1">
        <v>4.90384476E8</v>
      </c>
      <c r="B162" s="2">
        <v>11777.0</v>
      </c>
      <c r="C162" s="1" t="s">
        <v>5</v>
      </c>
      <c r="D162" s="1" t="s">
        <v>142</v>
      </c>
      <c r="E162" s="1" t="s">
        <v>7</v>
      </c>
    </row>
    <row r="163">
      <c r="A163" s="1">
        <v>4.9038448E8</v>
      </c>
      <c r="B163" s="2">
        <v>11768.0</v>
      </c>
      <c r="C163" s="1" t="s">
        <v>5</v>
      </c>
      <c r="D163" s="1" t="s">
        <v>143</v>
      </c>
      <c r="E163" s="1" t="s">
        <v>7</v>
      </c>
    </row>
    <row r="164">
      <c r="A164" s="1">
        <v>4.90384481E8</v>
      </c>
      <c r="B164" s="2">
        <v>11775.0</v>
      </c>
      <c r="C164" s="1" t="s">
        <v>5</v>
      </c>
      <c r="D164" s="1" t="s">
        <v>11</v>
      </c>
      <c r="E164" s="1" t="s">
        <v>7</v>
      </c>
    </row>
    <row r="165">
      <c r="A165" s="1">
        <v>4.90384483E8</v>
      </c>
      <c r="B165" s="2">
        <v>11777.0</v>
      </c>
      <c r="C165" s="1" t="s">
        <v>5</v>
      </c>
      <c r="D165" s="1" t="s">
        <v>144</v>
      </c>
      <c r="E165" s="1" t="s">
        <v>7</v>
      </c>
    </row>
    <row r="166">
      <c r="A166" s="1">
        <v>4.90384485E8</v>
      </c>
      <c r="B166" s="2">
        <v>11769.0</v>
      </c>
      <c r="C166" s="1" t="s">
        <v>5</v>
      </c>
      <c r="D166" s="1" t="s">
        <v>145</v>
      </c>
      <c r="E166" s="1" t="s">
        <v>11</v>
      </c>
    </row>
    <row r="167">
      <c r="A167" s="1">
        <v>4.90384491E8</v>
      </c>
      <c r="B167" s="2">
        <v>11775.0</v>
      </c>
      <c r="C167" s="1" t="s">
        <v>5</v>
      </c>
      <c r="D167" s="1" t="s">
        <v>146</v>
      </c>
      <c r="E167" s="1" t="s">
        <v>7</v>
      </c>
    </row>
    <row r="168">
      <c r="A168" s="1">
        <v>4.90384503E8</v>
      </c>
      <c r="B168" s="2">
        <v>11777.0</v>
      </c>
      <c r="C168" s="1" t="s">
        <v>5</v>
      </c>
      <c r="D168" s="1" t="s">
        <v>147</v>
      </c>
      <c r="E168" s="1" t="s">
        <v>11</v>
      </c>
    </row>
    <row r="169">
      <c r="A169" s="1">
        <v>4.90384504E8</v>
      </c>
      <c r="B169" s="2">
        <v>11766.0</v>
      </c>
      <c r="C169" s="1" t="s">
        <v>5</v>
      </c>
      <c r="D169" s="1" t="s">
        <v>148</v>
      </c>
      <c r="E169" s="1" t="s">
        <v>11</v>
      </c>
    </row>
    <row r="170">
      <c r="A170" s="1">
        <v>4.90384505E8</v>
      </c>
      <c r="B170" s="2">
        <v>11775.0</v>
      </c>
      <c r="C170" s="1" t="s">
        <v>5</v>
      </c>
      <c r="D170" s="1" t="s">
        <v>149</v>
      </c>
      <c r="E170" s="1" t="s">
        <v>11</v>
      </c>
    </row>
    <row r="171">
      <c r="A171" s="1">
        <v>4.90384508E8</v>
      </c>
      <c r="B171" s="2">
        <v>11779.0</v>
      </c>
      <c r="C171" s="1" t="s">
        <v>5</v>
      </c>
      <c r="D171" s="1" t="s">
        <v>150</v>
      </c>
      <c r="E171" s="1" t="s">
        <v>11</v>
      </c>
    </row>
    <row r="172">
      <c r="A172" s="1">
        <v>4.90384514E8</v>
      </c>
      <c r="B172" s="2">
        <v>11775.0</v>
      </c>
      <c r="C172" s="1" t="s">
        <v>5</v>
      </c>
      <c r="D172" s="1" t="s">
        <v>11</v>
      </c>
      <c r="E172" s="1" t="s">
        <v>7</v>
      </c>
    </row>
    <row r="173">
      <c r="A173" s="1">
        <v>4.90384517E8</v>
      </c>
      <c r="B173" s="2">
        <v>11771.0</v>
      </c>
      <c r="C173" s="1" t="s">
        <v>5</v>
      </c>
      <c r="D173" s="1" t="s">
        <v>151</v>
      </c>
      <c r="E173" s="1" t="s">
        <v>7</v>
      </c>
    </row>
    <row r="174">
      <c r="A174" s="1">
        <v>4.90384518E8</v>
      </c>
      <c r="B174" s="2">
        <v>11777.0</v>
      </c>
      <c r="C174" s="1" t="s">
        <v>5</v>
      </c>
      <c r="D174" s="1" t="s">
        <v>152</v>
      </c>
      <c r="E174" s="1" t="s">
        <v>11</v>
      </c>
    </row>
    <row r="175">
      <c r="A175" s="1">
        <v>4.90384519E8</v>
      </c>
      <c r="B175" s="2">
        <v>11766.0</v>
      </c>
      <c r="C175" s="1" t="s">
        <v>5</v>
      </c>
      <c r="D175" s="1" t="s">
        <v>11</v>
      </c>
      <c r="E175" s="1" t="s">
        <v>7</v>
      </c>
    </row>
    <row r="176">
      <c r="A176" s="1">
        <v>4.90384526E8</v>
      </c>
      <c r="B176" s="2">
        <v>11779.0</v>
      </c>
      <c r="C176" s="1" t="s">
        <v>5</v>
      </c>
      <c r="D176" s="1" t="s">
        <v>153</v>
      </c>
      <c r="E176" s="1" t="s">
        <v>7</v>
      </c>
    </row>
    <row r="177">
      <c r="A177" s="1">
        <v>4.90384531E8</v>
      </c>
      <c r="B177" s="2">
        <v>11775.0</v>
      </c>
      <c r="C177" s="1" t="s">
        <v>5</v>
      </c>
      <c r="D177" s="1" t="s">
        <v>154</v>
      </c>
      <c r="E177" s="1" t="s">
        <v>7</v>
      </c>
    </row>
    <row r="178">
      <c r="A178" s="1">
        <v>4.90384533E8</v>
      </c>
      <c r="B178" s="2">
        <v>11777.0</v>
      </c>
      <c r="C178" s="1" t="s">
        <v>5</v>
      </c>
      <c r="D178" s="1" t="s">
        <v>155</v>
      </c>
      <c r="E178" s="1" t="s">
        <v>11</v>
      </c>
    </row>
    <row r="179">
      <c r="A179" s="1">
        <v>4.90384535E8</v>
      </c>
      <c r="B179" s="2">
        <v>11777.0</v>
      </c>
      <c r="C179" s="1" t="s">
        <v>5</v>
      </c>
      <c r="D179" s="1" t="s">
        <v>156</v>
      </c>
      <c r="E179" s="1" t="s">
        <v>7</v>
      </c>
    </row>
    <row r="180">
      <c r="A180" s="1">
        <v>4.9038454E8</v>
      </c>
      <c r="B180" s="2">
        <v>11779.0</v>
      </c>
      <c r="C180" s="1" t="s">
        <v>5</v>
      </c>
      <c r="D180" s="1" t="s">
        <v>157</v>
      </c>
      <c r="E180" s="1" t="s">
        <v>11</v>
      </c>
    </row>
    <row r="181">
      <c r="A181" s="1">
        <v>4.90384543E8</v>
      </c>
      <c r="B181" s="2">
        <v>11771.0</v>
      </c>
      <c r="C181" s="1" t="s">
        <v>5</v>
      </c>
      <c r="D181" s="1" t="s">
        <v>158</v>
      </c>
      <c r="E181" s="1" t="s">
        <v>11</v>
      </c>
    </row>
    <row r="182">
      <c r="A182" s="1">
        <v>4.90384548E8</v>
      </c>
      <c r="B182" s="2">
        <v>11776.0</v>
      </c>
      <c r="C182" s="1" t="s">
        <v>5</v>
      </c>
      <c r="D182" s="1" t="s">
        <v>159</v>
      </c>
      <c r="E182" s="1" t="s">
        <v>7</v>
      </c>
    </row>
    <row r="183">
      <c r="A183" s="1">
        <v>4.90384551E8</v>
      </c>
      <c r="B183" s="2">
        <v>11779.0</v>
      </c>
      <c r="C183" s="1" t="s">
        <v>5</v>
      </c>
      <c r="D183" s="1" t="s">
        <v>160</v>
      </c>
      <c r="E183" s="1" t="s">
        <v>7</v>
      </c>
    </row>
    <row r="184">
      <c r="A184" s="1">
        <v>4.90384555E8</v>
      </c>
      <c r="B184" s="2">
        <v>11777.0</v>
      </c>
      <c r="C184" s="1" t="s">
        <v>5</v>
      </c>
      <c r="D184" s="1" t="s">
        <v>161</v>
      </c>
      <c r="E184" s="1" t="s">
        <v>7</v>
      </c>
    </row>
    <row r="185">
      <c r="A185" s="1">
        <v>4.90384557E8</v>
      </c>
      <c r="B185" s="2">
        <v>11771.0</v>
      </c>
      <c r="C185" s="1" t="s">
        <v>5</v>
      </c>
      <c r="D185" s="1" t="s">
        <v>162</v>
      </c>
      <c r="E185" s="1" t="s">
        <v>11</v>
      </c>
    </row>
    <row r="186">
      <c r="A186" s="1">
        <v>4.9038456E8</v>
      </c>
      <c r="B186" s="2">
        <v>11776.0</v>
      </c>
      <c r="C186" s="1" t="s">
        <v>5</v>
      </c>
      <c r="D186" s="1" t="s">
        <v>163</v>
      </c>
      <c r="E186" s="1" t="s">
        <v>7</v>
      </c>
    </row>
    <row r="187">
      <c r="A187" s="1">
        <v>4.90384561E8</v>
      </c>
      <c r="B187" s="2">
        <v>11771.0</v>
      </c>
      <c r="C187" s="1" t="s">
        <v>5</v>
      </c>
      <c r="D187" s="1" t="s">
        <v>164</v>
      </c>
      <c r="E187" s="1" t="s">
        <v>7</v>
      </c>
    </row>
    <row r="188">
      <c r="A188" s="1">
        <v>4.90384563E8</v>
      </c>
      <c r="B188" s="2">
        <v>11778.0</v>
      </c>
      <c r="C188" s="1" t="s">
        <v>5</v>
      </c>
      <c r="D188" s="1" t="s">
        <v>11</v>
      </c>
      <c r="E188" s="1" t="s">
        <v>7</v>
      </c>
    </row>
    <row r="189">
      <c r="A189" s="1">
        <v>4.90384573E8</v>
      </c>
      <c r="B189" s="2">
        <v>11771.0</v>
      </c>
      <c r="C189" s="1" t="s">
        <v>5</v>
      </c>
      <c r="D189" s="1" t="s">
        <v>165</v>
      </c>
      <c r="E189" s="1" t="s">
        <v>11</v>
      </c>
    </row>
    <row r="190">
      <c r="A190" s="1">
        <v>4.90384575E8</v>
      </c>
      <c r="B190" s="2">
        <v>11778.0</v>
      </c>
      <c r="C190" s="1" t="s">
        <v>5</v>
      </c>
      <c r="D190" s="1" t="s">
        <v>166</v>
      </c>
      <c r="E190" s="1" t="s">
        <v>11</v>
      </c>
    </row>
    <row r="191">
      <c r="A191" s="1">
        <v>4.90384577E8</v>
      </c>
      <c r="B191" s="2">
        <v>11766.0</v>
      </c>
      <c r="C191" s="1" t="s">
        <v>5</v>
      </c>
      <c r="D191" s="1" t="s">
        <v>11</v>
      </c>
      <c r="E191" s="1" t="s">
        <v>7</v>
      </c>
    </row>
    <row r="192">
      <c r="A192" s="1">
        <v>4.9038458E8</v>
      </c>
      <c r="B192" s="2">
        <v>11771.0</v>
      </c>
      <c r="C192" s="1" t="s">
        <v>5</v>
      </c>
      <c r="D192" s="1" t="s">
        <v>167</v>
      </c>
      <c r="E192" s="1" t="s">
        <v>11</v>
      </c>
    </row>
    <row r="193">
      <c r="A193" s="1">
        <v>4.90384585E8</v>
      </c>
      <c r="B193" s="2">
        <v>11766.0</v>
      </c>
      <c r="C193" s="1" t="s">
        <v>5</v>
      </c>
      <c r="D193" s="1" t="s">
        <v>168</v>
      </c>
      <c r="E193" s="1" t="s">
        <v>7</v>
      </c>
    </row>
    <row r="194">
      <c r="A194" s="1">
        <v>4.90384587E8</v>
      </c>
      <c r="B194" s="2">
        <v>11776.0</v>
      </c>
      <c r="C194" s="1" t="s">
        <v>5</v>
      </c>
      <c r="D194" s="1" t="s">
        <v>11</v>
      </c>
      <c r="E194" s="1" t="s">
        <v>7</v>
      </c>
    </row>
    <row r="195">
      <c r="A195" s="1">
        <v>4.90384588E8</v>
      </c>
      <c r="B195" s="2">
        <v>11771.0</v>
      </c>
      <c r="C195" s="1" t="s">
        <v>5</v>
      </c>
      <c r="D195" s="1" t="s">
        <v>169</v>
      </c>
      <c r="E195" s="1" t="s">
        <v>7</v>
      </c>
    </row>
    <row r="196">
      <c r="A196" s="1">
        <v>4.9038459E8</v>
      </c>
      <c r="B196" s="2">
        <v>11778.0</v>
      </c>
      <c r="C196" s="1" t="s">
        <v>5</v>
      </c>
      <c r="D196" s="1" t="s">
        <v>170</v>
      </c>
      <c r="E196" s="1" t="s">
        <v>11</v>
      </c>
    </row>
    <row r="197">
      <c r="A197" s="1">
        <v>4.90384592E8</v>
      </c>
      <c r="B197" s="2">
        <v>11778.0</v>
      </c>
      <c r="C197" s="1" t="s">
        <v>5</v>
      </c>
      <c r="D197" s="1" t="s">
        <v>171</v>
      </c>
      <c r="E197" s="1" t="s">
        <v>7</v>
      </c>
    </row>
    <row r="198">
      <c r="A198" s="1">
        <v>4.90384597E8</v>
      </c>
      <c r="B198" s="2">
        <v>11778.0</v>
      </c>
      <c r="C198" s="1" t="s">
        <v>5</v>
      </c>
      <c r="D198" s="1" t="s">
        <v>172</v>
      </c>
      <c r="E198" s="1" t="s">
        <v>11</v>
      </c>
    </row>
    <row r="199">
      <c r="A199" s="1">
        <v>4.90384599E8</v>
      </c>
      <c r="B199" s="2">
        <v>11770.0</v>
      </c>
      <c r="C199" s="1" t="s">
        <v>5</v>
      </c>
      <c r="D199" s="1" t="s">
        <v>173</v>
      </c>
      <c r="E199" s="1" t="s">
        <v>7</v>
      </c>
    </row>
    <row r="200">
      <c r="A200" s="1">
        <v>4.90384601E8</v>
      </c>
      <c r="B200" s="2">
        <v>11770.0</v>
      </c>
      <c r="C200" s="1" t="s">
        <v>5</v>
      </c>
      <c r="D200" s="1" t="s">
        <v>174</v>
      </c>
      <c r="E200" s="1" t="s">
        <v>7</v>
      </c>
    </row>
    <row r="201">
      <c r="A201" s="1">
        <v>4.90384612E8</v>
      </c>
      <c r="B201" s="2">
        <v>11778.0</v>
      </c>
      <c r="C201" s="1" t="s">
        <v>5</v>
      </c>
      <c r="D201" s="1" t="s">
        <v>175</v>
      </c>
      <c r="E201" s="1" t="s">
        <v>7</v>
      </c>
    </row>
    <row r="202">
      <c r="A202" s="1">
        <v>4.90384615E8</v>
      </c>
      <c r="B202" s="2">
        <v>11771.0</v>
      </c>
      <c r="C202" s="1" t="s">
        <v>5</v>
      </c>
      <c r="D202" s="1" t="s">
        <v>176</v>
      </c>
      <c r="E202" s="1" t="s">
        <v>7</v>
      </c>
    </row>
    <row r="203">
      <c r="A203" s="1">
        <v>4.90384617E8</v>
      </c>
      <c r="B203" s="2">
        <v>11777.0</v>
      </c>
      <c r="C203" s="1" t="s">
        <v>5</v>
      </c>
      <c r="D203" s="1" t="s">
        <v>177</v>
      </c>
      <c r="E203" s="1" t="s">
        <v>7</v>
      </c>
    </row>
    <row r="204">
      <c r="A204" s="1">
        <v>4.9038462E8</v>
      </c>
      <c r="B204" s="2">
        <v>11776.0</v>
      </c>
      <c r="C204" s="1" t="s">
        <v>5</v>
      </c>
      <c r="D204" s="1" t="s">
        <v>178</v>
      </c>
      <c r="E204" s="1" t="s">
        <v>7</v>
      </c>
    </row>
    <row r="205">
      <c r="A205" s="1">
        <v>4.90384622E8</v>
      </c>
      <c r="B205" s="2">
        <v>11787.0</v>
      </c>
      <c r="C205" s="1" t="s">
        <v>5</v>
      </c>
      <c r="D205" s="1" t="s">
        <v>179</v>
      </c>
      <c r="E205" s="1" t="s">
        <v>7</v>
      </c>
    </row>
    <row r="206">
      <c r="A206" s="1">
        <v>4.90384623E8</v>
      </c>
      <c r="B206" s="2">
        <v>11776.0</v>
      </c>
      <c r="C206" s="1" t="s">
        <v>5</v>
      </c>
      <c r="D206" s="1" t="s">
        <v>180</v>
      </c>
      <c r="E206" s="1" t="s">
        <v>7</v>
      </c>
    </row>
    <row r="207">
      <c r="A207" s="1">
        <v>4.90384631E8</v>
      </c>
      <c r="B207" s="2">
        <v>11777.0</v>
      </c>
      <c r="C207" s="1" t="s">
        <v>5</v>
      </c>
      <c r="D207" s="1" t="s">
        <v>181</v>
      </c>
      <c r="E207" s="1" t="s">
        <v>182</v>
      </c>
    </row>
    <row r="208">
      <c r="A208" s="1">
        <v>4.90384635E8</v>
      </c>
      <c r="B208" s="2">
        <v>11776.0</v>
      </c>
      <c r="C208" s="1" t="s">
        <v>5</v>
      </c>
      <c r="D208" s="1" t="s">
        <v>183</v>
      </c>
      <c r="E208" s="1" t="s">
        <v>7</v>
      </c>
    </row>
    <row r="209">
      <c r="A209" s="1">
        <v>4.90384636E8</v>
      </c>
      <c r="B209" s="2">
        <v>11778.0</v>
      </c>
      <c r="C209" s="1" t="s">
        <v>5</v>
      </c>
      <c r="D209" s="1" t="s">
        <v>184</v>
      </c>
      <c r="E209" s="1" t="s">
        <v>11</v>
      </c>
    </row>
    <row r="210">
      <c r="A210" s="1">
        <v>4.90384637E8</v>
      </c>
      <c r="B210" s="2">
        <v>11770.0</v>
      </c>
      <c r="C210" s="1" t="s">
        <v>5</v>
      </c>
      <c r="D210" s="1" t="s">
        <v>73</v>
      </c>
      <c r="E210" s="1" t="s">
        <v>7</v>
      </c>
    </row>
    <row r="211">
      <c r="A211" s="1">
        <v>4.90384643E8</v>
      </c>
      <c r="B211" s="2">
        <v>11703.0</v>
      </c>
      <c r="C211" s="1" t="s">
        <v>5</v>
      </c>
      <c r="D211" s="1" t="s">
        <v>185</v>
      </c>
      <c r="E211" s="1" t="s">
        <v>11</v>
      </c>
    </row>
    <row r="212">
      <c r="A212" s="1">
        <v>4.90384645E8</v>
      </c>
      <c r="B212" s="2">
        <v>11787.0</v>
      </c>
      <c r="C212" s="1" t="s">
        <v>5</v>
      </c>
      <c r="D212" s="1" t="s">
        <v>186</v>
      </c>
      <c r="E212" s="1" t="s">
        <v>11</v>
      </c>
    </row>
    <row r="213">
      <c r="A213" s="1">
        <v>4.90384648E8</v>
      </c>
      <c r="B213" s="2">
        <v>11776.0</v>
      </c>
      <c r="C213" s="1" t="s">
        <v>5</v>
      </c>
      <c r="D213" s="1" t="s">
        <v>187</v>
      </c>
      <c r="E213" s="1" t="s">
        <v>7</v>
      </c>
    </row>
    <row r="214">
      <c r="A214" s="1">
        <v>4.9038465E8</v>
      </c>
      <c r="B214" s="2">
        <v>11771.0</v>
      </c>
      <c r="C214" s="1" t="s">
        <v>5</v>
      </c>
      <c r="D214" s="1" t="s">
        <v>188</v>
      </c>
      <c r="E214" s="1" t="s">
        <v>7</v>
      </c>
    </row>
    <row r="215">
      <c r="A215" s="1">
        <v>4.90384656E8</v>
      </c>
      <c r="B215" s="2">
        <v>11777.0</v>
      </c>
      <c r="C215" s="1" t="s">
        <v>5</v>
      </c>
      <c r="D215" s="1" t="s">
        <v>189</v>
      </c>
      <c r="E215" s="1" t="s">
        <v>11</v>
      </c>
    </row>
    <row r="216">
      <c r="A216" s="1">
        <v>4.90384662E8</v>
      </c>
      <c r="B216" s="2">
        <v>11775.0</v>
      </c>
      <c r="C216" s="1" t="s">
        <v>5</v>
      </c>
      <c r="D216" s="1" t="s">
        <v>190</v>
      </c>
      <c r="E216" s="1" t="s">
        <v>7</v>
      </c>
    </row>
    <row r="217">
      <c r="A217" s="1">
        <v>4.90384665E8</v>
      </c>
      <c r="B217" s="2">
        <v>11771.0</v>
      </c>
      <c r="C217" s="1" t="s">
        <v>5</v>
      </c>
      <c r="D217" s="1" t="s">
        <v>191</v>
      </c>
      <c r="E217" s="1" t="s">
        <v>11</v>
      </c>
    </row>
    <row r="218">
      <c r="A218" s="1">
        <v>4.90384666E8</v>
      </c>
      <c r="B218" s="2">
        <v>11775.0</v>
      </c>
      <c r="C218" s="1" t="s">
        <v>5</v>
      </c>
      <c r="D218" s="1" t="s">
        <v>192</v>
      </c>
      <c r="E218" s="1" t="s">
        <v>7</v>
      </c>
    </row>
    <row r="219">
      <c r="A219" s="1">
        <v>4.9038467E8</v>
      </c>
      <c r="B219" s="2">
        <v>11770.0</v>
      </c>
      <c r="C219" s="1" t="s">
        <v>5</v>
      </c>
      <c r="D219" s="1" t="s">
        <v>193</v>
      </c>
      <c r="E219" s="1" t="s">
        <v>11</v>
      </c>
    </row>
    <row r="220">
      <c r="A220" s="1">
        <v>4.90384671E8</v>
      </c>
      <c r="B220" s="2">
        <v>11768.0</v>
      </c>
      <c r="C220" s="1" t="s">
        <v>5</v>
      </c>
      <c r="D220" s="1" t="s">
        <v>194</v>
      </c>
      <c r="E220" s="1" t="s">
        <v>7</v>
      </c>
    </row>
    <row r="221">
      <c r="A221" s="1">
        <v>4.90384673E8</v>
      </c>
      <c r="B221" s="2">
        <v>11777.0</v>
      </c>
      <c r="C221" s="1" t="s">
        <v>5</v>
      </c>
      <c r="D221" s="1" t="s">
        <v>195</v>
      </c>
      <c r="E221" s="1" t="s">
        <v>7</v>
      </c>
    </row>
    <row r="222">
      <c r="A222" s="1">
        <v>4.90384676E8</v>
      </c>
      <c r="B222" s="2">
        <v>11787.0</v>
      </c>
      <c r="C222" s="1" t="s">
        <v>5</v>
      </c>
      <c r="D222" s="1" t="s">
        <v>196</v>
      </c>
      <c r="E222" s="1" t="s">
        <v>7</v>
      </c>
    </row>
    <row r="223">
      <c r="A223" s="1">
        <v>4.90384679E8</v>
      </c>
      <c r="B223" s="2">
        <v>11731.0</v>
      </c>
      <c r="C223" s="1" t="s">
        <v>5</v>
      </c>
      <c r="D223" s="1" t="s">
        <v>197</v>
      </c>
      <c r="E223" s="1" t="s">
        <v>11</v>
      </c>
    </row>
    <row r="224">
      <c r="A224" s="1">
        <v>4.90384684E8</v>
      </c>
      <c r="B224" s="2">
        <v>11775.0</v>
      </c>
      <c r="C224" s="1" t="s">
        <v>5</v>
      </c>
      <c r="D224" s="1" t="s">
        <v>11</v>
      </c>
      <c r="E224" s="1" t="s">
        <v>7</v>
      </c>
    </row>
    <row r="225">
      <c r="A225" s="1">
        <v>4.90384685E8</v>
      </c>
      <c r="B225" s="2">
        <v>11769.0</v>
      </c>
      <c r="C225" s="1" t="s">
        <v>5</v>
      </c>
      <c r="D225" s="1" t="s">
        <v>198</v>
      </c>
      <c r="E225" s="1" t="s">
        <v>199</v>
      </c>
    </row>
    <row r="226">
      <c r="A226" s="1">
        <v>4.90384687E8</v>
      </c>
      <c r="B226" s="2">
        <v>11787.0</v>
      </c>
      <c r="C226" s="1" t="s">
        <v>5</v>
      </c>
      <c r="D226" s="1" t="s">
        <v>200</v>
      </c>
      <c r="E226" s="1" t="s">
        <v>7</v>
      </c>
    </row>
    <row r="227">
      <c r="A227" s="1">
        <v>4.90384691E8</v>
      </c>
      <c r="B227" s="2">
        <v>11777.0</v>
      </c>
      <c r="C227" s="1" t="s">
        <v>5</v>
      </c>
      <c r="D227" s="1" t="s">
        <v>201</v>
      </c>
      <c r="E227" s="1" t="s">
        <v>7</v>
      </c>
    </row>
    <row r="228">
      <c r="A228" s="1">
        <v>4.903847E8</v>
      </c>
      <c r="B228" s="2">
        <v>11775.0</v>
      </c>
      <c r="C228" s="1" t="s">
        <v>5</v>
      </c>
      <c r="D228" s="1" t="s">
        <v>11</v>
      </c>
      <c r="E228" s="1" t="s">
        <v>7</v>
      </c>
    </row>
    <row r="229">
      <c r="A229" s="1">
        <v>4.90384701E8</v>
      </c>
      <c r="B229" s="2">
        <v>11775.0</v>
      </c>
      <c r="C229" s="1" t="s">
        <v>5</v>
      </c>
      <c r="D229" s="1" t="s">
        <v>11</v>
      </c>
      <c r="E229" s="1" t="s">
        <v>7</v>
      </c>
    </row>
    <row r="230">
      <c r="A230" s="1">
        <v>4.90384705E8</v>
      </c>
      <c r="B230" s="2">
        <v>11808.0</v>
      </c>
      <c r="C230" s="1" t="s">
        <v>5</v>
      </c>
      <c r="D230" s="1" t="s">
        <v>202</v>
      </c>
      <c r="E230" s="1" t="s">
        <v>203</v>
      </c>
    </row>
    <row r="231">
      <c r="A231" s="1">
        <v>4.90384707E8</v>
      </c>
      <c r="B231" s="2">
        <v>11769.0</v>
      </c>
      <c r="C231" s="1" t="s">
        <v>5</v>
      </c>
      <c r="D231" s="1" t="s">
        <v>204</v>
      </c>
      <c r="E231" s="1" t="s">
        <v>7</v>
      </c>
    </row>
    <row r="232">
      <c r="A232" s="1">
        <v>4.90384711E8</v>
      </c>
      <c r="B232" s="2">
        <v>11770.0</v>
      </c>
      <c r="C232" s="1" t="s">
        <v>5</v>
      </c>
      <c r="D232" s="1" t="s">
        <v>11</v>
      </c>
      <c r="E232" s="1" t="s">
        <v>7</v>
      </c>
    </row>
    <row r="233">
      <c r="A233" s="1">
        <v>4.90384714E8</v>
      </c>
      <c r="B233" s="2">
        <v>11776.0</v>
      </c>
      <c r="C233" s="1" t="s">
        <v>5</v>
      </c>
      <c r="D233" s="1" t="s">
        <v>205</v>
      </c>
      <c r="E233" s="1" t="s">
        <v>7</v>
      </c>
    </row>
    <row r="234">
      <c r="A234" s="1">
        <v>4.90384717E8</v>
      </c>
      <c r="B234" s="2">
        <v>11775.0</v>
      </c>
      <c r="C234" s="1" t="s">
        <v>5</v>
      </c>
      <c r="D234" s="1" t="s">
        <v>11</v>
      </c>
      <c r="E234" s="1" t="s">
        <v>7</v>
      </c>
    </row>
    <row r="235">
      <c r="A235" s="1">
        <v>4.90384719E8</v>
      </c>
      <c r="B235" s="2">
        <v>11808.0</v>
      </c>
      <c r="C235" s="1" t="s">
        <v>5</v>
      </c>
      <c r="D235" s="1" t="s">
        <v>206</v>
      </c>
      <c r="E235" s="1" t="s">
        <v>7</v>
      </c>
    </row>
    <row r="236">
      <c r="A236" s="1">
        <v>4.90384726E8</v>
      </c>
      <c r="B236" s="2">
        <v>11776.0</v>
      </c>
      <c r="C236" s="1" t="s">
        <v>5</v>
      </c>
      <c r="D236" s="1" t="s">
        <v>207</v>
      </c>
      <c r="E236" s="1" t="s">
        <v>7</v>
      </c>
    </row>
    <row r="237">
      <c r="A237" s="1">
        <v>4.90384727E8</v>
      </c>
      <c r="B237" s="2">
        <v>11776.0</v>
      </c>
      <c r="C237" s="1" t="s">
        <v>5</v>
      </c>
      <c r="D237" s="1" t="s">
        <v>208</v>
      </c>
      <c r="E237" s="1" t="s">
        <v>7</v>
      </c>
    </row>
    <row r="238">
      <c r="A238" s="1">
        <v>4.90384732E8</v>
      </c>
      <c r="B238" s="2">
        <v>11775.0</v>
      </c>
      <c r="C238" s="1" t="s">
        <v>5</v>
      </c>
      <c r="D238" s="1" t="s">
        <v>209</v>
      </c>
      <c r="E238" s="1" t="s">
        <v>11</v>
      </c>
    </row>
    <row r="239">
      <c r="A239" s="1">
        <v>4.90384736E8</v>
      </c>
      <c r="B239" s="2">
        <v>11775.0</v>
      </c>
      <c r="C239" s="1" t="s">
        <v>5</v>
      </c>
      <c r="D239" s="1" t="s">
        <v>210</v>
      </c>
      <c r="E239" s="1" t="s">
        <v>7</v>
      </c>
    </row>
    <row r="240">
      <c r="A240" s="1">
        <v>4.90384742E8</v>
      </c>
      <c r="B240" s="2">
        <v>11770.0</v>
      </c>
      <c r="C240" s="1" t="s">
        <v>5</v>
      </c>
      <c r="D240" s="1" t="s">
        <v>211</v>
      </c>
      <c r="E240" s="1" t="s">
        <v>7</v>
      </c>
    </row>
    <row r="241">
      <c r="A241" s="1">
        <v>4.90384746E8</v>
      </c>
      <c r="B241" s="2">
        <v>11776.0</v>
      </c>
      <c r="C241" s="1" t="s">
        <v>5</v>
      </c>
      <c r="D241" s="1" t="s">
        <v>212</v>
      </c>
      <c r="E241" s="1" t="s">
        <v>213</v>
      </c>
    </row>
    <row r="242">
      <c r="A242" s="1">
        <v>4.90384748E8</v>
      </c>
      <c r="B242" s="2">
        <v>11769.0</v>
      </c>
      <c r="C242" s="1" t="s">
        <v>5</v>
      </c>
      <c r="D242" s="1" t="s">
        <v>214</v>
      </c>
      <c r="E242" s="1" t="s">
        <v>7</v>
      </c>
    </row>
    <row r="243">
      <c r="A243" s="1">
        <v>4.90384752E8</v>
      </c>
      <c r="B243" s="2">
        <v>11808.0</v>
      </c>
      <c r="C243" s="1" t="s">
        <v>5</v>
      </c>
      <c r="D243" s="1" t="s">
        <v>215</v>
      </c>
      <c r="E243" s="1" t="s">
        <v>11</v>
      </c>
    </row>
    <row r="244">
      <c r="A244" s="1">
        <v>4.90384755E8</v>
      </c>
      <c r="B244" s="2">
        <v>11775.0</v>
      </c>
      <c r="C244" s="1" t="s">
        <v>5</v>
      </c>
      <c r="D244" s="1" t="s">
        <v>216</v>
      </c>
      <c r="E244" s="1" t="s">
        <v>11</v>
      </c>
    </row>
    <row r="245">
      <c r="A245" s="1">
        <v>4.90384756E8</v>
      </c>
      <c r="B245" s="2">
        <v>11770.0</v>
      </c>
      <c r="C245" s="1" t="s">
        <v>5</v>
      </c>
      <c r="D245" s="1" t="s">
        <v>217</v>
      </c>
      <c r="E245" s="1" t="s">
        <v>7</v>
      </c>
    </row>
    <row r="246">
      <c r="A246" s="1">
        <v>4.90384763E8</v>
      </c>
      <c r="B246" s="2">
        <v>11769.0</v>
      </c>
      <c r="C246" s="1" t="s">
        <v>5</v>
      </c>
      <c r="D246" s="1" t="s">
        <v>218</v>
      </c>
      <c r="E246" s="1" t="s">
        <v>7</v>
      </c>
    </row>
    <row r="247">
      <c r="A247" s="1">
        <v>4.90384769E8</v>
      </c>
      <c r="B247" s="2">
        <v>11771.0</v>
      </c>
      <c r="C247" s="1" t="s">
        <v>5</v>
      </c>
      <c r="D247" s="1" t="s">
        <v>219</v>
      </c>
      <c r="E247" s="1" t="s">
        <v>7</v>
      </c>
    </row>
    <row r="248">
      <c r="A248" s="1">
        <v>4.90384773E8</v>
      </c>
      <c r="B248" s="2">
        <v>11771.0</v>
      </c>
      <c r="C248" s="1" t="s">
        <v>5</v>
      </c>
      <c r="D248" s="1" t="s">
        <v>11</v>
      </c>
      <c r="E248" s="1" t="s">
        <v>7</v>
      </c>
    </row>
    <row r="249">
      <c r="A249" s="1">
        <v>4.90384774E8</v>
      </c>
      <c r="B249" s="2">
        <v>11770.0</v>
      </c>
      <c r="C249" s="1" t="s">
        <v>5</v>
      </c>
      <c r="D249" s="1" t="s">
        <v>220</v>
      </c>
      <c r="E249" s="1" t="s">
        <v>11</v>
      </c>
    </row>
    <row r="250">
      <c r="A250" s="1">
        <v>4.90384778E8</v>
      </c>
      <c r="B250" s="2">
        <v>11771.0</v>
      </c>
      <c r="C250" s="1" t="s">
        <v>5</v>
      </c>
      <c r="D250" s="1" t="s">
        <v>221</v>
      </c>
      <c r="E250" s="1" t="s">
        <v>7</v>
      </c>
    </row>
    <row r="251">
      <c r="A251" s="1">
        <v>4.90384781E8</v>
      </c>
      <c r="B251" s="2">
        <v>11807.0</v>
      </c>
      <c r="C251" s="1" t="s">
        <v>5</v>
      </c>
      <c r="D251" s="1" t="s">
        <v>11</v>
      </c>
      <c r="E251" s="1" t="s">
        <v>7</v>
      </c>
    </row>
    <row r="252">
      <c r="A252" s="1">
        <v>4.90384784E8</v>
      </c>
      <c r="B252" s="2">
        <v>11770.0</v>
      </c>
      <c r="C252" s="1" t="s">
        <v>5</v>
      </c>
      <c r="D252" s="1" t="s">
        <v>222</v>
      </c>
      <c r="E252" s="1" t="s">
        <v>11</v>
      </c>
    </row>
    <row r="253">
      <c r="A253" s="1">
        <v>4.90384785E8</v>
      </c>
      <c r="B253" s="2">
        <v>11768.0</v>
      </c>
      <c r="C253" s="1" t="s">
        <v>5</v>
      </c>
      <c r="D253" s="1" t="s">
        <v>223</v>
      </c>
      <c r="E253" s="1" t="s">
        <v>7</v>
      </c>
    </row>
    <row r="254">
      <c r="A254" s="1">
        <v>4.90384786E8</v>
      </c>
      <c r="B254" s="2">
        <v>11779.0</v>
      </c>
      <c r="C254" s="1" t="s">
        <v>5</v>
      </c>
      <c r="D254" s="1" t="s">
        <v>11</v>
      </c>
      <c r="E254" s="1" t="s">
        <v>7</v>
      </c>
    </row>
    <row r="255">
      <c r="A255" s="1">
        <v>4.9038479E8</v>
      </c>
      <c r="B255" s="2">
        <v>11770.0</v>
      </c>
      <c r="C255" s="1" t="s">
        <v>5</v>
      </c>
      <c r="D255" s="1" t="s">
        <v>224</v>
      </c>
      <c r="E255" s="1" t="s">
        <v>11</v>
      </c>
    </row>
    <row r="256">
      <c r="A256" s="1">
        <v>4.90384795E8</v>
      </c>
      <c r="B256" s="2">
        <v>11771.0</v>
      </c>
      <c r="C256" s="1" t="s">
        <v>5</v>
      </c>
      <c r="D256" s="1" t="s">
        <v>11</v>
      </c>
      <c r="E256" s="1" t="s">
        <v>7</v>
      </c>
    </row>
    <row r="257">
      <c r="A257" s="1">
        <v>4.90384796E8</v>
      </c>
      <c r="B257" s="2">
        <v>11770.0</v>
      </c>
      <c r="C257" s="1" t="s">
        <v>5</v>
      </c>
      <c r="D257" s="1" t="s">
        <v>225</v>
      </c>
      <c r="E257" s="1" t="s">
        <v>7</v>
      </c>
    </row>
    <row r="258">
      <c r="A258" s="1">
        <v>4.90384798E8</v>
      </c>
      <c r="B258" s="2">
        <v>11771.0</v>
      </c>
      <c r="C258" s="1" t="s">
        <v>5</v>
      </c>
      <c r="D258" s="1" t="s">
        <v>226</v>
      </c>
      <c r="E258" s="1" t="s">
        <v>7</v>
      </c>
    </row>
    <row r="259">
      <c r="A259" s="1">
        <v>4.90384799E8</v>
      </c>
      <c r="B259" s="2">
        <v>11768.0</v>
      </c>
      <c r="C259" s="1" t="s">
        <v>5</v>
      </c>
      <c r="D259" s="1" t="s">
        <v>227</v>
      </c>
      <c r="E259" s="1" t="s">
        <v>11</v>
      </c>
    </row>
    <row r="260">
      <c r="A260" s="1">
        <v>4.903848E8</v>
      </c>
      <c r="B260" s="2">
        <v>11775.0</v>
      </c>
      <c r="C260" s="1" t="s">
        <v>5</v>
      </c>
      <c r="D260" s="1" t="s">
        <v>228</v>
      </c>
      <c r="E260" s="1" t="s">
        <v>7</v>
      </c>
    </row>
    <row r="261">
      <c r="A261" s="1">
        <v>4.90384801E8</v>
      </c>
      <c r="B261" s="2">
        <v>11779.0</v>
      </c>
      <c r="C261" s="1" t="s">
        <v>5</v>
      </c>
      <c r="D261" s="1" t="s">
        <v>229</v>
      </c>
      <c r="E261" s="1" t="s">
        <v>11</v>
      </c>
    </row>
    <row r="262">
      <c r="A262" s="1">
        <v>4.90384804E8</v>
      </c>
      <c r="B262" s="2">
        <v>11771.0</v>
      </c>
      <c r="C262" s="1" t="s">
        <v>5</v>
      </c>
      <c r="D262" s="1" t="s">
        <v>230</v>
      </c>
      <c r="E262" s="1" t="s">
        <v>11</v>
      </c>
    </row>
    <row r="263">
      <c r="A263" s="1">
        <v>4.90384807E8</v>
      </c>
      <c r="B263" s="2">
        <v>11769.0</v>
      </c>
      <c r="C263" s="1" t="s">
        <v>5</v>
      </c>
      <c r="D263" s="1" t="s">
        <v>231</v>
      </c>
      <c r="E263" s="1" t="s">
        <v>7</v>
      </c>
    </row>
    <row r="264">
      <c r="A264" s="1">
        <v>4.90384809E8</v>
      </c>
      <c r="B264" s="2">
        <v>11775.0</v>
      </c>
      <c r="C264" s="1" t="s">
        <v>5</v>
      </c>
      <c r="D264" s="1" t="s">
        <v>232</v>
      </c>
      <c r="E264" s="1" t="s">
        <v>7</v>
      </c>
    </row>
    <row r="265">
      <c r="A265" s="1">
        <v>4.9038481E8</v>
      </c>
      <c r="B265" s="2">
        <v>11775.0</v>
      </c>
      <c r="C265" s="1" t="s">
        <v>5</v>
      </c>
      <c r="D265" s="1" t="s">
        <v>233</v>
      </c>
      <c r="E265" s="1" t="s">
        <v>234</v>
      </c>
    </row>
    <row r="266">
      <c r="A266" s="1">
        <v>4.90384817E8</v>
      </c>
      <c r="B266" s="2">
        <v>11775.0</v>
      </c>
      <c r="C266" s="1" t="s">
        <v>5</v>
      </c>
      <c r="D266" s="1" t="s">
        <v>235</v>
      </c>
      <c r="E266" s="1" t="s">
        <v>7</v>
      </c>
    </row>
    <row r="267">
      <c r="A267" s="1">
        <v>4.90384819E8</v>
      </c>
      <c r="B267" s="2">
        <v>11779.0</v>
      </c>
      <c r="C267" s="1" t="s">
        <v>5</v>
      </c>
      <c r="D267" s="1" t="s">
        <v>11</v>
      </c>
      <c r="E267" s="1" t="s">
        <v>7</v>
      </c>
    </row>
    <row r="268">
      <c r="A268" s="1">
        <v>4.9038482E8</v>
      </c>
      <c r="B268" s="2">
        <v>11779.0</v>
      </c>
      <c r="C268" s="1" t="s">
        <v>5</v>
      </c>
      <c r="D268" s="1" t="s">
        <v>236</v>
      </c>
      <c r="E268" s="1" t="s">
        <v>11</v>
      </c>
    </row>
    <row r="269">
      <c r="A269" s="1">
        <v>4.90384825E8</v>
      </c>
      <c r="B269" s="2">
        <v>11779.0</v>
      </c>
      <c r="C269" s="1" t="s">
        <v>5</v>
      </c>
      <c r="D269" s="1" t="s">
        <v>237</v>
      </c>
      <c r="E269" s="1" t="s">
        <v>11</v>
      </c>
    </row>
    <row r="270">
      <c r="A270" s="1">
        <v>4.90384832E8</v>
      </c>
      <c r="B270" s="2">
        <v>11775.0</v>
      </c>
      <c r="C270" s="1" t="s">
        <v>5</v>
      </c>
      <c r="D270" s="1" t="s">
        <v>238</v>
      </c>
      <c r="E270" s="1" t="s">
        <v>7</v>
      </c>
    </row>
    <row r="271">
      <c r="A271" s="1">
        <v>4.90384837E8</v>
      </c>
      <c r="B271" s="2">
        <v>11770.0</v>
      </c>
      <c r="C271" s="1" t="s">
        <v>5</v>
      </c>
      <c r="D271" s="1" t="s">
        <v>239</v>
      </c>
      <c r="E271" s="1" t="s">
        <v>11</v>
      </c>
    </row>
    <row r="272">
      <c r="A272" s="1">
        <v>4.90384839E8</v>
      </c>
      <c r="B272" s="2">
        <v>11775.0</v>
      </c>
      <c r="C272" s="1" t="s">
        <v>5</v>
      </c>
      <c r="D272" s="1" t="s">
        <v>240</v>
      </c>
      <c r="E272" s="1" t="s">
        <v>11</v>
      </c>
    </row>
    <row r="273">
      <c r="A273" s="1">
        <v>4.9038484E8</v>
      </c>
      <c r="B273" s="2">
        <v>11769.0</v>
      </c>
      <c r="C273" s="1" t="s">
        <v>5</v>
      </c>
      <c r="D273" s="1" t="s">
        <v>241</v>
      </c>
      <c r="E273" s="1" t="s">
        <v>7</v>
      </c>
    </row>
    <row r="274">
      <c r="A274" s="1">
        <v>4.90384845E8</v>
      </c>
      <c r="B274" s="2">
        <v>11778.0</v>
      </c>
      <c r="C274" s="1" t="s">
        <v>5</v>
      </c>
      <c r="D274" s="1" t="s">
        <v>242</v>
      </c>
      <c r="E274" s="1" t="s">
        <v>7</v>
      </c>
    </row>
    <row r="275">
      <c r="A275" s="1">
        <v>4.90384846E8</v>
      </c>
      <c r="B275" s="2">
        <v>11769.0</v>
      </c>
      <c r="C275" s="1" t="s">
        <v>5</v>
      </c>
      <c r="D275" s="1" t="s">
        <v>11</v>
      </c>
      <c r="E275" s="1" t="s">
        <v>7</v>
      </c>
    </row>
    <row r="276">
      <c r="A276" s="1">
        <v>4.90384847E8</v>
      </c>
      <c r="B276" s="2">
        <v>11766.0</v>
      </c>
      <c r="C276" s="1" t="s">
        <v>5</v>
      </c>
      <c r="D276" s="1" t="s">
        <v>243</v>
      </c>
      <c r="E276" s="1" t="s">
        <v>7</v>
      </c>
    </row>
    <row r="277">
      <c r="A277" s="1">
        <v>4.90384848E8</v>
      </c>
      <c r="B277" s="2">
        <v>11771.0</v>
      </c>
      <c r="C277" s="1" t="s">
        <v>5</v>
      </c>
      <c r="D277" s="1" t="s">
        <v>244</v>
      </c>
      <c r="E277" s="1" t="s">
        <v>11</v>
      </c>
    </row>
    <row r="278">
      <c r="A278" s="1">
        <v>4.90384854E8</v>
      </c>
      <c r="B278" s="2">
        <v>11778.0</v>
      </c>
      <c r="C278" s="1" t="s">
        <v>5</v>
      </c>
      <c r="D278" s="1" t="s">
        <v>245</v>
      </c>
      <c r="E278" s="1" t="s">
        <v>246</v>
      </c>
    </row>
    <row r="279">
      <c r="A279" s="1">
        <v>4.90384856E8</v>
      </c>
      <c r="B279" s="2">
        <v>11766.0</v>
      </c>
      <c r="C279" s="1" t="s">
        <v>5</v>
      </c>
      <c r="D279" s="1" t="s">
        <v>247</v>
      </c>
      <c r="E279" s="1" t="s">
        <v>7</v>
      </c>
    </row>
    <row r="280">
      <c r="A280" s="1">
        <v>4.90384862E8</v>
      </c>
      <c r="B280" s="2">
        <v>11769.0</v>
      </c>
      <c r="C280" s="1" t="s">
        <v>5</v>
      </c>
      <c r="D280" s="1" t="s">
        <v>248</v>
      </c>
      <c r="E280" s="1" t="s">
        <v>7</v>
      </c>
    </row>
    <row r="281">
      <c r="A281" s="1">
        <v>4.90384863E8</v>
      </c>
      <c r="B281" s="2">
        <v>11770.0</v>
      </c>
      <c r="C281" s="1" t="s">
        <v>5</v>
      </c>
      <c r="D281" s="1" t="s">
        <v>249</v>
      </c>
      <c r="E281" s="1" t="s">
        <v>11</v>
      </c>
    </row>
    <row r="282">
      <c r="A282" s="1">
        <v>4.90384865E8</v>
      </c>
      <c r="B282" s="2">
        <v>11771.0</v>
      </c>
      <c r="C282" s="1" t="s">
        <v>5</v>
      </c>
      <c r="D282" s="1" t="s">
        <v>250</v>
      </c>
      <c r="E282" s="1" t="s">
        <v>251</v>
      </c>
    </row>
    <row r="283">
      <c r="A283" s="1">
        <v>4.90384866E8</v>
      </c>
      <c r="B283" s="2">
        <v>11766.0</v>
      </c>
      <c r="C283" s="1" t="s">
        <v>5</v>
      </c>
      <c r="D283" s="1" t="s">
        <v>11</v>
      </c>
      <c r="E283" s="1" t="s">
        <v>7</v>
      </c>
    </row>
    <row r="284">
      <c r="A284" s="1">
        <v>4.9038487E8</v>
      </c>
      <c r="B284" s="2">
        <v>11808.0</v>
      </c>
      <c r="C284" s="1" t="s">
        <v>5</v>
      </c>
      <c r="D284" s="1" t="s">
        <v>252</v>
      </c>
      <c r="E284" s="1" t="s">
        <v>7</v>
      </c>
    </row>
    <row r="285">
      <c r="A285" s="1">
        <v>4.90384873E8</v>
      </c>
      <c r="B285" s="2">
        <v>11769.0</v>
      </c>
      <c r="C285" s="1" t="s">
        <v>5</v>
      </c>
      <c r="D285" s="1" t="s">
        <v>253</v>
      </c>
      <c r="E285" s="1" t="s">
        <v>11</v>
      </c>
    </row>
    <row r="286">
      <c r="A286" s="1">
        <v>4.90384874E8</v>
      </c>
      <c r="B286" s="2">
        <v>11771.0</v>
      </c>
      <c r="C286" s="1" t="s">
        <v>5</v>
      </c>
      <c r="D286" s="1" t="s">
        <v>11</v>
      </c>
      <c r="E286" s="1" t="s">
        <v>7</v>
      </c>
    </row>
    <row r="287">
      <c r="A287" s="1">
        <v>4.90384875E8</v>
      </c>
      <c r="B287" s="2">
        <v>11768.0</v>
      </c>
      <c r="C287" s="1" t="s">
        <v>5</v>
      </c>
      <c r="D287" s="1" t="s">
        <v>254</v>
      </c>
      <c r="E287" s="1" t="s">
        <v>255</v>
      </c>
    </row>
    <row r="288">
      <c r="A288" s="1">
        <v>4.90384881E8</v>
      </c>
      <c r="B288" s="2">
        <v>11771.0</v>
      </c>
      <c r="C288" s="1" t="s">
        <v>5</v>
      </c>
      <c r="D288" s="1" t="s">
        <v>256</v>
      </c>
      <c r="E288" s="1" t="s">
        <v>257</v>
      </c>
    </row>
    <row r="289">
      <c r="A289" s="1">
        <v>4.90384889E8</v>
      </c>
      <c r="B289" s="2">
        <v>11766.0</v>
      </c>
      <c r="C289" s="1" t="s">
        <v>5</v>
      </c>
      <c r="D289" s="1" t="s">
        <v>11</v>
      </c>
      <c r="E289" s="1" t="s">
        <v>7</v>
      </c>
    </row>
    <row r="290">
      <c r="A290" s="1">
        <v>4.90384891E8</v>
      </c>
      <c r="B290" s="2">
        <v>11766.0</v>
      </c>
      <c r="C290" s="1" t="s">
        <v>5</v>
      </c>
      <c r="D290" s="1" t="s">
        <v>11</v>
      </c>
      <c r="E290" s="1" t="s">
        <v>7</v>
      </c>
    </row>
    <row r="291">
      <c r="A291" s="1">
        <v>4.90384892E8</v>
      </c>
      <c r="B291" s="2">
        <v>11771.0</v>
      </c>
      <c r="C291" s="1" t="s">
        <v>5</v>
      </c>
      <c r="D291" s="1" t="s">
        <v>258</v>
      </c>
      <c r="E291" s="1" t="s">
        <v>11</v>
      </c>
    </row>
    <row r="292">
      <c r="A292" s="1">
        <v>4.90384899E8</v>
      </c>
      <c r="B292" s="2">
        <v>11769.0</v>
      </c>
      <c r="C292" s="1" t="s">
        <v>5</v>
      </c>
      <c r="D292" s="1" t="s">
        <v>259</v>
      </c>
      <c r="E292" s="1" t="s">
        <v>11</v>
      </c>
    </row>
    <row r="293">
      <c r="A293" s="1">
        <v>4.903849E8</v>
      </c>
      <c r="B293" s="2">
        <v>11771.0</v>
      </c>
      <c r="C293" s="1" t="s">
        <v>5</v>
      </c>
      <c r="D293" s="1" t="s">
        <v>260</v>
      </c>
      <c r="E293" s="1" t="s">
        <v>11</v>
      </c>
    </row>
    <row r="294">
      <c r="A294" s="1">
        <v>4.90384902E8</v>
      </c>
      <c r="B294" s="2">
        <v>11766.0</v>
      </c>
      <c r="C294" s="1" t="s">
        <v>5</v>
      </c>
      <c r="D294" s="1" t="s">
        <v>11</v>
      </c>
      <c r="E294" s="1" t="s">
        <v>7</v>
      </c>
    </row>
    <row r="295">
      <c r="A295" s="1">
        <v>4.90384912E8</v>
      </c>
      <c r="B295" s="2">
        <v>11769.0</v>
      </c>
      <c r="C295" s="1" t="s">
        <v>5</v>
      </c>
      <c r="D295" s="1" t="s">
        <v>261</v>
      </c>
      <c r="E295" s="1" t="s">
        <v>262</v>
      </c>
    </row>
    <row r="296">
      <c r="A296" s="1">
        <v>4.90384915E8</v>
      </c>
      <c r="B296" s="2">
        <v>11777.0</v>
      </c>
      <c r="C296" s="1" t="s">
        <v>5</v>
      </c>
      <c r="D296" s="1" t="s">
        <v>263</v>
      </c>
      <c r="E296" s="1" t="s">
        <v>7</v>
      </c>
    </row>
    <row r="297">
      <c r="A297" s="1">
        <v>4.90384917E8</v>
      </c>
      <c r="B297" s="2">
        <v>11771.0</v>
      </c>
      <c r="C297" s="1" t="s">
        <v>5</v>
      </c>
      <c r="D297" s="1" t="s">
        <v>67</v>
      </c>
      <c r="E297" s="1" t="s">
        <v>7</v>
      </c>
    </row>
    <row r="298">
      <c r="A298" s="1">
        <v>4.90384919E8</v>
      </c>
      <c r="B298" s="2">
        <v>11766.0</v>
      </c>
      <c r="C298" s="1" t="s">
        <v>5</v>
      </c>
      <c r="D298" s="1" t="s">
        <v>264</v>
      </c>
      <c r="E298" s="1" t="s">
        <v>7</v>
      </c>
    </row>
    <row r="299">
      <c r="A299" s="1">
        <v>4.9038494E8</v>
      </c>
      <c r="B299" s="2">
        <v>11770.0</v>
      </c>
      <c r="C299" s="1" t="s">
        <v>5</v>
      </c>
      <c r="D299" s="1" t="s">
        <v>265</v>
      </c>
      <c r="E299" s="1" t="s">
        <v>7</v>
      </c>
    </row>
    <row r="300">
      <c r="A300" s="1">
        <v>4.90384941E8</v>
      </c>
      <c r="B300" s="2">
        <v>11771.0</v>
      </c>
      <c r="C300" s="1" t="s">
        <v>5</v>
      </c>
      <c r="D300" s="1" t="s">
        <v>266</v>
      </c>
      <c r="E300" s="1" t="s">
        <v>7</v>
      </c>
    </row>
    <row r="301">
      <c r="A301" s="1">
        <v>4.90384944E8</v>
      </c>
      <c r="B301" s="2">
        <v>11779.0</v>
      </c>
      <c r="C301" s="1" t="s">
        <v>5</v>
      </c>
      <c r="D301" s="1" t="s">
        <v>267</v>
      </c>
      <c r="E301" s="1" t="s">
        <v>268</v>
      </c>
    </row>
    <row r="302">
      <c r="A302" s="1">
        <v>4.90384947E8</v>
      </c>
      <c r="B302" s="2">
        <v>11769.0</v>
      </c>
      <c r="C302" s="1" t="s">
        <v>5</v>
      </c>
      <c r="D302" s="1" t="s">
        <v>269</v>
      </c>
      <c r="E302" s="1" t="s">
        <v>11</v>
      </c>
    </row>
    <row r="303">
      <c r="A303" s="1">
        <v>4.90384949E8</v>
      </c>
      <c r="B303" s="2">
        <v>11770.0</v>
      </c>
      <c r="C303" s="1" t="s">
        <v>5</v>
      </c>
      <c r="D303" s="1" t="s">
        <v>270</v>
      </c>
      <c r="E303" s="1" t="s">
        <v>271</v>
      </c>
    </row>
    <row r="304">
      <c r="A304" s="1">
        <v>4.90384956E8</v>
      </c>
      <c r="B304" s="2">
        <v>11770.0</v>
      </c>
      <c r="C304" s="1" t="s">
        <v>5</v>
      </c>
      <c r="D304" s="1" t="s">
        <v>272</v>
      </c>
      <c r="E304" s="1" t="s">
        <v>273</v>
      </c>
    </row>
    <row r="305">
      <c r="A305" s="1">
        <v>4.90384957E8</v>
      </c>
      <c r="B305" s="2">
        <v>11807.0</v>
      </c>
      <c r="C305" s="1" t="s">
        <v>5</v>
      </c>
      <c r="D305" s="1" t="s">
        <v>11</v>
      </c>
      <c r="E305" s="1" t="s">
        <v>7</v>
      </c>
    </row>
    <row r="306">
      <c r="A306" s="1">
        <v>4.90384961E8</v>
      </c>
      <c r="B306" s="2">
        <v>11770.0</v>
      </c>
      <c r="C306" s="1" t="s">
        <v>5</v>
      </c>
      <c r="D306" s="1" t="s">
        <v>274</v>
      </c>
      <c r="E306" s="1" t="s">
        <v>7</v>
      </c>
    </row>
    <row r="307">
      <c r="A307" s="1">
        <v>4.90384964E8</v>
      </c>
      <c r="B307" s="2">
        <v>11807.0</v>
      </c>
      <c r="C307" s="1" t="s">
        <v>5</v>
      </c>
      <c r="D307" s="1" t="s">
        <v>275</v>
      </c>
      <c r="E307" s="1" t="s">
        <v>7</v>
      </c>
    </row>
    <row r="308">
      <c r="A308" s="1">
        <v>4.90384965E8</v>
      </c>
      <c r="B308" s="2">
        <v>11766.0</v>
      </c>
      <c r="C308" s="1" t="s">
        <v>5</v>
      </c>
      <c r="D308" s="1" t="s">
        <v>11</v>
      </c>
      <c r="E308" s="1" t="s">
        <v>7</v>
      </c>
    </row>
    <row r="309">
      <c r="A309" s="1">
        <v>4.90384969E8</v>
      </c>
      <c r="B309" s="2">
        <v>11770.0</v>
      </c>
      <c r="C309" s="1" t="s">
        <v>5</v>
      </c>
      <c r="D309" s="1" t="s">
        <v>276</v>
      </c>
      <c r="E309" s="1" t="s">
        <v>11</v>
      </c>
    </row>
    <row r="310">
      <c r="A310" s="1">
        <v>4.9038497E8</v>
      </c>
      <c r="B310" s="2">
        <v>11807.0</v>
      </c>
      <c r="C310" s="1" t="s">
        <v>5</v>
      </c>
      <c r="D310" s="1" t="s">
        <v>277</v>
      </c>
      <c r="E310" s="1" t="s">
        <v>7</v>
      </c>
    </row>
    <row r="311">
      <c r="A311" s="1">
        <v>4.90384973E8</v>
      </c>
      <c r="B311" s="2">
        <v>11770.0</v>
      </c>
      <c r="C311" s="1" t="s">
        <v>5</v>
      </c>
      <c r="D311" s="1" t="s">
        <v>11</v>
      </c>
      <c r="E311" s="1" t="s">
        <v>7</v>
      </c>
    </row>
    <row r="312">
      <c r="A312" s="1">
        <v>4.90384976E8</v>
      </c>
      <c r="B312" s="2">
        <v>11779.0</v>
      </c>
      <c r="C312" s="1" t="s">
        <v>5</v>
      </c>
      <c r="D312" s="1" t="s">
        <v>11</v>
      </c>
      <c r="E312" s="1" t="s">
        <v>7</v>
      </c>
    </row>
    <row r="313">
      <c r="A313" s="1">
        <v>4.90384978E8</v>
      </c>
      <c r="B313" s="2">
        <v>11807.0</v>
      </c>
      <c r="C313" s="1" t="s">
        <v>5</v>
      </c>
      <c r="D313" s="1" t="s">
        <v>11</v>
      </c>
      <c r="E313" s="1" t="s">
        <v>7</v>
      </c>
    </row>
    <row r="314">
      <c r="A314" s="1">
        <v>4.90384981E8</v>
      </c>
      <c r="B314" s="2">
        <v>11703.0</v>
      </c>
      <c r="C314" s="1" t="s">
        <v>5</v>
      </c>
      <c r="D314" s="1" t="s">
        <v>278</v>
      </c>
      <c r="E314" s="1" t="s">
        <v>7</v>
      </c>
    </row>
    <row r="315">
      <c r="A315" s="1">
        <v>4.90384983E8</v>
      </c>
      <c r="B315" s="2">
        <v>11777.0</v>
      </c>
      <c r="C315" s="1" t="s">
        <v>5</v>
      </c>
      <c r="D315" s="1" t="s">
        <v>279</v>
      </c>
      <c r="E315" s="1" t="s">
        <v>7</v>
      </c>
    </row>
    <row r="316">
      <c r="A316" s="1">
        <v>4.90384985E8</v>
      </c>
      <c r="B316" s="2">
        <v>11766.0</v>
      </c>
      <c r="C316" s="1" t="s">
        <v>5</v>
      </c>
      <c r="D316" s="1" t="s">
        <v>280</v>
      </c>
      <c r="E316" s="1" t="s">
        <v>7</v>
      </c>
    </row>
    <row r="317">
      <c r="A317" s="1">
        <v>4.90384988E8</v>
      </c>
      <c r="B317" s="2">
        <v>11779.0</v>
      </c>
      <c r="C317" s="1" t="s">
        <v>5</v>
      </c>
      <c r="D317" s="1" t="s">
        <v>281</v>
      </c>
      <c r="E317" s="1" t="s">
        <v>7</v>
      </c>
    </row>
    <row r="318">
      <c r="A318" s="1">
        <v>4.90384993E8</v>
      </c>
      <c r="B318" s="2">
        <v>11770.0</v>
      </c>
      <c r="C318" s="1" t="s">
        <v>5</v>
      </c>
      <c r="D318" s="1" t="s">
        <v>282</v>
      </c>
      <c r="E318" s="1" t="s">
        <v>11</v>
      </c>
    </row>
    <row r="319">
      <c r="A319" s="1">
        <v>4.90384995E8</v>
      </c>
      <c r="B319" s="2">
        <v>11787.0</v>
      </c>
      <c r="C319" s="1" t="s">
        <v>5</v>
      </c>
      <c r="D319" s="1" t="s">
        <v>283</v>
      </c>
      <c r="E319" s="1" t="s">
        <v>7</v>
      </c>
    </row>
    <row r="320">
      <c r="A320" s="1">
        <v>4.90384996E8</v>
      </c>
      <c r="B320" s="2">
        <v>11766.0</v>
      </c>
      <c r="C320" s="1" t="s">
        <v>5</v>
      </c>
      <c r="D320" s="1" t="s">
        <v>284</v>
      </c>
      <c r="E320" s="1" t="s">
        <v>7</v>
      </c>
    </row>
    <row r="321">
      <c r="A321" s="1">
        <v>4.90385002E8</v>
      </c>
      <c r="B321" s="2">
        <v>11777.0</v>
      </c>
      <c r="C321" s="1" t="s">
        <v>5</v>
      </c>
      <c r="D321" s="1" t="s">
        <v>285</v>
      </c>
      <c r="E321" s="1" t="s">
        <v>11</v>
      </c>
    </row>
    <row r="322">
      <c r="A322" s="1">
        <v>4.90385013E8</v>
      </c>
      <c r="B322" s="2">
        <v>11787.0</v>
      </c>
      <c r="C322" s="1" t="s">
        <v>5</v>
      </c>
      <c r="D322" s="1" t="s">
        <v>286</v>
      </c>
      <c r="E322" s="1" t="s">
        <v>7</v>
      </c>
    </row>
    <row r="323">
      <c r="A323" s="1">
        <v>4.90385014E8</v>
      </c>
      <c r="B323" s="2">
        <v>11770.0</v>
      </c>
      <c r="C323" s="1" t="s">
        <v>5</v>
      </c>
      <c r="D323" s="1" t="s">
        <v>287</v>
      </c>
      <c r="E323" s="1" t="s">
        <v>7</v>
      </c>
    </row>
    <row r="324">
      <c r="A324" s="1">
        <v>4.90385024E8</v>
      </c>
      <c r="B324" s="2">
        <v>11787.0</v>
      </c>
      <c r="C324" s="1" t="s">
        <v>5</v>
      </c>
      <c r="D324" s="1" t="s">
        <v>11</v>
      </c>
      <c r="E324" s="1" t="s">
        <v>7</v>
      </c>
    </row>
    <row r="325">
      <c r="A325" s="1">
        <v>4.90385028E8</v>
      </c>
      <c r="B325" s="2">
        <v>11779.0</v>
      </c>
      <c r="C325" s="1" t="s">
        <v>5</v>
      </c>
      <c r="D325" s="1" t="s">
        <v>11</v>
      </c>
      <c r="E325" s="1" t="s">
        <v>7</v>
      </c>
    </row>
    <row r="326">
      <c r="A326" s="1">
        <v>4.90385029E8</v>
      </c>
      <c r="B326" s="2">
        <v>11770.0</v>
      </c>
      <c r="C326" s="1" t="s">
        <v>5</v>
      </c>
      <c r="D326" s="1" t="s">
        <v>11</v>
      </c>
      <c r="E326" s="1" t="s">
        <v>7</v>
      </c>
    </row>
    <row r="327">
      <c r="A327" s="1">
        <v>4.9038503E8</v>
      </c>
      <c r="B327" s="2">
        <v>11805.0</v>
      </c>
      <c r="C327" s="1" t="s">
        <v>5</v>
      </c>
      <c r="D327" s="1" t="s">
        <v>288</v>
      </c>
      <c r="E327" s="1" t="s">
        <v>11</v>
      </c>
    </row>
    <row r="328">
      <c r="A328" s="1">
        <v>4.90385033E8</v>
      </c>
      <c r="B328" s="2">
        <v>11766.0</v>
      </c>
      <c r="C328" s="1" t="s">
        <v>5</v>
      </c>
      <c r="D328" s="1" t="s">
        <v>289</v>
      </c>
      <c r="E328" s="1" t="s">
        <v>7</v>
      </c>
    </row>
    <row r="329">
      <c r="A329" s="1">
        <v>4.90385036E8</v>
      </c>
      <c r="B329" s="2">
        <v>11787.0</v>
      </c>
      <c r="C329" s="1" t="s">
        <v>5</v>
      </c>
      <c r="D329" s="1" t="s">
        <v>290</v>
      </c>
      <c r="E329" s="1" t="s">
        <v>7</v>
      </c>
    </row>
    <row r="330">
      <c r="A330" s="1">
        <v>4.90385039E8</v>
      </c>
      <c r="B330" s="2">
        <v>11776.0</v>
      </c>
      <c r="C330" s="1" t="s">
        <v>5</v>
      </c>
      <c r="D330" s="1" t="s">
        <v>291</v>
      </c>
      <c r="E330" s="1" t="s">
        <v>7</v>
      </c>
    </row>
    <row r="331">
      <c r="A331" s="1">
        <v>4.90385046E8</v>
      </c>
      <c r="B331" s="2">
        <v>11787.0</v>
      </c>
      <c r="C331" s="1" t="s">
        <v>5</v>
      </c>
      <c r="D331" s="1" t="s">
        <v>11</v>
      </c>
      <c r="E331" s="1" t="s">
        <v>7</v>
      </c>
    </row>
    <row r="332">
      <c r="A332" s="1">
        <v>4.90385055E8</v>
      </c>
      <c r="B332" s="2">
        <v>11769.0</v>
      </c>
      <c r="C332" s="1" t="s">
        <v>5</v>
      </c>
      <c r="D332" s="1" t="s">
        <v>292</v>
      </c>
      <c r="E332" s="1" t="s">
        <v>293</v>
      </c>
    </row>
    <row r="333">
      <c r="A333" s="1">
        <v>4.90385058E8</v>
      </c>
      <c r="B333" s="2">
        <v>11787.0</v>
      </c>
      <c r="C333" s="1" t="s">
        <v>5</v>
      </c>
      <c r="D333" s="1" t="s">
        <v>294</v>
      </c>
      <c r="E333" s="1" t="s">
        <v>11</v>
      </c>
    </row>
    <row r="334">
      <c r="A334" s="1">
        <v>4.90385064E8</v>
      </c>
      <c r="B334" s="2">
        <v>11770.0</v>
      </c>
      <c r="C334" s="1" t="s">
        <v>5</v>
      </c>
      <c r="D334" s="1" t="s">
        <v>11</v>
      </c>
      <c r="E334" s="1" t="s">
        <v>7</v>
      </c>
    </row>
    <row r="335">
      <c r="A335" s="1">
        <v>4.90385066E8</v>
      </c>
      <c r="B335" s="2">
        <v>11769.0</v>
      </c>
      <c r="C335" s="1" t="s">
        <v>5</v>
      </c>
      <c r="D335" s="1" t="s">
        <v>295</v>
      </c>
      <c r="E335" s="1" t="s">
        <v>7</v>
      </c>
    </row>
    <row r="336">
      <c r="A336" s="1">
        <v>4.9038507E8</v>
      </c>
      <c r="B336" s="2">
        <v>11776.0</v>
      </c>
      <c r="C336" s="1" t="s">
        <v>5</v>
      </c>
      <c r="D336" s="1" t="s">
        <v>11</v>
      </c>
      <c r="E336" s="1" t="s">
        <v>7</v>
      </c>
    </row>
    <row r="337">
      <c r="A337" s="1">
        <v>4.90385073E8</v>
      </c>
      <c r="B337" s="2">
        <v>11778.0</v>
      </c>
      <c r="C337" s="1" t="s">
        <v>5</v>
      </c>
      <c r="D337" s="1" t="s">
        <v>296</v>
      </c>
      <c r="E337" s="1" t="s">
        <v>11</v>
      </c>
    </row>
    <row r="338">
      <c r="A338" s="1">
        <v>4.90385078E8</v>
      </c>
      <c r="B338" s="2">
        <v>11770.0</v>
      </c>
      <c r="C338" s="1" t="s">
        <v>5</v>
      </c>
      <c r="D338" s="1" t="s">
        <v>297</v>
      </c>
      <c r="E338" s="1" t="s">
        <v>7</v>
      </c>
    </row>
    <row r="339">
      <c r="A339" s="1">
        <v>4.90385079E8</v>
      </c>
      <c r="B339" s="2">
        <v>11787.0</v>
      </c>
      <c r="C339" s="1" t="s">
        <v>5</v>
      </c>
      <c r="D339" s="1" t="s">
        <v>298</v>
      </c>
      <c r="E339" s="1" t="s">
        <v>7</v>
      </c>
    </row>
    <row r="340">
      <c r="A340" s="1">
        <v>4.90385085E8</v>
      </c>
      <c r="B340" s="2">
        <v>11787.0</v>
      </c>
      <c r="C340" s="1" t="s">
        <v>5</v>
      </c>
      <c r="D340" s="1" t="s">
        <v>11</v>
      </c>
      <c r="E340" s="1" t="s">
        <v>7</v>
      </c>
    </row>
    <row r="341">
      <c r="A341" s="1">
        <v>4.90385086E8</v>
      </c>
      <c r="B341" s="2">
        <v>11778.0</v>
      </c>
      <c r="C341" s="1" t="s">
        <v>5</v>
      </c>
      <c r="D341" s="1" t="s">
        <v>11</v>
      </c>
      <c r="E341" s="1" t="s">
        <v>7</v>
      </c>
    </row>
    <row r="342">
      <c r="A342" s="1">
        <v>4.90385091E8</v>
      </c>
      <c r="B342" s="2">
        <v>11770.0</v>
      </c>
      <c r="C342" s="1" t="s">
        <v>5</v>
      </c>
      <c r="D342" s="1" t="s">
        <v>299</v>
      </c>
      <c r="E342" s="1" t="s">
        <v>7</v>
      </c>
    </row>
    <row r="343">
      <c r="A343" s="1">
        <v>4.90385094E8</v>
      </c>
      <c r="B343" s="2">
        <v>11778.0</v>
      </c>
      <c r="C343" s="1" t="s">
        <v>5</v>
      </c>
      <c r="D343" s="1" t="s">
        <v>300</v>
      </c>
      <c r="E343" s="1" t="s">
        <v>7</v>
      </c>
    </row>
    <row r="344">
      <c r="A344" s="1">
        <v>4.90385097E8</v>
      </c>
      <c r="B344" s="2">
        <v>11769.0</v>
      </c>
      <c r="C344" s="1" t="s">
        <v>5</v>
      </c>
      <c r="D344" s="1" t="s">
        <v>301</v>
      </c>
      <c r="E344" s="1" t="s">
        <v>7</v>
      </c>
    </row>
    <row r="345">
      <c r="A345" s="1">
        <v>4.90385101E8</v>
      </c>
      <c r="B345" s="2">
        <v>11770.0</v>
      </c>
      <c r="C345" s="1" t="s">
        <v>5</v>
      </c>
      <c r="D345" s="1" t="s">
        <v>11</v>
      </c>
      <c r="E345" s="1" t="s">
        <v>7</v>
      </c>
    </row>
    <row r="346">
      <c r="A346" s="1">
        <v>4.90385102E8</v>
      </c>
      <c r="B346" s="2">
        <v>11808.0</v>
      </c>
      <c r="C346" s="1" t="s">
        <v>5</v>
      </c>
      <c r="D346" s="1" t="s">
        <v>302</v>
      </c>
      <c r="E346" s="1" t="s">
        <v>7</v>
      </c>
    </row>
    <row r="347">
      <c r="A347" s="1">
        <v>4.90385103E8</v>
      </c>
      <c r="B347" s="2">
        <v>11766.0</v>
      </c>
      <c r="C347" s="1" t="s">
        <v>5</v>
      </c>
      <c r="D347" s="1" t="s">
        <v>303</v>
      </c>
      <c r="E347" s="1" t="s">
        <v>7</v>
      </c>
    </row>
    <row r="348">
      <c r="A348" s="1">
        <v>4.90385105E8</v>
      </c>
      <c r="B348" s="2">
        <v>11778.0</v>
      </c>
      <c r="C348" s="1" t="s">
        <v>5</v>
      </c>
      <c r="D348" s="1" t="s">
        <v>304</v>
      </c>
      <c r="E348" s="1" t="s">
        <v>7</v>
      </c>
    </row>
    <row r="349">
      <c r="A349" s="1">
        <v>4.90385108E8</v>
      </c>
      <c r="B349" s="2">
        <v>11808.0</v>
      </c>
      <c r="C349" s="1" t="s">
        <v>5</v>
      </c>
      <c r="D349" s="1" t="s">
        <v>305</v>
      </c>
      <c r="E349" s="1" t="s">
        <v>306</v>
      </c>
    </row>
    <row r="350">
      <c r="A350" s="1">
        <v>4.90385115E8</v>
      </c>
      <c r="B350" s="2">
        <v>11766.0</v>
      </c>
      <c r="C350" s="1" t="s">
        <v>5</v>
      </c>
      <c r="D350" s="1" t="s">
        <v>307</v>
      </c>
      <c r="E350" s="1" t="s">
        <v>308</v>
      </c>
    </row>
    <row r="351">
      <c r="A351" s="1">
        <v>4.90385117E8</v>
      </c>
      <c r="B351" s="2">
        <v>11766.0</v>
      </c>
      <c r="C351" s="1" t="s">
        <v>5</v>
      </c>
      <c r="D351" s="1" t="s">
        <v>11</v>
      </c>
      <c r="E351" s="1" t="s">
        <v>7</v>
      </c>
    </row>
    <row r="352">
      <c r="A352" s="1">
        <v>4.90385118E8</v>
      </c>
      <c r="B352" s="2">
        <v>11777.0</v>
      </c>
      <c r="C352" s="1" t="s">
        <v>5</v>
      </c>
      <c r="D352" s="1" t="s">
        <v>11</v>
      </c>
      <c r="E352" s="1" t="s">
        <v>7</v>
      </c>
    </row>
    <row r="353">
      <c r="A353" s="1">
        <v>4.90385119E8</v>
      </c>
      <c r="B353" s="2">
        <v>11806.0</v>
      </c>
      <c r="C353" s="1" t="s">
        <v>5</v>
      </c>
      <c r="D353" s="1" t="s">
        <v>309</v>
      </c>
      <c r="E353" s="1" t="s">
        <v>11</v>
      </c>
    </row>
    <row r="354">
      <c r="A354" s="1">
        <v>4.90385127E8</v>
      </c>
      <c r="B354" s="2">
        <v>11769.0</v>
      </c>
      <c r="C354" s="1" t="s">
        <v>5</v>
      </c>
      <c r="D354" s="1" t="s">
        <v>310</v>
      </c>
      <c r="E354" s="1" t="s">
        <v>7</v>
      </c>
    </row>
    <row r="355">
      <c r="A355" s="1">
        <v>4.90385128E8</v>
      </c>
      <c r="B355" s="2">
        <v>11787.0</v>
      </c>
      <c r="C355" s="1" t="s">
        <v>5</v>
      </c>
      <c r="D355" s="1" t="s">
        <v>311</v>
      </c>
      <c r="E355" s="1" t="s">
        <v>7</v>
      </c>
    </row>
    <row r="356">
      <c r="A356" s="1">
        <v>4.90385133E8</v>
      </c>
      <c r="B356" s="2">
        <v>11766.0</v>
      </c>
      <c r="C356" s="1" t="s">
        <v>5</v>
      </c>
      <c r="D356" s="1" t="s">
        <v>312</v>
      </c>
      <c r="E356" s="1" t="s">
        <v>7</v>
      </c>
    </row>
    <row r="357">
      <c r="A357" s="1">
        <v>4.90385136E8</v>
      </c>
      <c r="B357" s="2">
        <v>11769.0</v>
      </c>
      <c r="C357" s="1" t="s">
        <v>5</v>
      </c>
      <c r="D357" s="1" t="s">
        <v>11</v>
      </c>
      <c r="E357" s="1" t="s">
        <v>7</v>
      </c>
    </row>
    <row r="358">
      <c r="A358" s="1">
        <v>4.90385138E8</v>
      </c>
      <c r="B358" s="2">
        <v>11808.0</v>
      </c>
      <c r="C358" s="1" t="s">
        <v>5</v>
      </c>
      <c r="D358" s="1" t="s">
        <v>313</v>
      </c>
      <c r="E358" s="1" t="s">
        <v>314</v>
      </c>
    </row>
    <row r="359">
      <c r="A359" s="1">
        <v>4.9038514E8</v>
      </c>
      <c r="B359" s="2">
        <v>11777.0</v>
      </c>
      <c r="C359" s="1" t="s">
        <v>5</v>
      </c>
      <c r="D359" s="1" t="s">
        <v>315</v>
      </c>
      <c r="E359" s="1" t="s">
        <v>11</v>
      </c>
    </row>
    <row r="360">
      <c r="A360" s="1">
        <v>4.90385152E8</v>
      </c>
      <c r="B360" s="2">
        <v>11800.0</v>
      </c>
      <c r="C360" s="1" t="s">
        <v>5</v>
      </c>
      <c r="D360" s="1" t="s">
        <v>316</v>
      </c>
      <c r="E360" s="1" t="s">
        <v>7</v>
      </c>
    </row>
    <row r="361">
      <c r="A361" s="1">
        <v>4.90385153E8</v>
      </c>
      <c r="B361" s="2">
        <v>11777.0</v>
      </c>
      <c r="C361" s="1" t="s">
        <v>5</v>
      </c>
      <c r="D361" s="1" t="s">
        <v>317</v>
      </c>
      <c r="E361" s="1" t="s">
        <v>11</v>
      </c>
    </row>
    <row r="362">
      <c r="A362" s="1">
        <v>4.90385157E8</v>
      </c>
      <c r="B362" s="2">
        <v>11703.0</v>
      </c>
      <c r="C362" s="1" t="s">
        <v>5</v>
      </c>
      <c r="D362" s="1" t="s">
        <v>318</v>
      </c>
      <c r="E362" s="1" t="s">
        <v>319</v>
      </c>
    </row>
    <row r="363">
      <c r="A363" s="1">
        <v>4.9038516E8</v>
      </c>
      <c r="B363" s="2">
        <v>11805.0</v>
      </c>
      <c r="C363" s="1" t="s">
        <v>5</v>
      </c>
      <c r="D363" s="1" t="s">
        <v>7</v>
      </c>
      <c r="E363" s="1" t="s">
        <v>7</v>
      </c>
    </row>
    <row r="364">
      <c r="A364" s="1">
        <v>4.90385166E8</v>
      </c>
      <c r="B364" s="2">
        <v>11800.0</v>
      </c>
      <c r="C364" s="1" t="s">
        <v>5</v>
      </c>
      <c r="D364" s="1" t="s">
        <v>11</v>
      </c>
      <c r="E364" s="1" t="s">
        <v>7</v>
      </c>
    </row>
    <row r="365">
      <c r="A365" s="1">
        <v>4.9038517E8</v>
      </c>
      <c r="B365" s="2">
        <v>11775.0</v>
      </c>
      <c r="C365" s="1" t="s">
        <v>5</v>
      </c>
      <c r="D365" s="1" t="s">
        <v>320</v>
      </c>
      <c r="E365" s="1" t="s">
        <v>11</v>
      </c>
    </row>
    <row r="366">
      <c r="A366" s="1">
        <v>4.90385173E8</v>
      </c>
      <c r="B366" s="2">
        <v>11719.0</v>
      </c>
      <c r="C366" s="1" t="s">
        <v>5</v>
      </c>
      <c r="D366" s="1" t="s">
        <v>321</v>
      </c>
      <c r="E366" s="1" t="s">
        <v>7</v>
      </c>
    </row>
    <row r="367">
      <c r="A367" s="1">
        <v>4.90385176E8</v>
      </c>
      <c r="B367" s="2">
        <v>11808.0</v>
      </c>
      <c r="C367" s="1" t="s">
        <v>5</v>
      </c>
      <c r="D367" s="1" t="s">
        <v>322</v>
      </c>
      <c r="E367" s="1" t="s">
        <v>11</v>
      </c>
    </row>
    <row r="368">
      <c r="A368" s="1">
        <v>4.90385177E8</v>
      </c>
      <c r="B368" s="2">
        <v>11766.0</v>
      </c>
      <c r="C368" s="1" t="s">
        <v>5</v>
      </c>
      <c r="D368" s="1" t="s">
        <v>323</v>
      </c>
      <c r="E368" s="1" t="s">
        <v>7</v>
      </c>
    </row>
    <row r="369">
      <c r="A369" s="1">
        <v>4.90385178E8</v>
      </c>
      <c r="B369" s="2">
        <v>11777.0</v>
      </c>
      <c r="C369" s="1" t="s">
        <v>5</v>
      </c>
      <c r="D369" s="1" t="s">
        <v>324</v>
      </c>
      <c r="E369" s="1" t="s">
        <v>7</v>
      </c>
    </row>
    <row r="370">
      <c r="A370" s="1">
        <v>4.9038518E8</v>
      </c>
      <c r="B370" s="2">
        <v>11766.0</v>
      </c>
      <c r="C370" s="1" t="s">
        <v>5</v>
      </c>
      <c r="D370" s="1" t="s">
        <v>325</v>
      </c>
      <c r="E370" s="1" t="s">
        <v>7</v>
      </c>
    </row>
    <row r="371">
      <c r="A371" s="1">
        <v>4.90385181E8</v>
      </c>
      <c r="B371" s="2">
        <v>11766.0</v>
      </c>
      <c r="C371" s="1" t="s">
        <v>5</v>
      </c>
      <c r="D371" s="1" t="s">
        <v>326</v>
      </c>
      <c r="E371" s="1" t="s">
        <v>7</v>
      </c>
    </row>
    <row r="372">
      <c r="A372" s="1">
        <v>4.90385182E8</v>
      </c>
      <c r="B372" s="2">
        <v>11808.0</v>
      </c>
      <c r="C372" s="1" t="s">
        <v>5</v>
      </c>
      <c r="D372" s="1" t="s">
        <v>11</v>
      </c>
      <c r="E372" s="1" t="s">
        <v>7</v>
      </c>
    </row>
    <row r="373">
      <c r="A373" s="1">
        <v>4.90385183E8</v>
      </c>
      <c r="B373" s="2">
        <v>11800.0</v>
      </c>
      <c r="C373" s="1" t="s">
        <v>5</v>
      </c>
      <c r="D373" s="1" t="s">
        <v>327</v>
      </c>
      <c r="E373" s="1" t="s">
        <v>11</v>
      </c>
    </row>
    <row r="374">
      <c r="A374" s="1">
        <v>4.90385188E8</v>
      </c>
      <c r="B374" s="2">
        <v>11807.0</v>
      </c>
      <c r="C374" s="1" t="s">
        <v>5</v>
      </c>
      <c r="D374" s="1" t="s">
        <v>328</v>
      </c>
      <c r="E374" s="1" t="s">
        <v>7</v>
      </c>
    </row>
    <row r="375">
      <c r="A375" s="1">
        <v>4.90385191E8</v>
      </c>
      <c r="B375" s="2">
        <v>11777.0</v>
      </c>
      <c r="C375" s="1" t="s">
        <v>5</v>
      </c>
      <c r="D375" s="1" t="s">
        <v>11</v>
      </c>
      <c r="E375" s="1" t="s">
        <v>7</v>
      </c>
    </row>
    <row r="376">
      <c r="A376" s="1">
        <v>4.90385194E8</v>
      </c>
      <c r="B376" s="2">
        <v>11805.0</v>
      </c>
      <c r="C376" s="1" t="s">
        <v>5</v>
      </c>
      <c r="D376" s="1" t="s">
        <v>329</v>
      </c>
      <c r="E376" s="1" t="s">
        <v>11</v>
      </c>
    </row>
    <row r="377">
      <c r="A377" s="1">
        <v>4.90385202E8</v>
      </c>
      <c r="B377" s="2">
        <v>11766.0</v>
      </c>
      <c r="C377" s="1" t="s">
        <v>5</v>
      </c>
      <c r="D377" s="1" t="s">
        <v>330</v>
      </c>
      <c r="E377" s="1" t="s">
        <v>7</v>
      </c>
    </row>
    <row r="378">
      <c r="A378" s="1">
        <v>4.90385204E8</v>
      </c>
      <c r="B378" s="2">
        <v>11807.0</v>
      </c>
      <c r="C378" s="1" t="s">
        <v>5</v>
      </c>
      <c r="D378" s="1" t="s">
        <v>331</v>
      </c>
      <c r="E378" s="1" t="s">
        <v>7</v>
      </c>
    </row>
    <row r="379">
      <c r="A379" s="1">
        <v>4.90385208E8</v>
      </c>
      <c r="B379" s="2">
        <v>11807.0</v>
      </c>
      <c r="C379" s="1" t="s">
        <v>5</v>
      </c>
      <c r="D379" s="1" t="s">
        <v>332</v>
      </c>
      <c r="E379" s="1" t="s">
        <v>7</v>
      </c>
    </row>
    <row r="380">
      <c r="A380" s="1">
        <v>4.90385211E8</v>
      </c>
      <c r="B380" s="2">
        <v>11776.0</v>
      </c>
      <c r="C380" s="1" t="s">
        <v>5</v>
      </c>
      <c r="D380" s="1" t="s">
        <v>333</v>
      </c>
      <c r="E380" s="1" t="s">
        <v>11</v>
      </c>
    </row>
    <row r="381">
      <c r="A381" s="1">
        <v>4.90385212E8</v>
      </c>
      <c r="B381" s="2">
        <v>11804.0</v>
      </c>
      <c r="C381" s="1" t="s">
        <v>5</v>
      </c>
      <c r="D381" s="1" t="s">
        <v>334</v>
      </c>
      <c r="E381" s="1" t="s">
        <v>335</v>
      </c>
    </row>
    <row r="382">
      <c r="A382" s="1">
        <v>4.90385216E8</v>
      </c>
      <c r="B382" s="2">
        <v>11807.0</v>
      </c>
      <c r="C382" s="1" t="s">
        <v>5</v>
      </c>
      <c r="D382" s="1" t="s">
        <v>336</v>
      </c>
      <c r="E382" s="1" t="s">
        <v>11</v>
      </c>
    </row>
    <row r="383">
      <c r="A383" s="1">
        <v>4.90385217E8</v>
      </c>
      <c r="B383" s="2">
        <v>11808.0</v>
      </c>
      <c r="C383" s="1" t="s">
        <v>5</v>
      </c>
      <c r="D383" s="1" t="s">
        <v>337</v>
      </c>
      <c r="E383" s="1" t="s">
        <v>11</v>
      </c>
    </row>
    <row r="384">
      <c r="A384" s="1">
        <v>4.90385219E8</v>
      </c>
      <c r="B384" s="2">
        <v>11766.0</v>
      </c>
      <c r="C384" s="1" t="s">
        <v>5</v>
      </c>
      <c r="D384" s="1" t="s">
        <v>338</v>
      </c>
      <c r="E384" s="1" t="s">
        <v>7</v>
      </c>
    </row>
    <row r="385">
      <c r="A385" s="1">
        <v>4.90385223E8</v>
      </c>
      <c r="B385" s="2">
        <v>11766.0</v>
      </c>
      <c r="C385" s="1" t="s">
        <v>5</v>
      </c>
      <c r="D385" s="1" t="s">
        <v>11</v>
      </c>
      <c r="E385" s="1" t="s">
        <v>7</v>
      </c>
    </row>
    <row r="386">
      <c r="A386" s="1">
        <v>4.90385224E8</v>
      </c>
      <c r="B386" s="2">
        <v>11776.0</v>
      </c>
      <c r="C386" s="1" t="s">
        <v>5</v>
      </c>
      <c r="D386" s="1" t="s">
        <v>339</v>
      </c>
      <c r="E386" s="1" t="s">
        <v>7</v>
      </c>
    </row>
    <row r="387">
      <c r="A387" s="1">
        <v>4.90385228E8</v>
      </c>
      <c r="B387" s="2">
        <v>11775.0</v>
      </c>
      <c r="C387" s="1" t="s">
        <v>5</v>
      </c>
      <c r="D387" s="1" t="s">
        <v>11</v>
      </c>
      <c r="E387" s="1" t="s">
        <v>7</v>
      </c>
    </row>
    <row r="388">
      <c r="A388" s="1">
        <v>4.90385229E8</v>
      </c>
      <c r="B388" s="2">
        <v>11787.0</v>
      </c>
      <c r="C388" s="1" t="s">
        <v>5</v>
      </c>
      <c r="D388" s="1" t="s">
        <v>340</v>
      </c>
      <c r="E388" s="1" t="s">
        <v>341</v>
      </c>
    </row>
    <row r="389">
      <c r="A389" s="1">
        <v>4.90385233E8</v>
      </c>
      <c r="B389" s="2">
        <v>11807.0</v>
      </c>
      <c r="C389" s="1" t="s">
        <v>5</v>
      </c>
      <c r="D389" s="1" t="s">
        <v>342</v>
      </c>
      <c r="E389" s="1" t="s">
        <v>11</v>
      </c>
    </row>
    <row r="390">
      <c r="A390" s="1">
        <v>4.90385234E8</v>
      </c>
      <c r="B390" s="2">
        <v>11807.0</v>
      </c>
      <c r="C390" s="1" t="s">
        <v>5</v>
      </c>
      <c r="D390" s="1" t="s">
        <v>343</v>
      </c>
      <c r="E390" s="1" t="s">
        <v>7</v>
      </c>
    </row>
    <row r="391">
      <c r="A391" s="1">
        <v>4.90385239E8</v>
      </c>
      <c r="B391" s="2">
        <v>11800.0</v>
      </c>
      <c r="C391" s="1" t="s">
        <v>5</v>
      </c>
      <c r="D391" s="1" t="s">
        <v>344</v>
      </c>
      <c r="E391" s="1" t="s">
        <v>11</v>
      </c>
    </row>
    <row r="392">
      <c r="A392" s="1">
        <v>4.9038524E8</v>
      </c>
      <c r="B392" s="2">
        <v>11787.0</v>
      </c>
      <c r="C392" s="1" t="s">
        <v>5</v>
      </c>
      <c r="D392" s="1" t="s">
        <v>345</v>
      </c>
      <c r="E392" s="1" t="s">
        <v>7</v>
      </c>
    </row>
    <row r="393">
      <c r="A393" s="1">
        <v>4.90385242E8</v>
      </c>
      <c r="B393" s="2">
        <v>11766.0</v>
      </c>
      <c r="C393" s="1" t="s">
        <v>5</v>
      </c>
      <c r="D393" s="1" t="s">
        <v>346</v>
      </c>
      <c r="E393" s="1" t="s">
        <v>7</v>
      </c>
    </row>
    <row r="394">
      <c r="A394" s="1">
        <v>4.90385243E8</v>
      </c>
      <c r="B394" s="2">
        <v>11807.0</v>
      </c>
      <c r="C394" s="1" t="s">
        <v>5</v>
      </c>
      <c r="D394" s="1" t="s">
        <v>347</v>
      </c>
      <c r="E394" s="1" t="s">
        <v>11</v>
      </c>
    </row>
    <row r="395">
      <c r="A395" s="1">
        <v>4.90385246E8</v>
      </c>
      <c r="B395" s="2">
        <v>11807.0</v>
      </c>
      <c r="C395" s="1" t="s">
        <v>5</v>
      </c>
      <c r="D395" s="1" t="s">
        <v>11</v>
      </c>
      <c r="E395" s="1" t="s">
        <v>7</v>
      </c>
    </row>
    <row r="396">
      <c r="A396" s="1">
        <v>4.90385254E8</v>
      </c>
      <c r="B396" s="2">
        <v>11766.0</v>
      </c>
      <c r="C396" s="1" t="s">
        <v>5</v>
      </c>
      <c r="D396" s="1" t="s">
        <v>11</v>
      </c>
      <c r="E396" s="1" t="s">
        <v>7</v>
      </c>
    </row>
    <row r="397">
      <c r="A397" s="1">
        <v>4.90385259E8</v>
      </c>
      <c r="B397" s="2">
        <v>11787.0</v>
      </c>
      <c r="C397" s="1" t="s">
        <v>5</v>
      </c>
      <c r="D397" s="1" t="s">
        <v>11</v>
      </c>
      <c r="E397" s="1" t="s">
        <v>7</v>
      </c>
    </row>
    <row r="398">
      <c r="A398" s="1">
        <v>4.9038526E8</v>
      </c>
      <c r="B398" s="2">
        <v>11800.0</v>
      </c>
      <c r="C398" s="1" t="s">
        <v>5</v>
      </c>
      <c r="D398" s="1" t="s">
        <v>348</v>
      </c>
      <c r="E398" s="1" t="s">
        <v>11</v>
      </c>
    </row>
    <row r="399">
      <c r="A399" s="1">
        <v>4.90385263E8</v>
      </c>
      <c r="B399" s="2">
        <v>11807.0</v>
      </c>
      <c r="C399" s="1" t="s">
        <v>5</v>
      </c>
      <c r="D399" s="1" t="s">
        <v>349</v>
      </c>
      <c r="E399" s="1" t="s">
        <v>11</v>
      </c>
    </row>
    <row r="400">
      <c r="A400" s="1">
        <v>4.90385264E8</v>
      </c>
      <c r="B400" s="2">
        <v>11766.0</v>
      </c>
      <c r="C400" s="1" t="s">
        <v>5</v>
      </c>
      <c r="D400" s="1" t="s">
        <v>350</v>
      </c>
      <c r="E400" s="1" t="s">
        <v>7</v>
      </c>
    </row>
    <row r="401">
      <c r="A401" s="1">
        <v>4.90385267E8</v>
      </c>
      <c r="B401" s="2">
        <v>11787.0</v>
      </c>
      <c r="C401" s="1" t="s">
        <v>5</v>
      </c>
      <c r="D401" s="1" t="s">
        <v>351</v>
      </c>
      <c r="E401" s="1" t="s">
        <v>11</v>
      </c>
    </row>
    <row r="402">
      <c r="A402" s="1">
        <v>4.90385273E8</v>
      </c>
      <c r="B402" s="2">
        <v>11787.0</v>
      </c>
      <c r="C402" s="1" t="s">
        <v>5</v>
      </c>
      <c r="D402" s="1" t="s">
        <v>11</v>
      </c>
      <c r="E402" s="1" t="s">
        <v>7</v>
      </c>
    </row>
    <row r="403">
      <c r="A403" s="1">
        <v>4.90385274E8</v>
      </c>
      <c r="B403" s="2">
        <v>11776.0</v>
      </c>
      <c r="C403" s="1" t="s">
        <v>5</v>
      </c>
      <c r="D403" s="1" t="s">
        <v>11</v>
      </c>
      <c r="E403" s="1" t="s">
        <v>7</v>
      </c>
    </row>
    <row r="404">
      <c r="A404" s="1">
        <v>4.90385275E8</v>
      </c>
      <c r="B404" s="2">
        <v>11766.0</v>
      </c>
      <c r="C404" s="1" t="s">
        <v>5</v>
      </c>
      <c r="D404" s="1" t="s">
        <v>11</v>
      </c>
      <c r="E404" s="1" t="s">
        <v>7</v>
      </c>
    </row>
    <row r="405">
      <c r="A405" s="1">
        <v>4.90385284E8</v>
      </c>
      <c r="B405" s="2">
        <v>11800.0</v>
      </c>
      <c r="C405" s="1" t="s">
        <v>5</v>
      </c>
      <c r="D405" s="1" t="s">
        <v>352</v>
      </c>
      <c r="E405" s="1" t="s">
        <v>7</v>
      </c>
    </row>
    <row r="406">
      <c r="A406" s="1">
        <v>4.90385287E8</v>
      </c>
      <c r="B406" s="2">
        <v>11775.0</v>
      </c>
      <c r="C406" s="1" t="s">
        <v>5</v>
      </c>
      <c r="D406" s="1" t="s">
        <v>353</v>
      </c>
      <c r="E406" s="1" t="s">
        <v>354</v>
      </c>
    </row>
    <row r="407">
      <c r="A407" s="1">
        <v>4.90385292E8</v>
      </c>
      <c r="B407" s="2">
        <v>11806.0</v>
      </c>
      <c r="C407" s="1" t="s">
        <v>5</v>
      </c>
      <c r="D407" s="1" t="s">
        <v>355</v>
      </c>
      <c r="E407" s="1" t="s">
        <v>11</v>
      </c>
    </row>
    <row r="408">
      <c r="A408" s="1">
        <v>4.90385293E8</v>
      </c>
      <c r="B408" s="2">
        <v>11766.0</v>
      </c>
      <c r="C408" s="1" t="s">
        <v>5</v>
      </c>
      <c r="D408" s="1" t="s">
        <v>73</v>
      </c>
      <c r="E408" s="1" t="s">
        <v>7</v>
      </c>
    </row>
    <row r="409">
      <c r="A409" s="1">
        <v>4.90385294E8</v>
      </c>
      <c r="B409" s="2">
        <v>11805.0</v>
      </c>
      <c r="C409" s="1" t="s">
        <v>5</v>
      </c>
      <c r="D409" s="1" t="s">
        <v>7</v>
      </c>
      <c r="E409" s="1" t="s">
        <v>7</v>
      </c>
    </row>
    <row r="410">
      <c r="A410" s="1">
        <v>4.90385295E8</v>
      </c>
      <c r="B410" s="2">
        <v>11808.0</v>
      </c>
      <c r="C410" s="1" t="s">
        <v>5</v>
      </c>
      <c r="D410" s="1" t="s">
        <v>356</v>
      </c>
      <c r="E410" s="1" t="s">
        <v>7</v>
      </c>
    </row>
    <row r="411">
      <c r="A411" s="1">
        <v>4.90385296E8</v>
      </c>
      <c r="B411" s="2">
        <v>11768.0</v>
      </c>
      <c r="C411" s="1" t="s">
        <v>5</v>
      </c>
      <c r="D411" s="1" t="s">
        <v>357</v>
      </c>
      <c r="E411" s="1" t="s">
        <v>358</v>
      </c>
    </row>
    <row r="412">
      <c r="A412" s="1">
        <v>4.90385297E8</v>
      </c>
      <c r="B412" s="2">
        <v>11787.0</v>
      </c>
      <c r="C412" s="1" t="s">
        <v>5</v>
      </c>
      <c r="D412" s="1" t="s">
        <v>11</v>
      </c>
      <c r="E412" s="1" t="s">
        <v>7</v>
      </c>
    </row>
    <row r="413">
      <c r="A413" s="1">
        <v>4.90385298E8</v>
      </c>
      <c r="B413" s="2">
        <v>11807.0</v>
      </c>
      <c r="C413" s="1" t="s">
        <v>5</v>
      </c>
      <c r="D413" s="1" t="s">
        <v>359</v>
      </c>
      <c r="E413" s="1" t="s">
        <v>7</v>
      </c>
    </row>
    <row r="414">
      <c r="A414" s="1">
        <v>4.903853E8</v>
      </c>
      <c r="B414" s="2">
        <v>11787.0</v>
      </c>
      <c r="C414" s="1" t="s">
        <v>5</v>
      </c>
      <c r="D414" s="1" t="s">
        <v>360</v>
      </c>
      <c r="E414" s="1" t="s">
        <v>7</v>
      </c>
    </row>
    <row r="415">
      <c r="A415" s="1">
        <v>4.90385301E8</v>
      </c>
      <c r="B415" s="2">
        <v>11804.0</v>
      </c>
      <c r="C415" s="1" t="s">
        <v>5</v>
      </c>
      <c r="D415" s="1" t="s">
        <v>73</v>
      </c>
      <c r="E415" s="1" t="s">
        <v>7</v>
      </c>
    </row>
    <row r="416">
      <c r="A416" s="1">
        <v>4.90385302E8</v>
      </c>
      <c r="B416" s="2">
        <v>11805.0</v>
      </c>
      <c r="C416" s="1" t="s">
        <v>5</v>
      </c>
      <c r="D416" s="1" t="s">
        <v>361</v>
      </c>
      <c r="E416" s="1" t="s">
        <v>11</v>
      </c>
    </row>
    <row r="417">
      <c r="A417" s="1">
        <v>4.90385306E8</v>
      </c>
      <c r="B417" s="2">
        <v>11808.0</v>
      </c>
      <c r="C417" s="1" t="s">
        <v>5</v>
      </c>
      <c r="D417" s="1" t="s">
        <v>362</v>
      </c>
      <c r="E417" s="1" t="s">
        <v>7</v>
      </c>
    </row>
    <row r="418">
      <c r="A418" s="1">
        <v>4.90385307E8</v>
      </c>
      <c r="B418" s="2">
        <v>11806.0</v>
      </c>
      <c r="C418" s="1" t="s">
        <v>5</v>
      </c>
      <c r="D418" s="1" t="s">
        <v>363</v>
      </c>
      <c r="E418" s="1" t="s">
        <v>11</v>
      </c>
    </row>
    <row r="419">
      <c r="A419" s="1">
        <v>4.90385308E8</v>
      </c>
      <c r="B419" s="2">
        <v>11775.0</v>
      </c>
      <c r="C419" s="1" t="s">
        <v>5</v>
      </c>
      <c r="D419" s="1" t="s">
        <v>11</v>
      </c>
      <c r="E419" s="1" t="s">
        <v>7</v>
      </c>
    </row>
    <row r="420">
      <c r="A420" s="1">
        <v>4.90385324E8</v>
      </c>
      <c r="B420" s="2">
        <v>11805.0</v>
      </c>
      <c r="C420" s="1" t="s">
        <v>5</v>
      </c>
      <c r="D420" s="1" t="s">
        <v>364</v>
      </c>
      <c r="E420" s="1" t="s">
        <v>11</v>
      </c>
    </row>
    <row r="421">
      <c r="A421" s="1">
        <v>4.90385326E8</v>
      </c>
      <c r="B421" s="2">
        <v>11805.0</v>
      </c>
      <c r="C421" s="1" t="s">
        <v>5</v>
      </c>
      <c r="D421" s="1" t="s">
        <v>365</v>
      </c>
      <c r="E421" s="1" t="s">
        <v>11</v>
      </c>
    </row>
    <row r="422">
      <c r="A422" s="1">
        <v>4.90385327E8</v>
      </c>
      <c r="B422" s="2">
        <v>11806.0</v>
      </c>
      <c r="C422" s="1" t="s">
        <v>5</v>
      </c>
      <c r="D422" s="1" t="s">
        <v>366</v>
      </c>
      <c r="E422" s="1" t="s">
        <v>11</v>
      </c>
    </row>
    <row r="423">
      <c r="A423" s="1">
        <v>4.90385328E8</v>
      </c>
      <c r="B423" s="2">
        <v>11808.0</v>
      </c>
      <c r="C423" s="1" t="s">
        <v>5</v>
      </c>
      <c r="D423" s="1" t="s">
        <v>11</v>
      </c>
      <c r="E423" s="1" t="s">
        <v>7</v>
      </c>
    </row>
    <row r="424">
      <c r="A424" s="1">
        <v>4.90385335E8</v>
      </c>
      <c r="B424" s="2">
        <v>11787.0</v>
      </c>
      <c r="C424" s="1" t="s">
        <v>5</v>
      </c>
      <c r="D424" s="1" t="s">
        <v>73</v>
      </c>
      <c r="E424" s="1" t="s">
        <v>7</v>
      </c>
    </row>
    <row r="425">
      <c r="A425" s="1">
        <v>4.90385338E8</v>
      </c>
      <c r="B425" s="2">
        <v>11808.0</v>
      </c>
      <c r="C425" s="1" t="s">
        <v>5</v>
      </c>
      <c r="D425" s="1" t="s">
        <v>367</v>
      </c>
      <c r="E425" s="1" t="s">
        <v>7</v>
      </c>
    </row>
    <row r="426">
      <c r="A426" s="1">
        <v>4.90385339E8</v>
      </c>
      <c r="B426" s="2">
        <v>11787.0</v>
      </c>
      <c r="C426" s="1" t="s">
        <v>5</v>
      </c>
      <c r="D426" s="1" t="s">
        <v>368</v>
      </c>
      <c r="E426" s="1" t="s">
        <v>7</v>
      </c>
    </row>
    <row r="427">
      <c r="A427" s="1">
        <v>4.9038534E8</v>
      </c>
      <c r="B427" s="2">
        <v>11800.0</v>
      </c>
      <c r="C427" s="1" t="s">
        <v>5</v>
      </c>
      <c r="D427" s="1" t="s">
        <v>369</v>
      </c>
      <c r="E427" s="1" t="s">
        <v>7</v>
      </c>
    </row>
    <row r="428">
      <c r="A428" s="1">
        <v>4.90385342E8</v>
      </c>
      <c r="B428" s="2">
        <v>11804.0</v>
      </c>
      <c r="C428" s="1" t="s">
        <v>5</v>
      </c>
      <c r="D428" s="1" t="s">
        <v>370</v>
      </c>
      <c r="E428" s="1" t="s">
        <v>11</v>
      </c>
    </row>
    <row r="429">
      <c r="A429" s="1">
        <v>4.90385344E8</v>
      </c>
      <c r="B429" s="2">
        <v>11768.0</v>
      </c>
      <c r="C429" s="1" t="s">
        <v>5</v>
      </c>
      <c r="D429" s="1" t="s">
        <v>67</v>
      </c>
      <c r="E429" s="1" t="s">
        <v>7</v>
      </c>
    </row>
    <row r="430">
      <c r="A430" s="1">
        <v>4.9038535E8</v>
      </c>
      <c r="B430" s="2">
        <v>11787.0</v>
      </c>
      <c r="C430" s="1" t="s">
        <v>5</v>
      </c>
      <c r="D430" s="1" t="s">
        <v>371</v>
      </c>
      <c r="E430" s="1" t="s">
        <v>7</v>
      </c>
    </row>
    <row r="431">
      <c r="A431" s="1">
        <v>4.90385353E8</v>
      </c>
      <c r="B431" s="2">
        <v>11799.0</v>
      </c>
      <c r="C431" s="1" t="s">
        <v>5</v>
      </c>
      <c r="D431" s="1" t="s">
        <v>11</v>
      </c>
      <c r="E431" s="1" t="s">
        <v>7</v>
      </c>
    </row>
    <row r="432">
      <c r="A432" s="1">
        <v>4.90385354E8</v>
      </c>
      <c r="B432" s="2">
        <v>11808.0</v>
      </c>
      <c r="C432" s="1" t="s">
        <v>5</v>
      </c>
      <c r="D432" s="1" t="s">
        <v>372</v>
      </c>
      <c r="E432" s="1" t="s">
        <v>7</v>
      </c>
    </row>
    <row r="433">
      <c r="A433" s="1">
        <v>4.90385355E8</v>
      </c>
      <c r="B433" s="2">
        <v>11800.0</v>
      </c>
      <c r="C433" s="1" t="s">
        <v>5</v>
      </c>
      <c r="D433" s="1" t="s">
        <v>373</v>
      </c>
      <c r="E433" s="1" t="s">
        <v>7</v>
      </c>
    </row>
    <row r="434">
      <c r="A434" s="1">
        <v>4.90385356E8</v>
      </c>
      <c r="B434" s="2">
        <v>11808.0</v>
      </c>
      <c r="C434" s="1" t="s">
        <v>5</v>
      </c>
      <c r="D434" s="1" t="s">
        <v>374</v>
      </c>
      <c r="E434" s="1" t="s">
        <v>7</v>
      </c>
    </row>
    <row r="435">
      <c r="A435" s="1">
        <v>4.90385359E8</v>
      </c>
      <c r="B435" s="2">
        <v>11805.0</v>
      </c>
      <c r="C435" s="1" t="s">
        <v>5</v>
      </c>
      <c r="D435" s="1" t="s">
        <v>375</v>
      </c>
      <c r="E435" s="1" t="s">
        <v>7</v>
      </c>
    </row>
    <row r="436">
      <c r="A436" s="1">
        <v>4.90385362E8</v>
      </c>
      <c r="B436" s="2">
        <v>11806.0</v>
      </c>
      <c r="C436" s="1" t="s">
        <v>5</v>
      </c>
      <c r="D436" s="1" t="s">
        <v>376</v>
      </c>
      <c r="E436" s="1" t="s">
        <v>11</v>
      </c>
    </row>
    <row r="437">
      <c r="A437" s="1">
        <v>4.90385366E8</v>
      </c>
      <c r="B437" s="2">
        <v>11787.0</v>
      </c>
      <c r="C437" s="1" t="s">
        <v>5</v>
      </c>
      <c r="D437" s="1" t="s">
        <v>377</v>
      </c>
      <c r="E437" s="1" t="s">
        <v>7</v>
      </c>
    </row>
    <row r="438">
      <c r="A438" s="1">
        <v>4.90385368E8</v>
      </c>
      <c r="B438" s="2">
        <v>11771.0</v>
      </c>
      <c r="C438" s="1" t="s">
        <v>5</v>
      </c>
      <c r="D438" s="1" t="s">
        <v>378</v>
      </c>
      <c r="E438" s="1" t="s">
        <v>7</v>
      </c>
    </row>
    <row r="439">
      <c r="A439" s="1">
        <v>4.90385373E8</v>
      </c>
      <c r="B439" s="2">
        <v>11808.0</v>
      </c>
      <c r="C439" s="1" t="s">
        <v>5</v>
      </c>
      <c r="D439" s="1" t="s">
        <v>379</v>
      </c>
      <c r="E439" s="1" t="s">
        <v>11</v>
      </c>
    </row>
    <row r="440">
      <c r="A440" s="1">
        <v>4.90385374E8</v>
      </c>
      <c r="B440" s="2">
        <v>11805.0</v>
      </c>
      <c r="C440" s="1" t="s">
        <v>5</v>
      </c>
      <c r="D440" s="1" t="s">
        <v>11</v>
      </c>
      <c r="E440" s="1" t="s">
        <v>7</v>
      </c>
    </row>
    <row r="441">
      <c r="A441" s="1">
        <v>4.90385375E8</v>
      </c>
      <c r="B441" s="2">
        <v>11806.0</v>
      </c>
      <c r="C441" s="1" t="s">
        <v>5</v>
      </c>
      <c r="D441" s="1" t="s">
        <v>380</v>
      </c>
      <c r="E441" s="1" t="s">
        <v>7</v>
      </c>
    </row>
    <row r="442">
      <c r="A442" s="1">
        <v>4.90385376E8</v>
      </c>
      <c r="B442" s="2">
        <v>11771.0</v>
      </c>
      <c r="C442" s="1" t="s">
        <v>5</v>
      </c>
      <c r="D442" s="1" t="s">
        <v>381</v>
      </c>
      <c r="E442" s="1" t="s">
        <v>7</v>
      </c>
    </row>
    <row r="443">
      <c r="A443" s="1">
        <v>4.90385377E8</v>
      </c>
      <c r="B443" s="2">
        <v>11787.0</v>
      </c>
      <c r="C443" s="1" t="s">
        <v>5</v>
      </c>
      <c r="D443" s="1" t="s">
        <v>11</v>
      </c>
      <c r="E443" s="1" t="s">
        <v>7</v>
      </c>
    </row>
    <row r="444">
      <c r="A444" s="1">
        <v>4.90385378E8</v>
      </c>
      <c r="B444" s="2">
        <v>11804.0</v>
      </c>
      <c r="C444" s="1" t="s">
        <v>5</v>
      </c>
      <c r="D444" s="1" t="s">
        <v>11</v>
      </c>
      <c r="E444" s="1" t="s">
        <v>7</v>
      </c>
    </row>
    <row r="445">
      <c r="A445" s="1">
        <v>4.90385381E8</v>
      </c>
      <c r="B445" s="2">
        <v>11805.0</v>
      </c>
      <c r="C445" s="1" t="s">
        <v>5</v>
      </c>
      <c r="D445" s="1" t="s">
        <v>382</v>
      </c>
      <c r="E445" s="1" t="s">
        <v>7</v>
      </c>
    </row>
    <row r="446">
      <c r="A446" s="1">
        <v>4.90385383E8</v>
      </c>
      <c r="B446" s="2">
        <v>11770.0</v>
      </c>
      <c r="C446" s="1" t="s">
        <v>5</v>
      </c>
      <c r="D446" s="1" t="s">
        <v>383</v>
      </c>
      <c r="E446" s="1" t="s">
        <v>7</v>
      </c>
    </row>
    <row r="447">
      <c r="A447" s="1">
        <v>4.90385389E8</v>
      </c>
      <c r="B447" s="2">
        <v>11808.0</v>
      </c>
      <c r="C447" s="1" t="s">
        <v>5</v>
      </c>
      <c r="D447" s="1" t="s">
        <v>384</v>
      </c>
      <c r="E447" s="1" t="s">
        <v>7</v>
      </c>
    </row>
    <row r="448">
      <c r="A448" s="1">
        <v>4.90385395E8</v>
      </c>
      <c r="B448" s="2">
        <v>11806.0</v>
      </c>
      <c r="C448" s="1" t="s">
        <v>5</v>
      </c>
      <c r="D448" s="1" t="s">
        <v>385</v>
      </c>
      <c r="E448" s="1" t="s">
        <v>11</v>
      </c>
    </row>
    <row r="449">
      <c r="A449" s="1">
        <v>4.90385401E8</v>
      </c>
      <c r="B449" s="2">
        <v>11804.0</v>
      </c>
      <c r="C449" s="1" t="s">
        <v>5</v>
      </c>
      <c r="D449" s="1" t="s">
        <v>386</v>
      </c>
      <c r="E449" s="1" t="s">
        <v>7</v>
      </c>
    </row>
    <row r="450">
      <c r="A450" s="1">
        <v>4.90385404E8</v>
      </c>
      <c r="B450" s="2">
        <v>11799.0</v>
      </c>
      <c r="C450" s="1" t="s">
        <v>5</v>
      </c>
      <c r="D450" s="1" t="s">
        <v>11</v>
      </c>
      <c r="E450" s="1" t="s">
        <v>7</v>
      </c>
    </row>
    <row r="451">
      <c r="A451" s="1">
        <v>4.90385405E8</v>
      </c>
      <c r="B451" s="2">
        <v>11779.0</v>
      </c>
      <c r="C451" s="1" t="s">
        <v>5</v>
      </c>
      <c r="D451" s="1" t="s">
        <v>387</v>
      </c>
      <c r="E451" s="1" t="s">
        <v>11</v>
      </c>
    </row>
    <row r="452">
      <c r="A452" s="1">
        <v>4.90385407E8</v>
      </c>
      <c r="B452" s="2">
        <v>11808.0</v>
      </c>
      <c r="C452" s="1" t="s">
        <v>5</v>
      </c>
      <c r="D452" s="1" t="s">
        <v>11</v>
      </c>
      <c r="E452" s="1" t="s">
        <v>7</v>
      </c>
    </row>
    <row r="453">
      <c r="A453" s="1">
        <v>4.90385408E8</v>
      </c>
      <c r="B453" s="2">
        <v>11806.0</v>
      </c>
      <c r="C453" s="1" t="s">
        <v>5</v>
      </c>
      <c r="D453" s="1" t="s">
        <v>11</v>
      </c>
      <c r="E453" s="1" t="s">
        <v>7</v>
      </c>
    </row>
    <row r="454">
      <c r="A454" s="1">
        <v>4.90385409E8</v>
      </c>
      <c r="B454" s="2">
        <v>11808.0</v>
      </c>
      <c r="C454" s="1" t="s">
        <v>5</v>
      </c>
      <c r="D454" s="1" t="s">
        <v>388</v>
      </c>
      <c r="E454" s="1" t="s">
        <v>7</v>
      </c>
    </row>
    <row r="455">
      <c r="A455" s="1">
        <v>4.90385412E8</v>
      </c>
      <c r="B455" s="2">
        <v>11770.0</v>
      </c>
      <c r="C455" s="1" t="s">
        <v>5</v>
      </c>
      <c r="D455" s="1" t="s">
        <v>389</v>
      </c>
      <c r="E455" s="1" t="s">
        <v>11</v>
      </c>
    </row>
    <row r="456">
      <c r="A456" s="1">
        <v>4.90385417E8</v>
      </c>
      <c r="B456" s="2">
        <v>11771.0</v>
      </c>
      <c r="C456" s="1" t="s">
        <v>5</v>
      </c>
      <c r="D456" s="1" t="s">
        <v>390</v>
      </c>
      <c r="E456" s="1" t="s">
        <v>7</v>
      </c>
    </row>
    <row r="457">
      <c r="A457" s="1">
        <v>4.90385421E8</v>
      </c>
      <c r="B457" s="2">
        <v>11808.0</v>
      </c>
      <c r="C457" s="1" t="s">
        <v>5</v>
      </c>
      <c r="D457" s="1" t="s">
        <v>391</v>
      </c>
      <c r="E457" s="1" t="s">
        <v>7</v>
      </c>
    </row>
    <row r="458">
      <c r="A458" s="1">
        <v>4.90385431E8</v>
      </c>
      <c r="B458" s="2">
        <v>11800.0</v>
      </c>
      <c r="C458" s="1" t="s">
        <v>5</v>
      </c>
      <c r="D458" s="1" t="s">
        <v>392</v>
      </c>
      <c r="E458" s="1" t="s">
        <v>11</v>
      </c>
    </row>
    <row r="459">
      <c r="A459" s="1">
        <v>4.90385432E8</v>
      </c>
      <c r="B459" s="2">
        <v>11712.0</v>
      </c>
      <c r="C459" s="1" t="s">
        <v>5</v>
      </c>
      <c r="D459" s="1" t="s">
        <v>11</v>
      </c>
      <c r="E459" s="1" t="s">
        <v>7</v>
      </c>
    </row>
    <row r="460">
      <c r="A460" s="1">
        <v>4.90385434E8</v>
      </c>
      <c r="B460" s="2">
        <v>11807.0</v>
      </c>
      <c r="C460" s="1" t="s">
        <v>5</v>
      </c>
      <c r="D460" s="1" t="s">
        <v>393</v>
      </c>
      <c r="E460" s="1" t="s">
        <v>394</v>
      </c>
    </row>
    <row r="461">
      <c r="A461" s="1">
        <v>4.90385437E8</v>
      </c>
      <c r="B461" s="2">
        <v>11808.0</v>
      </c>
      <c r="C461" s="1" t="s">
        <v>5</v>
      </c>
      <c r="D461" s="1" t="s">
        <v>11</v>
      </c>
      <c r="E461" s="1" t="s">
        <v>7</v>
      </c>
    </row>
    <row r="462">
      <c r="A462" s="1">
        <v>4.9038544E8</v>
      </c>
      <c r="B462" s="2">
        <v>11771.0</v>
      </c>
      <c r="C462" s="1" t="s">
        <v>5</v>
      </c>
      <c r="D462" s="1" t="s">
        <v>395</v>
      </c>
      <c r="E462" s="1" t="s">
        <v>7</v>
      </c>
    </row>
    <row r="463">
      <c r="A463" s="1">
        <v>4.90385442E8</v>
      </c>
      <c r="B463" s="2">
        <v>11800.0</v>
      </c>
      <c r="C463" s="1" t="s">
        <v>5</v>
      </c>
      <c r="D463" s="1" t="s">
        <v>396</v>
      </c>
      <c r="E463" s="1" t="s">
        <v>11</v>
      </c>
    </row>
    <row r="464">
      <c r="A464" s="1">
        <v>4.90385445E8</v>
      </c>
      <c r="B464" s="2">
        <v>11807.0</v>
      </c>
      <c r="C464" s="1" t="s">
        <v>5</v>
      </c>
      <c r="D464" s="1" t="s">
        <v>11</v>
      </c>
      <c r="E464" s="1" t="s">
        <v>7</v>
      </c>
    </row>
    <row r="465">
      <c r="A465" s="1">
        <v>4.90385448E8</v>
      </c>
      <c r="B465" s="2">
        <v>11807.0</v>
      </c>
      <c r="C465" s="1" t="s">
        <v>5</v>
      </c>
      <c r="D465" s="1" t="s">
        <v>397</v>
      </c>
      <c r="E465" s="1" t="s">
        <v>7</v>
      </c>
    </row>
    <row r="466">
      <c r="A466" s="1">
        <v>4.90385451E8</v>
      </c>
      <c r="B466" s="2">
        <v>11804.0</v>
      </c>
      <c r="C466" s="1" t="s">
        <v>5</v>
      </c>
      <c r="D466" s="1" t="s">
        <v>398</v>
      </c>
      <c r="E466" s="1" t="s">
        <v>11</v>
      </c>
    </row>
    <row r="467">
      <c r="A467" s="1">
        <v>4.90385454E8</v>
      </c>
      <c r="B467" s="2">
        <v>11808.0</v>
      </c>
      <c r="C467" s="1" t="s">
        <v>5</v>
      </c>
      <c r="D467" s="1" t="s">
        <v>399</v>
      </c>
      <c r="E467" s="1" t="s">
        <v>7</v>
      </c>
    </row>
    <row r="468">
      <c r="A468" s="1">
        <v>4.90385459E8</v>
      </c>
      <c r="B468" s="2">
        <v>11799.0</v>
      </c>
      <c r="C468" s="1" t="s">
        <v>5</v>
      </c>
      <c r="D468" s="1" t="s">
        <v>400</v>
      </c>
      <c r="E468" s="1" t="s">
        <v>7</v>
      </c>
    </row>
    <row r="469">
      <c r="A469" s="1">
        <v>4.9038546E8</v>
      </c>
      <c r="B469" s="2">
        <v>11805.0</v>
      </c>
      <c r="C469" s="1" t="s">
        <v>5</v>
      </c>
      <c r="D469" s="1" t="s">
        <v>401</v>
      </c>
      <c r="E469" s="1" t="s">
        <v>7</v>
      </c>
    </row>
    <row r="470">
      <c r="A470" s="1">
        <v>4.90385463E8</v>
      </c>
      <c r="B470" s="2">
        <v>11808.0</v>
      </c>
      <c r="C470" s="1" t="s">
        <v>5</v>
      </c>
      <c r="D470" s="1" t="s">
        <v>402</v>
      </c>
      <c r="E470" s="1" t="s">
        <v>7</v>
      </c>
    </row>
    <row r="471">
      <c r="A471" s="1">
        <v>4.90385467E8</v>
      </c>
      <c r="B471" s="2">
        <v>11800.0</v>
      </c>
      <c r="C471" s="1" t="s">
        <v>5</v>
      </c>
      <c r="D471" s="1" t="s">
        <v>403</v>
      </c>
      <c r="E471" s="1" t="s">
        <v>7</v>
      </c>
    </row>
    <row r="472">
      <c r="A472" s="1">
        <v>4.90385468E8</v>
      </c>
      <c r="B472" s="2">
        <v>11805.0</v>
      </c>
      <c r="C472" s="1" t="s">
        <v>5</v>
      </c>
      <c r="D472" s="1" t="s">
        <v>11</v>
      </c>
      <c r="E472" s="1" t="s">
        <v>7</v>
      </c>
    </row>
    <row r="473">
      <c r="A473" s="1">
        <v>4.90385472E8</v>
      </c>
      <c r="B473" s="2">
        <v>11804.0</v>
      </c>
      <c r="C473" s="1" t="s">
        <v>5</v>
      </c>
      <c r="D473" s="1" t="s">
        <v>404</v>
      </c>
      <c r="E473" s="1" t="s">
        <v>11</v>
      </c>
    </row>
    <row r="474">
      <c r="A474" s="1">
        <v>4.90385474E8</v>
      </c>
      <c r="B474" s="2">
        <v>11808.0</v>
      </c>
      <c r="C474" s="1" t="s">
        <v>5</v>
      </c>
      <c r="D474" s="1" t="s">
        <v>405</v>
      </c>
      <c r="E474" s="1" t="s">
        <v>7</v>
      </c>
    </row>
    <row r="475">
      <c r="A475" s="1">
        <v>4.90385478E8</v>
      </c>
      <c r="B475" s="2">
        <v>11805.0</v>
      </c>
      <c r="C475" s="1" t="s">
        <v>5</v>
      </c>
      <c r="D475" s="1" t="s">
        <v>11</v>
      </c>
      <c r="E475" s="1" t="s">
        <v>7</v>
      </c>
    </row>
    <row r="476">
      <c r="A476" s="1">
        <v>4.90385483E8</v>
      </c>
      <c r="B476" s="2">
        <v>11800.0</v>
      </c>
      <c r="C476" s="1" t="s">
        <v>5</v>
      </c>
      <c r="D476" s="1" t="s">
        <v>406</v>
      </c>
      <c r="E476" s="1" t="s">
        <v>11</v>
      </c>
    </row>
    <row r="477">
      <c r="A477" s="1">
        <v>4.90385484E8</v>
      </c>
      <c r="B477" s="2">
        <v>11770.0</v>
      </c>
      <c r="C477" s="1" t="s">
        <v>5</v>
      </c>
      <c r="D477" s="1" t="s">
        <v>407</v>
      </c>
      <c r="E477" s="1" t="s">
        <v>11</v>
      </c>
    </row>
    <row r="478">
      <c r="A478" s="1">
        <v>4.90385488E8</v>
      </c>
      <c r="B478" s="2">
        <v>11804.0</v>
      </c>
      <c r="C478" s="1" t="s">
        <v>5</v>
      </c>
      <c r="D478" s="1" t="s">
        <v>408</v>
      </c>
      <c r="E478" s="1" t="s">
        <v>409</v>
      </c>
    </row>
    <row r="479">
      <c r="A479" s="1">
        <v>4.90385492E8</v>
      </c>
      <c r="B479" s="2">
        <v>11799.0</v>
      </c>
      <c r="C479" s="1" t="s">
        <v>5</v>
      </c>
      <c r="D479" s="1" t="s">
        <v>11</v>
      </c>
      <c r="E479" s="1" t="s">
        <v>7</v>
      </c>
    </row>
    <row r="480">
      <c r="A480" s="1">
        <v>4.90385493E8</v>
      </c>
      <c r="B480" s="2">
        <v>11794.0</v>
      </c>
      <c r="C480" s="1" t="s">
        <v>5</v>
      </c>
      <c r="D480" s="1" t="s">
        <v>410</v>
      </c>
      <c r="E480" s="1" t="s">
        <v>7</v>
      </c>
    </row>
    <row r="481">
      <c r="A481" s="1">
        <v>4.90385494E8</v>
      </c>
      <c r="B481" s="2">
        <v>11778.0</v>
      </c>
      <c r="C481" s="1" t="s">
        <v>5</v>
      </c>
      <c r="D481" s="1" t="s">
        <v>411</v>
      </c>
      <c r="E481" s="1" t="s">
        <v>7</v>
      </c>
    </row>
    <row r="482">
      <c r="A482" s="1">
        <v>4.90385496E8</v>
      </c>
      <c r="B482" s="2">
        <v>11770.0</v>
      </c>
      <c r="C482" s="1" t="s">
        <v>5</v>
      </c>
      <c r="D482" s="1" t="s">
        <v>11</v>
      </c>
      <c r="E482" s="1" t="s">
        <v>7</v>
      </c>
    </row>
    <row r="483">
      <c r="A483" s="1">
        <v>4.903855E8</v>
      </c>
      <c r="B483" s="2">
        <v>11806.0</v>
      </c>
      <c r="C483" s="1" t="s">
        <v>5</v>
      </c>
      <c r="D483" s="1" t="s">
        <v>412</v>
      </c>
      <c r="E483" s="1" t="s">
        <v>413</v>
      </c>
    </row>
    <row r="484">
      <c r="A484" s="1">
        <v>4.90385508E8</v>
      </c>
      <c r="B484" s="2">
        <v>11770.0</v>
      </c>
      <c r="C484" s="1" t="s">
        <v>5</v>
      </c>
      <c r="D484" s="1" t="s">
        <v>7</v>
      </c>
      <c r="E484" s="1" t="s">
        <v>7</v>
      </c>
    </row>
    <row r="485">
      <c r="A485" s="1">
        <v>4.9038551E8</v>
      </c>
      <c r="B485" s="2">
        <v>11778.0</v>
      </c>
      <c r="C485" s="1" t="s">
        <v>5</v>
      </c>
      <c r="D485" s="1" t="s">
        <v>414</v>
      </c>
      <c r="E485" s="1" t="s">
        <v>11</v>
      </c>
    </row>
    <row r="486">
      <c r="A486" s="1">
        <v>4.90385517E8</v>
      </c>
      <c r="B486" s="2">
        <v>11807.0</v>
      </c>
      <c r="C486" s="1" t="s">
        <v>5</v>
      </c>
      <c r="D486" s="1" t="s">
        <v>7</v>
      </c>
      <c r="E486" s="1" t="s">
        <v>7</v>
      </c>
    </row>
    <row r="487">
      <c r="A487" s="1">
        <v>4.90385518E8</v>
      </c>
      <c r="B487" s="2">
        <v>11807.0</v>
      </c>
      <c r="C487" s="1" t="s">
        <v>5</v>
      </c>
      <c r="D487" s="1" t="s">
        <v>415</v>
      </c>
      <c r="E487" s="1" t="s">
        <v>11</v>
      </c>
    </row>
    <row r="488">
      <c r="A488" s="1">
        <v>4.90385522E8</v>
      </c>
      <c r="B488" s="2">
        <v>11799.0</v>
      </c>
      <c r="C488" s="1" t="s">
        <v>5</v>
      </c>
      <c r="D488" s="1" t="s">
        <v>416</v>
      </c>
      <c r="E488" s="1" t="s">
        <v>7</v>
      </c>
    </row>
    <row r="489">
      <c r="A489" s="1">
        <v>4.90385527E8</v>
      </c>
      <c r="B489" s="2">
        <v>11778.0</v>
      </c>
      <c r="C489" s="1" t="s">
        <v>5</v>
      </c>
      <c r="D489" s="1" t="s">
        <v>11</v>
      </c>
      <c r="E489" s="1" t="s">
        <v>7</v>
      </c>
    </row>
    <row r="490">
      <c r="A490" s="1">
        <v>4.90385529E8</v>
      </c>
      <c r="B490" s="2">
        <v>11806.0</v>
      </c>
      <c r="C490" s="1" t="s">
        <v>5</v>
      </c>
      <c r="D490" s="1" t="s">
        <v>11</v>
      </c>
      <c r="E490" s="1" t="s">
        <v>7</v>
      </c>
    </row>
    <row r="491">
      <c r="A491" s="1">
        <v>4.9038553E8</v>
      </c>
      <c r="B491" s="2">
        <v>11794.0</v>
      </c>
      <c r="C491" s="1" t="s">
        <v>5</v>
      </c>
      <c r="D491" s="1" t="s">
        <v>417</v>
      </c>
      <c r="E491" s="1" t="s">
        <v>418</v>
      </c>
    </row>
    <row r="492">
      <c r="A492" s="1">
        <v>4.90385533E8</v>
      </c>
      <c r="B492" s="2">
        <v>11799.0</v>
      </c>
      <c r="C492" s="1" t="s">
        <v>5</v>
      </c>
      <c r="D492" s="1" t="s">
        <v>419</v>
      </c>
      <c r="E492" s="1" t="s">
        <v>7</v>
      </c>
    </row>
    <row r="493">
      <c r="A493" s="1">
        <v>4.90385536E8</v>
      </c>
      <c r="B493" s="2">
        <v>11804.0</v>
      </c>
      <c r="C493" s="1" t="s">
        <v>5</v>
      </c>
      <c r="D493" s="1" t="s">
        <v>420</v>
      </c>
      <c r="E493" s="1" t="s">
        <v>7</v>
      </c>
    </row>
    <row r="494">
      <c r="A494" s="1">
        <v>4.90385541E8</v>
      </c>
      <c r="B494" s="2">
        <v>11769.0</v>
      </c>
      <c r="C494" s="1" t="s">
        <v>5</v>
      </c>
      <c r="D494" s="1" t="s">
        <v>421</v>
      </c>
      <c r="E494" s="1" t="s">
        <v>11</v>
      </c>
    </row>
    <row r="495">
      <c r="A495" s="1">
        <v>4.90385542E8</v>
      </c>
      <c r="B495" s="2">
        <v>11799.0</v>
      </c>
      <c r="C495" s="1" t="s">
        <v>5</v>
      </c>
      <c r="D495" s="1" t="s">
        <v>422</v>
      </c>
      <c r="E495" s="1" t="s">
        <v>423</v>
      </c>
    </row>
    <row r="496">
      <c r="A496" s="1">
        <v>4.90385544E8</v>
      </c>
      <c r="B496" s="2">
        <v>11807.0</v>
      </c>
      <c r="C496" s="1" t="s">
        <v>5</v>
      </c>
      <c r="D496" s="1" t="s">
        <v>11</v>
      </c>
      <c r="E496" s="1" t="s">
        <v>7</v>
      </c>
    </row>
    <row r="497">
      <c r="A497" s="1">
        <v>4.90385549E8</v>
      </c>
      <c r="B497" s="2">
        <v>11804.0</v>
      </c>
      <c r="C497" s="1" t="s">
        <v>5</v>
      </c>
      <c r="D497" s="1" t="s">
        <v>11</v>
      </c>
      <c r="E497" s="1" t="s">
        <v>7</v>
      </c>
    </row>
    <row r="498">
      <c r="A498" s="1">
        <v>4.90385551E8</v>
      </c>
      <c r="B498" s="2">
        <v>11769.0</v>
      </c>
      <c r="C498" s="1" t="s">
        <v>5</v>
      </c>
      <c r="D498" s="1" t="s">
        <v>11</v>
      </c>
      <c r="E498" s="1" t="s">
        <v>7</v>
      </c>
    </row>
    <row r="499">
      <c r="A499" s="1">
        <v>4.90385556E8</v>
      </c>
      <c r="B499" s="2">
        <v>11799.0</v>
      </c>
      <c r="C499" s="1" t="s">
        <v>5</v>
      </c>
      <c r="D499" s="1" t="s">
        <v>424</v>
      </c>
      <c r="E499" s="1" t="s">
        <v>7</v>
      </c>
    </row>
    <row r="500">
      <c r="A500" s="1">
        <v>4.90385557E8</v>
      </c>
      <c r="B500" s="2">
        <v>11799.0</v>
      </c>
      <c r="C500" s="1" t="s">
        <v>5</v>
      </c>
      <c r="D500" s="1" t="s">
        <v>425</v>
      </c>
      <c r="E500" s="1" t="s">
        <v>7</v>
      </c>
    </row>
    <row r="501">
      <c r="A501" s="1">
        <v>4.90385562E8</v>
      </c>
      <c r="B501" s="2">
        <v>11806.0</v>
      </c>
      <c r="C501" s="1" t="s">
        <v>5</v>
      </c>
      <c r="D501" s="1" t="s">
        <v>11</v>
      </c>
      <c r="E501" s="1" t="s">
        <v>7</v>
      </c>
    </row>
    <row r="502">
      <c r="A502" s="1">
        <v>4.90385563E8</v>
      </c>
      <c r="B502" s="2">
        <v>11793.0</v>
      </c>
      <c r="C502" s="1" t="s">
        <v>5</v>
      </c>
      <c r="D502" s="1" t="s">
        <v>11</v>
      </c>
      <c r="E502" s="1" t="s">
        <v>7</v>
      </c>
    </row>
    <row r="503">
      <c r="A503" s="1">
        <v>4.90385564E8</v>
      </c>
      <c r="B503" s="2">
        <v>11769.0</v>
      </c>
      <c r="C503" s="1" t="s">
        <v>5</v>
      </c>
      <c r="D503" s="1" t="s">
        <v>73</v>
      </c>
      <c r="E503" s="1" t="s">
        <v>7</v>
      </c>
    </row>
    <row r="504">
      <c r="A504" s="1">
        <v>4.90385566E8</v>
      </c>
      <c r="B504" s="2">
        <v>11799.0</v>
      </c>
      <c r="C504" s="1" t="s">
        <v>5</v>
      </c>
      <c r="D504" s="1" t="s">
        <v>426</v>
      </c>
      <c r="E504" s="1" t="s">
        <v>7</v>
      </c>
    </row>
    <row r="505">
      <c r="A505" s="1">
        <v>4.90385569E8</v>
      </c>
      <c r="B505" s="2">
        <v>11800.0</v>
      </c>
      <c r="C505" s="1" t="s">
        <v>5</v>
      </c>
      <c r="D505" s="1" t="s">
        <v>427</v>
      </c>
      <c r="E505" s="1" t="s">
        <v>428</v>
      </c>
    </row>
    <row r="506">
      <c r="A506" s="1">
        <v>4.90385571E8</v>
      </c>
      <c r="B506" s="2">
        <v>11799.0</v>
      </c>
      <c r="C506" s="1" t="s">
        <v>5</v>
      </c>
      <c r="D506" s="1" t="s">
        <v>11</v>
      </c>
      <c r="E506" s="1" t="s">
        <v>7</v>
      </c>
    </row>
    <row r="507">
      <c r="A507" s="1">
        <v>4.90385573E8</v>
      </c>
      <c r="B507" s="2">
        <v>11806.0</v>
      </c>
      <c r="C507" s="1" t="s">
        <v>5</v>
      </c>
      <c r="D507" s="1" t="s">
        <v>429</v>
      </c>
      <c r="E507" s="1" t="s">
        <v>11</v>
      </c>
    </row>
    <row r="508">
      <c r="A508" s="1">
        <v>4.90385576E8</v>
      </c>
      <c r="B508" s="2">
        <v>11806.0</v>
      </c>
      <c r="C508" s="1" t="s">
        <v>5</v>
      </c>
      <c r="D508" s="1" t="s">
        <v>430</v>
      </c>
      <c r="E508" s="1" t="s">
        <v>431</v>
      </c>
    </row>
    <row r="509">
      <c r="A509" s="1">
        <v>4.90385578E8</v>
      </c>
      <c r="B509" s="2">
        <v>11779.0</v>
      </c>
      <c r="C509" s="1" t="s">
        <v>5</v>
      </c>
      <c r="D509" s="1" t="s">
        <v>432</v>
      </c>
      <c r="E509" s="1" t="s">
        <v>433</v>
      </c>
    </row>
    <row r="510">
      <c r="A510" s="1">
        <v>4.90385584E8</v>
      </c>
      <c r="B510" s="2">
        <v>11799.0</v>
      </c>
      <c r="C510" s="1" t="s">
        <v>5</v>
      </c>
      <c r="D510" s="1" t="s">
        <v>434</v>
      </c>
      <c r="E510" s="1" t="s">
        <v>7</v>
      </c>
    </row>
    <row r="511">
      <c r="A511" s="1">
        <v>4.90385588E8</v>
      </c>
      <c r="B511" s="2">
        <v>11806.0</v>
      </c>
      <c r="C511" s="1" t="s">
        <v>5</v>
      </c>
      <c r="D511" s="1" t="s">
        <v>11</v>
      </c>
      <c r="E511" s="1" t="s">
        <v>7</v>
      </c>
    </row>
    <row r="512">
      <c r="A512" s="1">
        <v>4.90385589E8</v>
      </c>
      <c r="B512" s="2">
        <v>11792.0</v>
      </c>
      <c r="C512" s="1" t="s">
        <v>5</v>
      </c>
      <c r="D512" s="1" t="s">
        <v>435</v>
      </c>
      <c r="E512" s="1" t="s">
        <v>7</v>
      </c>
    </row>
    <row r="513">
      <c r="A513" s="1">
        <v>4.9038559E8</v>
      </c>
      <c r="B513" s="2">
        <v>11800.0</v>
      </c>
      <c r="C513" s="1" t="s">
        <v>5</v>
      </c>
      <c r="D513" s="1" t="s">
        <v>436</v>
      </c>
      <c r="E513" s="1" t="s">
        <v>7</v>
      </c>
    </row>
    <row r="514">
      <c r="A514" s="1">
        <v>4.90385592E8</v>
      </c>
      <c r="B514" s="2">
        <v>11799.0</v>
      </c>
      <c r="C514" s="1" t="s">
        <v>5</v>
      </c>
      <c r="D514" s="1" t="s">
        <v>11</v>
      </c>
      <c r="E514" s="1" t="s">
        <v>7</v>
      </c>
    </row>
    <row r="515">
      <c r="A515" s="1">
        <v>4.90385593E8</v>
      </c>
      <c r="B515" s="2">
        <v>11769.0</v>
      </c>
      <c r="C515" s="1" t="s">
        <v>5</v>
      </c>
      <c r="D515" s="1" t="s">
        <v>437</v>
      </c>
      <c r="E515" s="1" t="s">
        <v>438</v>
      </c>
    </row>
    <row r="516">
      <c r="A516" s="1">
        <v>4.90385603E8</v>
      </c>
      <c r="B516" s="2">
        <v>11794.0</v>
      </c>
      <c r="C516" s="1" t="s">
        <v>5</v>
      </c>
      <c r="D516" s="1" t="s">
        <v>439</v>
      </c>
      <c r="E516" s="1" t="s">
        <v>7</v>
      </c>
    </row>
    <row r="517">
      <c r="A517" s="1">
        <v>4.90385604E8</v>
      </c>
      <c r="B517" s="2">
        <v>11806.0</v>
      </c>
      <c r="C517" s="1" t="s">
        <v>5</v>
      </c>
      <c r="D517" s="1" t="s">
        <v>440</v>
      </c>
      <c r="E517" s="1" t="s">
        <v>7</v>
      </c>
    </row>
    <row r="518">
      <c r="A518" s="1">
        <v>4.9038561E8</v>
      </c>
      <c r="B518" s="2">
        <v>11807.0</v>
      </c>
      <c r="C518" s="1" t="s">
        <v>5</v>
      </c>
      <c r="D518" s="1" t="s">
        <v>441</v>
      </c>
      <c r="E518" s="1" t="s">
        <v>11</v>
      </c>
    </row>
    <row r="519">
      <c r="A519" s="1">
        <v>4.90385612E8</v>
      </c>
      <c r="B519" s="2">
        <v>11794.0</v>
      </c>
      <c r="C519" s="1" t="s">
        <v>5</v>
      </c>
      <c r="D519" s="1" t="s">
        <v>442</v>
      </c>
      <c r="E519" s="1" t="s">
        <v>443</v>
      </c>
    </row>
    <row r="520">
      <c r="A520" s="1">
        <v>4.90385614E8</v>
      </c>
      <c r="B520" s="2">
        <v>11800.0</v>
      </c>
      <c r="C520" s="1" t="s">
        <v>5</v>
      </c>
      <c r="D520" s="1" t="s">
        <v>11</v>
      </c>
      <c r="E520" s="1" t="s">
        <v>7</v>
      </c>
    </row>
    <row r="521">
      <c r="A521" s="1">
        <v>4.90385616E8</v>
      </c>
      <c r="B521" s="2">
        <v>11794.0</v>
      </c>
      <c r="C521" s="1" t="s">
        <v>5</v>
      </c>
      <c r="D521" s="1" t="s">
        <v>444</v>
      </c>
      <c r="E521" s="1" t="s">
        <v>7</v>
      </c>
    </row>
    <row r="522">
      <c r="A522" s="1">
        <v>4.90385617E8</v>
      </c>
      <c r="B522" s="2">
        <v>11792.0</v>
      </c>
      <c r="C522" s="1" t="s">
        <v>5</v>
      </c>
      <c r="D522" s="1" t="s">
        <v>11</v>
      </c>
      <c r="E522" s="1" t="s">
        <v>7</v>
      </c>
    </row>
    <row r="523">
      <c r="A523" s="1">
        <v>4.90385619E8</v>
      </c>
      <c r="B523" s="2">
        <v>11805.0</v>
      </c>
      <c r="C523" s="1" t="s">
        <v>5</v>
      </c>
      <c r="D523" s="1" t="s">
        <v>445</v>
      </c>
      <c r="E523" s="1" t="s">
        <v>11</v>
      </c>
    </row>
    <row r="524">
      <c r="A524" s="1">
        <v>4.90385621E8</v>
      </c>
      <c r="B524" s="2">
        <v>11777.0</v>
      </c>
      <c r="C524" s="1" t="s">
        <v>5</v>
      </c>
      <c r="D524" s="1" t="s">
        <v>11</v>
      </c>
      <c r="E524" s="1" t="s">
        <v>7</v>
      </c>
    </row>
    <row r="525">
      <c r="A525" s="1">
        <v>4.90385624E8</v>
      </c>
      <c r="B525" s="2">
        <v>11806.0</v>
      </c>
      <c r="C525" s="1" t="s">
        <v>5</v>
      </c>
      <c r="D525" s="1" t="s">
        <v>446</v>
      </c>
      <c r="E525" s="1" t="s">
        <v>447</v>
      </c>
    </row>
    <row r="526">
      <c r="A526" s="1">
        <v>4.90385626E8</v>
      </c>
      <c r="B526" s="2">
        <v>11769.0</v>
      </c>
      <c r="C526" s="1" t="s">
        <v>5</v>
      </c>
      <c r="D526" s="1" t="s">
        <v>448</v>
      </c>
      <c r="E526" s="1" t="s">
        <v>11</v>
      </c>
    </row>
    <row r="527">
      <c r="A527" s="1">
        <v>4.90385629E8</v>
      </c>
      <c r="B527" s="2">
        <v>11794.0</v>
      </c>
      <c r="C527" s="1" t="s">
        <v>5</v>
      </c>
      <c r="D527" s="1" t="s">
        <v>449</v>
      </c>
      <c r="E527" s="1" t="s">
        <v>11</v>
      </c>
    </row>
    <row r="528">
      <c r="A528" s="1">
        <v>4.9038563E8</v>
      </c>
      <c r="B528" s="2">
        <v>11777.0</v>
      </c>
      <c r="C528" s="1" t="s">
        <v>5</v>
      </c>
      <c r="D528" s="1" t="s">
        <v>450</v>
      </c>
      <c r="E528" s="1" t="s">
        <v>7</v>
      </c>
    </row>
    <row r="529">
      <c r="A529" s="1">
        <v>4.90385632E8</v>
      </c>
      <c r="B529" s="2">
        <v>11805.0</v>
      </c>
      <c r="C529" s="1" t="s">
        <v>5</v>
      </c>
      <c r="D529" s="1" t="s">
        <v>451</v>
      </c>
      <c r="E529" s="1" t="s">
        <v>7</v>
      </c>
    </row>
    <row r="530">
      <c r="A530" s="1">
        <v>4.90385634E8</v>
      </c>
      <c r="B530" s="2">
        <v>11766.0</v>
      </c>
      <c r="C530" s="1" t="s">
        <v>5</v>
      </c>
      <c r="D530" s="1" t="s">
        <v>452</v>
      </c>
      <c r="E530" s="1" t="s">
        <v>7</v>
      </c>
    </row>
    <row r="531">
      <c r="A531" s="1">
        <v>4.90385635E8</v>
      </c>
      <c r="B531" s="2">
        <v>11806.0</v>
      </c>
      <c r="C531" s="1" t="s">
        <v>5</v>
      </c>
      <c r="D531" s="1" t="s">
        <v>42</v>
      </c>
      <c r="E531" s="1" t="s">
        <v>7</v>
      </c>
    </row>
    <row r="532">
      <c r="A532" s="1">
        <v>4.90385638E8</v>
      </c>
      <c r="B532" s="2">
        <v>11806.0</v>
      </c>
      <c r="C532" s="1" t="s">
        <v>5</v>
      </c>
      <c r="D532" s="1" t="s">
        <v>453</v>
      </c>
      <c r="E532" s="1" t="s">
        <v>7</v>
      </c>
    </row>
    <row r="533">
      <c r="A533" s="1">
        <v>4.9038564E8</v>
      </c>
      <c r="B533" s="2">
        <v>11778.0</v>
      </c>
      <c r="C533" s="1" t="s">
        <v>5</v>
      </c>
      <c r="D533" s="1" t="s">
        <v>454</v>
      </c>
      <c r="E533" s="1" t="s">
        <v>455</v>
      </c>
    </row>
    <row r="534">
      <c r="A534" s="1">
        <v>4.90385641E8</v>
      </c>
      <c r="B534" s="2">
        <v>11766.0</v>
      </c>
      <c r="C534" s="1" t="s">
        <v>5</v>
      </c>
      <c r="D534" s="1" t="s">
        <v>456</v>
      </c>
      <c r="E534" s="1" t="s">
        <v>457</v>
      </c>
    </row>
    <row r="535">
      <c r="A535" s="1">
        <v>4.90385642E8</v>
      </c>
      <c r="B535" s="2">
        <v>11805.0</v>
      </c>
      <c r="C535" s="1" t="s">
        <v>5</v>
      </c>
      <c r="D535" s="1" t="s">
        <v>458</v>
      </c>
      <c r="E535" s="1" t="s">
        <v>11</v>
      </c>
    </row>
    <row r="536">
      <c r="A536" s="1">
        <v>4.90385645E8</v>
      </c>
      <c r="B536" s="2">
        <v>11791.0</v>
      </c>
      <c r="C536" s="1" t="s">
        <v>5</v>
      </c>
      <c r="D536" s="1" t="s">
        <v>459</v>
      </c>
      <c r="E536" s="1" t="s">
        <v>11</v>
      </c>
    </row>
    <row r="537">
      <c r="A537" s="1">
        <v>4.90385651E8</v>
      </c>
      <c r="B537" s="2">
        <v>11806.0</v>
      </c>
      <c r="C537" s="1" t="s">
        <v>5</v>
      </c>
      <c r="D537" s="1" t="s">
        <v>460</v>
      </c>
      <c r="E537" s="1" t="s">
        <v>7</v>
      </c>
    </row>
    <row r="538">
      <c r="A538" s="1">
        <v>4.90385652E8</v>
      </c>
      <c r="B538" s="2">
        <v>11794.0</v>
      </c>
      <c r="C538" s="1" t="s">
        <v>5</v>
      </c>
      <c r="D538" s="1" t="s">
        <v>461</v>
      </c>
      <c r="E538" s="1" t="s">
        <v>7</v>
      </c>
    </row>
    <row r="539">
      <c r="A539" s="1">
        <v>4.90385657E8</v>
      </c>
      <c r="B539" s="2">
        <v>11805.0</v>
      </c>
      <c r="C539" s="1" t="s">
        <v>5</v>
      </c>
      <c r="D539" s="1" t="s">
        <v>462</v>
      </c>
      <c r="E539" s="1" t="s">
        <v>7</v>
      </c>
    </row>
    <row r="540">
      <c r="A540" s="1">
        <v>4.90385661E8</v>
      </c>
      <c r="B540" s="2">
        <v>11787.0</v>
      </c>
      <c r="C540" s="1" t="s">
        <v>5</v>
      </c>
      <c r="D540" s="1" t="s">
        <v>463</v>
      </c>
      <c r="E540" s="1" t="s">
        <v>7</v>
      </c>
    </row>
    <row r="541">
      <c r="A541" s="1">
        <v>4.90385667E8</v>
      </c>
      <c r="B541" s="2">
        <v>11799.0</v>
      </c>
      <c r="C541" s="1" t="s">
        <v>5</v>
      </c>
      <c r="D541" s="1" t="s">
        <v>464</v>
      </c>
      <c r="E541" s="1" t="s">
        <v>7</v>
      </c>
    </row>
    <row r="542">
      <c r="A542" s="1">
        <v>4.90385669E8</v>
      </c>
      <c r="B542" s="2">
        <v>11791.0</v>
      </c>
      <c r="C542" s="1" t="s">
        <v>5</v>
      </c>
      <c r="D542" s="1" t="s">
        <v>465</v>
      </c>
      <c r="E542" s="1" t="s">
        <v>11</v>
      </c>
    </row>
    <row r="543">
      <c r="A543" s="1">
        <v>4.90385671E8</v>
      </c>
      <c r="B543" s="2">
        <v>11805.0</v>
      </c>
      <c r="C543" s="1" t="s">
        <v>5</v>
      </c>
      <c r="D543" s="1" t="s">
        <v>11</v>
      </c>
      <c r="E543" s="1" t="s">
        <v>7</v>
      </c>
    </row>
    <row r="544">
      <c r="A544" s="1">
        <v>4.90385675E8</v>
      </c>
      <c r="B544" s="2">
        <v>11794.0</v>
      </c>
      <c r="C544" s="1" t="s">
        <v>5</v>
      </c>
      <c r="D544" s="1" t="s">
        <v>11</v>
      </c>
      <c r="E544" s="1" t="s">
        <v>7</v>
      </c>
    </row>
    <row r="545">
      <c r="A545" s="1">
        <v>4.90385676E8</v>
      </c>
      <c r="B545" s="2">
        <v>11793.0</v>
      </c>
      <c r="C545" s="1" t="s">
        <v>5</v>
      </c>
      <c r="D545" s="1" t="s">
        <v>466</v>
      </c>
      <c r="E545" s="1" t="s">
        <v>7</v>
      </c>
    </row>
    <row r="546">
      <c r="A546" s="1">
        <v>4.90385677E8</v>
      </c>
      <c r="B546" s="2">
        <v>11799.0</v>
      </c>
      <c r="C546" s="1" t="s">
        <v>5</v>
      </c>
      <c r="D546" s="1" t="s">
        <v>467</v>
      </c>
      <c r="E546" s="1" t="s">
        <v>7</v>
      </c>
    </row>
    <row r="547">
      <c r="A547" s="1">
        <v>4.90385681E8</v>
      </c>
      <c r="B547" s="2">
        <v>11806.0</v>
      </c>
      <c r="C547" s="1" t="s">
        <v>5</v>
      </c>
      <c r="D547" s="1" t="s">
        <v>468</v>
      </c>
      <c r="E547" s="1" t="s">
        <v>11</v>
      </c>
    </row>
    <row r="548">
      <c r="A548" s="1">
        <v>4.90385683E8</v>
      </c>
      <c r="B548" s="2">
        <v>11794.0</v>
      </c>
      <c r="C548" s="1" t="s">
        <v>5</v>
      </c>
      <c r="D548" s="1" t="s">
        <v>11</v>
      </c>
      <c r="E548" s="1" t="s">
        <v>7</v>
      </c>
    </row>
    <row r="549">
      <c r="A549" s="1">
        <v>4.9038569E8</v>
      </c>
      <c r="B549" s="2">
        <v>11799.0</v>
      </c>
      <c r="C549" s="1" t="s">
        <v>5</v>
      </c>
      <c r="D549" s="1" t="s">
        <v>469</v>
      </c>
      <c r="E549" s="1" t="s">
        <v>7</v>
      </c>
    </row>
    <row r="550">
      <c r="A550" s="1">
        <v>4.90385691E8</v>
      </c>
      <c r="B550" s="2">
        <v>11793.0</v>
      </c>
      <c r="C550" s="1" t="s">
        <v>5</v>
      </c>
      <c r="D550" s="1" t="s">
        <v>11</v>
      </c>
      <c r="E550" s="1" t="s">
        <v>7</v>
      </c>
    </row>
    <row r="551">
      <c r="A551" s="1">
        <v>4.90385692E8</v>
      </c>
      <c r="B551" s="2">
        <v>11806.0</v>
      </c>
      <c r="C551" s="1" t="s">
        <v>5</v>
      </c>
      <c r="D551" s="1" t="s">
        <v>470</v>
      </c>
      <c r="E551" s="1" t="s">
        <v>11</v>
      </c>
    </row>
    <row r="552">
      <c r="A552" s="1">
        <v>4.90385693E8</v>
      </c>
      <c r="B552" s="2">
        <v>11804.0</v>
      </c>
      <c r="C552" s="1" t="s">
        <v>5</v>
      </c>
      <c r="D552" s="1" t="s">
        <v>471</v>
      </c>
      <c r="E552" s="1" t="s">
        <v>7</v>
      </c>
    </row>
    <row r="553">
      <c r="A553" s="1">
        <v>4.90385695E8</v>
      </c>
      <c r="B553" s="2">
        <v>11787.0</v>
      </c>
      <c r="C553" s="1" t="s">
        <v>5</v>
      </c>
      <c r="D553" s="1" t="s">
        <v>472</v>
      </c>
      <c r="E553" s="1" t="s">
        <v>7</v>
      </c>
    </row>
    <row r="554">
      <c r="A554" s="1">
        <v>4.90385696E8</v>
      </c>
      <c r="B554" s="2">
        <v>11778.0</v>
      </c>
      <c r="C554" s="1" t="s">
        <v>5</v>
      </c>
      <c r="D554" s="1" t="s">
        <v>473</v>
      </c>
      <c r="E554" s="1" t="s">
        <v>7</v>
      </c>
    </row>
    <row r="555">
      <c r="A555" s="1">
        <v>4.90385698E8</v>
      </c>
      <c r="B555" s="2">
        <v>11776.0</v>
      </c>
      <c r="C555" s="1" t="s">
        <v>5</v>
      </c>
      <c r="D555" s="1" t="s">
        <v>474</v>
      </c>
      <c r="E555" s="1" t="s">
        <v>11</v>
      </c>
    </row>
    <row r="556">
      <c r="A556" s="1">
        <v>4.90385699E8</v>
      </c>
      <c r="B556" s="2">
        <v>11804.0</v>
      </c>
      <c r="C556" s="1" t="s">
        <v>5</v>
      </c>
      <c r="D556" s="1" t="s">
        <v>475</v>
      </c>
      <c r="E556" s="1" t="s">
        <v>7</v>
      </c>
    </row>
    <row r="557">
      <c r="A557" s="1">
        <v>4.90385705E8</v>
      </c>
      <c r="B557" s="2">
        <v>11793.0</v>
      </c>
      <c r="C557" s="1" t="s">
        <v>5</v>
      </c>
      <c r="D557" s="1" t="s">
        <v>11</v>
      </c>
      <c r="E557" s="1" t="s">
        <v>7</v>
      </c>
    </row>
    <row r="558">
      <c r="A558" s="1">
        <v>4.90385706E8</v>
      </c>
      <c r="B558" s="2">
        <v>11805.0</v>
      </c>
      <c r="C558" s="1" t="s">
        <v>5</v>
      </c>
      <c r="D558" s="1" t="s">
        <v>11</v>
      </c>
      <c r="E558" s="1" t="s">
        <v>7</v>
      </c>
    </row>
    <row r="559">
      <c r="A559" s="1">
        <v>4.90385708E8</v>
      </c>
      <c r="B559" s="2">
        <v>11804.0</v>
      </c>
      <c r="C559" s="1" t="s">
        <v>5</v>
      </c>
      <c r="D559" s="1" t="s">
        <v>11</v>
      </c>
      <c r="E559" s="1" t="s">
        <v>7</v>
      </c>
    </row>
    <row r="560">
      <c r="A560" s="1">
        <v>4.90385709E8</v>
      </c>
      <c r="B560" s="2">
        <v>11778.0</v>
      </c>
      <c r="C560" s="1" t="s">
        <v>5</v>
      </c>
      <c r="D560" s="1" t="s">
        <v>476</v>
      </c>
      <c r="E560" s="1" t="s">
        <v>11</v>
      </c>
    </row>
    <row r="561">
      <c r="A561" s="1">
        <v>4.90385711E8</v>
      </c>
      <c r="B561" s="2">
        <v>11787.0</v>
      </c>
      <c r="C561" s="1" t="s">
        <v>5</v>
      </c>
      <c r="D561" s="1" t="s">
        <v>477</v>
      </c>
      <c r="E561" s="1" t="s">
        <v>7</v>
      </c>
    </row>
    <row r="562">
      <c r="A562" s="1">
        <v>4.90385712E8</v>
      </c>
      <c r="B562" s="2">
        <v>11804.0</v>
      </c>
      <c r="C562" s="1" t="s">
        <v>5</v>
      </c>
      <c r="D562" s="1" t="s">
        <v>478</v>
      </c>
      <c r="E562" s="1" t="s">
        <v>11</v>
      </c>
    </row>
    <row r="563">
      <c r="A563" s="1">
        <v>4.90385714E8</v>
      </c>
      <c r="B563" s="2">
        <v>11799.0</v>
      </c>
      <c r="C563" s="1" t="s">
        <v>5</v>
      </c>
      <c r="D563" s="1" t="s">
        <v>479</v>
      </c>
      <c r="E563" s="1" t="s">
        <v>11</v>
      </c>
    </row>
    <row r="564">
      <c r="A564" s="1">
        <v>4.90385718E8</v>
      </c>
      <c r="B564" s="2">
        <v>11793.0</v>
      </c>
      <c r="C564" s="1" t="s">
        <v>5</v>
      </c>
      <c r="D564" s="1" t="s">
        <v>480</v>
      </c>
      <c r="E564" s="1" t="s">
        <v>481</v>
      </c>
    </row>
    <row r="565">
      <c r="A565" s="1">
        <v>4.90385719E8</v>
      </c>
      <c r="B565" s="2">
        <v>11805.0</v>
      </c>
      <c r="C565" s="1" t="s">
        <v>5</v>
      </c>
      <c r="D565" s="1" t="s">
        <v>482</v>
      </c>
      <c r="E565" s="1" t="s">
        <v>11</v>
      </c>
    </row>
    <row r="566">
      <c r="A566" s="1">
        <v>4.90385722E8</v>
      </c>
      <c r="B566" s="2">
        <v>11805.0</v>
      </c>
      <c r="C566" s="1" t="s">
        <v>5</v>
      </c>
      <c r="D566" s="1" t="s">
        <v>483</v>
      </c>
      <c r="E566" s="1" t="s">
        <v>11</v>
      </c>
    </row>
    <row r="567">
      <c r="A567" s="1">
        <v>4.90385724E8</v>
      </c>
      <c r="B567" s="2">
        <v>11793.0</v>
      </c>
      <c r="C567" s="1" t="s">
        <v>5</v>
      </c>
      <c r="D567" s="1" t="s">
        <v>11</v>
      </c>
      <c r="E567" s="1" t="s">
        <v>7</v>
      </c>
    </row>
    <row r="568">
      <c r="A568" s="1">
        <v>4.90385725E8</v>
      </c>
      <c r="B568" s="2">
        <v>11805.0</v>
      </c>
      <c r="C568" s="1" t="s">
        <v>5</v>
      </c>
      <c r="D568" s="1" t="s">
        <v>484</v>
      </c>
      <c r="E568" s="1" t="s">
        <v>7</v>
      </c>
    </row>
    <row r="569">
      <c r="A569" s="1">
        <v>4.90385728E8</v>
      </c>
      <c r="B569" s="2">
        <v>11804.0</v>
      </c>
      <c r="C569" s="1" t="s">
        <v>5</v>
      </c>
      <c r="D569" s="1" t="s">
        <v>485</v>
      </c>
      <c r="E569" s="1" t="s">
        <v>11</v>
      </c>
    </row>
    <row r="570">
      <c r="A570" s="1">
        <v>4.9038573E8</v>
      </c>
      <c r="B570" s="2">
        <v>11775.0</v>
      </c>
      <c r="C570" s="1" t="s">
        <v>5</v>
      </c>
      <c r="D570" s="1" t="s">
        <v>11</v>
      </c>
      <c r="E570" s="1" t="s">
        <v>7</v>
      </c>
    </row>
    <row r="571">
      <c r="A571" s="1">
        <v>4.90385731E8</v>
      </c>
      <c r="B571" s="2">
        <v>11793.0</v>
      </c>
      <c r="C571" s="1" t="s">
        <v>5</v>
      </c>
      <c r="D571" s="1" t="s">
        <v>486</v>
      </c>
      <c r="E571" s="1" t="s">
        <v>7</v>
      </c>
    </row>
    <row r="572">
      <c r="A572" s="1">
        <v>4.90385732E8</v>
      </c>
      <c r="B572" s="2">
        <v>11804.0</v>
      </c>
      <c r="C572" s="1" t="s">
        <v>5</v>
      </c>
      <c r="D572" s="1" t="s">
        <v>487</v>
      </c>
      <c r="E572" s="1" t="s">
        <v>488</v>
      </c>
    </row>
    <row r="573">
      <c r="A573" s="1">
        <v>4.90385733E8</v>
      </c>
      <c r="B573" s="2">
        <v>11799.0</v>
      </c>
      <c r="C573" s="1" t="s">
        <v>5</v>
      </c>
      <c r="D573" s="1" t="s">
        <v>11</v>
      </c>
      <c r="E573" s="1" t="s">
        <v>7</v>
      </c>
    </row>
    <row r="574">
      <c r="A574" s="1">
        <v>4.90385739E8</v>
      </c>
      <c r="B574" s="2">
        <v>11793.0</v>
      </c>
      <c r="C574" s="1" t="s">
        <v>5</v>
      </c>
      <c r="D574" s="1" t="s">
        <v>489</v>
      </c>
      <c r="E574" s="1" t="s">
        <v>490</v>
      </c>
    </row>
    <row r="575">
      <c r="A575" s="1">
        <v>4.9038574E8</v>
      </c>
      <c r="B575" s="2">
        <v>11805.0</v>
      </c>
      <c r="C575" s="1" t="s">
        <v>5</v>
      </c>
      <c r="D575" s="1" t="s">
        <v>491</v>
      </c>
      <c r="E575" s="1" t="s">
        <v>7</v>
      </c>
    </row>
    <row r="576">
      <c r="A576" s="1">
        <v>4.90385757E8</v>
      </c>
      <c r="B576" s="2">
        <v>11777.0</v>
      </c>
      <c r="C576" s="1" t="s">
        <v>5</v>
      </c>
      <c r="D576" s="1" t="s">
        <v>11</v>
      </c>
      <c r="E576" s="1" t="s">
        <v>7</v>
      </c>
    </row>
    <row r="577">
      <c r="A577" s="1">
        <v>4.90385758E8</v>
      </c>
      <c r="B577" s="2">
        <v>11793.0</v>
      </c>
      <c r="C577" s="1" t="s">
        <v>5</v>
      </c>
      <c r="D577" s="1" t="s">
        <v>492</v>
      </c>
      <c r="E577" s="1" t="s">
        <v>11</v>
      </c>
    </row>
    <row r="578">
      <c r="A578" s="1">
        <v>4.90385759E8</v>
      </c>
      <c r="B578" s="2">
        <v>11766.0</v>
      </c>
      <c r="C578" s="1" t="s">
        <v>5</v>
      </c>
      <c r="D578" s="1" t="s">
        <v>11</v>
      </c>
      <c r="E578" s="1" t="s">
        <v>7</v>
      </c>
    </row>
    <row r="579">
      <c r="A579" s="1">
        <v>4.9038576E8</v>
      </c>
      <c r="B579" s="2">
        <v>11793.0</v>
      </c>
      <c r="C579" s="1" t="s">
        <v>5</v>
      </c>
      <c r="D579" s="1" t="s">
        <v>493</v>
      </c>
      <c r="E579" s="1" t="s">
        <v>7</v>
      </c>
    </row>
    <row r="580">
      <c r="A580" s="1">
        <v>4.90385761E8</v>
      </c>
      <c r="B580" s="2">
        <v>11793.0</v>
      </c>
      <c r="C580" s="1" t="s">
        <v>5</v>
      </c>
      <c r="D580" s="1" t="s">
        <v>494</v>
      </c>
      <c r="E580" s="1" t="s">
        <v>11</v>
      </c>
    </row>
    <row r="581">
      <c r="A581" s="1">
        <v>4.90385763E8</v>
      </c>
      <c r="B581" s="2">
        <v>11790.0</v>
      </c>
      <c r="C581" s="1" t="s">
        <v>5</v>
      </c>
      <c r="D581" s="1" t="s">
        <v>495</v>
      </c>
      <c r="E581" s="1" t="s">
        <v>496</v>
      </c>
    </row>
    <row r="582">
      <c r="A582" s="1">
        <v>4.90385767E8</v>
      </c>
      <c r="B582" s="2">
        <v>11775.0</v>
      </c>
      <c r="C582" s="1" t="s">
        <v>5</v>
      </c>
      <c r="D582" s="1" t="s">
        <v>497</v>
      </c>
      <c r="E582" s="1" t="s">
        <v>7</v>
      </c>
    </row>
    <row r="583">
      <c r="A583" s="1">
        <v>4.90385768E8</v>
      </c>
      <c r="B583" s="2">
        <v>11804.0</v>
      </c>
      <c r="C583" s="1" t="s">
        <v>5</v>
      </c>
      <c r="D583" s="1" t="s">
        <v>498</v>
      </c>
      <c r="E583" s="1" t="s">
        <v>11</v>
      </c>
    </row>
    <row r="584">
      <c r="A584" s="1">
        <v>4.90385769E8</v>
      </c>
      <c r="B584" s="2">
        <v>11794.0</v>
      </c>
      <c r="C584" s="1" t="s">
        <v>5</v>
      </c>
      <c r="D584" s="1" t="s">
        <v>499</v>
      </c>
      <c r="E584" s="1" t="s">
        <v>7</v>
      </c>
    </row>
    <row r="585">
      <c r="A585" s="1">
        <v>4.90385771E8</v>
      </c>
      <c r="B585" s="2">
        <v>11766.0</v>
      </c>
      <c r="C585" s="1" t="s">
        <v>5</v>
      </c>
      <c r="D585" s="1" t="s">
        <v>500</v>
      </c>
      <c r="E585" s="1" t="s">
        <v>7</v>
      </c>
    </row>
    <row r="586">
      <c r="A586" s="1">
        <v>4.90385772E8</v>
      </c>
      <c r="B586" s="2">
        <v>11703.0</v>
      </c>
      <c r="C586" s="1" t="s">
        <v>5</v>
      </c>
      <c r="D586" s="1" t="s">
        <v>501</v>
      </c>
      <c r="E586" s="1" t="s">
        <v>7</v>
      </c>
    </row>
    <row r="587">
      <c r="A587" s="1">
        <v>4.90385774E8</v>
      </c>
      <c r="B587" s="2">
        <v>11793.0</v>
      </c>
      <c r="C587" s="1" t="s">
        <v>5</v>
      </c>
      <c r="D587" s="1" t="s">
        <v>502</v>
      </c>
      <c r="E587" s="1" t="s">
        <v>11</v>
      </c>
    </row>
    <row r="588">
      <c r="A588" s="1">
        <v>4.90385776E8</v>
      </c>
      <c r="B588" s="2">
        <v>11792.0</v>
      </c>
      <c r="C588" s="1" t="s">
        <v>5</v>
      </c>
      <c r="D588" s="1" t="s">
        <v>503</v>
      </c>
      <c r="E588" s="1" t="s">
        <v>11</v>
      </c>
    </row>
    <row r="589">
      <c r="A589" s="1">
        <v>4.9038578E8</v>
      </c>
      <c r="B589" s="2">
        <v>11804.0</v>
      </c>
      <c r="C589" s="1" t="s">
        <v>5</v>
      </c>
      <c r="D589" s="1" t="s">
        <v>504</v>
      </c>
      <c r="E589" s="1" t="s">
        <v>7</v>
      </c>
    </row>
    <row r="590">
      <c r="A590" s="1">
        <v>4.90385781E8</v>
      </c>
      <c r="B590" s="2">
        <v>11775.0</v>
      </c>
      <c r="C590" s="1" t="s">
        <v>5</v>
      </c>
      <c r="D590" s="1" t="s">
        <v>505</v>
      </c>
      <c r="E590" s="1" t="s">
        <v>11</v>
      </c>
    </row>
    <row r="591">
      <c r="A591" s="1">
        <v>4.90385789E8</v>
      </c>
      <c r="B591" s="2">
        <v>11804.0</v>
      </c>
      <c r="C591" s="1" t="s">
        <v>5</v>
      </c>
      <c r="D591" s="1" t="s">
        <v>11</v>
      </c>
      <c r="E591" s="1" t="s">
        <v>7</v>
      </c>
    </row>
    <row r="592">
      <c r="A592" s="1">
        <v>4.90385791E8</v>
      </c>
      <c r="B592" s="2">
        <v>11790.0</v>
      </c>
      <c r="C592" s="1" t="s">
        <v>5</v>
      </c>
      <c r="D592" s="1" t="s">
        <v>11</v>
      </c>
      <c r="E592" s="1" t="s">
        <v>7</v>
      </c>
    </row>
    <row r="593">
      <c r="A593" s="1">
        <v>4.90385793E8</v>
      </c>
      <c r="B593" s="2">
        <v>11794.0</v>
      </c>
      <c r="C593" s="1" t="s">
        <v>5</v>
      </c>
      <c r="D593" s="1" t="s">
        <v>506</v>
      </c>
      <c r="E593" s="1" t="s">
        <v>11</v>
      </c>
    </row>
    <row r="594">
      <c r="A594" s="1">
        <v>4.903858E8</v>
      </c>
      <c r="B594" s="2">
        <v>11804.0</v>
      </c>
      <c r="C594" s="1" t="s">
        <v>5</v>
      </c>
      <c r="D594" s="1" t="s">
        <v>507</v>
      </c>
      <c r="E594" s="1" t="s">
        <v>7</v>
      </c>
    </row>
    <row r="595">
      <c r="A595" s="1">
        <v>4.90385801E8</v>
      </c>
      <c r="B595" s="2">
        <v>11793.0</v>
      </c>
      <c r="C595" s="1" t="s">
        <v>5</v>
      </c>
      <c r="D595" s="1" t="s">
        <v>508</v>
      </c>
      <c r="E595" s="1" t="s">
        <v>7</v>
      </c>
    </row>
    <row r="596">
      <c r="A596" s="1">
        <v>4.90385802E8</v>
      </c>
      <c r="B596" s="2">
        <v>11800.0</v>
      </c>
      <c r="C596" s="1" t="s">
        <v>5</v>
      </c>
      <c r="D596" s="1" t="s">
        <v>509</v>
      </c>
      <c r="E596" s="1" t="s">
        <v>7</v>
      </c>
    </row>
    <row r="597">
      <c r="A597" s="1">
        <v>4.90385803E8</v>
      </c>
      <c r="B597" s="2">
        <v>11792.0</v>
      </c>
      <c r="C597" s="1" t="s">
        <v>5</v>
      </c>
      <c r="D597" s="1" t="s">
        <v>510</v>
      </c>
      <c r="E597" s="1" t="s">
        <v>11</v>
      </c>
    </row>
    <row r="598">
      <c r="A598" s="1">
        <v>4.90385806E8</v>
      </c>
      <c r="B598" s="2">
        <v>11800.0</v>
      </c>
      <c r="C598" s="1" t="s">
        <v>5</v>
      </c>
      <c r="D598" s="1" t="s">
        <v>511</v>
      </c>
      <c r="E598" s="1" t="s">
        <v>11</v>
      </c>
    </row>
    <row r="599">
      <c r="A599" s="1">
        <v>4.90385807E8</v>
      </c>
      <c r="B599" s="2">
        <v>11793.0</v>
      </c>
      <c r="C599" s="1" t="s">
        <v>5</v>
      </c>
      <c r="D599" s="1" t="s">
        <v>512</v>
      </c>
      <c r="E599" s="1" t="s">
        <v>513</v>
      </c>
    </row>
    <row r="600">
      <c r="A600" s="1">
        <v>4.9038581E8</v>
      </c>
      <c r="B600" s="2">
        <v>11792.0</v>
      </c>
      <c r="C600" s="1" t="s">
        <v>5</v>
      </c>
      <c r="D600" s="1" t="s">
        <v>11</v>
      </c>
      <c r="E600" s="1" t="s">
        <v>7</v>
      </c>
    </row>
    <row r="601">
      <c r="A601" s="1">
        <v>4.90385812E8</v>
      </c>
      <c r="B601" s="2">
        <v>11787.0</v>
      </c>
      <c r="C601" s="1" t="s">
        <v>5</v>
      </c>
      <c r="D601" s="1" t="s">
        <v>514</v>
      </c>
      <c r="E601" s="1" t="s">
        <v>7</v>
      </c>
    </row>
    <row r="602">
      <c r="A602" s="1">
        <v>4.90385813E8</v>
      </c>
      <c r="B602" s="2">
        <v>11804.0</v>
      </c>
      <c r="C602" s="1" t="s">
        <v>5</v>
      </c>
      <c r="D602" s="1" t="s">
        <v>11</v>
      </c>
      <c r="E602" s="1" t="s">
        <v>7</v>
      </c>
    </row>
    <row r="603">
      <c r="A603" s="1">
        <v>4.90385815E8</v>
      </c>
      <c r="B603" s="2">
        <v>11792.0</v>
      </c>
      <c r="C603" s="1" t="s">
        <v>5</v>
      </c>
      <c r="D603" s="1" t="s">
        <v>11</v>
      </c>
      <c r="E603" s="1" t="s">
        <v>7</v>
      </c>
    </row>
    <row r="604">
      <c r="A604" s="1">
        <v>4.90385821E8</v>
      </c>
      <c r="B604" s="2">
        <v>11793.0</v>
      </c>
      <c r="C604" s="1" t="s">
        <v>5</v>
      </c>
      <c r="D604" s="1" t="s">
        <v>7</v>
      </c>
      <c r="E604" s="1" t="s">
        <v>7</v>
      </c>
    </row>
    <row r="605">
      <c r="A605" s="1">
        <v>4.90385823E8</v>
      </c>
      <c r="B605" s="2">
        <v>11787.0</v>
      </c>
      <c r="C605" s="1" t="s">
        <v>5</v>
      </c>
      <c r="D605" s="1" t="s">
        <v>515</v>
      </c>
      <c r="E605" s="1" t="s">
        <v>516</v>
      </c>
    </row>
    <row r="606">
      <c r="A606" s="1">
        <v>4.9038583E8</v>
      </c>
      <c r="B606" s="2">
        <v>11793.0</v>
      </c>
      <c r="C606" s="1" t="s">
        <v>5</v>
      </c>
      <c r="D606" s="1" t="s">
        <v>517</v>
      </c>
      <c r="E606" s="1" t="s">
        <v>7</v>
      </c>
    </row>
    <row r="607">
      <c r="A607" s="1">
        <v>4.90385842E8</v>
      </c>
      <c r="B607" s="2">
        <v>11792.0</v>
      </c>
      <c r="C607" s="1" t="s">
        <v>5</v>
      </c>
      <c r="D607" s="1" t="s">
        <v>11</v>
      </c>
      <c r="E607" s="1" t="s">
        <v>7</v>
      </c>
    </row>
    <row r="608">
      <c r="A608" s="1">
        <v>4.90385846E8</v>
      </c>
      <c r="B608" s="2">
        <v>11776.0</v>
      </c>
      <c r="C608" s="1" t="s">
        <v>5</v>
      </c>
      <c r="D608" s="1" t="s">
        <v>11</v>
      </c>
      <c r="E608" s="1" t="s">
        <v>7</v>
      </c>
    </row>
    <row r="609">
      <c r="A609" s="1">
        <v>4.90385848E8</v>
      </c>
      <c r="B609" s="2">
        <v>11800.0</v>
      </c>
      <c r="C609" s="1" t="s">
        <v>5</v>
      </c>
      <c r="D609" s="1" t="s">
        <v>11</v>
      </c>
      <c r="E609" s="1" t="s">
        <v>7</v>
      </c>
    </row>
    <row r="610">
      <c r="A610" s="1">
        <v>4.90385854E8</v>
      </c>
      <c r="B610" s="2">
        <v>11793.0</v>
      </c>
      <c r="C610" s="1" t="s">
        <v>5</v>
      </c>
      <c r="D610" s="1" t="s">
        <v>11</v>
      </c>
      <c r="E610" s="1" t="s">
        <v>7</v>
      </c>
    </row>
    <row r="611">
      <c r="A611" s="1">
        <v>4.90385855E8</v>
      </c>
      <c r="B611" s="2">
        <v>11789.0</v>
      </c>
      <c r="C611" s="1" t="s">
        <v>5</v>
      </c>
      <c r="D611" s="1" t="s">
        <v>518</v>
      </c>
      <c r="E611" s="1" t="s">
        <v>7</v>
      </c>
    </row>
    <row r="612">
      <c r="A612" s="1">
        <v>4.90385859E8</v>
      </c>
      <c r="B612" s="2">
        <v>11800.0</v>
      </c>
      <c r="C612" s="1" t="s">
        <v>5</v>
      </c>
      <c r="D612" s="1" t="s">
        <v>519</v>
      </c>
      <c r="E612" s="1" t="s">
        <v>11</v>
      </c>
    </row>
    <row r="613">
      <c r="A613" s="1">
        <v>4.90385861E8</v>
      </c>
      <c r="B613" s="2">
        <v>11771.0</v>
      </c>
      <c r="C613" s="1" t="s">
        <v>5</v>
      </c>
      <c r="D613" s="1" t="s">
        <v>520</v>
      </c>
      <c r="E613" s="1" t="s">
        <v>7</v>
      </c>
    </row>
    <row r="614">
      <c r="A614" s="1">
        <v>4.90385872E8</v>
      </c>
      <c r="B614" s="2">
        <v>11800.0</v>
      </c>
      <c r="C614" s="1" t="s">
        <v>5</v>
      </c>
      <c r="D614" s="1" t="s">
        <v>521</v>
      </c>
      <c r="E614" s="1" t="s">
        <v>11</v>
      </c>
    </row>
    <row r="615">
      <c r="A615" s="1">
        <v>4.90385873E8</v>
      </c>
      <c r="B615" s="2">
        <v>11800.0</v>
      </c>
      <c r="C615" s="1" t="s">
        <v>5</v>
      </c>
      <c r="D615" s="1" t="s">
        <v>522</v>
      </c>
      <c r="E615" s="1" t="s">
        <v>7</v>
      </c>
    </row>
    <row r="616">
      <c r="A616" s="1">
        <v>4.90385882E8</v>
      </c>
      <c r="B616" s="2">
        <v>11786.0</v>
      </c>
      <c r="C616" s="1" t="s">
        <v>5</v>
      </c>
      <c r="D616" s="1" t="s">
        <v>523</v>
      </c>
      <c r="E616" s="1" t="s">
        <v>7</v>
      </c>
    </row>
    <row r="617">
      <c r="A617" s="1">
        <v>4.90385885E8</v>
      </c>
      <c r="B617" s="2">
        <v>11776.0</v>
      </c>
      <c r="C617" s="1" t="s">
        <v>5</v>
      </c>
      <c r="D617" s="1" t="s">
        <v>524</v>
      </c>
      <c r="E617" s="1" t="s">
        <v>7</v>
      </c>
    </row>
    <row r="618">
      <c r="A618" s="1">
        <v>4.90385887E8</v>
      </c>
      <c r="B618" s="2">
        <v>11800.0</v>
      </c>
      <c r="C618" s="1" t="s">
        <v>5</v>
      </c>
      <c r="D618" s="1" t="s">
        <v>525</v>
      </c>
      <c r="E618" s="1" t="s">
        <v>11</v>
      </c>
    </row>
    <row r="619">
      <c r="A619" s="1">
        <v>4.90385888E8</v>
      </c>
      <c r="B619" s="2">
        <v>11800.0</v>
      </c>
      <c r="C619" s="1" t="s">
        <v>5</v>
      </c>
      <c r="D619" s="1" t="s">
        <v>11</v>
      </c>
      <c r="E619" s="1" t="s">
        <v>7</v>
      </c>
    </row>
    <row r="620">
      <c r="A620" s="1">
        <v>4.9038589E8</v>
      </c>
      <c r="B620" s="2">
        <v>11771.0</v>
      </c>
      <c r="C620" s="1" t="s">
        <v>5</v>
      </c>
      <c r="D620" s="1" t="s">
        <v>526</v>
      </c>
      <c r="E620" s="1" t="s">
        <v>7</v>
      </c>
    </row>
    <row r="621">
      <c r="A621" s="1">
        <v>4.90385894E8</v>
      </c>
      <c r="B621" s="2">
        <v>11787.0</v>
      </c>
      <c r="C621" s="1" t="s">
        <v>5</v>
      </c>
      <c r="D621" s="1" t="s">
        <v>527</v>
      </c>
      <c r="E621" s="1" t="s">
        <v>11</v>
      </c>
    </row>
    <row r="622">
      <c r="A622" s="1">
        <v>4.90385897E8</v>
      </c>
      <c r="B622" s="2">
        <v>11799.0</v>
      </c>
      <c r="C622" s="1" t="s">
        <v>5</v>
      </c>
      <c r="D622" s="1" t="s">
        <v>528</v>
      </c>
      <c r="E622" s="1" t="s">
        <v>11</v>
      </c>
    </row>
    <row r="623">
      <c r="A623" s="1">
        <v>4.90385898E8</v>
      </c>
      <c r="B623" s="2">
        <v>11776.0</v>
      </c>
      <c r="C623" s="1" t="s">
        <v>5</v>
      </c>
      <c r="D623" s="1" t="s">
        <v>529</v>
      </c>
      <c r="E623" s="1" t="s">
        <v>530</v>
      </c>
    </row>
    <row r="624">
      <c r="A624" s="1">
        <v>4.90385901E8</v>
      </c>
      <c r="B624" s="2">
        <v>11771.0</v>
      </c>
      <c r="C624" s="1" t="s">
        <v>5</v>
      </c>
      <c r="D624" s="1" t="s">
        <v>531</v>
      </c>
      <c r="E624" s="1" t="s">
        <v>11</v>
      </c>
    </row>
    <row r="625">
      <c r="A625" s="1">
        <v>4.90385902E8</v>
      </c>
      <c r="B625" s="2">
        <v>11792.0</v>
      </c>
      <c r="C625" s="1" t="s">
        <v>5</v>
      </c>
      <c r="D625" s="1" t="s">
        <v>11</v>
      </c>
      <c r="E625" s="1" t="s">
        <v>7</v>
      </c>
    </row>
    <row r="626">
      <c r="A626" s="1">
        <v>4.90385907E8</v>
      </c>
      <c r="B626" s="2">
        <v>11799.0</v>
      </c>
      <c r="C626" s="1" t="s">
        <v>5</v>
      </c>
      <c r="D626" s="1" t="s">
        <v>532</v>
      </c>
      <c r="E626" s="1" t="s">
        <v>533</v>
      </c>
    </row>
    <row r="627">
      <c r="A627" s="1">
        <v>4.90385909E8</v>
      </c>
      <c r="B627" s="2">
        <v>11787.0</v>
      </c>
      <c r="C627" s="1" t="s">
        <v>5</v>
      </c>
      <c r="D627" s="1" t="s">
        <v>534</v>
      </c>
      <c r="E627" s="1" t="s">
        <v>11</v>
      </c>
    </row>
    <row r="628">
      <c r="A628" s="1">
        <v>4.90385911E8</v>
      </c>
      <c r="B628" s="2">
        <v>11800.0</v>
      </c>
      <c r="C628" s="1" t="s">
        <v>5</v>
      </c>
      <c r="D628" s="1" t="s">
        <v>535</v>
      </c>
      <c r="E628" s="1" t="s">
        <v>7</v>
      </c>
    </row>
    <row r="629">
      <c r="A629" s="1">
        <v>4.90385912E8</v>
      </c>
      <c r="B629" s="2">
        <v>11799.0</v>
      </c>
      <c r="C629" s="1" t="s">
        <v>5</v>
      </c>
      <c r="D629" s="1" t="s">
        <v>536</v>
      </c>
      <c r="E629" s="1" t="s">
        <v>11</v>
      </c>
    </row>
    <row r="630">
      <c r="A630" s="1">
        <v>4.90385916E8</v>
      </c>
      <c r="B630" s="2">
        <v>11806.0</v>
      </c>
      <c r="C630" s="1" t="s">
        <v>5</v>
      </c>
      <c r="D630" s="1" t="s">
        <v>537</v>
      </c>
      <c r="E630" s="1" t="s">
        <v>7</v>
      </c>
    </row>
    <row r="631">
      <c r="A631" s="1">
        <v>4.90385919E8</v>
      </c>
      <c r="B631" s="2">
        <v>11790.0</v>
      </c>
      <c r="C631" s="1" t="s">
        <v>5</v>
      </c>
      <c r="D631" s="1" t="s">
        <v>11</v>
      </c>
      <c r="E631" s="1" t="s">
        <v>7</v>
      </c>
    </row>
    <row r="632">
      <c r="A632" s="1">
        <v>4.90385924E8</v>
      </c>
      <c r="B632" s="2">
        <v>11799.0</v>
      </c>
      <c r="C632" s="1" t="s">
        <v>5</v>
      </c>
      <c r="D632" s="1" t="s">
        <v>11</v>
      </c>
      <c r="E632" s="1" t="s">
        <v>7</v>
      </c>
    </row>
    <row r="633">
      <c r="A633" s="1">
        <v>4.90385937E8</v>
      </c>
      <c r="B633" s="2">
        <v>11799.0</v>
      </c>
      <c r="C633" s="1" t="s">
        <v>5</v>
      </c>
      <c r="D633" s="1" t="s">
        <v>11</v>
      </c>
      <c r="E633" s="1" t="s">
        <v>7</v>
      </c>
    </row>
    <row r="634">
      <c r="A634" s="1">
        <v>4.90385946E8</v>
      </c>
      <c r="B634" s="2">
        <v>11786.0</v>
      </c>
      <c r="C634" s="1" t="s">
        <v>5</v>
      </c>
      <c r="D634" s="1" t="s">
        <v>538</v>
      </c>
      <c r="E634" s="1" t="s">
        <v>11</v>
      </c>
    </row>
    <row r="635">
      <c r="A635" s="1">
        <v>4.90385947E8</v>
      </c>
      <c r="B635" s="2">
        <v>11799.0</v>
      </c>
      <c r="C635" s="1" t="s">
        <v>5</v>
      </c>
      <c r="D635" s="1" t="s">
        <v>11</v>
      </c>
      <c r="E635" s="1" t="s">
        <v>7</v>
      </c>
    </row>
    <row r="636">
      <c r="A636" s="1">
        <v>4.90385948E8</v>
      </c>
      <c r="B636" s="2">
        <v>11792.0</v>
      </c>
      <c r="C636" s="1" t="s">
        <v>5</v>
      </c>
      <c r="D636" s="1" t="s">
        <v>539</v>
      </c>
      <c r="E636" s="1" t="s">
        <v>540</v>
      </c>
    </row>
    <row r="637">
      <c r="A637" s="1">
        <v>4.90385949E8</v>
      </c>
      <c r="B637" s="2">
        <v>11791.0</v>
      </c>
      <c r="C637" s="1" t="s">
        <v>5</v>
      </c>
      <c r="D637" s="1" t="s">
        <v>541</v>
      </c>
      <c r="E637" s="1" t="s">
        <v>542</v>
      </c>
    </row>
    <row r="638">
      <c r="A638" s="1">
        <v>4.9038595E8</v>
      </c>
      <c r="B638" s="2">
        <v>11791.0</v>
      </c>
      <c r="C638" s="1" t="s">
        <v>5</v>
      </c>
      <c r="D638" s="1" t="s">
        <v>11</v>
      </c>
      <c r="E638" s="1" t="s">
        <v>7</v>
      </c>
    </row>
    <row r="639">
      <c r="A639" s="1">
        <v>4.90385952E8</v>
      </c>
      <c r="B639" s="2">
        <v>11799.0</v>
      </c>
      <c r="C639" s="1" t="s">
        <v>5</v>
      </c>
      <c r="D639" s="1" t="s">
        <v>11</v>
      </c>
      <c r="E639" s="1" t="s">
        <v>7</v>
      </c>
    </row>
    <row r="640">
      <c r="A640" s="1">
        <v>4.90385955E8</v>
      </c>
      <c r="B640" s="2">
        <v>11799.0</v>
      </c>
      <c r="C640" s="1" t="s">
        <v>5</v>
      </c>
      <c r="D640" s="1" t="s">
        <v>11</v>
      </c>
      <c r="E640" s="1" t="s">
        <v>7</v>
      </c>
    </row>
    <row r="641">
      <c r="A641" s="1">
        <v>4.90385957E8</v>
      </c>
      <c r="B641" s="2">
        <v>11800.0</v>
      </c>
      <c r="C641" s="1" t="s">
        <v>5</v>
      </c>
      <c r="D641" s="1" t="s">
        <v>543</v>
      </c>
      <c r="E641" s="1" t="s">
        <v>11</v>
      </c>
    </row>
    <row r="642">
      <c r="A642" s="1">
        <v>4.90385958E8</v>
      </c>
      <c r="B642" s="2">
        <v>11806.0</v>
      </c>
      <c r="C642" s="1" t="s">
        <v>5</v>
      </c>
      <c r="D642" s="1" t="s">
        <v>544</v>
      </c>
      <c r="E642" s="1" t="s">
        <v>7</v>
      </c>
    </row>
    <row r="643">
      <c r="A643" s="1">
        <v>4.9038596E8</v>
      </c>
      <c r="B643" s="2">
        <v>11791.0</v>
      </c>
      <c r="C643" s="1" t="s">
        <v>5</v>
      </c>
      <c r="D643" s="1" t="s">
        <v>545</v>
      </c>
      <c r="E643" s="1" t="s">
        <v>11</v>
      </c>
    </row>
    <row r="644">
      <c r="A644" s="1">
        <v>4.90385963E8</v>
      </c>
      <c r="B644" s="2">
        <v>11775.0</v>
      </c>
      <c r="C644" s="1" t="s">
        <v>5</v>
      </c>
      <c r="D644" s="1" t="s">
        <v>546</v>
      </c>
      <c r="E644" s="1" t="s">
        <v>7</v>
      </c>
    </row>
    <row r="645">
      <c r="A645" s="1">
        <v>4.90385964E8</v>
      </c>
      <c r="B645" s="2">
        <v>11799.0</v>
      </c>
      <c r="C645" s="1" t="s">
        <v>5</v>
      </c>
      <c r="D645" s="1" t="s">
        <v>547</v>
      </c>
      <c r="E645" s="1" t="s">
        <v>7</v>
      </c>
    </row>
    <row r="646">
      <c r="A646" s="1">
        <v>4.90385966E8</v>
      </c>
      <c r="B646" s="2">
        <v>11808.0</v>
      </c>
      <c r="C646" s="1" t="s">
        <v>5</v>
      </c>
      <c r="D646" s="1" t="s">
        <v>11</v>
      </c>
      <c r="E646" s="1" t="s">
        <v>7</v>
      </c>
    </row>
    <row r="647">
      <c r="A647" s="1">
        <v>4.90385968E8</v>
      </c>
      <c r="B647" s="2">
        <v>11791.0</v>
      </c>
      <c r="C647" s="1" t="s">
        <v>5</v>
      </c>
      <c r="D647" s="1" t="s">
        <v>548</v>
      </c>
      <c r="E647" s="1" t="s">
        <v>7</v>
      </c>
    </row>
    <row r="648">
      <c r="A648" s="1">
        <v>4.90385969E8</v>
      </c>
      <c r="B648" s="2">
        <v>11799.0</v>
      </c>
      <c r="C648" s="1" t="s">
        <v>5</v>
      </c>
      <c r="D648" s="1" t="s">
        <v>549</v>
      </c>
      <c r="E648" s="1" t="s">
        <v>11</v>
      </c>
    </row>
    <row r="649">
      <c r="A649" s="1">
        <v>4.9038597E8</v>
      </c>
      <c r="B649" s="2">
        <v>11792.0</v>
      </c>
      <c r="C649" s="1" t="s">
        <v>5</v>
      </c>
      <c r="D649" s="1" t="s">
        <v>550</v>
      </c>
      <c r="E649" s="1" t="s">
        <v>7</v>
      </c>
    </row>
    <row r="650">
      <c r="A650" s="1">
        <v>4.90385971E8</v>
      </c>
      <c r="B650" s="2">
        <v>11791.0</v>
      </c>
      <c r="C650" s="1" t="s">
        <v>5</v>
      </c>
      <c r="D650" s="1" t="s">
        <v>11</v>
      </c>
      <c r="E650" s="1" t="s">
        <v>7</v>
      </c>
    </row>
    <row r="651">
      <c r="A651" s="1">
        <v>4.90385972E8</v>
      </c>
      <c r="B651" s="2">
        <v>11799.0</v>
      </c>
      <c r="C651" s="1" t="s">
        <v>5</v>
      </c>
      <c r="D651" s="1" t="s">
        <v>551</v>
      </c>
      <c r="E651" s="1" t="s">
        <v>11</v>
      </c>
    </row>
    <row r="652">
      <c r="A652" s="1">
        <v>4.90385973E8</v>
      </c>
      <c r="B652" s="2">
        <v>11806.0</v>
      </c>
      <c r="C652" s="1" t="s">
        <v>5</v>
      </c>
      <c r="D652" s="1" t="s">
        <v>11</v>
      </c>
      <c r="E652" s="1" t="s">
        <v>7</v>
      </c>
    </row>
    <row r="653">
      <c r="A653" s="1">
        <v>4.90385974E8</v>
      </c>
      <c r="B653" s="2">
        <v>11770.0</v>
      </c>
      <c r="C653" s="1" t="s">
        <v>5</v>
      </c>
      <c r="D653" s="1" t="s">
        <v>552</v>
      </c>
      <c r="E653" s="1" t="s">
        <v>7</v>
      </c>
    </row>
    <row r="654">
      <c r="A654" s="1">
        <v>4.90385977E8</v>
      </c>
      <c r="B654" s="2">
        <v>11771.0</v>
      </c>
      <c r="C654" s="1" t="s">
        <v>5</v>
      </c>
      <c r="D654" s="1" t="s">
        <v>553</v>
      </c>
      <c r="E654" s="1" t="s">
        <v>11</v>
      </c>
    </row>
    <row r="655">
      <c r="A655" s="1">
        <v>4.9038598E8</v>
      </c>
      <c r="B655" s="2">
        <v>11808.0</v>
      </c>
      <c r="C655" s="1" t="s">
        <v>5</v>
      </c>
      <c r="D655" s="1" t="s">
        <v>11</v>
      </c>
      <c r="E655" s="1" t="s">
        <v>7</v>
      </c>
    </row>
    <row r="656">
      <c r="A656" s="1">
        <v>4.90385983E8</v>
      </c>
      <c r="B656" s="2">
        <v>11786.0</v>
      </c>
      <c r="C656" s="1" t="s">
        <v>5</v>
      </c>
      <c r="D656" s="1" t="s">
        <v>554</v>
      </c>
      <c r="E656" s="1" t="s">
        <v>7</v>
      </c>
    </row>
    <row r="657">
      <c r="A657" s="1">
        <v>4.90385984E8</v>
      </c>
      <c r="B657" s="2">
        <v>11791.0</v>
      </c>
      <c r="C657" s="1" t="s">
        <v>5</v>
      </c>
      <c r="D657" s="1" t="s">
        <v>555</v>
      </c>
      <c r="E657" s="1" t="s">
        <v>11</v>
      </c>
    </row>
    <row r="658">
      <c r="A658" s="1">
        <v>4.90385986E8</v>
      </c>
      <c r="B658" s="2">
        <v>11794.0</v>
      </c>
      <c r="C658" s="1" t="s">
        <v>5</v>
      </c>
      <c r="D658" s="1" t="s">
        <v>556</v>
      </c>
      <c r="E658" s="1" t="s">
        <v>557</v>
      </c>
    </row>
    <row r="659">
      <c r="A659" s="1">
        <v>4.9038599E8</v>
      </c>
      <c r="B659" s="2">
        <v>11771.0</v>
      </c>
      <c r="C659" s="1" t="s">
        <v>5</v>
      </c>
      <c r="D659" s="1" t="s">
        <v>558</v>
      </c>
      <c r="E659" s="1" t="s">
        <v>7</v>
      </c>
    </row>
    <row r="660">
      <c r="A660" s="1">
        <v>4.90385992E8</v>
      </c>
      <c r="B660" s="2">
        <v>11799.0</v>
      </c>
      <c r="C660" s="1" t="s">
        <v>5</v>
      </c>
      <c r="D660" s="1" t="s">
        <v>559</v>
      </c>
      <c r="E660" s="1" t="s">
        <v>7</v>
      </c>
    </row>
    <row r="661">
      <c r="A661" s="1">
        <v>4.90385993E8</v>
      </c>
      <c r="B661" s="2">
        <v>11808.0</v>
      </c>
      <c r="C661" s="1" t="s">
        <v>5</v>
      </c>
      <c r="D661" s="1" t="s">
        <v>560</v>
      </c>
      <c r="E661" s="1" t="s">
        <v>11</v>
      </c>
    </row>
    <row r="662">
      <c r="A662" s="1">
        <v>4.90385995E8</v>
      </c>
      <c r="B662" s="2">
        <v>11799.0</v>
      </c>
      <c r="C662" s="1" t="s">
        <v>5</v>
      </c>
      <c r="D662" s="1" t="s">
        <v>11</v>
      </c>
      <c r="E662" s="1" t="s">
        <v>7</v>
      </c>
    </row>
    <row r="663">
      <c r="A663" s="1">
        <v>4.90385997E8</v>
      </c>
      <c r="B663" s="2">
        <v>11790.0</v>
      </c>
      <c r="C663" s="1" t="s">
        <v>5</v>
      </c>
      <c r="D663" s="1" t="s">
        <v>561</v>
      </c>
      <c r="E663" s="1" t="s">
        <v>562</v>
      </c>
    </row>
    <row r="664">
      <c r="A664" s="1">
        <v>4.90385998E8</v>
      </c>
      <c r="B664" s="2">
        <v>11785.0</v>
      </c>
      <c r="C664" s="1" t="s">
        <v>5</v>
      </c>
      <c r="D664" s="1" t="s">
        <v>563</v>
      </c>
      <c r="E664" s="1" t="s">
        <v>11</v>
      </c>
    </row>
    <row r="665">
      <c r="A665" s="1">
        <v>4.90386E8</v>
      </c>
      <c r="B665" s="2">
        <v>11794.0</v>
      </c>
      <c r="C665" s="1" t="s">
        <v>5</v>
      </c>
      <c r="D665" s="1" t="s">
        <v>564</v>
      </c>
      <c r="E665" s="1" t="s">
        <v>7</v>
      </c>
    </row>
    <row r="666">
      <c r="A666" s="1">
        <v>4.90386001E8</v>
      </c>
      <c r="B666" s="2">
        <v>11791.0</v>
      </c>
      <c r="C666" s="1" t="s">
        <v>5</v>
      </c>
      <c r="D666" s="1" t="s">
        <v>565</v>
      </c>
      <c r="E666" s="1" t="s">
        <v>11</v>
      </c>
    </row>
    <row r="667">
      <c r="A667" s="1">
        <v>4.90386003E8</v>
      </c>
      <c r="B667" s="2">
        <v>11794.0</v>
      </c>
      <c r="C667" s="1" t="s">
        <v>5</v>
      </c>
      <c r="D667" s="1" t="s">
        <v>11</v>
      </c>
      <c r="E667" s="1" t="s">
        <v>7</v>
      </c>
    </row>
    <row r="668">
      <c r="A668" s="1">
        <v>4.90386006E8</v>
      </c>
      <c r="B668" s="2">
        <v>11790.0</v>
      </c>
      <c r="C668" s="1" t="s">
        <v>5</v>
      </c>
      <c r="D668" s="1" t="s">
        <v>566</v>
      </c>
      <c r="E668" s="1" t="s">
        <v>11</v>
      </c>
    </row>
    <row r="669">
      <c r="A669" s="1">
        <v>4.90386007E8</v>
      </c>
      <c r="B669" s="2">
        <v>11785.0</v>
      </c>
      <c r="C669" s="1" t="s">
        <v>5</v>
      </c>
      <c r="D669" s="1" t="s">
        <v>567</v>
      </c>
      <c r="E669" s="1" t="s">
        <v>11</v>
      </c>
    </row>
    <row r="670">
      <c r="A670" s="1">
        <v>4.90386008E8</v>
      </c>
      <c r="B670" s="2">
        <v>11769.0</v>
      </c>
      <c r="C670" s="1" t="s">
        <v>5</v>
      </c>
      <c r="D670" s="1" t="s">
        <v>568</v>
      </c>
      <c r="E670" s="1" t="s">
        <v>7</v>
      </c>
    </row>
    <row r="671">
      <c r="A671" s="1">
        <v>4.90386013E8</v>
      </c>
      <c r="B671" s="2">
        <v>11768.0</v>
      </c>
      <c r="C671" s="1" t="s">
        <v>5</v>
      </c>
      <c r="D671" s="1" t="s">
        <v>11</v>
      </c>
      <c r="E671" s="1" t="s">
        <v>7</v>
      </c>
    </row>
    <row r="672">
      <c r="A672" s="1">
        <v>4.90386015E8</v>
      </c>
      <c r="B672" s="2">
        <v>11805.0</v>
      </c>
      <c r="C672" s="1" t="s">
        <v>5</v>
      </c>
      <c r="D672" s="1" t="s">
        <v>569</v>
      </c>
      <c r="E672" s="1" t="s">
        <v>7</v>
      </c>
    </row>
    <row r="673">
      <c r="A673" s="1">
        <v>4.90386016E8</v>
      </c>
      <c r="B673" s="2">
        <v>11794.0</v>
      </c>
      <c r="C673" s="1" t="s">
        <v>5</v>
      </c>
      <c r="D673" s="1" t="s">
        <v>11</v>
      </c>
      <c r="E673" s="1" t="s">
        <v>7</v>
      </c>
    </row>
    <row r="674">
      <c r="A674" s="1">
        <v>4.90386023E8</v>
      </c>
      <c r="B674" s="2">
        <v>11807.0</v>
      </c>
      <c r="C674" s="1" t="s">
        <v>5</v>
      </c>
      <c r="D674" s="1" t="s">
        <v>570</v>
      </c>
      <c r="E674" s="1" t="s">
        <v>571</v>
      </c>
    </row>
    <row r="675">
      <c r="A675" s="1">
        <v>4.90386028E8</v>
      </c>
      <c r="B675" s="2">
        <v>11769.0</v>
      </c>
      <c r="C675" s="1" t="s">
        <v>5</v>
      </c>
      <c r="D675" s="1" t="s">
        <v>11</v>
      </c>
      <c r="E675" s="1" t="s">
        <v>7</v>
      </c>
    </row>
    <row r="676">
      <c r="A676" s="1">
        <v>4.9038603E8</v>
      </c>
      <c r="B676" s="2">
        <v>11794.0</v>
      </c>
      <c r="C676" s="1" t="s">
        <v>5</v>
      </c>
      <c r="D676" s="1" t="s">
        <v>572</v>
      </c>
      <c r="E676" s="1" t="s">
        <v>7</v>
      </c>
    </row>
    <row r="677">
      <c r="A677" s="1">
        <v>4.90386031E8</v>
      </c>
      <c r="B677" s="2">
        <v>11790.0</v>
      </c>
      <c r="C677" s="1" t="s">
        <v>5</v>
      </c>
      <c r="D677" s="1" t="s">
        <v>573</v>
      </c>
      <c r="E677" s="1" t="s">
        <v>7</v>
      </c>
    </row>
    <row r="678">
      <c r="A678" s="1">
        <v>4.90386032E8</v>
      </c>
      <c r="B678" s="2">
        <v>11785.0</v>
      </c>
      <c r="C678" s="1" t="s">
        <v>5</v>
      </c>
      <c r="D678" s="1" t="s">
        <v>574</v>
      </c>
      <c r="E678" s="1" t="s">
        <v>7</v>
      </c>
    </row>
    <row r="679">
      <c r="A679" s="1">
        <v>4.90386034E8</v>
      </c>
      <c r="B679" s="2">
        <v>11805.0</v>
      </c>
      <c r="C679" s="1" t="s">
        <v>5</v>
      </c>
      <c r="D679" s="1" t="s">
        <v>575</v>
      </c>
      <c r="E679" s="1" t="s">
        <v>7</v>
      </c>
    </row>
    <row r="680">
      <c r="A680" s="1">
        <v>4.90386037E8</v>
      </c>
      <c r="B680" s="2">
        <v>11789.0</v>
      </c>
      <c r="C680" s="1" t="s">
        <v>5</v>
      </c>
      <c r="D680" s="1" t="s">
        <v>576</v>
      </c>
      <c r="E680" s="1" t="s">
        <v>11</v>
      </c>
    </row>
    <row r="681">
      <c r="A681" s="1">
        <v>4.9038604E8</v>
      </c>
      <c r="B681" s="2">
        <v>11770.0</v>
      </c>
      <c r="C681" s="1" t="s">
        <v>5</v>
      </c>
      <c r="D681" s="1" t="s">
        <v>577</v>
      </c>
      <c r="E681" s="1" t="s">
        <v>7</v>
      </c>
    </row>
    <row r="682">
      <c r="A682" s="1">
        <v>4.90386041E8</v>
      </c>
      <c r="B682" s="2">
        <v>11791.0</v>
      </c>
      <c r="C682" s="1" t="s">
        <v>5</v>
      </c>
      <c r="D682" s="1" t="s">
        <v>578</v>
      </c>
      <c r="E682" s="1" t="s">
        <v>7</v>
      </c>
    </row>
    <row r="683">
      <c r="A683" s="1">
        <v>4.90386043E8</v>
      </c>
      <c r="B683" s="2">
        <v>11790.0</v>
      </c>
      <c r="C683" s="1" t="s">
        <v>5</v>
      </c>
      <c r="D683" s="1" t="s">
        <v>579</v>
      </c>
      <c r="E683" s="1" t="s">
        <v>11</v>
      </c>
    </row>
    <row r="684">
      <c r="A684" s="1">
        <v>4.90386044E8</v>
      </c>
      <c r="B684" s="2">
        <v>11807.0</v>
      </c>
      <c r="C684" s="1" t="s">
        <v>5</v>
      </c>
      <c r="D684" s="1" t="s">
        <v>580</v>
      </c>
      <c r="E684" s="1" t="s">
        <v>11</v>
      </c>
    </row>
    <row r="685">
      <c r="A685" s="1">
        <v>4.9038605E8</v>
      </c>
      <c r="B685" s="2">
        <v>11789.0</v>
      </c>
      <c r="C685" s="1" t="s">
        <v>5</v>
      </c>
      <c r="D685" s="1" t="s">
        <v>581</v>
      </c>
      <c r="E685" s="1" t="s">
        <v>11</v>
      </c>
    </row>
    <row r="686">
      <c r="A686" s="1">
        <v>4.90386051E8</v>
      </c>
      <c r="B686" s="2">
        <v>11785.0</v>
      </c>
      <c r="C686" s="1" t="s">
        <v>5</v>
      </c>
      <c r="D686" s="1" t="s">
        <v>11</v>
      </c>
      <c r="E686" s="1" t="s">
        <v>7</v>
      </c>
    </row>
    <row r="687">
      <c r="A687" s="1">
        <v>4.90386052E8</v>
      </c>
      <c r="B687" s="2">
        <v>11799.0</v>
      </c>
      <c r="C687" s="1" t="s">
        <v>5</v>
      </c>
      <c r="D687" s="1" t="s">
        <v>582</v>
      </c>
      <c r="E687" s="1" t="s">
        <v>7</v>
      </c>
    </row>
    <row r="688">
      <c r="A688" s="1">
        <v>4.90386055E8</v>
      </c>
      <c r="B688" s="2">
        <v>11794.0</v>
      </c>
      <c r="C688" s="1" t="s">
        <v>5</v>
      </c>
      <c r="D688" s="1" t="s">
        <v>583</v>
      </c>
      <c r="E688" s="1" t="s">
        <v>7</v>
      </c>
    </row>
    <row r="689">
      <c r="A689" s="1">
        <v>4.90386056E8</v>
      </c>
      <c r="B689" s="2">
        <v>11793.0</v>
      </c>
      <c r="C689" s="1" t="s">
        <v>5</v>
      </c>
      <c r="D689" s="1" t="s">
        <v>584</v>
      </c>
      <c r="E689" s="1" t="s">
        <v>7</v>
      </c>
    </row>
    <row r="690">
      <c r="A690" s="1">
        <v>4.90386058E8</v>
      </c>
      <c r="B690" s="2">
        <v>11794.0</v>
      </c>
      <c r="C690" s="1" t="s">
        <v>5</v>
      </c>
      <c r="D690" s="1" t="s">
        <v>11</v>
      </c>
      <c r="E690" s="1" t="s">
        <v>7</v>
      </c>
    </row>
    <row r="691">
      <c r="A691" s="1">
        <v>4.90386059E8</v>
      </c>
      <c r="B691" s="2">
        <v>11770.0</v>
      </c>
      <c r="C691" s="1" t="s">
        <v>5</v>
      </c>
      <c r="D691" s="1" t="s">
        <v>11</v>
      </c>
      <c r="E691" s="1" t="s">
        <v>7</v>
      </c>
    </row>
    <row r="692">
      <c r="A692" s="1">
        <v>4.9038606E8</v>
      </c>
      <c r="B692" s="2">
        <v>11791.0</v>
      </c>
      <c r="C692" s="1" t="s">
        <v>5</v>
      </c>
      <c r="D692" s="1" t="s">
        <v>585</v>
      </c>
      <c r="E692" s="1" t="s">
        <v>7</v>
      </c>
    </row>
    <row r="693">
      <c r="A693" s="1">
        <v>4.90386061E8</v>
      </c>
      <c r="B693" s="2">
        <v>11769.0</v>
      </c>
      <c r="C693" s="1" t="s">
        <v>5</v>
      </c>
      <c r="D693" s="1" t="s">
        <v>586</v>
      </c>
      <c r="E693" s="1" t="s">
        <v>7</v>
      </c>
    </row>
    <row r="694">
      <c r="A694" s="1">
        <v>4.90386068E8</v>
      </c>
      <c r="B694" s="2">
        <v>11805.0</v>
      </c>
      <c r="C694" s="1" t="s">
        <v>5</v>
      </c>
      <c r="D694" s="1" t="s">
        <v>11</v>
      </c>
      <c r="E694" s="1" t="s">
        <v>7</v>
      </c>
    </row>
    <row r="695">
      <c r="A695" s="1">
        <v>4.90386072E8</v>
      </c>
      <c r="B695" s="2">
        <v>11793.0</v>
      </c>
      <c r="C695" s="1" t="s">
        <v>5</v>
      </c>
      <c r="D695" s="1" t="s">
        <v>587</v>
      </c>
      <c r="E695" s="1" t="s">
        <v>7</v>
      </c>
    </row>
    <row r="696">
      <c r="A696" s="1">
        <v>4.90386076E8</v>
      </c>
      <c r="B696" s="2">
        <v>11779.0</v>
      </c>
      <c r="C696" s="1" t="s">
        <v>5</v>
      </c>
      <c r="D696" s="1" t="s">
        <v>588</v>
      </c>
      <c r="E696" s="1" t="s">
        <v>7</v>
      </c>
    </row>
    <row r="697">
      <c r="A697" s="1">
        <v>4.90386077E8</v>
      </c>
      <c r="B697" s="2">
        <v>11793.0</v>
      </c>
      <c r="C697" s="1" t="s">
        <v>5</v>
      </c>
      <c r="D697" s="1" t="s">
        <v>589</v>
      </c>
      <c r="E697" s="1" t="s">
        <v>7</v>
      </c>
    </row>
    <row r="698">
      <c r="A698" s="1">
        <v>4.90386079E8</v>
      </c>
      <c r="B698" s="2">
        <v>11806.0</v>
      </c>
      <c r="C698" s="1" t="s">
        <v>5</v>
      </c>
      <c r="D698" s="1" t="s">
        <v>590</v>
      </c>
      <c r="E698" s="1" t="s">
        <v>7</v>
      </c>
    </row>
    <row r="699">
      <c r="A699" s="1">
        <v>4.9038608E8</v>
      </c>
      <c r="B699" s="2">
        <v>11769.0</v>
      </c>
      <c r="C699" s="1" t="s">
        <v>5</v>
      </c>
      <c r="D699" s="1" t="s">
        <v>591</v>
      </c>
      <c r="E699" s="1" t="s">
        <v>7</v>
      </c>
    </row>
    <row r="700">
      <c r="A700" s="1">
        <v>4.90386081E8</v>
      </c>
      <c r="B700" s="2">
        <v>11794.0</v>
      </c>
      <c r="C700" s="1" t="s">
        <v>5</v>
      </c>
      <c r="D700" s="1" t="s">
        <v>592</v>
      </c>
      <c r="E700" s="1" t="s">
        <v>11</v>
      </c>
    </row>
    <row r="701">
      <c r="A701" s="1">
        <v>4.90386082E8</v>
      </c>
      <c r="B701" s="2">
        <v>11805.0</v>
      </c>
      <c r="C701" s="1" t="s">
        <v>5</v>
      </c>
      <c r="D701" s="1" t="s">
        <v>11</v>
      </c>
      <c r="E701" s="1" t="s">
        <v>7</v>
      </c>
    </row>
    <row r="702">
      <c r="A702" s="1">
        <v>4.90386083E8</v>
      </c>
      <c r="B702" s="2">
        <v>11769.0</v>
      </c>
      <c r="C702" s="1" t="s">
        <v>5</v>
      </c>
      <c r="D702" s="1" t="s">
        <v>42</v>
      </c>
      <c r="E702" s="1" t="s">
        <v>7</v>
      </c>
    </row>
    <row r="703">
      <c r="A703" s="1">
        <v>4.90386085E8</v>
      </c>
      <c r="B703" s="2">
        <v>11794.0</v>
      </c>
      <c r="C703" s="1" t="s">
        <v>5</v>
      </c>
      <c r="D703" s="1" t="s">
        <v>593</v>
      </c>
      <c r="E703" s="1" t="s">
        <v>594</v>
      </c>
    </row>
    <row r="704">
      <c r="A704" s="1">
        <v>4.90386089E8</v>
      </c>
      <c r="B704" s="2">
        <v>11780.0</v>
      </c>
      <c r="C704" s="1" t="s">
        <v>5</v>
      </c>
      <c r="D704" s="1" t="s">
        <v>595</v>
      </c>
      <c r="E704" s="1" t="s">
        <v>7</v>
      </c>
    </row>
    <row r="705">
      <c r="A705" s="1">
        <v>4.90386091E8</v>
      </c>
      <c r="B705" s="2">
        <v>11791.0</v>
      </c>
      <c r="C705" s="1" t="s">
        <v>5</v>
      </c>
      <c r="D705" s="1" t="s">
        <v>596</v>
      </c>
      <c r="E705" s="1" t="s">
        <v>11</v>
      </c>
    </row>
    <row r="706">
      <c r="A706" s="1">
        <v>4.90386093E8</v>
      </c>
      <c r="B706" s="2">
        <v>11769.0</v>
      </c>
      <c r="C706" s="1" t="s">
        <v>5</v>
      </c>
      <c r="D706" s="1" t="s">
        <v>11</v>
      </c>
      <c r="E706" s="1" t="s">
        <v>7</v>
      </c>
    </row>
    <row r="707">
      <c r="A707" s="1">
        <v>4.90386099E8</v>
      </c>
      <c r="B707" s="2">
        <v>11794.0</v>
      </c>
      <c r="C707" s="1" t="s">
        <v>5</v>
      </c>
      <c r="D707" s="1" t="s">
        <v>597</v>
      </c>
      <c r="E707" s="1" t="s">
        <v>7</v>
      </c>
    </row>
    <row r="708">
      <c r="A708" s="1">
        <v>4.90386101E8</v>
      </c>
      <c r="B708" s="2">
        <v>11805.0</v>
      </c>
      <c r="C708" s="1" t="s">
        <v>5</v>
      </c>
      <c r="D708" s="1" t="s">
        <v>598</v>
      </c>
      <c r="E708" s="1" t="s">
        <v>11</v>
      </c>
    </row>
    <row r="709">
      <c r="A709" s="1">
        <v>4.90386105E8</v>
      </c>
      <c r="B709" s="2">
        <v>11793.0</v>
      </c>
      <c r="C709" s="1" t="s">
        <v>5</v>
      </c>
      <c r="D709" s="1" t="s">
        <v>599</v>
      </c>
      <c r="E709" s="1" t="s">
        <v>600</v>
      </c>
    </row>
    <row r="710">
      <c r="A710" s="1">
        <v>4.90386112E8</v>
      </c>
      <c r="B710" s="2">
        <v>11793.0</v>
      </c>
      <c r="C710" s="1" t="s">
        <v>5</v>
      </c>
      <c r="D710" s="1" t="s">
        <v>601</v>
      </c>
      <c r="E710" s="1" t="s">
        <v>11</v>
      </c>
    </row>
    <row r="711">
      <c r="A711" s="1">
        <v>4.90386117E8</v>
      </c>
      <c r="B711" s="2">
        <v>11769.0</v>
      </c>
      <c r="C711" s="1" t="s">
        <v>5</v>
      </c>
      <c r="D711" s="1" t="s">
        <v>602</v>
      </c>
      <c r="E711" s="1" t="s">
        <v>11</v>
      </c>
    </row>
    <row r="712">
      <c r="A712" s="1">
        <v>4.90386121E8</v>
      </c>
      <c r="B712" s="2">
        <v>11789.0</v>
      </c>
      <c r="C712" s="1" t="s">
        <v>5</v>
      </c>
      <c r="D712" s="1" t="s">
        <v>603</v>
      </c>
      <c r="E712" s="1" t="s">
        <v>7</v>
      </c>
    </row>
    <row r="713">
      <c r="A713" s="1">
        <v>4.90386122E8</v>
      </c>
      <c r="B713" s="2">
        <v>11789.0</v>
      </c>
      <c r="C713" s="1" t="s">
        <v>5</v>
      </c>
      <c r="D713" s="1" t="s">
        <v>604</v>
      </c>
      <c r="E713" s="1" t="s">
        <v>7</v>
      </c>
    </row>
    <row r="714">
      <c r="A714" s="1">
        <v>4.90386124E8</v>
      </c>
      <c r="B714" s="2">
        <v>11793.0</v>
      </c>
      <c r="C714" s="1" t="s">
        <v>5</v>
      </c>
      <c r="D714" s="1" t="s">
        <v>605</v>
      </c>
      <c r="E714" s="1" t="s">
        <v>7</v>
      </c>
    </row>
    <row r="715">
      <c r="A715" s="1">
        <v>4.90386128E8</v>
      </c>
      <c r="B715" s="2">
        <v>11793.0</v>
      </c>
      <c r="C715" s="1" t="s">
        <v>5</v>
      </c>
      <c r="D715" s="1" t="s">
        <v>606</v>
      </c>
      <c r="E715" s="1" t="s">
        <v>11</v>
      </c>
    </row>
    <row r="716">
      <c r="A716" s="1">
        <v>4.90386131E8</v>
      </c>
      <c r="B716" s="2">
        <v>11793.0</v>
      </c>
      <c r="C716" s="1" t="s">
        <v>5</v>
      </c>
      <c r="D716" s="1" t="s">
        <v>607</v>
      </c>
      <c r="E716" s="1" t="s">
        <v>7</v>
      </c>
    </row>
    <row r="717">
      <c r="A717" s="1">
        <v>4.90386132E8</v>
      </c>
      <c r="B717" s="2">
        <v>11793.0</v>
      </c>
      <c r="C717" s="1" t="s">
        <v>5</v>
      </c>
      <c r="D717" s="1" t="s">
        <v>608</v>
      </c>
      <c r="E717" s="1" t="s">
        <v>11</v>
      </c>
    </row>
    <row r="718">
      <c r="A718" s="1">
        <v>4.90386135E8</v>
      </c>
      <c r="B718" s="2">
        <v>11794.0</v>
      </c>
      <c r="C718" s="1" t="s">
        <v>5</v>
      </c>
      <c r="D718" s="1" t="s">
        <v>609</v>
      </c>
      <c r="E718" s="1" t="s">
        <v>7</v>
      </c>
    </row>
    <row r="719">
      <c r="A719" s="1">
        <v>4.90386138E8</v>
      </c>
      <c r="B719" s="2">
        <v>11780.0</v>
      </c>
      <c r="C719" s="1" t="s">
        <v>5</v>
      </c>
      <c r="D719" s="1" t="s">
        <v>610</v>
      </c>
      <c r="E719" s="1" t="s">
        <v>7</v>
      </c>
    </row>
    <row r="720">
      <c r="A720" s="1">
        <v>4.90386141E8</v>
      </c>
      <c r="B720" s="2">
        <v>11769.0</v>
      </c>
      <c r="C720" s="1" t="s">
        <v>5</v>
      </c>
      <c r="D720" s="1" t="s">
        <v>611</v>
      </c>
      <c r="E720" s="1" t="s">
        <v>11</v>
      </c>
    </row>
    <row r="721">
      <c r="A721" s="1">
        <v>4.90386142E8</v>
      </c>
      <c r="B721" s="2">
        <v>11766.0</v>
      </c>
      <c r="C721" s="1" t="s">
        <v>5</v>
      </c>
      <c r="D721" s="1" t="s">
        <v>612</v>
      </c>
      <c r="E721" s="1" t="s">
        <v>7</v>
      </c>
    </row>
    <row r="722">
      <c r="A722" s="1">
        <v>4.90386143E8</v>
      </c>
      <c r="B722" s="2">
        <v>11804.0</v>
      </c>
      <c r="C722" s="1" t="s">
        <v>5</v>
      </c>
      <c r="D722" s="1" t="s">
        <v>613</v>
      </c>
      <c r="E722" s="1" t="s">
        <v>7</v>
      </c>
    </row>
    <row r="723">
      <c r="A723" s="1">
        <v>4.90386145E8</v>
      </c>
      <c r="B723" s="2">
        <v>11793.0</v>
      </c>
      <c r="C723" s="1" t="s">
        <v>5</v>
      </c>
      <c r="D723" s="1" t="s">
        <v>614</v>
      </c>
      <c r="E723" s="1" t="s">
        <v>7</v>
      </c>
    </row>
    <row r="724">
      <c r="A724" s="1">
        <v>4.90386146E8</v>
      </c>
      <c r="B724" s="2">
        <v>11794.0</v>
      </c>
      <c r="C724" s="1" t="s">
        <v>5</v>
      </c>
      <c r="D724" s="1" t="s">
        <v>615</v>
      </c>
      <c r="E724" s="1" t="s">
        <v>7</v>
      </c>
    </row>
    <row r="725">
      <c r="A725" s="1">
        <v>4.90386149E8</v>
      </c>
      <c r="B725" s="2">
        <v>11793.0</v>
      </c>
      <c r="C725" s="1" t="s">
        <v>5</v>
      </c>
      <c r="D725" s="1" t="s">
        <v>616</v>
      </c>
      <c r="E725" s="1" t="s">
        <v>11</v>
      </c>
    </row>
    <row r="726">
      <c r="A726" s="1">
        <v>4.90386151E8</v>
      </c>
      <c r="B726" s="2">
        <v>11780.0</v>
      </c>
      <c r="C726" s="1" t="s">
        <v>5</v>
      </c>
      <c r="D726" s="1" t="s">
        <v>617</v>
      </c>
      <c r="E726" s="1" t="s">
        <v>7</v>
      </c>
    </row>
    <row r="727">
      <c r="A727" s="1">
        <v>4.90386157E8</v>
      </c>
      <c r="B727" s="2">
        <v>11766.0</v>
      </c>
      <c r="C727" s="1" t="s">
        <v>5</v>
      </c>
      <c r="D727" s="1" t="s">
        <v>618</v>
      </c>
      <c r="E727" s="1" t="s">
        <v>7</v>
      </c>
    </row>
    <row r="728">
      <c r="A728" s="1">
        <v>4.90386158E8</v>
      </c>
      <c r="B728" s="2">
        <v>11790.0</v>
      </c>
      <c r="C728" s="1" t="s">
        <v>5</v>
      </c>
      <c r="D728" s="1" t="s">
        <v>619</v>
      </c>
      <c r="E728" s="1" t="s">
        <v>11</v>
      </c>
    </row>
    <row r="729">
      <c r="A729" s="1">
        <v>4.90386161E8</v>
      </c>
      <c r="B729" s="2">
        <v>11793.0</v>
      </c>
      <c r="C729" s="1" t="s">
        <v>5</v>
      </c>
      <c r="D729" s="1" t="s">
        <v>11</v>
      </c>
      <c r="E729" s="1" t="s">
        <v>7</v>
      </c>
    </row>
    <row r="730">
      <c r="A730" s="1">
        <v>4.90386163E8</v>
      </c>
      <c r="B730" s="2">
        <v>11793.0</v>
      </c>
      <c r="C730" s="1" t="s">
        <v>5</v>
      </c>
      <c r="D730" s="1" t="s">
        <v>11</v>
      </c>
      <c r="E730" s="1" t="s">
        <v>7</v>
      </c>
    </row>
    <row r="731">
      <c r="A731" s="1">
        <v>4.90386166E8</v>
      </c>
      <c r="B731" s="2">
        <v>11805.0</v>
      </c>
      <c r="C731" s="1" t="s">
        <v>5</v>
      </c>
      <c r="D731" s="1" t="s">
        <v>620</v>
      </c>
      <c r="E731" s="1" t="s">
        <v>621</v>
      </c>
    </row>
    <row r="732">
      <c r="A732" s="1">
        <v>4.90386168E8</v>
      </c>
      <c r="B732" s="2">
        <v>11794.0</v>
      </c>
      <c r="C732" s="1" t="s">
        <v>5</v>
      </c>
      <c r="D732" s="1" t="s">
        <v>622</v>
      </c>
      <c r="E732" s="1" t="s">
        <v>7</v>
      </c>
    </row>
    <row r="733">
      <c r="A733" s="1">
        <v>4.9038617E8</v>
      </c>
      <c r="B733" s="2">
        <v>11780.0</v>
      </c>
      <c r="C733" s="1" t="s">
        <v>5</v>
      </c>
      <c r="D733" s="1" t="s">
        <v>623</v>
      </c>
      <c r="E733" s="1" t="s">
        <v>7</v>
      </c>
    </row>
    <row r="734">
      <c r="A734" s="1">
        <v>4.90386172E8</v>
      </c>
      <c r="B734" s="2">
        <v>11790.0</v>
      </c>
      <c r="C734" s="1" t="s">
        <v>5</v>
      </c>
      <c r="D734" s="1" t="s">
        <v>11</v>
      </c>
      <c r="E734" s="1" t="s">
        <v>7</v>
      </c>
    </row>
    <row r="735">
      <c r="A735" s="1">
        <v>4.90386177E8</v>
      </c>
      <c r="B735" s="2">
        <v>11766.0</v>
      </c>
      <c r="C735" s="1" t="s">
        <v>5</v>
      </c>
      <c r="D735" s="1" t="s">
        <v>624</v>
      </c>
      <c r="E735" s="1" t="s">
        <v>7</v>
      </c>
    </row>
    <row r="736">
      <c r="A736" s="1">
        <v>4.90386178E8</v>
      </c>
      <c r="B736" s="2">
        <v>11786.0</v>
      </c>
      <c r="C736" s="1" t="s">
        <v>5</v>
      </c>
      <c r="D736" s="1" t="s">
        <v>67</v>
      </c>
      <c r="E736" s="1" t="s">
        <v>7</v>
      </c>
    </row>
    <row r="737">
      <c r="A737" s="1">
        <v>4.90386179E8</v>
      </c>
      <c r="B737" s="2">
        <v>11792.0</v>
      </c>
      <c r="C737" s="1" t="s">
        <v>5</v>
      </c>
      <c r="D737" s="1" t="s">
        <v>625</v>
      </c>
      <c r="E737" s="1" t="s">
        <v>626</v>
      </c>
    </row>
    <row r="738">
      <c r="A738" s="1">
        <v>4.9038618E8</v>
      </c>
      <c r="B738" s="2">
        <v>11766.0</v>
      </c>
      <c r="C738" s="1" t="s">
        <v>5</v>
      </c>
      <c r="D738" s="1" t="s">
        <v>627</v>
      </c>
      <c r="E738" s="1" t="s">
        <v>7</v>
      </c>
    </row>
    <row r="739">
      <c r="A739" s="1">
        <v>4.90386182E8</v>
      </c>
      <c r="B739" s="2">
        <v>11793.0</v>
      </c>
      <c r="C739" s="1" t="s">
        <v>5</v>
      </c>
      <c r="D739" s="1" t="s">
        <v>628</v>
      </c>
      <c r="E739" s="1" t="s">
        <v>11</v>
      </c>
    </row>
    <row r="740">
      <c r="A740" s="1">
        <v>4.90386183E8</v>
      </c>
      <c r="B740" s="2">
        <v>11792.0</v>
      </c>
      <c r="C740" s="1" t="s">
        <v>5</v>
      </c>
      <c r="D740" s="1" t="s">
        <v>11</v>
      </c>
      <c r="E740" s="1" t="s">
        <v>7</v>
      </c>
    </row>
    <row r="741">
      <c r="A741" s="1">
        <v>4.90386185E8</v>
      </c>
      <c r="B741" s="2">
        <v>11794.0</v>
      </c>
      <c r="C741" s="1" t="s">
        <v>5</v>
      </c>
      <c r="D741" s="1" t="s">
        <v>629</v>
      </c>
      <c r="E741" s="1" t="s">
        <v>7</v>
      </c>
    </row>
    <row r="742">
      <c r="A742" s="1">
        <v>4.90386187E8</v>
      </c>
      <c r="B742" s="2">
        <v>11790.0</v>
      </c>
      <c r="C742" s="1" t="s">
        <v>5</v>
      </c>
      <c r="D742" s="1" t="s">
        <v>630</v>
      </c>
      <c r="E742" s="1" t="s">
        <v>7</v>
      </c>
    </row>
    <row r="743">
      <c r="A743" s="1">
        <v>4.90386188E8</v>
      </c>
      <c r="B743" s="2">
        <v>11800.0</v>
      </c>
      <c r="C743" s="1" t="s">
        <v>5</v>
      </c>
      <c r="D743" s="1" t="s">
        <v>631</v>
      </c>
      <c r="E743" s="1" t="s">
        <v>632</v>
      </c>
    </row>
    <row r="744">
      <c r="A744" s="1">
        <v>4.90386193E8</v>
      </c>
      <c r="B744" s="2">
        <v>11766.0</v>
      </c>
      <c r="C744" s="1" t="s">
        <v>5</v>
      </c>
      <c r="D744" s="1" t="s">
        <v>633</v>
      </c>
      <c r="E744" s="1" t="s">
        <v>7</v>
      </c>
    </row>
    <row r="745">
      <c r="A745" s="1">
        <v>4.90386198E8</v>
      </c>
      <c r="B745" s="2">
        <v>11792.0</v>
      </c>
      <c r="C745" s="1" t="s">
        <v>5</v>
      </c>
      <c r="D745" s="1" t="s">
        <v>634</v>
      </c>
      <c r="E745" s="1" t="s">
        <v>11</v>
      </c>
    </row>
    <row r="746">
      <c r="A746" s="1">
        <v>4.90386201E8</v>
      </c>
      <c r="B746" s="2">
        <v>11793.0</v>
      </c>
      <c r="C746" s="1" t="s">
        <v>5</v>
      </c>
      <c r="D746" s="1" t="s">
        <v>11</v>
      </c>
      <c r="E746" s="1" t="s">
        <v>7</v>
      </c>
    </row>
    <row r="747">
      <c r="A747" s="1">
        <v>4.90386202E8</v>
      </c>
      <c r="B747" s="2">
        <v>11789.0</v>
      </c>
      <c r="C747" s="1" t="s">
        <v>5</v>
      </c>
      <c r="D747" s="1" t="s">
        <v>635</v>
      </c>
      <c r="E747" s="1" t="s">
        <v>11</v>
      </c>
    </row>
    <row r="748">
      <c r="A748" s="1">
        <v>4.90386204E8</v>
      </c>
      <c r="B748" s="2">
        <v>11790.0</v>
      </c>
      <c r="C748" s="1" t="s">
        <v>5</v>
      </c>
      <c r="D748" s="1" t="s">
        <v>636</v>
      </c>
      <c r="E748" s="1" t="s">
        <v>7</v>
      </c>
    </row>
    <row r="749">
      <c r="A749" s="1">
        <v>4.90386205E8</v>
      </c>
      <c r="B749" s="2">
        <v>11805.0</v>
      </c>
      <c r="C749" s="1" t="s">
        <v>5</v>
      </c>
      <c r="D749" s="1" t="s">
        <v>11</v>
      </c>
      <c r="E749" s="1" t="s">
        <v>7</v>
      </c>
    </row>
    <row r="750">
      <c r="A750" s="1">
        <v>4.90386207E8</v>
      </c>
      <c r="B750" s="2">
        <v>11766.0</v>
      </c>
      <c r="C750" s="1" t="s">
        <v>5</v>
      </c>
      <c r="D750" s="1" t="s">
        <v>637</v>
      </c>
      <c r="E750" s="1" t="s">
        <v>11</v>
      </c>
    </row>
    <row r="751">
      <c r="A751" s="1">
        <v>4.90386211E8</v>
      </c>
      <c r="B751" s="2">
        <v>11766.0</v>
      </c>
      <c r="C751" s="1" t="s">
        <v>5</v>
      </c>
      <c r="D751" s="1" t="s">
        <v>42</v>
      </c>
      <c r="E751" s="1" t="s">
        <v>7</v>
      </c>
    </row>
    <row r="752">
      <c r="A752" s="1">
        <v>4.90386212E8</v>
      </c>
      <c r="B752" s="2">
        <v>11786.0</v>
      </c>
      <c r="C752" s="1" t="s">
        <v>5</v>
      </c>
      <c r="D752" s="1" t="s">
        <v>638</v>
      </c>
      <c r="E752" s="1" t="s">
        <v>11</v>
      </c>
    </row>
    <row r="753">
      <c r="A753" s="1">
        <v>4.90386213E8</v>
      </c>
      <c r="B753" s="2">
        <v>11780.0</v>
      </c>
      <c r="C753" s="1" t="s">
        <v>5</v>
      </c>
      <c r="D753" s="1" t="s">
        <v>639</v>
      </c>
      <c r="E753" s="1" t="s">
        <v>7</v>
      </c>
    </row>
    <row r="754">
      <c r="A754" s="1">
        <v>4.90386214E8</v>
      </c>
      <c r="B754" s="2">
        <v>11789.0</v>
      </c>
      <c r="C754" s="1" t="s">
        <v>5</v>
      </c>
      <c r="D754" s="1" t="s">
        <v>11</v>
      </c>
      <c r="E754" s="1" t="s">
        <v>7</v>
      </c>
    </row>
    <row r="755">
      <c r="A755" s="1">
        <v>4.90386223E8</v>
      </c>
      <c r="B755" s="2">
        <v>11789.0</v>
      </c>
      <c r="C755" s="1" t="s">
        <v>5</v>
      </c>
      <c r="D755" s="1" t="s">
        <v>73</v>
      </c>
      <c r="E755" s="1" t="s">
        <v>7</v>
      </c>
    </row>
    <row r="756">
      <c r="A756" s="1">
        <v>4.90386226E8</v>
      </c>
      <c r="B756" s="2">
        <v>11786.0</v>
      </c>
      <c r="C756" s="1" t="s">
        <v>5</v>
      </c>
      <c r="D756" s="1" t="s">
        <v>640</v>
      </c>
      <c r="E756" s="1" t="s">
        <v>11</v>
      </c>
    </row>
    <row r="757">
      <c r="A757" s="1">
        <v>4.90386233E8</v>
      </c>
      <c r="B757" s="2">
        <v>11789.0</v>
      </c>
      <c r="C757" s="1" t="s">
        <v>5</v>
      </c>
      <c r="D757" s="1" t="s">
        <v>641</v>
      </c>
      <c r="E757" s="1" t="s">
        <v>7</v>
      </c>
    </row>
    <row r="758">
      <c r="A758" s="1">
        <v>4.90386235E8</v>
      </c>
      <c r="B758" s="2">
        <v>11780.0</v>
      </c>
      <c r="C758" s="1" t="s">
        <v>5</v>
      </c>
      <c r="D758" s="1" t="s">
        <v>642</v>
      </c>
      <c r="E758" s="1" t="s">
        <v>7</v>
      </c>
    </row>
    <row r="759">
      <c r="A759" s="1">
        <v>4.90386236E8</v>
      </c>
      <c r="B759" s="2">
        <v>11790.0</v>
      </c>
      <c r="C759" s="1" t="s">
        <v>5</v>
      </c>
      <c r="D759" s="1" t="s">
        <v>643</v>
      </c>
      <c r="E759" s="1" t="s">
        <v>7</v>
      </c>
    </row>
    <row r="760">
      <c r="A760" s="1">
        <v>4.90386239E8</v>
      </c>
      <c r="B760" s="2">
        <v>11792.0</v>
      </c>
      <c r="C760" s="1" t="s">
        <v>5</v>
      </c>
      <c r="D760" s="1" t="s">
        <v>11</v>
      </c>
      <c r="E760" s="1" t="s">
        <v>7</v>
      </c>
    </row>
    <row r="761">
      <c r="A761" s="1">
        <v>4.90386242E8</v>
      </c>
      <c r="B761" s="2">
        <v>11785.0</v>
      </c>
      <c r="C761" s="1" t="s">
        <v>5</v>
      </c>
      <c r="D761" s="1" t="s">
        <v>11</v>
      </c>
      <c r="E761" s="1" t="s">
        <v>7</v>
      </c>
    </row>
    <row r="762">
      <c r="A762" s="1">
        <v>4.90386247E8</v>
      </c>
      <c r="B762" s="3">
        <v>11833.0</v>
      </c>
      <c r="C762" s="1" t="s">
        <v>5</v>
      </c>
      <c r="D762" s="1" t="s">
        <v>11</v>
      </c>
      <c r="E762" s="1" t="s">
        <v>7</v>
      </c>
    </row>
    <row r="763">
      <c r="A763" s="1">
        <v>4.90386249E8</v>
      </c>
      <c r="B763" s="2">
        <v>11789.0</v>
      </c>
      <c r="C763" s="1" t="s">
        <v>5</v>
      </c>
      <c r="D763" s="1" t="s">
        <v>11</v>
      </c>
      <c r="E763" s="1" t="s">
        <v>7</v>
      </c>
    </row>
    <row r="764">
      <c r="A764" s="1">
        <v>4.90386251E8</v>
      </c>
      <c r="B764" s="2">
        <v>11791.0</v>
      </c>
      <c r="C764" s="1" t="s">
        <v>5</v>
      </c>
      <c r="D764" s="1" t="s">
        <v>644</v>
      </c>
      <c r="E764" s="1" t="s">
        <v>645</v>
      </c>
    </row>
    <row r="765">
      <c r="A765" s="1">
        <v>4.90386252E8</v>
      </c>
      <c r="B765" s="2">
        <v>11805.0</v>
      </c>
      <c r="C765" s="1" t="s">
        <v>5</v>
      </c>
      <c r="D765" s="1" t="s">
        <v>646</v>
      </c>
      <c r="E765" s="1" t="s">
        <v>11</v>
      </c>
    </row>
    <row r="766">
      <c r="A766" s="1">
        <v>4.90386256E8</v>
      </c>
      <c r="B766" s="2">
        <v>11792.0</v>
      </c>
      <c r="C766" s="1" t="s">
        <v>5</v>
      </c>
      <c r="D766" s="1" t="s">
        <v>647</v>
      </c>
      <c r="E766" s="1" t="s">
        <v>7</v>
      </c>
    </row>
    <row r="767">
      <c r="A767" s="1">
        <v>4.90386258E8</v>
      </c>
      <c r="B767" s="2">
        <v>11789.0</v>
      </c>
      <c r="C767" s="1" t="s">
        <v>5</v>
      </c>
      <c r="D767" s="1" t="s">
        <v>648</v>
      </c>
      <c r="E767" s="1" t="s">
        <v>7</v>
      </c>
    </row>
    <row r="768">
      <c r="A768" s="1">
        <v>4.90386261E8</v>
      </c>
      <c r="B768" s="3">
        <v>11833.0</v>
      </c>
      <c r="C768" s="1" t="s">
        <v>5</v>
      </c>
      <c r="D768" s="1" t="s">
        <v>649</v>
      </c>
      <c r="E768" s="1" t="s">
        <v>650</v>
      </c>
    </row>
    <row r="769">
      <c r="A769" s="1">
        <v>4.90386268E8</v>
      </c>
      <c r="B769" s="2">
        <v>11804.0</v>
      </c>
      <c r="C769" s="1" t="s">
        <v>5</v>
      </c>
      <c r="D769" s="1" t="s">
        <v>651</v>
      </c>
      <c r="E769" s="1" t="s">
        <v>7</v>
      </c>
    </row>
    <row r="770">
      <c r="A770" s="1">
        <v>4.90386269E8</v>
      </c>
      <c r="B770" s="2">
        <v>11789.0</v>
      </c>
      <c r="C770" s="1" t="s">
        <v>5</v>
      </c>
      <c r="D770" s="1" t="s">
        <v>652</v>
      </c>
      <c r="E770" s="1" t="s">
        <v>7</v>
      </c>
    </row>
    <row r="771">
      <c r="A771" s="1">
        <v>4.90386271E8</v>
      </c>
      <c r="B771" s="2">
        <v>11789.0</v>
      </c>
      <c r="C771" s="1" t="s">
        <v>5</v>
      </c>
      <c r="D771" s="1" t="s">
        <v>653</v>
      </c>
      <c r="E771" s="1" t="s">
        <v>11</v>
      </c>
    </row>
    <row r="772">
      <c r="A772" s="1">
        <v>4.90386273E8</v>
      </c>
      <c r="B772" s="3">
        <v>11833.0</v>
      </c>
      <c r="C772" s="1" t="s">
        <v>5</v>
      </c>
      <c r="D772" s="1" t="s">
        <v>11</v>
      </c>
      <c r="E772" s="1" t="s">
        <v>7</v>
      </c>
    </row>
    <row r="773">
      <c r="A773" s="1">
        <v>4.90386275E8</v>
      </c>
      <c r="B773" s="2">
        <v>11787.0</v>
      </c>
      <c r="C773" s="1" t="s">
        <v>5</v>
      </c>
      <c r="D773" s="1" t="s">
        <v>654</v>
      </c>
      <c r="E773" s="1" t="s">
        <v>655</v>
      </c>
    </row>
    <row r="774">
      <c r="A774" s="1">
        <v>4.90386277E8</v>
      </c>
      <c r="B774" s="2">
        <v>11800.0</v>
      </c>
      <c r="C774" s="1" t="s">
        <v>5</v>
      </c>
      <c r="D774" s="1" t="s">
        <v>656</v>
      </c>
      <c r="E774" s="1" t="s">
        <v>7</v>
      </c>
    </row>
    <row r="775">
      <c r="A775" s="1">
        <v>4.90386281E8</v>
      </c>
      <c r="B775" s="2">
        <v>11791.0</v>
      </c>
      <c r="C775" s="1" t="s">
        <v>5</v>
      </c>
      <c r="D775" s="1" t="s">
        <v>657</v>
      </c>
      <c r="E775" s="1" t="s">
        <v>7</v>
      </c>
    </row>
    <row r="776">
      <c r="A776" s="1">
        <v>4.90386288E8</v>
      </c>
      <c r="B776" s="2">
        <v>11789.0</v>
      </c>
      <c r="C776" s="1" t="s">
        <v>5</v>
      </c>
      <c r="D776" s="1" t="s">
        <v>658</v>
      </c>
      <c r="E776" s="1" t="s">
        <v>7</v>
      </c>
    </row>
    <row r="777">
      <c r="A777" s="1">
        <v>4.90386291E8</v>
      </c>
      <c r="B777" s="2">
        <v>11804.0</v>
      </c>
      <c r="C777" s="1" t="s">
        <v>5</v>
      </c>
      <c r="D777" s="1" t="s">
        <v>659</v>
      </c>
      <c r="E777" s="1" t="s">
        <v>11</v>
      </c>
    </row>
    <row r="778">
      <c r="A778" s="1">
        <v>4.90386292E8</v>
      </c>
      <c r="B778" s="2">
        <v>11790.0</v>
      </c>
      <c r="C778" s="1" t="s">
        <v>5</v>
      </c>
      <c r="D778" s="1" t="s">
        <v>11</v>
      </c>
      <c r="E778" s="1" t="s">
        <v>7</v>
      </c>
    </row>
    <row r="779">
      <c r="A779" s="1">
        <v>4.90386295E8</v>
      </c>
      <c r="B779" s="2">
        <v>11787.0</v>
      </c>
      <c r="C779" s="1" t="s">
        <v>5</v>
      </c>
      <c r="D779" s="1" t="s">
        <v>660</v>
      </c>
      <c r="E779" s="1" t="s">
        <v>7</v>
      </c>
    </row>
    <row r="780">
      <c r="A780" s="1">
        <v>4.90386296E8</v>
      </c>
      <c r="B780" s="2">
        <v>11786.0</v>
      </c>
      <c r="C780" s="1" t="s">
        <v>5</v>
      </c>
      <c r="D780" s="1" t="s">
        <v>661</v>
      </c>
      <c r="E780" s="1" t="s">
        <v>7</v>
      </c>
    </row>
    <row r="781">
      <c r="A781" s="1">
        <v>4.90386299E8</v>
      </c>
      <c r="B781" s="2">
        <v>11800.0</v>
      </c>
      <c r="C781" s="1" t="s">
        <v>5</v>
      </c>
      <c r="D781" s="1" t="s">
        <v>662</v>
      </c>
      <c r="E781" s="1" t="s">
        <v>663</v>
      </c>
    </row>
    <row r="782">
      <c r="A782" s="1">
        <v>4.90386302E8</v>
      </c>
      <c r="B782" s="2">
        <v>11786.0</v>
      </c>
      <c r="C782" s="1" t="s">
        <v>5</v>
      </c>
      <c r="D782" s="1" t="s">
        <v>11</v>
      </c>
      <c r="E782" s="1" t="s">
        <v>7</v>
      </c>
    </row>
    <row r="783">
      <c r="A783" s="1">
        <v>4.90386305E8</v>
      </c>
      <c r="B783" s="3">
        <v>11833.0</v>
      </c>
      <c r="C783" s="1" t="s">
        <v>5</v>
      </c>
      <c r="D783" s="1" t="s">
        <v>664</v>
      </c>
      <c r="E783" s="1" t="s">
        <v>7</v>
      </c>
    </row>
    <row r="784">
      <c r="A784" s="1">
        <v>4.90386306E8</v>
      </c>
      <c r="B784" s="2">
        <v>11800.0</v>
      </c>
      <c r="C784" s="1" t="s">
        <v>5</v>
      </c>
      <c r="D784" s="1" t="s">
        <v>11</v>
      </c>
      <c r="E784" s="1" t="s">
        <v>7</v>
      </c>
    </row>
    <row r="785">
      <c r="A785" s="1">
        <v>4.90386307E8</v>
      </c>
      <c r="B785" s="2">
        <v>11786.0</v>
      </c>
      <c r="C785" s="1" t="s">
        <v>5</v>
      </c>
      <c r="D785" s="1" t="s">
        <v>665</v>
      </c>
      <c r="E785" s="1" t="s">
        <v>7</v>
      </c>
    </row>
    <row r="786">
      <c r="A786" s="1">
        <v>4.90386308E8</v>
      </c>
      <c r="B786" s="2">
        <v>11787.0</v>
      </c>
      <c r="C786" s="1" t="s">
        <v>5</v>
      </c>
      <c r="D786" s="1" t="s">
        <v>666</v>
      </c>
      <c r="E786" s="1" t="s">
        <v>7</v>
      </c>
    </row>
    <row r="787">
      <c r="A787" s="1">
        <v>4.90386313E8</v>
      </c>
      <c r="B787" s="2">
        <v>11800.0</v>
      </c>
      <c r="C787" s="1" t="s">
        <v>5</v>
      </c>
      <c r="D787" s="1" t="s">
        <v>667</v>
      </c>
      <c r="E787" s="1" t="s">
        <v>7</v>
      </c>
    </row>
    <row r="788">
      <c r="A788" s="1">
        <v>4.90386314E8</v>
      </c>
      <c r="B788" s="2">
        <v>11790.0</v>
      </c>
      <c r="C788" s="1" t="s">
        <v>5</v>
      </c>
      <c r="D788" s="1" t="s">
        <v>11</v>
      </c>
      <c r="E788" s="1" t="s">
        <v>7</v>
      </c>
    </row>
    <row r="789">
      <c r="A789" s="1">
        <v>4.90386317E8</v>
      </c>
      <c r="B789" s="2">
        <v>11791.0</v>
      </c>
      <c r="C789" s="1" t="s">
        <v>5</v>
      </c>
      <c r="D789" s="1" t="s">
        <v>11</v>
      </c>
      <c r="E789" s="1" t="s">
        <v>7</v>
      </c>
    </row>
    <row r="790">
      <c r="A790" s="1">
        <v>4.90386318E8</v>
      </c>
      <c r="B790" s="2">
        <v>11786.0</v>
      </c>
      <c r="C790" s="1" t="s">
        <v>5</v>
      </c>
      <c r="D790" s="1" t="s">
        <v>668</v>
      </c>
      <c r="E790" s="1" t="s">
        <v>11</v>
      </c>
    </row>
    <row r="791">
      <c r="A791" s="1">
        <v>4.90386321E8</v>
      </c>
      <c r="B791" s="2">
        <v>11791.0</v>
      </c>
      <c r="C791" s="1" t="s">
        <v>5</v>
      </c>
      <c r="D791" s="1" t="s">
        <v>11</v>
      </c>
      <c r="E791" s="1" t="s">
        <v>7</v>
      </c>
    </row>
    <row r="792">
      <c r="A792" s="1">
        <v>4.90386322E8</v>
      </c>
      <c r="B792" s="2">
        <v>11790.0</v>
      </c>
      <c r="C792" s="1" t="s">
        <v>5</v>
      </c>
      <c r="D792" s="1" t="s">
        <v>669</v>
      </c>
      <c r="E792" s="1" t="s">
        <v>11</v>
      </c>
    </row>
    <row r="793">
      <c r="A793" s="1">
        <v>4.90386327E8</v>
      </c>
      <c r="B793" s="2">
        <v>11792.0</v>
      </c>
      <c r="C793" s="1" t="s">
        <v>5</v>
      </c>
      <c r="D793" s="1" t="s">
        <v>670</v>
      </c>
      <c r="E793" s="1" t="s">
        <v>7</v>
      </c>
    </row>
    <row r="794">
      <c r="A794" s="1">
        <v>4.9038633E8</v>
      </c>
      <c r="B794" s="3">
        <v>11833.0</v>
      </c>
      <c r="C794" s="1" t="s">
        <v>5</v>
      </c>
      <c r="D794" s="1" t="s">
        <v>671</v>
      </c>
      <c r="E794" s="1" t="s">
        <v>11</v>
      </c>
    </row>
    <row r="795">
      <c r="A795" s="1">
        <v>4.90386331E8</v>
      </c>
      <c r="B795" s="2">
        <v>11766.0</v>
      </c>
      <c r="C795" s="1" t="s">
        <v>5</v>
      </c>
      <c r="D795" s="1" t="s">
        <v>672</v>
      </c>
      <c r="E795" s="1" t="s">
        <v>11</v>
      </c>
    </row>
    <row r="796">
      <c r="A796" s="1">
        <v>4.90386333E8</v>
      </c>
      <c r="B796" s="2">
        <v>11786.0</v>
      </c>
      <c r="C796" s="1" t="s">
        <v>5</v>
      </c>
      <c r="D796" s="1" t="s">
        <v>673</v>
      </c>
      <c r="E796" s="1" t="s">
        <v>11</v>
      </c>
    </row>
    <row r="797">
      <c r="A797" s="1">
        <v>4.90386334E8</v>
      </c>
      <c r="B797" s="2">
        <v>11786.0</v>
      </c>
      <c r="C797" s="1" t="s">
        <v>5</v>
      </c>
      <c r="D797" s="1" t="s">
        <v>674</v>
      </c>
      <c r="E797" s="1" t="s">
        <v>7</v>
      </c>
    </row>
    <row r="798">
      <c r="A798" s="1">
        <v>4.90386336E8</v>
      </c>
      <c r="B798" s="2">
        <v>11800.0</v>
      </c>
      <c r="C798" s="1" t="s">
        <v>5</v>
      </c>
      <c r="D798" s="1" t="s">
        <v>11</v>
      </c>
      <c r="E798" s="1" t="s">
        <v>7</v>
      </c>
    </row>
    <row r="799">
      <c r="A799" s="1">
        <v>4.90386338E8</v>
      </c>
      <c r="B799" s="2">
        <v>11786.0</v>
      </c>
      <c r="C799" s="1" t="s">
        <v>5</v>
      </c>
      <c r="D799" s="1" t="s">
        <v>7</v>
      </c>
      <c r="E799" s="1" t="s">
        <v>7</v>
      </c>
    </row>
    <row r="800">
      <c r="A800" s="1">
        <v>4.90386341E8</v>
      </c>
      <c r="B800" s="3">
        <v>11810.0</v>
      </c>
      <c r="C800" s="1" t="s">
        <v>5</v>
      </c>
      <c r="D800" s="1" t="s">
        <v>675</v>
      </c>
      <c r="E800" s="1" t="s">
        <v>7</v>
      </c>
    </row>
    <row r="801">
      <c r="A801" s="1">
        <v>4.90386351E8</v>
      </c>
      <c r="B801" s="2">
        <v>11808.0</v>
      </c>
      <c r="C801" s="1" t="s">
        <v>5</v>
      </c>
      <c r="D801" s="1" t="s">
        <v>676</v>
      </c>
      <c r="E801" s="1" t="s">
        <v>7</v>
      </c>
    </row>
    <row r="802">
      <c r="A802" s="1">
        <v>4.90386353E8</v>
      </c>
      <c r="B802" s="2">
        <v>11790.0</v>
      </c>
      <c r="C802" s="1" t="s">
        <v>5</v>
      </c>
      <c r="D802" s="1" t="s">
        <v>677</v>
      </c>
      <c r="E802" s="1" t="s">
        <v>7</v>
      </c>
    </row>
    <row r="803">
      <c r="A803" s="1">
        <v>4.90386362E8</v>
      </c>
      <c r="B803" s="2">
        <v>11790.0</v>
      </c>
      <c r="C803" s="1" t="s">
        <v>5</v>
      </c>
      <c r="D803" s="1" t="s">
        <v>11</v>
      </c>
      <c r="E803" s="1" t="s">
        <v>7</v>
      </c>
    </row>
    <row r="804">
      <c r="A804" s="1">
        <v>4.90386367E8</v>
      </c>
      <c r="B804" s="2">
        <v>11780.0</v>
      </c>
      <c r="C804" s="1" t="s">
        <v>5</v>
      </c>
      <c r="D804" s="1" t="s">
        <v>678</v>
      </c>
      <c r="E804" s="1" t="s">
        <v>679</v>
      </c>
    </row>
    <row r="805">
      <c r="A805" s="1">
        <v>4.90386369E8</v>
      </c>
      <c r="B805" s="2">
        <v>11799.0</v>
      </c>
      <c r="C805" s="1" t="s">
        <v>5</v>
      </c>
      <c r="D805" s="1" t="s">
        <v>680</v>
      </c>
      <c r="E805" s="1" t="s">
        <v>7</v>
      </c>
    </row>
    <row r="806">
      <c r="A806" s="1">
        <v>4.9038637E8</v>
      </c>
      <c r="B806" s="2">
        <v>11790.0</v>
      </c>
      <c r="C806" s="1" t="s">
        <v>5</v>
      </c>
      <c r="D806" s="1" t="s">
        <v>681</v>
      </c>
      <c r="E806" s="1" t="s">
        <v>11</v>
      </c>
    </row>
    <row r="807">
      <c r="A807" s="1">
        <v>4.90386373E8</v>
      </c>
      <c r="B807" s="2">
        <v>11768.0</v>
      </c>
      <c r="C807" s="1" t="s">
        <v>5</v>
      </c>
      <c r="D807" s="1" t="s">
        <v>682</v>
      </c>
      <c r="E807" s="1" t="s">
        <v>7</v>
      </c>
    </row>
    <row r="808">
      <c r="A808" s="1">
        <v>4.90386379E8</v>
      </c>
      <c r="B808" s="2">
        <v>11799.0</v>
      </c>
      <c r="C808" s="1" t="s">
        <v>5</v>
      </c>
      <c r="D808" s="1" t="s">
        <v>11</v>
      </c>
      <c r="E808" s="1" t="s">
        <v>7</v>
      </c>
    </row>
    <row r="809">
      <c r="A809" s="1">
        <v>4.9038638E8</v>
      </c>
      <c r="B809" s="3">
        <v>11810.0</v>
      </c>
      <c r="C809" s="1" t="s">
        <v>5</v>
      </c>
      <c r="D809" s="1" t="s">
        <v>683</v>
      </c>
      <c r="E809" s="1" t="s">
        <v>7</v>
      </c>
    </row>
    <row r="810">
      <c r="A810" s="1">
        <v>4.90386381E8</v>
      </c>
      <c r="B810" s="2">
        <v>11789.0</v>
      </c>
      <c r="C810" s="1" t="s">
        <v>5</v>
      </c>
      <c r="D810" s="1" t="s">
        <v>11</v>
      </c>
      <c r="E810" s="1" t="s">
        <v>7</v>
      </c>
    </row>
    <row r="811">
      <c r="A811" s="1">
        <v>4.90386382E8</v>
      </c>
      <c r="B811" s="2">
        <v>11785.0</v>
      </c>
      <c r="C811" s="1" t="s">
        <v>5</v>
      </c>
      <c r="D811" s="1" t="s">
        <v>684</v>
      </c>
      <c r="E811" s="1" t="s">
        <v>685</v>
      </c>
    </row>
    <row r="812">
      <c r="A812" s="1">
        <v>4.90386383E8</v>
      </c>
      <c r="B812" s="2">
        <v>11791.0</v>
      </c>
      <c r="C812" s="1" t="s">
        <v>5</v>
      </c>
      <c r="D812" s="1" t="s">
        <v>169</v>
      </c>
      <c r="E812" s="1" t="s">
        <v>7</v>
      </c>
    </row>
    <row r="813">
      <c r="A813" s="1">
        <v>4.90386384E8</v>
      </c>
      <c r="B813" s="2">
        <v>11790.0</v>
      </c>
      <c r="C813" s="1" t="s">
        <v>5</v>
      </c>
      <c r="D813" s="1" t="s">
        <v>686</v>
      </c>
      <c r="E813" s="1" t="s">
        <v>11</v>
      </c>
    </row>
    <row r="814">
      <c r="A814" s="1">
        <v>4.90386385E8</v>
      </c>
      <c r="B814" s="2">
        <v>11785.0</v>
      </c>
      <c r="C814" s="1" t="s">
        <v>5</v>
      </c>
      <c r="D814" s="1" t="s">
        <v>687</v>
      </c>
      <c r="E814" s="1" t="s">
        <v>7</v>
      </c>
    </row>
    <row r="815">
      <c r="A815" s="1">
        <v>4.9038639E8</v>
      </c>
      <c r="B815" s="2">
        <v>11787.0</v>
      </c>
      <c r="C815" s="1" t="s">
        <v>5</v>
      </c>
      <c r="D815" s="1" t="s">
        <v>688</v>
      </c>
      <c r="E815" s="1" t="s">
        <v>7</v>
      </c>
    </row>
    <row r="816">
      <c r="A816" s="1">
        <v>4.90386391E8</v>
      </c>
      <c r="B816" s="2">
        <v>11790.0</v>
      </c>
      <c r="C816" s="1" t="s">
        <v>5</v>
      </c>
      <c r="D816" s="1" t="s">
        <v>689</v>
      </c>
      <c r="E816" s="1" t="s">
        <v>690</v>
      </c>
    </row>
    <row r="817">
      <c r="A817" s="1">
        <v>4.90386392E8</v>
      </c>
      <c r="B817" s="3">
        <v>11810.0</v>
      </c>
      <c r="C817" s="1" t="s">
        <v>5</v>
      </c>
      <c r="D817" s="1" t="s">
        <v>11</v>
      </c>
      <c r="E817" s="1" t="s">
        <v>7</v>
      </c>
    </row>
    <row r="818">
      <c r="A818" s="1">
        <v>4.90386397E8</v>
      </c>
      <c r="B818" s="2">
        <v>11799.0</v>
      </c>
      <c r="C818" s="1" t="s">
        <v>5</v>
      </c>
      <c r="D818" s="1" t="s">
        <v>691</v>
      </c>
      <c r="E818" s="1" t="s">
        <v>7</v>
      </c>
    </row>
    <row r="819">
      <c r="A819" s="1">
        <v>4.90386399E8</v>
      </c>
      <c r="B819" s="2">
        <v>11787.0</v>
      </c>
      <c r="C819" s="1" t="s">
        <v>5</v>
      </c>
      <c r="D819" s="1" t="s">
        <v>692</v>
      </c>
      <c r="E819" s="1" t="s">
        <v>11</v>
      </c>
    </row>
    <row r="820">
      <c r="A820" s="1">
        <v>4.90386401E8</v>
      </c>
      <c r="B820" s="2">
        <v>11780.0</v>
      </c>
      <c r="C820" s="1" t="s">
        <v>5</v>
      </c>
      <c r="D820" s="1" t="s">
        <v>11</v>
      </c>
      <c r="E820" s="4" t="s">
        <v>693</v>
      </c>
    </row>
    <row r="821">
      <c r="A821" s="1">
        <v>4.90386402E8</v>
      </c>
      <c r="B821" s="2">
        <v>11790.0</v>
      </c>
      <c r="C821" s="1" t="s">
        <v>5</v>
      </c>
      <c r="D821" s="1" t="s">
        <v>694</v>
      </c>
      <c r="E821" s="1" t="s">
        <v>11</v>
      </c>
    </row>
    <row r="822">
      <c r="A822" s="1">
        <v>4.90386403E8</v>
      </c>
      <c r="B822" s="2">
        <v>11789.0</v>
      </c>
      <c r="C822" s="1" t="s">
        <v>5</v>
      </c>
      <c r="D822" s="1" t="s">
        <v>695</v>
      </c>
      <c r="E822" s="1" t="s">
        <v>11</v>
      </c>
    </row>
    <row r="823">
      <c r="A823" s="1">
        <v>4.90386404E8</v>
      </c>
      <c r="B823" s="2">
        <v>11785.0</v>
      </c>
      <c r="C823" s="1" t="s">
        <v>5</v>
      </c>
      <c r="D823" s="1" t="s">
        <v>11</v>
      </c>
      <c r="E823" s="1" t="s">
        <v>7</v>
      </c>
    </row>
    <row r="824">
      <c r="A824" s="1">
        <v>4.90386405E8</v>
      </c>
      <c r="B824" s="2">
        <v>11790.0</v>
      </c>
      <c r="C824" s="1" t="s">
        <v>5</v>
      </c>
      <c r="D824" s="1" t="s">
        <v>11</v>
      </c>
      <c r="E824" s="1" t="s">
        <v>7</v>
      </c>
    </row>
    <row r="825">
      <c r="A825" s="1">
        <v>4.90386408E8</v>
      </c>
      <c r="B825" s="2">
        <v>11808.0</v>
      </c>
      <c r="C825" s="1" t="s">
        <v>5</v>
      </c>
      <c r="D825" s="1" t="s">
        <v>696</v>
      </c>
      <c r="E825" s="1" t="s">
        <v>11</v>
      </c>
    </row>
    <row r="826">
      <c r="A826" s="1">
        <v>4.90386412E8</v>
      </c>
      <c r="B826" s="2">
        <v>11787.0</v>
      </c>
      <c r="C826" s="1" t="s">
        <v>5</v>
      </c>
      <c r="D826" s="1" t="s">
        <v>11</v>
      </c>
      <c r="E826" s="1" t="s">
        <v>7</v>
      </c>
    </row>
    <row r="827">
      <c r="A827" s="1">
        <v>4.90386413E8</v>
      </c>
      <c r="B827" s="2">
        <v>11780.0</v>
      </c>
      <c r="C827" s="1" t="s">
        <v>5</v>
      </c>
      <c r="D827" s="1" t="s">
        <v>697</v>
      </c>
      <c r="E827" s="1" t="s">
        <v>7</v>
      </c>
    </row>
    <row r="828">
      <c r="A828" s="1">
        <v>4.90386416E8</v>
      </c>
      <c r="B828" s="2">
        <v>11794.0</v>
      </c>
      <c r="C828" s="1" t="s">
        <v>5</v>
      </c>
      <c r="D828" s="1" t="s">
        <v>698</v>
      </c>
      <c r="E828" s="1" t="s">
        <v>7</v>
      </c>
    </row>
    <row r="829">
      <c r="A829" s="1">
        <v>4.90386421E8</v>
      </c>
      <c r="B829" s="3">
        <v>11812.0</v>
      </c>
      <c r="C829" s="1" t="s">
        <v>5</v>
      </c>
      <c r="D829" s="1" t="s">
        <v>699</v>
      </c>
      <c r="E829" s="1" t="s">
        <v>700</v>
      </c>
    </row>
    <row r="830">
      <c r="A830" s="1">
        <v>4.90386422E8</v>
      </c>
      <c r="B830" s="2">
        <v>11794.0</v>
      </c>
      <c r="C830" s="1" t="s">
        <v>5</v>
      </c>
      <c r="D830" s="1" t="s">
        <v>701</v>
      </c>
      <c r="E830" s="1" t="s">
        <v>7</v>
      </c>
    </row>
    <row r="831">
      <c r="A831" s="1">
        <v>4.90386426E8</v>
      </c>
      <c r="B831" s="2">
        <v>11785.0</v>
      </c>
      <c r="C831" s="1" t="s">
        <v>5</v>
      </c>
      <c r="D831" s="1" t="s">
        <v>702</v>
      </c>
      <c r="E831" s="1" t="s">
        <v>7</v>
      </c>
    </row>
    <row r="832">
      <c r="A832" s="1">
        <v>4.90386429E8</v>
      </c>
      <c r="B832" s="2">
        <v>11787.0</v>
      </c>
      <c r="C832" s="1" t="s">
        <v>5</v>
      </c>
      <c r="D832" s="1" t="s">
        <v>11</v>
      </c>
      <c r="E832" s="1" t="s">
        <v>7</v>
      </c>
    </row>
    <row r="833">
      <c r="A833" s="1">
        <v>4.90386438E8</v>
      </c>
      <c r="B833" s="2">
        <v>11789.0</v>
      </c>
      <c r="C833" s="1" t="s">
        <v>5</v>
      </c>
      <c r="D833" s="1" t="s">
        <v>703</v>
      </c>
      <c r="E833" s="1" t="s">
        <v>7</v>
      </c>
    </row>
    <row r="834">
      <c r="A834" s="1">
        <v>4.9038644E8</v>
      </c>
      <c r="B834" s="2">
        <v>11790.0</v>
      </c>
      <c r="C834" s="1" t="s">
        <v>5</v>
      </c>
      <c r="D834" s="1" t="s">
        <v>704</v>
      </c>
      <c r="E834" s="1" t="s">
        <v>7</v>
      </c>
    </row>
    <row r="835">
      <c r="A835" s="1">
        <v>4.90386441E8</v>
      </c>
      <c r="B835" s="2">
        <v>11780.0</v>
      </c>
      <c r="C835" s="1" t="s">
        <v>5</v>
      </c>
      <c r="D835" s="1" t="s">
        <v>705</v>
      </c>
      <c r="E835" s="1" t="s">
        <v>7</v>
      </c>
    </row>
    <row r="836">
      <c r="A836" s="1">
        <v>4.90386443E8</v>
      </c>
      <c r="B836" s="2">
        <v>11780.0</v>
      </c>
      <c r="C836" s="1" t="s">
        <v>5</v>
      </c>
      <c r="D836" s="1" t="s">
        <v>706</v>
      </c>
      <c r="E836" s="1" t="s">
        <v>707</v>
      </c>
    </row>
    <row r="837">
      <c r="A837" s="1">
        <v>4.90386444E8</v>
      </c>
      <c r="B837" s="2">
        <v>11785.0</v>
      </c>
      <c r="C837" s="1" t="s">
        <v>5</v>
      </c>
      <c r="D837" s="1" t="s">
        <v>11</v>
      </c>
      <c r="E837" s="1" t="s">
        <v>7</v>
      </c>
    </row>
    <row r="838">
      <c r="A838" s="1">
        <v>4.90386446E8</v>
      </c>
      <c r="B838" s="2">
        <v>11789.0</v>
      </c>
      <c r="C838" s="1" t="s">
        <v>5</v>
      </c>
      <c r="D838" s="1" t="s">
        <v>708</v>
      </c>
      <c r="E838" s="1" t="s">
        <v>7</v>
      </c>
    </row>
    <row r="839">
      <c r="A839" s="1">
        <v>4.90386448E8</v>
      </c>
      <c r="B839" s="2">
        <v>11789.0</v>
      </c>
      <c r="C839" s="1" t="s">
        <v>5</v>
      </c>
      <c r="D839" s="1" t="s">
        <v>709</v>
      </c>
      <c r="E839" s="1" t="s">
        <v>7</v>
      </c>
    </row>
    <row r="840">
      <c r="A840" s="1">
        <v>4.90386456E8</v>
      </c>
      <c r="B840" s="2">
        <v>11787.0</v>
      </c>
      <c r="C840" s="1" t="s">
        <v>5</v>
      </c>
      <c r="D840" s="1" t="s">
        <v>11</v>
      </c>
      <c r="E840" s="1" t="s">
        <v>7</v>
      </c>
    </row>
    <row r="841">
      <c r="A841" s="1">
        <v>4.9038646E8</v>
      </c>
      <c r="B841" s="2">
        <v>11780.0</v>
      </c>
      <c r="C841" s="1" t="s">
        <v>5</v>
      </c>
      <c r="D841" s="1" t="s">
        <v>710</v>
      </c>
      <c r="E841" s="1" t="s">
        <v>7</v>
      </c>
    </row>
    <row r="842">
      <c r="A842" s="1">
        <v>4.90386463E8</v>
      </c>
      <c r="B842" s="2">
        <v>11789.0</v>
      </c>
      <c r="C842" s="1" t="s">
        <v>5</v>
      </c>
      <c r="D842" s="1" t="s">
        <v>711</v>
      </c>
      <c r="E842" s="1" t="s">
        <v>7</v>
      </c>
    </row>
    <row r="843">
      <c r="A843" s="1">
        <v>4.90386464E8</v>
      </c>
      <c r="B843" s="2">
        <v>11789.0</v>
      </c>
      <c r="C843" s="1" t="s">
        <v>5</v>
      </c>
      <c r="D843" s="1" t="s">
        <v>712</v>
      </c>
      <c r="E843" s="1" t="s">
        <v>11</v>
      </c>
    </row>
    <row r="844">
      <c r="A844" s="1">
        <v>4.90386465E8</v>
      </c>
      <c r="B844" s="2">
        <v>11789.0</v>
      </c>
      <c r="C844" s="1" t="s">
        <v>5</v>
      </c>
      <c r="D844" s="1" t="s">
        <v>713</v>
      </c>
      <c r="E844" s="1" t="s">
        <v>714</v>
      </c>
    </row>
    <row r="845">
      <c r="A845" s="1">
        <v>4.90386468E8</v>
      </c>
      <c r="B845" s="3">
        <v>11812.0</v>
      </c>
      <c r="C845" s="1" t="s">
        <v>5</v>
      </c>
      <c r="D845" s="1" t="s">
        <v>715</v>
      </c>
      <c r="E845" s="1" t="s">
        <v>11</v>
      </c>
    </row>
    <row r="846">
      <c r="A846" s="1">
        <v>4.90386471E8</v>
      </c>
      <c r="B846" s="2">
        <v>11780.0</v>
      </c>
      <c r="C846" s="1" t="s">
        <v>5</v>
      </c>
      <c r="D846" s="1" t="s">
        <v>716</v>
      </c>
      <c r="E846" s="1" t="s">
        <v>11</v>
      </c>
    </row>
    <row r="847">
      <c r="A847" s="1">
        <v>4.90386473E8</v>
      </c>
      <c r="B847" s="2">
        <v>11808.0</v>
      </c>
      <c r="C847" s="1" t="s">
        <v>5</v>
      </c>
      <c r="D847" s="1" t="s">
        <v>11</v>
      </c>
      <c r="E847" s="1" t="s">
        <v>7</v>
      </c>
    </row>
    <row r="848">
      <c r="A848" s="1">
        <v>4.90386475E8</v>
      </c>
      <c r="B848" s="2">
        <v>11794.0</v>
      </c>
      <c r="C848" s="1" t="s">
        <v>5</v>
      </c>
      <c r="D848" s="1" t="s">
        <v>717</v>
      </c>
      <c r="E848" s="1" t="s">
        <v>7</v>
      </c>
    </row>
    <row r="849">
      <c r="A849" s="1">
        <v>4.90386476E8</v>
      </c>
      <c r="B849" s="2">
        <v>11789.0</v>
      </c>
      <c r="C849" s="1" t="s">
        <v>5</v>
      </c>
      <c r="D849" s="1" t="s">
        <v>718</v>
      </c>
      <c r="E849" s="1" t="s">
        <v>11</v>
      </c>
    </row>
    <row r="850">
      <c r="A850" s="1">
        <v>4.90386477E8</v>
      </c>
      <c r="B850" s="2">
        <v>11780.0</v>
      </c>
      <c r="C850" s="1" t="s">
        <v>5</v>
      </c>
      <c r="D850" s="1" t="s">
        <v>719</v>
      </c>
      <c r="E850" s="1" t="s">
        <v>7</v>
      </c>
    </row>
    <row r="851">
      <c r="A851" s="1">
        <v>4.9038648E8</v>
      </c>
      <c r="B851" s="2">
        <v>11789.0</v>
      </c>
      <c r="C851" s="1" t="s">
        <v>5</v>
      </c>
      <c r="D851" s="1" t="s">
        <v>720</v>
      </c>
      <c r="E851" s="1" t="s">
        <v>7</v>
      </c>
    </row>
    <row r="852">
      <c r="A852" s="1">
        <v>4.90386485E8</v>
      </c>
      <c r="B852" s="2">
        <v>11789.0</v>
      </c>
      <c r="C852" s="1" t="s">
        <v>5</v>
      </c>
      <c r="D852" s="1" t="s">
        <v>721</v>
      </c>
      <c r="E852" s="1" t="s">
        <v>7</v>
      </c>
    </row>
    <row r="853">
      <c r="A853" s="1">
        <v>4.90386489E8</v>
      </c>
      <c r="B853" s="2">
        <v>11780.0</v>
      </c>
      <c r="C853" s="1" t="s">
        <v>5</v>
      </c>
      <c r="D853" s="1" t="s">
        <v>722</v>
      </c>
      <c r="E853" s="1" t="s">
        <v>11</v>
      </c>
    </row>
    <row r="854">
      <c r="A854" s="1">
        <v>4.9038649E8</v>
      </c>
      <c r="B854" s="3">
        <v>11812.0</v>
      </c>
      <c r="C854" s="1" t="s">
        <v>5</v>
      </c>
      <c r="D854" s="1" t="s">
        <v>723</v>
      </c>
      <c r="E854" s="1" t="s">
        <v>11</v>
      </c>
    </row>
    <row r="855">
      <c r="A855" s="1">
        <v>4.90386491E8</v>
      </c>
      <c r="B855" s="2">
        <v>11789.0</v>
      </c>
      <c r="C855" s="1" t="s">
        <v>5</v>
      </c>
      <c r="D855" s="1" t="s">
        <v>11</v>
      </c>
      <c r="E855" s="1" t="s">
        <v>7</v>
      </c>
    </row>
    <row r="856">
      <c r="A856" s="1">
        <v>4.90386496E8</v>
      </c>
      <c r="B856" s="2">
        <v>11807.0</v>
      </c>
      <c r="C856" s="1" t="s">
        <v>5</v>
      </c>
      <c r="D856" s="1" t="s">
        <v>724</v>
      </c>
      <c r="E856" s="1" t="s">
        <v>7</v>
      </c>
    </row>
    <row r="857">
      <c r="A857" s="1">
        <v>4.90386497E8</v>
      </c>
      <c r="B857" s="2">
        <v>11789.0</v>
      </c>
      <c r="C857" s="1" t="s">
        <v>5</v>
      </c>
      <c r="D857" s="1" t="s">
        <v>725</v>
      </c>
      <c r="E857" s="1" t="s">
        <v>11</v>
      </c>
    </row>
    <row r="858">
      <c r="A858" s="1">
        <v>4.90386502E8</v>
      </c>
      <c r="B858" s="2">
        <v>11794.0</v>
      </c>
      <c r="C858" s="1" t="s">
        <v>5</v>
      </c>
      <c r="D858" s="1" t="s">
        <v>726</v>
      </c>
      <c r="E858" s="1" t="s">
        <v>7</v>
      </c>
    </row>
    <row r="859">
      <c r="A859" s="1">
        <v>4.90386503E8</v>
      </c>
      <c r="B859" s="2">
        <v>11789.0</v>
      </c>
      <c r="C859" s="1" t="s">
        <v>5</v>
      </c>
      <c r="D859" s="1" t="s">
        <v>727</v>
      </c>
      <c r="E859" s="1" t="s">
        <v>7</v>
      </c>
    </row>
    <row r="860">
      <c r="A860" s="1">
        <v>4.90386504E8</v>
      </c>
      <c r="B860" s="2">
        <v>11786.0</v>
      </c>
      <c r="C860" s="1" t="s">
        <v>5</v>
      </c>
      <c r="D860" s="1" t="s">
        <v>11</v>
      </c>
      <c r="E860" s="1" t="s">
        <v>7</v>
      </c>
    </row>
    <row r="861">
      <c r="A861" s="1">
        <v>4.90386507E8</v>
      </c>
      <c r="B861" s="2">
        <v>11807.0</v>
      </c>
      <c r="C861" s="1" t="s">
        <v>5</v>
      </c>
      <c r="D861" s="1" t="s">
        <v>11</v>
      </c>
      <c r="E861" s="1" t="s">
        <v>7</v>
      </c>
    </row>
    <row r="862">
      <c r="A862" s="1">
        <v>4.90386509E8</v>
      </c>
      <c r="B862" s="2">
        <v>11780.0</v>
      </c>
      <c r="C862" s="1" t="s">
        <v>5</v>
      </c>
      <c r="D862" s="1" t="s">
        <v>728</v>
      </c>
      <c r="E862" s="1" t="s">
        <v>7</v>
      </c>
    </row>
    <row r="863">
      <c r="A863" s="1">
        <v>4.90386512E8</v>
      </c>
      <c r="B863" s="2">
        <v>11789.0</v>
      </c>
      <c r="C863" s="1" t="s">
        <v>5</v>
      </c>
      <c r="D863" s="1" t="s">
        <v>729</v>
      </c>
      <c r="E863" s="1" t="s">
        <v>7</v>
      </c>
    </row>
    <row r="864">
      <c r="A864" s="1">
        <v>4.90386513E8</v>
      </c>
      <c r="B864" s="2">
        <v>11780.0</v>
      </c>
      <c r="C864" s="1" t="s">
        <v>5</v>
      </c>
      <c r="D864" s="1" t="s">
        <v>730</v>
      </c>
      <c r="E864" s="1" t="s">
        <v>7</v>
      </c>
    </row>
    <row r="865">
      <c r="A865" s="1">
        <v>4.90386514E8</v>
      </c>
      <c r="B865" s="2">
        <v>11789.0</v>
      </c>
      <c r="C865" s="1" t="s">
        <v>5</v>
      </c>
      <c r="D865" s="1" t="s">
        <v>731</v>
      </c>
      <c r="E865" s="1" t="s">
        <v>7</v>
      </c>
    </row>
    <row r="866">
      <c r="A866" s="1">
        <v>4.90386516E8</v>
      </c>
      <c r="B866" s="3">
        <v>11833.0</v>
      </c>
      <c r="C866" s="1" t="s">
        <v>5</v>
      </c>
      <c r="D866" s="1" t="s">
        <v>732</v>
      </c>
      <c r="E866" s="1" t="s">
        <v>7</v>
      </c>
    </row>
    <row r="867">
      <c r="A867" s="1">
        <v>4.90386518E8</v>
      </c>
      <c r="B867" s="2">
        <v>11780.0</v>
      </c>
      <c r="C867" s="1" t="s">
        <v>5</v>
      </c>
      <c r="D867" s="1" t="s">
        <v>11</v>
      </c>
      <c r="E867" s="1" t="s">
        <v>7</v>
      </c>
    </row>
    <row r="868">
      <c r="A868" s="1">
        <v>4.90386523E8</v>
      </c>
      <c r="B868" s="2">
        <v>11789.0</v>
      </c>
      <c r="C868" s="1" t="s">
        <v>5</v>
      </c>
      <c r="D868" s="1" t="s">
        <v>733</v>
      </c>
      <c r="E868" s="1" t="s">
        <v>7</v>
      </c>
    </row>
    <row r="869">
      <c r="A869" s="1">
        <v>4.90386527E8</v>
      </c>
      <c r="B869" s="2">
        <v>11780.0</v>
      </c>
      <c r="C869" s="1" t="s">
        <v>5</v>
      </c>
      <c r="D869" s="1" t="s">
        <v>734</v>
      </c>
      <c r="E869" s="1" t="s">
        <v>7</v>
      </c>
    </row>
    <row r="870">
      <c r="A870" s="1">
        <v>4.90386529E8</v>
      </c>
      <c r="B870" s="2">
        <v>11793.0</v>
      </c>
      <c r="C870" s="1" t="s">
        <v>5</v>
      </c>
      <c r="D870" s="1" t="s">
        <v>735</v>
      </c>
      <c r="E870" s="1" t="s">
        <v>11</v>
      </c>
    </row>
    <row r="871">
      <c r="A871" s="1">
        <v>4.9038653E8</v>
      </c>
      <c r="B871" s="2">
        <v>11789.0</v>
      </c>
      <c r="C871" s="1" t="s">
        <v>5</v>
      </c>
      <c r="D871" s="1" t="s">
        <v>736</v>
      </c>
      <c r="E871" s="1" t="s">
        <v>7</v>
      </c>
    </row>
    <row r="872">
      <c r="A872" s="1">
        <v>4.90386532E8</v>
      </c>
      <c r="B872" s="3">
        <v>11833.0</v>
      </c>
      <c r="C872" s="1" t="s">
        <v>5</v>
      </c>
      <c r="D872" s="1" t="s">
        <v>737</v>
      </c>
      <c r="E872" s="1" t="s">
        <v>7</v>
      </c>
    </row>
    <row r="873">
      <c r="A873" s="1">
        <v>4.90386533E8</v>
      </c>
      <c r="B873" s="2">
        <v>11789.0</v>
      </c>
      <c r="C873" s="1" t="s">
        <v>5</v>
      </c>
      <c r="D873" s="1" t="s">
        <v>11</v>
      </c>
      <c r="E873" s="1" t="s">
        <v>7</v>
      </c>
    </row>
    <row r="874">
      <c r="A874" s="1">
        <v>4.90386534E8</v>
      </c>
      <c r="B874" s="2">
        <v>11780.0</v>
      </c>
      <c r="C874" s="1" t="s">
        <v>5</v>
      </c>
      <c r="D874" s="1" t="s">
        <v>738</v>
      </c>
      <c r="E874" s="1" t="s">
        <v>11</v>
      </c>
    </row>
    <row r="875">
      <c r="A875" s="1">
        <v>4.90386535E8</v>
      </c>
      <c r="B875" s="2">
        <v>11785.0</v>
      </c>
      <c r="C875" s="1" t="s">
        <v>5</v>
      </c>
      <c r="D875" s="1" t="s">
        <v>11</v>
      </c>
      <c r="E875" s="1" t="s">
        <v>7</v>
      </c>
    </row>
    <row r="876">
      <c r="A876" s="1">
        <v>4.90386536E8</v>
      </c>
      <c r="B876" s="2">
        <v>11789.0</v>
      </c>
      <c r="C876" s="1" t="s">
        <v>5</v>
      </c>
      <c r="D876" s="1" t="s">
        <v>739</v>
      </c>
      <c r="E876" s="1" t="s">
        <v>740</v>
      </c>
    </row>
    <row r="877">
      <c r="A877" s="1">
        <v>4.90386541E8</v>
      </c>
      <c r="B877" s="2">
        <v>11789.0</v>
      </c>
      <c r="C877" s="1" t="s">
        <v>5</v>
      </c>
      <c r="D877" s="1" t="s">
        <v>741</v>
      </c>
      <c r="E877" s="1" t="s">
        <v>7</v>
      </c>
    </row>
    <row r="878">
      <c r="A878" s="1">
        <v>4.90386542E8</v>
      </c>
      <c r="B878" s="2">
        <v>11789.0</v>
      </c>
      <c r="C878" s="1" t="s">
        <v>5</v>
      </c>
      <c r="D878" s="1" t="s">
        <v>742</v>
      </c>
      <c r="E878" s="1" t="s">
        <v>7</v>
      </c>
    </row>
    <row r="879">
      <c r="A879" s="1">
        <v>4.90386545E8</v>
      </c>
      <c r="B879" s="2">
        <v>11789.0</v>
      </c>
      <c r="C879" s="1" t="s">
        <v>5</v>
      </c>
      <c r="D879" s="1" t="s">
        <v>11</v>
      </c>
      <c r="E879" s="1" t="s">
        <v>7</v>
      </c>
    </row>
    <row r="880">
      <c r="A880" s="1">
        <v>4.90386546E8</v>
      </c>
      <c r="B880" s="2">
        <v>11785.0</v>
      </c>
      <c r="C880" s="1" t="s">
        <v>5</v>
      </c>
      <c r="D880" s="1" t="s">
        <v>743</v>
      </c>
      <c r="E880" s="1" t="s">
        <v>7</v>
      </c>
    </row>
    <row r="881">
      <c r="A881" s="1">
        <v>4.90386547E8</v>
      </c>
      <c r="B881" s="3">
        <v>11833.0</v>
      </c>
      <c r="C881" s="1" t="s">
        <v>5</v>
      </c>
      <c r="D881" s="1" t="s">
        <v>744</v>
      </c>
      <c r="E881" s="1" t="s">
        <v>7</v>
      </c>
    </row>
    <row r="882">
      <c r="A882" s="1">
        <v>4.9038655E8</v>
      </c>
      <c r="B882" s="2">
        <v>11789.0</v>
      </c>
      <c r="C882" s="1" t="s">
        <v>5</v>
      </c>
      <c r="D882" s="1" t="s">
        <v>745</v>
      </c>
      <c r="E882" s="1" t="s">
        <v>7</v>
      </c>
    </row>
    <row r="883">
      <c r="A883" s="1">
        <v>4.90386551E8</v>
      </c>
      <c r="B883" s="2">
        <v>11789.0</v>
      </c>
      <c r="C883" s="1" t="s">
        <v>5</v>
      </c>
      <c r="D883" s="1" t="s">
        <v>746</v>
      </c>
      <c r="E883" s="1" t="s">
        <v>7</v>
      </c>
    </row>
    <row r="884">
      <c r="A884" s="1">
        <v>4.90386555E8</v>
      </c>
      <c r="B884" s="3">
        <v>11833.0</v>
      </c>
      <c r="C884" s="1" t="s">
        <v>5</v>
      </c>
      <c r="D884" s="1" t="s">
        <v>747</v>
      </c>
      <c r="E884" s="1" t="s">
        <v>7</v>
      </c>
    </row>
    <row r="885">
      <c r="A885" s="1">
        <v>4.90386556E8</v>
      </c>
      <c r="B885" s="2">
        <v>11786.0</v>
      </c>
      <c r="C885" s="1" t="s">
        <v>5</v>
      </c>
      <c r="D885" s="1" t="s">
        <v>748</v>
      </c>
      <c r="E885" s="1" t="s">
        <v>7</v>
      </c>
    </row>
    <row r="886">
      <c r="A886" s="1">
        <v>4.9038656E8</v>
      </c>
      <c r="B886" s="2">
        <v>11789.0</v>
      </c>
      <c r="C886" s="1" t="s">
        <v>5</v>
      </c>
      <c r="D886" s="1" t="s">
        <v>749</v>
      </c>
      <c r="E886" s="1" t="s">
        <v>11</v>
      </c>
    </row>
    <row r="887">
      <c r="A887" s="1">
        <v>4.90386563E8</v>
      </c>
      <c r="B887" s="2">
        <v>11793.0</v>
      </c>
      <c r="C887" s="1" t="s">
        <v>5</v>
      </c>
      <c r="D887" s="1" t="s">
        <v>11</v>
      </c>
      <c r="E887" s="1" t="s">
        <v>7</v>
      </c>
    </row>
    <row r="888">
      <c r="A888" s="1">
        <v>4.90386567E8</v>
      </c>
      <c r="B888" s="3">
        <v>11833.0</v>
      </c>
      <c r="C888" s="1" t="s">
        <v>5</v>
      </c>
      <c r="D888" s="1" t="s">
        <v>750</v>
      </c>
      <c r="E888" s="1" t="s">
        <v>7</v>
      </c>
    </row>
    <row r="889">
      <c r="A889" s="1">
        <v>4.90386575E8</v>
      </c>
      <c r="B889" s="2">
        <v>11792.0</v>
      </c>
      <c r="C889" s="1" t="s">
        <v>5</v>
      </c>
      <c r="D889" s="1" t="s">
        <v>11</v>
      </c>
      <c r="E889" s="1" t="s">
        <v>7</v>
      </c>
    </row>
    <row r="890">
      <c r="A890" s="1">
        <v>4.90386578E8</v>
      </c>
      <c r="B890" s="3">
        <v>11833.0</v>
      </c>
      <c r="C890" s="1" t="s">
        <v>5</v>
      </c>
      <c r="D890" s="1" t="s">
        <v>11</v>
      </c>
      <c r="E890" s="1" t="s">
        <v>7</v>
      </c>
    </row>
    <row r="891">
      <c r="A891" s="1">
        <v>4.9038658E8</v>
      </c>
      <c r="B891" s="2">
        <v>11806.0</v>
      </c>
      <c r="C891" s="1" t="s">
        <v>5</v>
      </c>
      <c r="D891" s="1" t="s">
        <v>751</v>
      </c>
      <c r="E891" s="1" t="s">
        <v>7</v>
      </c>
    </row>
    <row r="892">
      <c r="A892" s="1">
        <v>4.90386581E8</v>
      </c>
      <c r="B892" s="2">
        <v>11786.0</v>
      </c>
      <c r="C892" s="1" t="s">
        <v>5</v>
      </c>
      <c r="D892" s="1" t="s">
        <v>11</v>
      </c>
      <c r="E892" s="1" t="s">
        <v>7</v>
      </c>
    </row>
    <row r="893">
      <c r="A893" s="1">
        <v>4.90386582E8</v>
      </c>
      <c r="B893" s="2">
        <v>11786.0</v>
      </c>
      <c r="C893" s="1" t="s">
        <v>5</v>
      </c>
      <c r="D893" s="1" t="s">
        <v>752</v>
      </c>
      <c r="E893" s="1" t="s">
        <v>7</v>
      </c>
    </row>
    <row r="894">
      <c r="A894" s="1">
        <v>4.90386587E8</v>
      </c>
      <c r="B894" s="2">
        <v>11786.0</v>
      </c>
      <c r="C894" s="1" t="s">
        <v>5</v>
      </c>
      <c r="D894" s="1" t="s">
        <v>753</v>
      </c>
      <c r="E894" s="1" t="s">
        <v>7</v>
      </c>
    </row>
    <row r="895">
      <c r="A895" s="1">
        <v>4.90386591E8</v>
      </c>
      <c r="B895" s="2">
        <v>11786.0</v>
      </c>
      <c r="C895" s="1" t="s">
        <v>5</v>
      </c>
      <c r="D895" s="1" t="s">
        <v>11</v>
      </c>
      <c r="E895" s="1" t="s">
        <v>7</v>
      </c>
    </row>
    <row r="896">
      <c r="A896" s="1">
        <v>4.90386593E8</v>
      </c>
      <c r="B896" s="2">
        <v>11786.0</v>
      </c>
      <c r="C896" s="1" t="s">
        <v>5</v>
      </c>
      <c r="D896" s="1" t="s">
        <v>754</v>
      </c>
      <c r="E896" s="1" t="s">
        <v>7</v>
      </c>
    </row>
    <row r="897">
      <c r="A897" s="1">
        <v>4.90386596E8</v>
      </c>
      <c r="B897" s="2">
        <v>11805.0</v>
      </c>
      <c r="C897" s="1" t="s">
        <v>5</v>
      </c>
      <c r="D897" s="1" t="s">
        <v>755</v>
      </c>
      <c r="E897" s="1" t="s">
        <v>7</v>
      </c>
    </row>
    <row r="898">
      <c r="A898" s="1">
        <v>4.903866E8</v>
      </c>
      <c r="B898" s="2">
        <v>11786.0</v>
      </c>
      <c r="C898" s="1" t="s">
        <v>5</v>
      </c>
      <c r="D898" s="1" t="s">
        <v>756</v>
      </c>
      <c r="E898" s="1" t="s">
        <v>7</v>
      </c>
    </row>
    <row r="899">
      <c r="A899" s="1">
        <v>4.90386601E8</v>
      </c>
      <c r="B899" s="2">
        <v>11789.0</v>
      </c>
      <c r="C899" s="1" t="s">
        <v>5</v>
      </c>
      <c r="D899" s="1" t="s">
        <v>757</v>
      </c>
      <c r="E899" s="1" t="s">
        <v>7</v>
      </c>
    </row>
    <row r="900">
      <c r="A900" s="1">
        <v>4.90386605E8</v>
      </c>
      <c r="B900" s="3">
        <v>11810.0</v>
      </c>
      <c r="C900" s="1" t="s">
        <v>5</v>
      </c>
      <c r="D900" s="1" t="s">
        <v>758</v>
      </c>
      <c r="E900" s="1" t="s">
        <v>759</v>
      </c>
    </row>
    <row r="901">
      <c r="A901" s="1">
        <v>4.90386611E8</v>
      </c>
      <c r="B901" s="2">
        <v>11786.0</v>
      </c>
      <c r="C901" s="1" t="s">
        <v>5</v>
      </c>
      <c r="D901" s="1" t="s">
        <v>11</v>
      </c>
      <c r="E901" s="1" t="s">
        <v>7</v>
      </c>
    </row>
    <row r="902">
      <c r="A902" s="1">
        <v>4.90386612E8</v>
      </c>
      <c r="B902" s="2">
        <v>11792.0</v>
      </c>
      <c r="C902" s="1" t="s">
        <v>5</v>
      </c>
      <c r="D902" s="1" t="s">
        <v>11</v>
      </c>
      <c r="E902" s="1" t="s">
        <v>7</v>
      </c>
    </row>
    <row r="903">
      <c r="A903" s="1">
        <v>4.90386615E8</v>
      </c>
      <c r="B903" s="2">
        <v>11786.0</v>
      </c>
      <c r="C903" s="1" t="s">
        <v>5</v>
      </c>
      <c r="D903" s="1" t="s">
        <v>760</v>
      </c>
      <c r="E903" s="1" t="s">
        <v>7</v>
      </c>
    </row>
    <row r="904">
      <c r="A904" s="1">
        <v>4.90386616E8</v>
      </c>
      <c r="B904" s="2">
        <v>11805.0</v>
      </c>
      <c r="C904" s="1" t="s">
        <v>5</v>
      </c>
      <c r="D904" s="1" t="s">
        <v>761</v>
      </c>
      <c r="E904" s="1" t="s">
        <v>7</v>
      </c>
    </row>
    <row r="905">
      <c r="A905" s="1">
        <v>4.90386619E8</v>
      </c>
      <c r="B905" s="2">
        <v>11780.0</v>
      </c>
      <c r="C905" s="1" t="s">
        <v>5</v>
      </c>
      <c r="D905" s="1" t="s">
        <v>762</v>
      </c>
      <c r="E905" s="1" t="s">
        <v>7</v>
      </c>
    </row>
    <row r="906">
      <c r="A906" s="1">
        <v>4.9038662E8</v>
      </c>
      <c r="B906" s="2">
        <v>11786.0</v>
      </c>
      <c r="C906" s="1" t="s">
        <v>5</v>
      </c>
      <c r="D906" s="1" t="s">
        <v>763</v>
      </c>
      <c r="E906" s="1" t="s">
        <v>11</v>
      </c>
    </row>
    <row r="907">
      <c r="A907" s="1">
        <v>4.90386621E8</v>
      </c>
      <c r="B907" s="3">
        <v>11810.0</v>
      </c>
      <c r="C907" s="1" t="s">
        <v>5</v>
      </c>
      <c r="D907" s="1" t="s">
        <v>11</v>
      </c>
      <c r="E907" s="1" t="s">
        <v>7</v>
      </c>
    </row>
    <row r="908">
      <c r="A908" s="1">
        <v>4.90386625E8</v>
      </c>
      <c r="B908" s="2">
        <v>11786.0</v>
      </c>
      <c r="C908" s="1" t="s">
        <v>5</v>
      </c>
      <c r="D908" s="1" t="s">
        <v>764</v>
      </c>
      <c r="E908" s="1" t="s">
        <v>7</v>
      </c>
    </row>
    <row r="909">
      <c r="A909" s="1">
        <v>4.90386628E8</v>
      </c>
      <c r="B909" s="3">
        <v>11810.0</v>
      </c>
      <c r="C909" s="1" t="s">
        <v>5</v>
      </c>
      <c r="D909" s="1" t="s">
        <v>765</v>
      </c>
      <c r="E909" s="1" t="s">
        <v>11</v>
      </c>
    </row>
    <row r="910">
      <c r="A910" s="1">
        <v>4.90386629E8</v>
      </c>
      <c r="B910" s="2">
        <v>11792.0</v>
      </c>
      <c r="C910" s="1" t="s">
        <v>5</v>
      </c>
      <c r="D910" s="1" t="s">
        <v>766</v>
      </c>
      <c r="E910" s="1" t="s">
        <v>11</v>
      </c>
    </row>
    <row r="911">
      <c r="A911" s="1">
        <v>4.9038663E8</v>
      </c>
      <c r="B911" s="2">
        <v>11786.0</v>
      </c>
      <c r="C911" s="1" t="s">
        <v>5</v>
      </c>
      <c r="D911" s="1" t="s">
        <v>767</v>
      </c>
      <c r="E911" s="1" t="s">
        <v>11</v>
      </c>
    </row>
    <row r="912">
      <c r="A912" s="1">
        <v>4.90386632E8</v>
      </c>
      <c r="B912" s="2">
        <v>11780.0</v>
      </c>
      <c r="C912" s="1" t="s">
        <v>5</v>
      </c>
      <c r="D912" s="1" t="s">
        <v>768</v>
      </c>
      <c r="E912" s="1" t="s">
        <v>11</v>
      </c>
    </row>
    <row r="913">
      <c r="A913" s="1">
        <v>4.90386633E8</v>
      </c>
      <c r="B913" s="2">
        <v>11785.0</v>
      </c>
      <c r="C913" s="1" t="s">
        <v>5</v>
      </c>
      <c r="D913" s="1" t="s">
        <v>11</v>
      </c>
      <c r="E913" s="1" t="s">
        <v>7</v>
      </c>
    </row>
    <row r="914">
      <c r="A914" s="1">
        <v>4.90386638E8</v>
      </c>
      <c r="B914" s="3">
        <v>11810.0</v>
      </c>
      <c r="C914" s="1" t="s">
        <v>5</v>
      </c>
      <c r="D914" s="1" t="s">
        <v>769</v>
      </c>
      <c r="E914" s="1" t="s">
        <v>7</v>
      </c>
    </row>
    <row r="915">
      <c r="A915" s="1">
        <v>4.90386641E8</v>
      </c>
      <c r="B915" s="3">
        <v>11810.0</v>
      </c>
      <c r="C915" s="1" t="s">
        <v>5</v>
      </c>
      <c r="D915" s="1" t="s">
        <v>770</v>
      </c>
      <c r="E915" s="1" t="s">
        <v>7</v>
      </c>
    </row>
    <row r="916">
      <c r="A916" s="1">
        <v>4.90386643E8</v>
      </c>
      <c r="B916" s="2">
        <v>11786.0</v>
      </c>
      <c r="C916" s="1" t="s">
        <v>5</v>
      </c>
      <c r="D916" s="1" t="s">
        <v>771</v>
      </c>
      <c r="E916" s="1" t="s">
        <v>7</v>
      </c>
    </row>
    <row r="917">
      <c r="A917" s="1">
        <v>4.90386644E8</v>
      </c>
      <c r="B917" s="2">
        <v>11792.0</v>
      </c>
      <c r="C917" s="1" t="s">
        <v>5</v>
      </c>
      <c r="D917" s="1" t="s">
        <v>11</v>
      </c>
      <c r="E917" s="1" t="s">
        <v>7</v>
      </c>
    </row>
    <row r="918">
      <c r="A918" s="1">
        <v>4.90386648E8</v>
      </c>
      <c r="B918" s="2">
        <v>11785.0</v>
      </c>
      <c r="C918" s="1" t="s">
        <v>5</v>
      </c>
      <c r="D918" s="1" t="s">
        <v>772</v>
      </c>
      <c r="E918" s="1" t="s">
        <v>7</v>
      </c>
    </row>
    <row r="919">
      <c r="A919" s="1">
        <v>4.90386649E8</v>
      </c>
      <c r="B919" s="2">
        <v>11785.0</v>
      </c>
      <c r="C919" s="1" t="s">
        <v>5</v>
      </c>
      <c r="D919" s="1" t="s">
        <v>773</v>
      </c>
      <c r="E919" s="1" t="s">
        <v>7</v>
      </c>
    </row>
    <row r="920">
      <c r="A920" s="1">
        <v>4.90386652E8</v>
      </c>
      <c r="B920" s="2">
        <v>11785.0</v>
      </c>
      <c r="C920" s="1" t="s">
        <v>5</v>
      </c>
      <c r="D920" s="1" t="s">
        <v>774</v>
      </c>
      <c r="E920" s="1" t="s">
        <v>7</v>
      </c>
    </row>
    <row r="921">
      <c r="A921" s="1">
        <v>4.90386653E8</v>
      </c>
      <c r="B921" s="2">
        <v>11791.0</v>
      </c>
      <c r="C921" s="1" t="s">
        <v>5</v>
      </c>
      <c r="D921" s="1" t="s">
        <v>775</v>
      </c>
      <c r="E921" s="1" t="s">
        <v>7</v>
      </c>
    </row>
    <row r="922">
      <c r="A922" s="1">
        <v>4.90386654E8</v>
      </c>
      <c r="B922" s="2">
        <v>11780.0</v>
      </c>
      <c r="C922" s="1" t="s">
        <v>5</v>
      </c>
      <c r="D922" s="1" t="s">
        <v>776</v>
      </c>
      <c r="E922" s="1" t="s">
        <v>7</v>
      </c>
    </row>
    <row r="923">
      <c r="A923" s="1">
        <v>4.90386658E8</v>
      </c>
      <c r="B923" s="3">
        <v>11810.0</v>
      </c>
      <c r="C923" s="1" t="s">
        <v>5</v>
      </c>
      <c r="D923" s="1" t="s">
        <v>777</v>
      </c>
      <c r="E923" s="1" t="s">
        <v>7</v>
      </c>
    </row>
    <row r="924">
      <c r="A924" s="1">
        <v>4.90386659E8</v>
      </c>
      <c r="B924" s="2">
        <v>11785.0</v>
      </c>
      <c r="C924" s="1" t="s">
        <v>5</v>
      </c>
      <c r="D924" s="1" t="s">
        <v>778</v>
      </c>
      <c r="E924" s="1" t="s">
        <v>779</v>
      </c>
    </row>
    <row r="925">
      <c r="A925" s="1">
        <v>4.90386661E8</v>
      </c>
      <c r="B925" s="2">
        <v>11804.0</v>
      </c>
      <c r="C925" s="1" t="s">
        <v>5</v>
      </c>
      <c r="D925" s="1" t="s">
        <v>780</v>
      </c>
      <c r="E925" s="1" t="s">
        <v>7</v>
      </c>
    </row>
    <row r="926">
      <c r="A926" s="1">
        <v>4.90386663E8</v>
      </c>
      <c r="B926" s="3">
        <v>11810.0</v>
      </c>
      <c r="C926" s="1" t="s">
        <v>5</v>
      </c>
      <c r="D926" s="1" t="s">
        <v>781</v>
      </c>
      <c r="E926" s="1" t="s">
        <v>7</v>
      </c>
    </row>
    <row r="927">
      <c r="A927" s="1">
        <v>4.90386666E8</v>
      </c>
      <c r="B927" s="3">
        <v>11810.0</v>
      </c>
      <c r="C927" s="1" t="s">
        <v>5</v>
      </c>
      <c r="D927" s="1" t="s">
        <v>782</v>
      </c>
      <c r="E927" s="1" t="s">
        <v>7</v>
      </c>
    </row>
    <row r="928">
      <c r="A928" s="1">
        <v>4.9038667E8</v>
      </c>
      <c r="B928" s="2">
        <v>11785.0</v>
      </c>
      <c r="C928" s="1" t="s">
        <v>5</v>
      </c>
      <c r="D928" s="1" t="s">
        <v>783</v>
      </c>
      <c r="E928" s="1" t="s">
        <v>7</v>
      </c>
    </row>
    <row r="929">
      <c r="A929" s="1">
        <v>4.90386673E8</v>
      </c>
      <c r="B929" s="2">
        <v>11785.0</v>
      </c>
      <c r="C929" s="1" t="s">
        <v>5</v>
      </c>
      <c r="D929" s="1" t="s">
        <v>784</v>
      </c>
      <c r="E929" s="1" t="s">
        <v>11</v>
      </c>
    </row>
    <row r="930">
      <c r="A930" s="1">
        <v>4.90386677E8</v>
      </c>
      <c r="B930" s="3">
        <v>11833.0</v>
      </c>
      <c r="C930" s="1" t="s">
        <v>5</v>
      </c>
      <c r="D930" s="1" t="s">
        <v>785</v>
      </c>
      <c r="E930" s="1" t="s">
        <v>786</v>
      </c>
    </row>
    <row r="931">
      <c r="A931" s="1">
        <v>4.90386679E8</v>
      </c>
      <c r="B931" s="2">
        <v>11785.0</v>
      </c>
      <c r="C931" s="1" t="s">
        <v>5</v>
      </c>
      <c r="D931" s="1" t="s">
        <v>787</v>
      </c>
      <c r="E931" s="1" t="s">
        <v>11</v>
      </c>
    </row>
    <row r="932">
      <c r="A932" s="1">
        <v>4.9038668E8</v>
      </c>
      <c r="B932" s="2">
        <v>11780.0</v>
      </c>
      <c r="C932" s="1" t="s">
        <v>5</v>
      </c>
      <c r="D932" s="1" t="s">
        <v>788</v>
      </c>
      <c r="E932" s="1" t="s">
        <v>7</v>
      </c>
    </row>
    <row r="933">
      <c r="A933" s="1">
        <v>4.90386683E8</v>
      </c>
      <c r="B933" s="2">
        <v>11780.0</v>
      </c>
      <c r="C933" s="1" t="s">
        <v>5</v>
      </c>
      <c r="D933" s="1" t="s">
        <v>789</v>
      </c>
      <c r="E933" s="1" t="s">
        <v>7</v>
      </c>
    </row>
    <row r="934">
      <c r="A934" s="1">
        <v>4.90386688E8</v>
      </c>
      <c r="B934" s="3">
        <v>11833.0</v>
      </c>
      <c r="C934" s="1" t="s">
        <v>5</v>
      </c>
      <c r="D934" s="1" t="s">
        <v>790</v>
      </c>
      <c r="E934" s="1" t="s">
        <v>7</v>
      </c>
    </row>
    <row r="935">
      <c r="A935" s="1">
        <v>4.90386692E8</v>
      </c>
      <c r="B935" s="2">
        <v>11780.0</v>
      </c>
      <c r="C935" s="1" t="s">
        <v>5</v>
      </c>
      <c r="D935" s="1" t="s">
        <v>791</v>
      </c>
      <c r="E935" s="1" t="s">
        <v>11</v>
      </c>
    </row>
    <row r="936">
      <c r="A936" s="1">
        <v>4.90386693E8</v>
      </c>
      <c r="B936" s="3">
        <v>11810.0</v>
      </c>
      <c r="C936" s="1" t="s">
        <v>5</v>
      </c>
      <c r="D936" s="1" t="s">
        <v>792</v>
      </c>
      <c r="E936" s="1" t="s">
        <v>7</v>
      </c>
    </row>
    <row r="937">
      <c r="A937" s="1">
        <v>4.90386696E8</v>
      </c>
      <c r="B937" s="3">
        <v>11833.0</v>
      </c>
      <c r="C937" s="1" t="s">
        <v>5</v>
      </c>
      <c r="D937" s="1" t="s">
        <v>793</v>
      </c>
      <c r="E937" s="1" t="s">
        <v>7</v>
      </c>
    </row>
    <row r="938">
      <c r="A938" s="1">
        <v>4.90386698E8</v>
      </c>
      <c r="B938" s="2">
        <v>11804.0</v>
      </c>
      <c r="C938" s="1" t="s">
        <v>5</v>
      </c>
      <c r="D938" s="1" t="s">
        <v>11</v>
      </c>
      <c r="E938" s="1" t="s">
        <v>7</v>
      </c>
    </row>
    <row r="939">
      <c r="A939" s="1">
        <v>4.90386706E8</v>
      </c>
      <c r="B939" s="2">
        <v>11804.0</v>
      </c>
      <c r="C939" s="1" t="s">
        <v>5</v>
      </c>
      <c r="D939" s="1" t="s">
        <v>11</v>
      </c>
      <c r="E939" s="1" t="s">
        <v>7</v>
      </c>
    </row>
    <row r="940">
      <c r="A940" s="1">
        <v>4.90386707E8</v>
      </c>
      <c r="B940" s="3">
        <v>11812.0</v>
      </c>
      <c r="C940" s="1" t="s">
        <v>5</v>
      </c>
      <c r="D940" s="1" t="s">
        <v>794</v>
      </c>
      <c r="E940" s="1" t="s">
        <v>11</v>
      </c>
    </row>
    <row r="941">
      <c r="A941" s="1">
        <v>4.90386708E8</v>
      </c>
      <c r="B941" s="2">
        <v>11808.0</v>
      </c>
      <c r="C941" s="1" t="s">
        <v>5</v>
      </c>
      <c r="D941" s="1" t="s">
        <v>11</v>
      </c>
      <c r="E941" s="1" t="s">
        <v>7</v>
      </c>
    </row>
    <row r="942">
      <c r="A942" s="1">
        <v>4.90386709E8</v>
      </c>
      <c r="B942" s="3">
        <v>11833.0</v>
      </c>
      <c r="C942" s="1" t="s">
        <v>5</v>
      </c>
      <c r="D942" s="1" t="s">
        <v>795</v>
      </c>
      <c r="E942" s="1" t="s">
        <v>796</v>
      </c>
    </row>
    <row r="943">
      <c r="A943" s="1">
        <v>4.9038671E8</v>
      </c>
      <c r="B943" s="2">
        <v>11780.0</v>
      </c>
      <c r="C943" s="1" t="s">
        <v>5</v>
      </c>
      <c r="D943" s="1" t="s">
        <v>42</v>
      </c>
      <c r="E943" s="1" t="s">
        <v>7</v>
      </c>
    </row>
    <row r="944">
      <c r="A944" s="1">
        <v>4.90386711E8</v>
      </c>
      <c r="B944" s="2">
        <v>11780.0</v>
      </c>
      <c r="C944" s="1" t="s">
        <v>5</v>
      </c>
      <c r="D944" s="1" t="s">
        <v>797</v>
      </c>
      <c r="E944" s="1" t="s">
        <v>798</v>
      </c>
    </row>
    <row r="945">
      <c r="A945" s="1">
        <v>4.90386712E8</v>
      </c>
      <c r="B945" s="3">
        <v>11810.0</v>
      </c>
      <c r="C945" s="1" t="s">
        <v>5</v>
      </c>
      <c r="D945" s="1" t="s">
        <v>799</v>
      </c>
      <c r="E945" s="1" t="s">
        <v>7</v>
      </c>
    </row>
    <row r="946">
      <c r="A946" s="1">
        <v>4.90386713E8</v>
      </c>
      <c r="B946" s="2">
        <v>11793.0</v>
      </c>
      <c r="C946" s="1" t="s">
        <v>5</v>
      </c>
      <c r="D946" s="1" t="s">
        <v>800</v>
      </c>
      <c r="E946" s="1" t="s">
        <v>801</v>
      </c>
    </row>
    <row r="947">
      <c r="A947" s="1">
        <v>4.90386714E8</v>
      </c>
      <c r="B947" s="2">
        <v>11786.0</v>
      </c>
      <c r="C947" s="1" t="s">
        <v>5</v>
      </c>
      <c r="D947" s="1" t="s">
        <v>802</v>
      </c>
      <c r="E947" s="1" t="s">
        <v>11</v>
      </c>
    </row>
    <row r="948">
      <c r="A948" s="1">
        <v>4.90386718E8</v>
      </c>
      <c r="B948" s="2">
        <v>11780.0</v>
      </c>
      <c r="C948" s="1" t="s">
        <v>5</v>
      </c>
      <c r="D948" s="1" t="s">
        <v>11</v>
      </c>
      <c r="E948" s="1" t="s">
        <v>7</v>
      </c>
    </row>
    <row r="949">
      <c r="A949" s="1">
        <v>4.90386721E8</v>
      </c>
      <c r="B949" s="2">
        <v>11780.0</v>
      </c>
      <c r="C949" s="1" t="s">
        <v>5</v>
      </c>
      <c r="D949" s="1" t="s">
        <v>803</v>
      </c>
      <c r="E949" s="1" t="s">
        <v>7</v>
      </c>
    </row>
    <row r="950">
      <c r="A950" s="1">
        <v>4.90386723E8</v>
      </c>
      <c r="B950" s="3">
        <v>11810.0</v>
      </c>
      <c r="C950" s="1" t="s">
        <v>5</v>
      </c>
      <c r="D950" s="1" t="s">
        <v>804</v>
      </c>
      <c r="E950" s="1" t="s">
        <v>7</v>
      </c>
    </row>
    <row r="951">
      <c r="A951" s="1">
        <v>4.90386726E8</v>
      </c>
      <c r="B951" s="2">
        <v>11804.0</v>
      </c>
      <c r="C951" s="1" t="s">
        <v>5</v>
      </c>
      <c r="D951" s="1" t="s">
        <v>11</v>
      </c>
      <c r="E951" s="1" t="s">
        <v>7</v>
      </c>
    </row>
    <row r="952">
      <c r="A952" s="1">
        <v>4.90386732E8</v>
      </c>
      <c r="B952" s="3">
        <v>11810.0</v>
      </c>
      <c r="C952" s="1" t="s">
        <v>5</v>
      </c>
      <c r="D952" s="1" t="s">
        <v>11</v>
      </c>
      <c r="E952" s="1" t="s">
        <v>7</v>
      </c>
    </row>
    <row r="953">
      <c r="A953" s="1">
        <v>4.90386734E8</v>
      </c>
      <c r="B953" s="2">
        <v>11807.0</v>
      </c>
      <c r="C953" s="1" t="s">
        <v>5</v>
      </c>
      <c r="D953" s="1" t="s">
        <v>805</v>
      </c>
      <c r="E953" s="1" t="s">
        <v>7</v>
      </c>
    </row>
    <row r="954">
      <c r="A954" s="1">
        <v>4.90386738E8</v>
      </c>
      <c r="B954" s="3">
        <v>11810.0</v>
      </c>
      <c r="C954" s="1" t="s">
        <v>5</v>
      </c>
      <c r="D954" s="1" t="s">
        <v>806</v>
      </c>
      <c r="E954" s="1" t="s">
        <v>807</v>
      </c>
    </row>
    <row r="955">
      <c r="A955" s="1">
        <v>4.90386741E8</v>
      </c>
      <c r="B955" s="3">
        <v>11810.0</v>
      </c>
      <c r="C955" s="1" t="s">
        <v>5</v>
      </c>
      <c r="D955" s="1" t="s">
        <v>808</v>
      </c>
      <c r="E955" s="1" t="s">
        <v>7</v>
      </c>
    </row>
    <row r="956">
      <c r="A956" s="1">
        <v>4.90386744E8</v>
      </c>
      <c r="B956" s="2">
        <v>11790.0</v>
      </c>
      <c r="C956" s="1" t="s">
        <v>5</v>
      </c>
      <c r="D956" s="1" t="s">
        <v>809</v>
      </c>
      <c r="E956" s="1" t="s">
        <v>7</v>
      </c>
    </row>
    <row r="957">
      <c r="A957" s="1">
        <v>4.90386745E8</v>
      </c>
      <c r="B957" s="2">
        <v>11780.0</v>
      </c>
      <c r="C957" s="1" t="s">
        <v>5</v>
      </c>
      <c r="D957" s="1" t="s">
        <v>810</v>
      </c>
      <c r="E957" s="1" t="s">
        <v>7</v>
      </c>
    </row>
    <row r="958">
      <c r="A958" s="1">
        <v>4.90386746E8</v>
      </c>
      <c r="B958" s="2">
        <v>11780.0</v>
      </c>
      <c r="C958" s="1" t="s">
        <v>5</v>
      </c>
      <c r="D958" s="1" t="s">
        <v>7</v>
      </c>
      <c r="E958" s="1" t="s">
        <v>7</v>
      </c>
    </row>
    <row r="959">
      <c r="A959" s="1">
        <v>4.90386747E8</v>
      </c>
      <c r="B959" s="3">
        <v>11812.0</v>
      </c>
      <c r="C959" s="1" t="s">
        <v>5</v>
      </c>
      <c r="D959" s="1" t="s">
        <v>811</v>
      </c>
      <c r="E959" s="1" t="s">
        <v>11</v>
      </c>
    </row>
    <row r="960">
      <c r="A960" s="1">
        <v>4.90386751E8</v>
      </c>
      <c r="B960" s="3">
        <v>11812.0</v>
      </c>
      <c r="C960" s="1" t="s">
        <v>5</v>
      </c>
      <c r="D960" s="1" t="s">
        <v>812</v>
      </c>
      <c r="E960" s="1" t="s">
        <v>813</v>
      </c>
    </row>
    <row r="961">
      <c r="A961" s="1">
        <v>4.90386752E8</v>
      </c>
      <c r="B961" s="2">
        <v>11786.0</v>
      </c>
      <c r="C961" s="1" t="s">
        <v>5</v>
      </c>
      <c r="D961" s="1" t="s">
        <v>11</v>
      </c>
      <c r="E961" s="1" t="s">
        <v>7</v>
      </c>
    </row>
    <row r="962">
      <c r="A962" s="1">
        <v>4.90386756E8</v>
      </c>
      <c r="B962" s="2">
        <v>11780.0</v>
      </c>
      <c r="C962" s="1" t="s">
        <v>5</v>
      </c>
      <c r="D962" s="1" t="s">
        <v>814</v>
      </c>
      <c r="E962" s="1" t="s">
        <v>7</v>
      </c>
    </row>
    <row r="963">
      <c r="A963" s="1">
        <v>4.90386757E8</v>
      </c>
      <c r="B963" s="3">
        <v>11833.0</v>
      </c>
      <c r="C963" s="1" t="s">
        <v>5</v>
      </c>
      <c r="D963" s="1" t="s">
        <v>815</v>
      </c>
      <c r="E963" s="1" t="s">
        <v>7</v>
      </c>
    </row>
    <row r="964">
      <c r="A964" s="1">
        <v>4.90386758E8</v>
      </c>
      <c r="B964" s="2">
        <v>11780.0</v>
      </c>
      <c r="C964" s="1" t="s">
        <v>5</v>
      </c>
      <c r="D964" s="1" t="s">
        <v>816</v>
      </c>
      <c r="E964" s="1" t="s">
        <v>7</v>
      </c>
    </row>
    <row r="965">
      <c r="A965" s="1">
        <v>4.90386764E8</v>
      </c>
      <c r="B965" s="3">
        <v>11840.0</v>
      </c>
      <c r="C965" s="1" t="s">
        <v>5</v>
      </c>
      <c r="D965" s="1" t="s">
        <v>817</v>
      </c>
      <c r="E965" s="1" t="s">
        <v>7</v>
      </c>
    </row>
    <row r="966">
      <c r="A966" s="1">
        <v>4.90386765E8</v>
      </c>
      <c r="B966" s="2">
        <v>11792.0</v>
      </c>
      <c r="C966" s="1" t="s">
        <v>5</v>
      </c>
      <c r="D966" s="1" t="s">
        <v>818</v>
      </c>
      <c r="E966" s="1" t="s">
        <v>7</v>
      </c>
    </row>
    <row r="967">
      <c r="A967" s="1">
        <v>4.90386766E8</v>
      </c>
      <c r="B967" s="3">
        <v>11810.0</v>
      </c>
      <c r="C967" s="1" t="s">
        <v>5</v>
      </c>
      <c r="D967" s="1" t="s">
        <v>11</v>
      </c>
      <c r="E967" s="1" t="s">
        <v>7</v>
      </c>
    </row>
    <row r="968">
      <c r="A968" s="1">
        <v>4.90386769E8</v>
      </c>
      <c r="B968" s="2">
        <v>11790.0</v>
      </c>
      <c r="C968" s="1" t="s">
        <v>5</v>
      </c>
      <c r="D968" s="1" t="s">
        <v>819</v>
      </c>
      <c r="E968" s="1" t="s">
        <v>11</v>
      </c>
    </row>
    <row r="969">
      <c r="A969" s="1">
        <v>4.9038677E8</v>
      </c>
      <c r="B969" s="2">
        <v>11785.0</v>
      </c>
      <c r="C969" s="1" t="s">
        <v>5</v>
      </c>
      <c r="D969" s="1" t="s">
        <v>820</v>
      </c>
      <c r="E969" s="1" t="s">
        <v>7</v>
      </c>
    </row>
    <row r="970">
      <c r="A970" s="1">
        <v>4.90386772E8</v>
      </c>
      <c r="B970" s="3">
        <v>11812.0</v>
      </c>
      <c r="C970" s="1" t="s">
        <v>5</v>
      </c>
      <c r="D970" s="1" t="s">
        <v>11</v>
      </c>
      <c r="E970" s="1" t="s">
        <v>7</v>
      </c>
    </row>
    <row r="971">
      <c r="A971" s="1">
        <v>4.90386773E8</v>
      </c>
      <c r="B971" s="2">
        <v>11780.0</v>
      </c>
      <c r="C971" s="1" t="s">
        <v>5</v>
      </c>
      <c r="D971" s="1" t="s">
        <v>821</v>
      </c>
      <c r="E971" s="1" t="s">
        <v>11</v>
      </c>
    </row>
    <row r="972">
      <c r="A972" s="1">
        <v>4.90386778E8</v>
      </c>
      <c r="B972" s="2">
        <v>11800.0</v>
      </c>
      <c r="C972" s="1" t="s">
        <v>5</v>
      </c>
      <c r="D972" s="1" t="s">
        <v>11</v>
      </c>
      <c r="E972" s="1" t="s">
        <v>7</v>
      </c>
    </row>
    <row r="973">
      <c r="A973" s="1">
        <v>4.90386779E8</v>
      </c>
      <c r="B973" s="2">
        <v>11791.0</v>
      </c>
      <c r="C973" s="1" t="s">
        <v>5</v>
      </c>
      <c r="D973" s="1" t="s">
        <v>822</v>
      </c>
      <c r="E973" s="1" t="s">
        <v>7</v>
      </c>
    </row>
    <row r="974">
      <c r="A974" s="1">
        <v>4.90386783E8</v>
      </c>
      <c r="B974" s="3">
        <v>11812.0</v>
      </c>
      <c r="C974" s="1" t="s">
        <v>5</v>
      </c>
      <c r="D974" s="1" t="s">
        <v>823</v>
      </c>
      <c r="E974" s="1" t="s">
        <v>7</v>
      </c>
    </row>
    <row r="975">
      <c r="A975" s="1">
        <v>4.90386784E8</v>
      </c>
      <c r="B975" s="3">
        <v>11840.0</v>
      </c>
      <c r="C975" s="1" t="s">
        <v>5</v>
      </c>
      <c r="D975" s="1" t="s">
        <v>824</v>
      </c>
      <c r="E975" s="1" t="s">
        <v>11</v>
      </c>
    </row>
    <row r="976">
      <c r="A976" s="1">
        <v>4.90386785E8</v>
      </c>
      <c r="B976" s="3">
        <v>11840.0</v>
      </c>
      <c r="C976" s="1" t="s">
        <v>5</v>
      </c>
      <c r="D976" s="1" t="s">
        <v>11</v>
      </c>
      <c r="E976" s="1" t="s">
        <v>7</v>
      </c>
    </row>
    <row r="977">
      <c r="A977" s="1">
        <v>4.90386786E8</v>
      </c>
      <c r="B977" s="2">
        <v>11780.0</v>
      </c>
      <c r="C977" s="1" t="s">
        <v>5</v>
      </c>
      <c r="D977" s="1" t="s">
        <v>11</v>
      </c>
      <c r="E977" s="1" t="s">
        <v>7</v>
      </c>
    </row>
    <row r="978">
      <c r="A978" s="1">
        <v>4.90386788E8</v>
      </c>
      <c r="B978" s="2">
        <v>11800.0</v>
      </c>
      <c r="C978" s="1" t="s">
        <v>5</v>
      </c>
      <c r="D978" s="1" t="s">
        <v>825</v>
      </c>
      <c r="E978" s="1" t="s">
        <v>7</v>
      </c>
    </row>
    <row r="979">
      <c r="A979" s="1">
        <v>4.90386789E8</v>
      </c>
      <c r="B979" s="3">
        <v>11833.0</v>
      </c>
      <c r="C979" s="1" t="s">
        <v>5</v>
      </c>
      <c r="D979" s="1" t="s">
        <v>826</v>
      </c>
      <c r="E979" s="1" t="s">
        <v>11</v>
      </c>
    </row>
    <row r="980">
      <c r="A980" s="1">
        <v>4.9038679E8</v>
      </c>
      <c r="B980" s="3">
        <v>11810.0</v>
      </c>
      <c r="C980" s="1" t="s">
        <v>5</v>
      </c>
      <c r="D980" s="1" t="s">
        <v>827</v>
      </c>
      <c r="E980" s="1" t="s">
        <v>7</v>
      </c>
    </row>
    <row r="981">
      <c r="A981" s="1">
        <v>4.90386795E8</v>
      </c>
      <c r="B981" s="3">
        <v>11812.0</v>
      </c>
      <c r="C981" s="1" t="s">
        <v>5</v>
      </c>
      <c r="D981" s="1" t="s">
        <v>828</v>
      </c>
      <c r="E981" s="1" t="s">
        <v>11</v>
      </c>
    </row>
    <row r="982">
      <c r="A982" s="1">
        <v>4.90386797E8</v>
      </c>
      <c r="B982" s="3">
        <v>11810.0</v>
      </c>
      <c r="C982" s="1" t="s">
        <v>5</v>
      </c>
      <c r="D982" s="1" t="s">
        <v>11</v>
      </c>
      <c r="E982" s="1" t="s">
        <v>7</v>
      </c>
    </row>
    <row r="983">
      <c r="A983" s="1">
        <v>4.903868E8</v>
      </c>
      <c r="B983" s="2">
        <v>11791.0</v>
      </c>
      <c r="C983" s="1" t="s">
        <v>5</v>
      </c>
      <c r="D983" s="1" t="s">
        <v>829</v>
      </c>
      <c r="E983" s="1" t="s">
        <v>7</v>
      </c>
    </row>
    <row r="984">
      <c r="A984" s="1">
        <v>4.90386801E8</v>
      </c>
      <c r="B984" s="2">
        <v>11790.0</v>
      </c>
      <c r="C984" s="1" t="s">
        <v>5</v>
      </c>
      <c r="D984" s="1" t="s">
        <v>830</v>
      </c>
      <c r="E984" s="1" t="s">
        <v>11</v>
      </c>
    </row>
    <row r="985">
      <c r="A985" s="1">
        <v>4.90386807E8</v>
      </c>
      <c r="B985" s="3">
        <v>11833.0</v>
      </c>
      <c r="C985" s="1" t="s">
        <v>5</v>
      </c>
      <c r="D985" s="1" t="s">
        <v>831</v>
      </c>
      <c r="E985" s="1" t="s">
        <v>11</v>
      </c>
    </row>
    <row r="986">
      <c r="A986" s="1">
        <v>4.90386809E8</v>
      </c>
      <c r="B986" s="3">
        <v>11840.0</v>
      </c>
      <c r="C986" s="1" t="s">
        <v>5</v>
      </c>
      <c r="D986" s="1" t="s">
        <v>832</v>
      </c>
      <c r="E986" s="1" t="s">
        <v>7</v>
      </c>
    </row>
    <row r="987">
      <c r="A987" s="1">
        <v>4.90386814E8</v>
      </c>
      <c r="B987" s="3">
        <v>11833.0</v>
      </c>
      <c r="C987" s="1" t="s">
        <v>5</v>
      </c>
      <c r="D987" s="1" t="s">
        <v>833</v>
      </c>
      <c r="E987" s="1" t="s">
        <v>7</v>
      </c>
    </row>
    <row r="988">
      <c r="A988" s="1">
        <v>4.90386815E8</v>
      </c>
      <c r="B988" s="2">
        <v>11789.0</v>
      </c>
      <c r="C988" s="1" t="s">
        <v>5</v>
      </c>
      <c r="D988" s="1" t="s">
        <v>834</v>
      </c>
      <c r="E988" s="1" t="s">
        <v>11</v>
      </c>
    </row>
    <row r="989">
      <c r="A989" s="1">
        <v>4.90386816E8</v>
      </c>
      <c r="B989" s="3">
        <v>11840.0</v>
      </c>
      <c r="C989" s="1" t="s">
        <v>5</v>
      </c>
      <c r="D989" s="1" t="s">
        <v>835</v>
      </c>
      <c r="E989" s="1" t="s">
        <v>7</v>
      </c>
    </row>
    <row r="990">
      <c r="A990" s="1">
        <v>4.90386822E8</v>
      </c>
      <c r="B990" s="2">
        <v>11806.0</v>
      </c>
      <c r="C990" s="1" t="s">
        <v>5</v>
      </c>
      <c r="D990" s="1" t="s">
        <v>836</v>
      </c>
      <c r="E990" s="1" t="s">
        <v>11</v>
      </c>
    </row>
    <row r="991">
      <c r="A991" s="1">
        <v>4.90386826E8</v>
      </c>
      <c r="B991" s="3">
        <v>11810.0</v>
      </c>
      <c r="C991" s="1" t="s">
        <v>5</v>
      </c>
      <c r="D991" s="1" t="s">
        <v>837</v>
      </c>
      <c r="E991" s="1" t="s">
        <v>7</v>
      </c>
    </row>
    <row r="992">
      <c r="A992" s="1">
        <v>4.90386827E8</v>
      </c>
      <c r="B992" s="3">
        <v>11833.0</v>
      </c>
      <c r="C992" s="1" t="s">
        <v>5</v>
      </c>
      <c r="D992" s="1" t="s">
        <v>838</v>
      </c>
      <c r="E992" s="1" t="s">
        <v>7</v>
      </c>
    </row>
    <row r="993">
      <c r="A993" s="1">
        <v>4.90386828E8</v>
      </c>
      <c r="B993" s="3">
        <v>11840.0</v>
      </c>
      <c r="C993" s="1" t="s">
        <v>5</v>
      </c>
      <c r="D993" s="1" t="s">
        <v>839</v>
      </c>
      <c r="E993" s="1" t="s">
        <v>7</v>
      </c>
    </row>
    <row r="994">
      <c r="A994" s="1">
        <v>4.90386831E8</v>
      </c>
      <c r="B994" s="3">
        <v>11833.0</v>
      </c>
      <c r="C994" s="1" t="s">
        <v>5</v>
      </c>
      <c r="D994" s="1" t="s">
        <v>840</v>
      </c>
      <c r="E994" s="1" t="s">
        <v>7</v>
      </c>
    </row>
    <row r="995">
      <c r="A995" s="1">
        <v>4.90386833E8</v>
      </c>
      <c r="B995" s="2">
        <v>11799.0</v>
      </c>
      <c r="C995" s="1" t="s">
        <v>5</v>
      </c>
      <c r="D995" s="1" t="s">
        <v>841</v>
      </c>
      <c r="E995" s="1" t="s">
        <v>11</v>
      </c>
    </row>
    <row r="996">
      <c r="A996" s="1">
        <v>4.90386836E8</v>
      </c>
      <c r="B996" s="3">
        <v>11810.0</v>
      </c>
      <c r="C996" s="1" t="s">
        <v>5</v>
      </c>
      <c r="D996" s="1" t="s">
        <v>11</v>
      </c>
      <c r="E996" s="1" t="s">
        <v>7</v>
      </c>
    </row>
    <row r="997">
      <c r="A997" s="1">
        <v>4.90386837E8</v>
      </c>
      <c r="B997" s="3">
        <v>11833.0</v>
      </c>
      <c r="C997" s="1" t="s">
        <v>5</v>
      </c>
      <c r="D997" s="1" t="s">
        <v>842</v>
      </c>
      <c r="E997" s="1" t="s">
        <v>7</v>
      </c>
    </row>
    <row r="998">
      <c r="A998" s="1">
        <v>4.9038684E8</v>
      </c>
      <c r="B998" s="3">
        <v>11840.0</v>
      </c>
      <c r="C998" s="1" t="s">
        <v>5</v>
      </c>
      <c r="D998" s="1" t="s">
        <v>11</v>
      </c>
      <c r="E998" s="1" t="s">
        <v>7</v>
      </c>
    </row>
    <row r="999">
      <c r="A999" s="1">
        <v>4.90386842E8</v>
      </c>
      <c r="B999" s="2">
        <v>11789.0</v>
      </c>
      <c r="C999" s="1" t="s">
        <v>5</v>
      </c>
      <c r="D999" s="1" t="s">
        <v>843</v>
      </c>
      <c r="E999" s="1" t="s">
        <v>7</v>
      </c>
    </row>
    <row r="1000">
      <c r="A1000" s="1">
        <v>4.90386843E8</v>
      </c>
      <c r="B1000" s="3">
        <v>11810.0</v>
      </c>
      <c r="C1000" s="1" t="s">
        <v>5</v>
      </c>
      <c r="D1000" s="1" t="s">
        <v>844</v>
      </c>
      <c r="E1000" s="1" t="s">
        <v>7</v>
      </c>
    </row>
    <row r="1001">
      <c r="A1001" s="1">
        <v>4.90386845E8</v>
      </c>
      <c r="B1001" s="2">
        <v>11799.0</v>
      </c>
      <c r="C1001" s="1" t="s">
        <v>5</v>
      </c>
      <c r="D1001" s="1" t="s">
        <v>845</v>
      </c>
      <c r="E1001" s="1" t="s">
        <v>11</v>
      </c>
    </row>
    <row r="1002">
      <c r="A1002" s="1">
        <v>4.90386848E8</v>
      </c>
      <c r="B1002" s="3">
        <v>11810.0</v>
      </c>
      <c r="C1002" s="1" t="s">
        <v>5</v>
      </c>
      <c r="D1002" s="1" t="s">
        <v>11</v>
      </c>
      <c r="E1002" s="1" t="s">
        <v>7</v>
      </c>
    </row>
    <row r="1003">
      <c r="A1003" s="1">
        <v>4.90386849E8</v>
      </c>
      <c r="B1003" s="3">
        <v>11810.0</v>
      </c>
      <c r="C1003" s="1" t="s">
        <v>5</v>
      </c>
      <c r="D1003" s="1" t="s">
        <v>846</v>
      </c>
      <c r="E1003" s="1" t="s">
        <v>7</v>
      </c>
    </row>
    <row r="1004">
      <c r="A1004" s="1">
        <v>4.90386853E8</v>
      </c>
      <c r="B1004" s="3">
        <v>11833.0</v>
      </c>
      <c r="C1004" s="1" t="s">
        <v>5</v>
      </c>
      <c r="D1004" s="1" t="s">
        <v>847</v>
      </c>
      <c r="E1004" s="1" t="s">
        <v>7</v>
      </c>
    </row>
    <row r="1005">
      <c r="A1005" s="1">
        <v>4.90386859E8</v>
      </c>
      <c r="B1005" s="3">
        <v>11839.0</v>
      </c>
      <c r="C1005" s="1" t="s">
        <v>5</v>
      </c>
      <c r="D1005" s="1" t="s">
        <v>848</v>
      </c>
      <c r="E1005" s="1" t="s">
        <v>7</v>
      </c>
    </row>
    <row r="1006">
      <c r="A1006" s="1">
        <v>4.90386861E8</v>
      </c>
      <c r="B1006" s="3">
        <v>11833.0</v>
      </c>
      <c r="C1006" s="1" t="s">
        <v>5</v>
      </c>
      <c r="D1006" s="1" t="s">
        <v>11</v>
      </c>
      <c r="E1006" s="1" t="s">
        <v>7</v>
      </c>
    </row>
    <row r="1007">
      <c r="A1007" s="1">
        <v>4.90386862E8</v>
      </c>
      <c r="B1007" s="3">
        <v>11810.0</v>
      </c>
      <c r="C1007" s="1" t="s">
        <v>5</v>
      </c>
      <c r="D1007" s="1" t="s">
        <v>7</v>
      </c>
      <c r="E1007" s="1" t="s">
        <v>7</v>
      </c>
    </row>
    <row r="1008">
      <c r="A1008" s="1">
        <v>4.90386867E8</v>
      </c>
      <c r="B1008" s="3">
        <v>11840.0</v>
      </c>
      <c r="C1008" s="1" t="s">
        <v>5</v>
      </c>
      <c r="D1008" s="1" t="s">
        <v>11</v>
      </c>
      <c r="E1008" s="1" t="s">
        <v>7</v>
      </c>
    </row>
    <row r="1009">
      <c r="A1009" s="1">
        <v>4.90386871E8</v>
      </c>
      <c r="B1009" s="3">
        <v>11833.0</v>
      </c>
      <c r="C1009" s="1" t="s">
        <v>5</v>
      </c>
      <c r="D1009" s="1" t="s">
        <v>849</v>
      </c>
      <c r="E1009" s="1" t="s">
        <v>7</v>
      </c>
    </row>
    <row r="1010">
      <c r="A1010" s="1">
        <v>4.90386872E8</v>
      </c>
      <c r="B1010" s="3">
        <v>11812.0</v>
      </c>
      <c r="C1010" s="1" t="s">
        <v>5</v>
      </c>
      <c r="D1010" s="1" t="s">
        <v>850</v>
      </c>
      <c r="E1010" s="1" t="s">
        <v>851</v>
      </c>
    </row>
    <row r="1011">
      <c r="A1011" s="1">
        <v>4.90386875E8</v>
      </c>
      <c r="B1011" s="3">
        <v>11812.0</v>
      </c>
      <c r="C1011" s="1" t="s">
        <v>5</v>
      </c>
      <c r="D1011" s="1" t="s">
        <v>852</v>
      </c>
      <c r="E1011" s="1" t="s">
        <v>853</v>
      </c>
    </row>
    <row r="1012">
      <c r="A1012" s="1">
        <v>4.90386877E8</v>
      </c>
      <c r="B1012" s="3">
        <v>11839.0</v>
      </c>
      <c r="C1012" s="1" t="s">
        <v>5</v>
      </c>
      <c r="D1012" s="1" t="s">
        <v>11</v>
      </c>
      <c r="E1012" s="1" t="s">
        <v>7</v>
      </c>
    </row>
    <row r="1013">
      <c r="A1013" s="1">
        <v>4.90386878E8</v>
      </c>
      <c r="B1013" s="3">
        <v>11840.0</v>
      </c>
      <c r="C1013" s="1" t="s">
        <v>5</v>
      </c>
      <c r="D1013" s="1" t="s">
        <v>11</v>
      </c>
      <c r="E1013" s="1" t="s">
        <v>7</v>
      </c>
    </row>
    <row r="1014">
      <c r="A1014" s="1">
        <v>4.90386887E8</v>
      </c>
      <c r="B1014" s="3">
        <v>11810.0</v>
      </c>
      <c r="C1014" s="1" t="s">
        <v>5</v>
      </c>
      <c r="D1014" s="1" t="s">
        <v>854</v>
      </c>
      <c r="E1014" s="1" t="s">
        <v>11</v>
      </c>
    </row>
    <row r="1015">
      <c r="A1015" s="1">
        <v>4.90386888E8</v>
      </c>
      <c r="B1015" s="2">
        <v>11780.0</v>
      </c>
      <c r="C1015" s="1" t="s">
        <v>5</v>
      </c>
      <c r="D1015" s="1" t="s">
        <v>11</v>
      </c>
      <c r="E1015" s="1" t="s">
        <v>7</v>
      </c>
    </row>
    <row r="1016">
      <c r="A1016" s="1">
        <v>4.90386889E8</v>
      </c>
      <c r="B1016" s="3">
        <v>11839.0</v>
      </c>
      <c r="C1016" s="1" t="s">
        <v>5</v>
      </c>
      <c r="D1016" s="1" t="s">
        <v>855</v>
      </c>
      <c r="E1016" s="1" t="s">
        <v>7</v>
      </c>
    </row>
    <row r="1017">
      <c r="A1017" s="1">
        <v>4.90386892E8</v>
      </c>
      <c r="B1017" s="3">
        <v>11812.0</v>
      </c>
      <c r="C1017" s="1" t="s">
        <v>5</v>
      </c>
      <c r="D1017" s="1" t="s">
        <v>11</v>
      </c>
      <c r="E1017" s="1" t="s">
        <v>7</v>
      </c>
    </row>
    <row r="1018">
      <c r="A1018" s="1">
        <v>4.90386893E8</v>
      </c>
      <c r="B1018" s="3">
        <v>11810.0</v>
      </c>
      <c r="C1018" s="1" t="s">
        <v>5</v>
      </c>
      <c r="D1018" s="1" t="s">
        <v>856</v>
      </c>
      <c r="E1018" s="1" t="s">
        <v>7</v>
      </c>
    </row>
    <row r="1019">
      <c r="A1019" s="1">
        <v>4.90386896E8</v>
      </c>
      <c r="B1019" s="3">
        <v>11810.0</v>
      </c>
      <c r="C1019" s="1" t="s">
        <v>5</v>
      </c>
      <c r="D1019" s="1" t="s">
        <v>11</v>
      </c>
      <c r="E1019" s="1" t="s">
        <v>7</v>
      </c>
    </row>
    <row r="1020">
      <c r="A1020" s="1">
        <v>4.90386898E8</v>
      </c>
      <c r="B1020" s="2">
        <v>11805.0</v>
      </c>
      <c r="C1020" s="1" t="s">
        <v>5</v>
      </c>
      <c r="D1020" s="1" t="s">
        <v>857</v>
      </c>
      <c r="E1020" s="1" t="s">
        <v>7</v>
      </c>
    </row>
    <row r="1021">
      <c r="A1021" s="1">
        <v>4.90386899E8</v>
      </c>
      <c r="B1021" s="2">
        <v>11790.0</v>
      </c>
      <c r="C1021" s="1" t="s">
        <v>5</v>
      </c>
      <c r="D1021" s="1" t="s">
        <v>858</v>
      </c>
      <c r="E1021" s="1" t="s">
        <v>7</v>
      </c>
    </row>
    <row r="1022">
      <c r="A1022" s="1">
        <v>4.903869E8</v>
      </c>
      <c r="B1022" s="3">
        <v>11839.0</v>
      </c>
      <c r="C1022" s="1" t="s">
        <v>5</v>
      </c>
      <c r="D1022" s="1" t="s">
        <v>859</v>
      </c>
      <c r="E1022" s="1" t="s">
        <v>11</v>
      </c>
    </row>
    <row r="1023">
      <c r="A1023" s="1">
        <v>4.90386902E8</v>
      </c>
      <c r="B1023" s="3">
        <v>11838.0</v>
      </c>
      <c r="C1023" s="1" t="s">
        <v>5</v>
      </c>
      <c r="D1023" s="1" t="s">
        <v>860</v>
      </c>
      <c r="E1023" s="1" t="s">
        <v>7</v>
      </c>
    </row>
    <row r="1024">
      <c r="A1024" s="1">
        <v>4.90386906E8</v>
      </c>
      <c r="B1024" s="3">
        <v>11840.0</v>
      </c>
      <c r="C1024" s="1" t="s">
        <v>5</v>
      </c>
      <c r="D1024" s="1" t="s">
        <v>11</v>
      </c>
      <c r="E1024" s="1" t="s">
        <v>7</v>
      </c>
    </row>
    <row r="1025">
      <c r="A1025" s="1">
        <v>4.90386907E8</v>
      </c>
      <c r="B1025" s="3">
        <v>11810.0</v>
      </c>
      <c r="C1025" s="1" t="s">
        <v>5</v>
      </c>
      <c r="D1025" s="1" t="s">
        <v>861</v>
      </c>
      <c r="E1025" s="1" t="s">
        <v>862</v>
      </c>
    </row>
    <row r="1026">
      <c r="A1026" s="1">
        <v>4.9038691E8</v>
      </c>
      <c r="B1026" s="3">
        <v>11812.0</v>
      </c>
      <c r="C1026" s="1" t="s">
        <v>5</v>
      </c>
      <c r="D1026" s="1" t="s">
        <v>863</v>
      </c>
      <c r="E1026" s="1" t="s">
        <v>11</v>
      </c>
    </row>
    <row r="1027">
      <c r="A1027" s="1">
        <v>4.90386914E8</v>
      </c>
      <c r="B1027" s="2">
        <v>11805.0</v>
      </c>
      <c r="C1027" s="1" t="s">
        <v>5</v>
      </c>
      <c r="D1027" s="1" t="s">
        <v>864</v>
      </c>
      <c r="E1027" s="1" t="s">
        <v>865</v>
      </c>
    </row>
    <row r="1028">
      <c r="A1028" s="1">
        <v>4.90386915E8</v>
      </c>
      <c r="B1028" s="3">
        <v>11810.0</v>
      </c>
      <c r="C1028" s="1" t="s">
        <v>5</v>
      </c>
      <c r="D1028" s="1" t="s">
        <v>866</v>
      </c>
      <c r="E1028" s="1" t="s">
        <v>867</v>
      </c>
    </row>
    <row r="1029">
      <c r="A1029" s="1">
        <v>4.90386922E8</v>
      </c>
      <c r="B1029" s="3">
        <v>11838.0</v>
      </c>
      <c r="C1029" s="1" t="s">
        <v>5</v>
      </c>
      <c r="D1029" s="1" t="s">
        <v>868</v>
      </c>
      <c r="E1029" s="1" t="s">
        <v>7</v>
      </c>
    </row>
    <row r="1030">
      <c r="A1030" s="1">
        <v>4.90386923E8</v>
      </c>
      <c r="B1030" s="2">
        <v>11789.0</v>
      </c>
      <c r="C1030" s="1" t="s">
        <v>5</v>
      </c>
      <c r="D1030" s="1" t="s">
        <v>869</v>
      </c>
      <c r="E1030" s="1" t="s">
        <v>7</v>
      </c>
    </row>
    <row r="1031">
      <c r="A1031" s="1">
        <v>4.90386925E8</v>
      </c>
      <c r="B1031" s="2">
        <v>11799.0</v>
      </c>
      <c r="C1031" s="1" t="s">
        <v>5</v>
      </c>
      <c r="D1031" s="1" t="s">
        <v>870</v>
      </c>
      <c r="E1031" s="1" t="s">
        <v>11</v>
      </c>
    </row>
    <row r="1032">
      <c r="A1032" s="1">
        <v>4.90386926E8</v>
      </c>
      <c r="B1032" s="3">
        <v>11812.0</v>
      </c>
      <c r="C1032" s="1" t="s">
        <v>5</v>
      </c>
      <c r="D1032" s="1" t="s">
        <v>11</v>
      </c>
      <c r="E1032" s="1" t="s">
        <v>7</v>
      </c>
    </row>
    <row r="1033">
      <c r="A1033" s="1">
        <v>4.90386928E8</v>
      </c>
      <c r="B1033" s="3">
        <v>11810.0</v>
      </c>
      <c r="C1033" s="1" t="s">
        <v>5</v>
      </c>
      <c r="D1033" s="1" t="s">
        <v>871</v>
      </c>
      <c r="E1033" s="1" t="s">
        <v>7</v>
      </c>
    </row>
    <row r="1034">
      <c r="A1034" s="1">
        <v>4.9038693E8</v>
      </c>
      <c r="B1034" s="3">
        <v>11810.0</v>
      </c>
      <c r="C1034" s="1" t="s">
        <v>5</v>
      </c>
      <c r="D1034" s="1" t="s">
        <v>11</v>
      </c>
      <c r="E1034" s="1" t="s">
        <v>7</v>
      </c>
    </row>
    <row r="1035">
      <c r="A1035" s="1">
        <v>4.90386932E8</v>
      </c>
      <c r="B1035" s="3">
        <v>11838.0</v>
      </c>
      <c r="C1035" s="1" t="s">
        <v>5</v>
      </c>
      <c r="D1035" s="1" t="s">
        <v>872</v>
      </c>
      <c r="E1035" s="1" t="s">
        <v>7</v>
      </c>
    </row>
    <row r="1036">
      <c r="A1036" s="1">
        <v>4.90386935E8</v>
      </c>
      <c r="B1036" s="2">
        <v>11789.0</v>
      </c>
      <c r="C1036" s="1" t="s">
        <v>5</v>
      </c>
      <c r="D1036" s="1" t="s">
        <v>873</v>
      </c>
      <c r="E1036" s="1" t="s">
        <v>7</v>
      </c>
    </row>
    <row r="1037">
      <c r="A1037" s="1">
        <v>4.90386939E8</v>
      </c>
      <c r="B1037" s="3">
        <v>11810.0</v>
      </c>
      <c r="C1037" s="1" t="s">
        <v>5</v>
      </c>
      <c r="D1037" s="1" t="s">
        <v>874</v>
      </c>
      <c r="E1037" s="1" t="s">
        <v>7</v>
      </c>
    </row>
    <row r="1038">
      <c r="A1038" s="1">
        <v>4.9038694E8</v>
      </c>
      <c r="B1038" s="3">
        <v>11810.0</v>
      </c>
      <c r="C1038" s="1" t="s">
        <v>5</v>
      </c>
      <c r="D1038" s="1" t="s">
        <v>875</v>
      </c>
      <c r="E1038" s="1" t="s">
        <v>7</v>
      </c>
    </row>
    <row r="1039">
      <c r="A1039" s="1">
        <v>4.90386944E8</v>
      </c>
      <c r="B1039" s="3">
        <v>11833.0</v>
      </c>
      <c r="C1039" s="1" t="s">
        <v>5</v>
      </c>
      <c r="D1039" s="1" t="s">
        <v>11</v>
      </c>
      <c r="E1039" s="1" t="s">
        <v>7</v>
      </c>
    </row>
    <row r="1040">
      <c r="A1040" s="1">
        <v>4.90386945E8</v>
      </c>
      <c r="B1040" s="2">
        <v>11805.0</v>
      </c>
      <c r="C1040" s="1" t="s">
        <v>5</v>
      </c>
      <c r="D1040" s="1" t="s">
        <v>876</v>
      </c>
      <c r="E1040" s="1" t="s">
        <v>11</v>
      </c>
    </row>
    <row r="1041">
      <c r="A1041" s="1">
        <v>4.90386948E8</v>
      </c>
      <c r="B1041" s="2">
        <v>11789.0</v>
      </c>
      <c r="C1041" s="1" t="s">
        <v>5</v>
      </c>
      <c r="D1041" s="1" t="s">
        <v>877</v>
      </c>
      <c r="E1041" s="1" t="s">
        <v>7</v>
      </c>
    </row>
    <row r="1042">
      <c r="A1042" s="1">
        <v>4.90386949E8</v>
      </c>
      <c r="B1042" s="3">
        <v>11810.0</v>
      </c>
      <c r="C1042" s="1" t="s">
        <v>5</v>
      </c>
      <c r="D1042" s="1" t="s">
        <v>878</v>
      </c>
      <c r="E1042" s="1" t="s">
        <v>7</v>
      </c>
    </row>
    <row r="1043">
      <c r="A1043" s="1">
        <v>4.90386953E8</v>
      </c>
      <c r="B1043" s="3">
        <v>11839.0</v>
      </c>
      <c r="C1043" s="1" t="s">
        <v>5</v>
      </c>
      <c r="D1043" s="1" t="s">
        <v>879</v>
      </c>
      <c r="E1043" s="1" t="s">
        <v>880</v>
      </c>
    </row>
    <row r="1044">
      <c r="A1044" s="1">
        <v>4.90386958E8</v>
      </c>
      <c r="B1044" s="3">
        <v>11839.0</v>
      </c>
      <c r="C1044" s="1" t="s">
        <v>5</v>
      </c>
      <c r="D1044" s="1" t="s">
        <v>11</v>
      </c>
      <c r="E1044" s="1" t="s">
        <v>7</v>
      </c>
    </row>
    <row r="1045">
      <c r="A1045" s="1">
        <v>4.9038696E8</v>
      </c>
      <c r="B1045" s="3">
        <v>11810.0</v>
      </c>
      <c r="C1045" s="1" t="s">
        <v>5</v>
      </c>
      <c r="D1045" s="1" t="s">
        <v>11</v>
      </c>
      <c r="E1045" s="1" t="s">
        <v>7</v>
      </c>
    </row>
    <row r="1046">
      <c r="A1046" s="1">
        <v>4.90386962E8</v>
      </c>
      <c r="B1046" s="3">
        <v>11840.0</v>
      </c>
      <c r="C1046" s="1" t="s">
        <v>5</v>
      </c>
      <c r="D1046" s="1" t="s">
        <v>881</v>
      </c>
      <c r="E1046" s="1" t="s">
        <v>11</v>
      </c>
    </row>
    <row r="1047">
      <c r="A1047" s="1">
        <v>4.90386963E8</v>
      </c>
      <c r="B1047" s="3">
        <v>11812.0</v>
      </c>
      <c r="C1047" s="1" t="s">
        <v>5</v>
      </c>
      <c r="D1047" s="1" t="s">
        <v>882</v>
      </c>
      <c r="E1047" s="1" t="s">
        <v>7</v>
      </c>
    </row>
    <row r="1048">
      <c r="A1048" s="1">
        <v>4.90386965E8</v>
      </c>
      <c r="B1048" s="2">
        <v>11789.0</v>
      </c>
      <c r="C1048" s="1" t="s">
        <v>5</v>
      </c>
      <c r="D1048" s="1" t="s">
        <v>883</v>
      </c>
      <c r="E1048" s="1" t="s">
        <v>7</v>
      </c>
    </row>
    <row r="1049">
      <c r="A1049" s="1">
        <v>4.90386966E8</v>
      </c>
      <c r="B1049" s="2">
        <v>11789.0</v>
      </c>
      <c r="C1049" s="1" t="s">
        <v>5</v>
      </c>
      <c r="D1049" s="1" t="s">
        <v>884</v>
      </c>
      <c r="E1049" s="1" t="s">
        <v>7</v>
      </c>
    </row>
    <row r="1050">
      <c r="A1050" s="1">
        <v>4.90386968E8</v>
      </c>
      <c r="B1050" s="3">
        <v>11810.0</v>
      </c>
      <c r="C1050" s="1" t="s">
        <v>5</v>
      </c>
      <c r="D1050" s="1" t="s">
        <v>885</v>
      </c>
      <c r="E1050" s="1" t="s">
        <v>7</v>
      </c>
    </row>
    <row r="1051">
      <c r="A1051" s="1">
        <v>4.90386972E8</v>
      </c>
      <c r="B1051" s="2">
        <v>11804.0</v>
      </c>
      <c r="C1051" s="1" t="s">
        <v>5</v>
      </c>
      <c r="D1051" s="1" t="s">
        <v>886</v>
      </c>
      <c r="E1051" s="1" t="s">
        <v>7</v>
      </c>
    </row>
    <row r="1052">
      <c r="A1052" s="1">
        <v>4.90386976E8</v>
      </c>
      <c r="B1052" s="3">
        <v>11812.0</v>
      </c>
      <c r="C1052" s="1" t="s">
        <v>5</v>
      </c>
      <c r="D1052" s="1" t="s">
        <v>887</v>
      </c>
      <c r="E1052" s="1" t="s">
        <v>888</v>
      </c>
    </row>
    <row r="1053">
      <c r="A1053" s="1">
        <v>4.90386978E8</v>
      </c>
      <c r="B1053" s="2">
        <v>11786.0</v>
      </c>
      <c r="C1053" s="1" t="s">
        <v>5</v>
      </c>
      <c r="D1053" s="1" t="s">
        <v>889</v>
      </c>
      <c r="E1053" s="1" t="s">
        <v>890</v>
      </c>
    </row>
    <row r="1054">
      <c r="A1054" s="1">
        <v>4.90386984E8</v>
      </c>
      <c r="B1054" s="2">
        <v>11804.0</v>
      </c>
      <c r="C1054" s="1" t="s">
        <v>5</v>
      </c>
      <c r="D1054" s="1" t="s">
        <v>891</v>
      </c>
      <c r="E1054" s="1" t="s">
        <v>7</v>
      </c>
    </row>
    <row r="1055">
      <c r="A1055" s="1">
        <v>4.90386985E8</v>
      </c>
      <c r="B1055" s="3">
        <v>11840.0</v>
      </c>
      <c r="C1055" s="1" t="s">
        <v>5</v>
      </c>
      <c r="D1055" s="1" t="s">
        <v>892</v>
      </c>
      <c r="E1055" s="1" t="s">
        <v>7</v>
      </c>
    </row>
    <row r="1056">
      <c r="A1056" s="1">
        <v>4.90386986E8</v>
      </c>
      <c r="B1056" s="3">
        <v>11838.0</v>
      </c>
      <c r="C1056" s="1" t="s">
        <v>5</v>
      </c>
      <c r="D1056" s="1" t="s">
        <v>7</v>
      </c>
      <c r="E1056" s="1" t="s">
        <v>7</v>
      </c>
    </row>
    <row r="1057">
      <c r="A1057" s="1">
        <v>4.90386987E8</v>
      </c>
      <c r="B1057" s="3">
        <v>11839.0</v>
      </c>
      <c r="C1057" s="1" t="s">
        <v>5</v>
      </c>
      <c r="D1057" s="1" t="s">
        <v>893</v>
      </c>
      <c r="E1057" s="1" t="s">
        <v>7</v>
      </c>
    </row>
    <row r="1058">
      <c r="A1058" s="1">
        <v>4.9038699E8</v>
      </c>
      <c r="B1058" s="3">
        <v>11840.0</v>
      </c>
      <c r="C1058" s="1" t="s">
        <v>5</v>
      </c>
      <c r="D1058" s="1" t="s">
        <v>894</v>
      </c>
      <c r="E1058" s="1" t="s">
        <v>7</v>
      </c>
    </row>
    <row r="1059">
      <c r="A1059" s="1">
        <v>4.90386992E8</v>
      </c>
      <c r="B1059" s="2">
        <v>11794.0</v>
      </c>
      <c r="C1059" s="1" t="s">
        <v>5</v>
      </c>
      <c r="D1059" s="1" t="s">
        <v>11</v>
      </c>
      <c r="E1059" s="1" t="s">
        <v>7</v>
      </c>
    </row>
    <row r="1060">
      <c r="A1060" s="1">
        <v>4.90386993E8</v>
      </c>
      <c r="B1060" s="3">
        <v>11833.0</v>
      </c>
      <c r="C1060" s="1" t="s">
        <v>5</v>
      </c>
      <c r="D1060" s="1" t="s">
        <v>895</v>
      </c>
      <c r="E1060" s="1" t="s">
        <v>7</v>
      </c>
    </row>
    <row r="1061">
      <c r="A1061" s="1">
        <v>4.90387E8</v>
      </c>
      <c r="B1061" s="3">
        <v>11840.0</v>
      </c>
      <c r="C1061" s="1" t="s">
        <v>5</v>
      </c>
      <c r="D1061" s="1" t="s">
        <v>896</v>
      </c>
      <c r="E1061" s="1" t="s">
        <v>11</v>
      </c>
    </row>
    <row r="1062">
      <c r="A1062" s="1">
        <v>4.90387005E8</v>
      </c>
      <c r="B1062" s="3">
        <v>11838.0</v>
      </c>
      <c r="C1062" s="1" t="s">
        <v>5</v>
      </c>
      <c r="D1062" s="1" t="s">
        <v>897</v>
      </c>
      <c r="E1062" s="1" t="s">
        <v>7</v>
      </c>
    </row>
    <row r="1063">
      <c r="A1063" s="1">
        <v>4.90387012E8</v>
      </c>
      <c r="B1063" s="3">
        <v>11837.0</v>
      </c>
      <c r="C1063" s="1" t="s">
        <v>5</v>
      </c>
      <c r="D1063" s="1" t="s">
        <v>898</v>
      </c>
      <c r="E1063" s="1" t="s">
        <v>7</v>
      </c>
    </row>
    <row r="1064">
      <c r="A1064" s="1">
        <v>4.90387016E8</v>
      </c>
      <c r="B1064" s="2">
        <v>11804.0</v>
      </c>
      <c r="C1064" s="1" t="s">
        <v>5</v>
      </c>
      <c r="D1064" s="1" t="s">
        <v>899</v>
      </c>
      <c r="E1064" s="1" t="s">
        <v>11</v>
      </c>
    </row>
    <row r="1065">
      <c r="A1065" s="1">
        <v>4.90387024E8</v>
      </c>
      <c r="B1065" s="3">
        <v>11839.0</v>
      </c>
      <c r="C1065" s="1" t="s">
        <v>5</v>
      </c>
      <c r="D1065" s="1" t="s">
        <v>900</v>
      </c>
      <c r="E1065" s="1" t="s">
        <v>7</v>
      </c>
    </row>
    <row r="1066">
      <c r="A1066" s="1">
        <v>4.90387025E8</v>
      </c>
      <c r="B1066" s="3">
        <v>11838.0</v>
      </c>
      <c r="C1066" s="1" t="s">
        <v>5</v>
      </c>
      <c r="D1066" s="1" t="s">
        <v>901</v>
      </c>
      <c r="E1066" s="1" t="s">
        <v>11</v>
      </c>
    </row>
    <row r="1067">
      <c r="A1067" s="1">
        <v>4.90387026E8</v>
      </c>
      <c r="B1067" s="3">
        <v>11812.0</v>
      </c>
      <c r="C1067" s="1" t="s">
        <v>5</v>
      </c>
      <c r="D1067" s="1" t="s">
        <v>11</v>
      </c>
      <c r="E1067" s="1" t="s">
        <v>7</v>
      </c>
    </row>
    <row r="1068">
      <c r="A1068" s="1">
        <v>4.90387028E8</v>
      </c>
      <c r="B1068" s="2">
        <v>11794.0</v>
      </c>
      <c r="C1068" s="1" t="s">
        <v>5</v>
      </c>
      <c r="D1068" s="1" t="s">
        <v>902</v>
      </c>
      <c r="E1068" s="1" t="s">
        <v>7</v>
      </c>
    </row>
    <row r="1069">
      <c r="A1069" s="1">
        <v>4.90387029E8</v>
      </c>
      <c r="B1069" s="2">
        <v>11804.0</v>
      </c>
      <c r="C1069" s="1" t="s">
        <v>5</v>
      </c>
      <c r="D1069" s="1" t="s">
        <v>903</v>
      </c>
      <c r="E1069" s="1" t="s">
        <v>11</v>
      </c>
    </row>
    <row r="1070">
      <c r="A1070" s="1">
        <v>4.90387031E8</v>
      </c>
      <c r="B1070" s="2">
        <v>11789.0</v>
      </c>
      <c r="C1070" s="1" t="s">
        <v>5</v>
      </c>
      <c r="D1070" s="1" t="s">
        <v>904</v>
      </c>
      <c r="E1070" s="1" t="s">
        <v>7</v>
      </c>
    </row>
    <row r="1071">
      <c r="A1071" s="1">
        <v>4.90387035E8</v>
      </c>
      <c r="B1071" s="3">
        <v>11839.0</v>
      </c>
      <c r="C1071" s="1" t="s">
        <v>5</v>
      </c>
      <c r="D1071" s="1" t="s">
        <v>11</v>
      </c>
      <c r="E1071" s="1" t="s">
        <v>7</v>
      </c>
    </row>
    <row r="1072">
      <c r="A1072" s="1">
        <v>4.90387038E8</v>
      </c>
      <c r="B1072" s="3">
        <v>11810.0</v>
      </c>
      <c r="C1072" s="1" t="s">
        <v>5</v>
      </c>
      <c r="D1072" s="1" t="s">
        <v>905</v>
      </c>
      <c r="E1072" s="1" t="s">
        <v>7</v>
      </c>
    </row>
    <row r="1073">
      <c r="A1073" s="1">
        <v>4.9038704E8</v>
      </c>
      <c r="B1073" s="3">
        <v>11840.0</v>
      </c>
      <c r="C1073" s="1" t="s">
        <v>5</v>
      </c>
      <c r="D1073" s="1" t="s">
        <v>906</v>
      </c>
      <c r="E1073" s="1" t="s">
        <v>7</v>
      </c>
    </row>
    <row r="1074">
      <c r="A1074" s="1">
        <v>4.90387042E8</v>
      </c>
      <c r="B1074" s="3">
        <v>11812.0</v>
      </c>
      <c r="C1074" s="1" t="s">
        <v>5</v>
      </c>
      <c r="D1074" s="1" t="s">
        <v>907</v>
      </c>
      <c r="E1074" s="1" t="s">
        <v>908</v>
      </c>
    </row>
    <row r="1075">
      <c r="A1075" s="1">
        <v>4.90387044E8</v>
      </c>
      <c r="B1075" s="2">
        <v>11789.0</v>
      </c>
      <c r="C1075" s="1" t="s">
        <v>5</v>
      </c>
      <c r="D1075" s="1" t="s">
        <v>909</v>
      </c>
      <c r="E1075" s="1" t="s">
        <v>7</v>
      </c>
    </row>
    <row r="1076">
      <c r="A1076" s="1">
        <v>4.90387047E8</v>
      </c>
      <c r="B1076" s="3">
        <v>11840.0</v>
      </c>
      <c r="C1076" s="1" t="s">
        <v>5</v>
      </c>
      <c r="D1076" s="1" t="s">
        <v>910</v>
      </c>
      <c r="E1076" s="1" t="s">
        <v>7</v>
      </c>
    </row>
    <row r="1077">
      <c r="A1077" s="1">
        <v>4.90387048E8</v>
      </c>
      <c r="B1077" s="3">
        <v>11840.0</v>
      </c>
      <c r="C1077" s="1" t="s">
        <v>5</v>
      </c>
      <c r="D1077" s="1" t="s">
        <v>911</v>
      </c>
      <c r="E1077" s="1" t="s">
        <v>7</v>
      </c>
    </row>
    <row r="1078">
      <c r="A1078" s="1">
        <v>4.90387052E8</v>
      </c>
      <c r="B1078" s="3">
        <v>11812.0</v>
      </c>
      <c r="C1078" s="1" t="s">
        <v>5</v>
      </c>
      <c r="D1078" s="1" t="s">
        <v>11</v>
      </c>
      <c r="E1078" s="1" t="s">
        <v>7</v>
      </c>
    </row>
    <row r="1079">
      <c r="A1079" s="1">
        <v>4.90387053E8</v>
      </c>
      <c r="B1079" s="3">
        <v>11840.0</v>
      </c>
      <c r="C1079" s="1" t="s">
        <v>5</v>
      </c>
      <c r="D1079" s="1" t="s">
        <v>11</v>
      </c>
      <c r="E1079" s="1" t="s">
        <v>7</v>
      </c>
    </row>
    <row r="1080">
      <c r="A1080" s="1">
        <v>4.90387056E8</v>
      </c>
      <c r="B1080" s="2">
        <v>11793.0</v>
      </c>
      <c r="C1080" s="1" t="s">
        <v>5</v>
      </c>
      <c r="D1080" s="1" t="s">
        <v>912</v>
      </c>
      <c r="E1080" s="1" t="s">
        <v>11</v>
      </c>
    </row>
    <row r="1081">
      <c r="A1081" s="1">
        <v>4.90387061E8</v>
      </c>
      <c r="B1081" s="3">
        <v>11836.0</v>
      </c>
      <c r="C1081" s="1" t="s">
        <v>5</v>
      </c>
      <c r="D1081" s="1" t="s">
        <v>913</v>
      </c>
      <c r="E1081" s="1" t="s">
        <v>914</v>
      </c>
    </row>
    <row r="1082">
      <c r="A1082" s="1">
        <v>4.90387062E8</v>
      </c>
      <c r="B1082" s="3">
        <v>11812.0</v>
      </c>
      <c r="C1082" s="1" t="s">
        <v>5</v>
      </c>
      <c r="D1082" s="1" t="s">
        <v>11</v>
      </c>
      <c r="E1082" s="1" t="s">
        <v>7</v>
      </c>
    </row>
    <row r="1083">
      <c r="A1083" s="1">
        <v>4.90387064E8</v>
      </c>
      <c r="B1083" s="3">
        <v>11839.0</v>
      </c>
      <c r="C1083" s="1" t="s">
        <v>5</v>
      </c>
      <c r="D1083" s="1" t="s">
        <v>11</v>
      </c>
      <c r="E1083" s="1" t="s">
        <v>7</v>
      </c>
    </row>
    <row r="1084">
      <c r="A1084" s="1">
        <v>4.90387065E8</v>
      </c>
      <c r="B1084" s="3">
        <v>11810.0</v>
      </c>
      <c r="C1084" s="1" t="s">
        <v>5</v>
      </c>
      <c r="D1084" s="1" t="s">
        <v>11</v>
      </c>
      <c r="E1084" s="1" t="s">
        <v>7</v>
      </c>
    </row>
    <row r="1085">
      <c r="A1085" s="1">
        <v>4.90387066E8</v>
      </c>
      <c r="B1085" s="3">
        <v>11838.0</v>
      </c>
      <c r="C1085" s="1" t="s">
        <v>5</v>
      </c>
      <c r="D1085" s="1" t="s">
        <v>915</v>
      </c>
      <c r="E1085" s="1" t="s">
        <v>7</v>
      </c>
    </row>
    <row r="1086">
      <c r="A1086" s="1">
        <v>4.90387071E8</v>
      </c>
      <c r="B1086" s="3">
        <v>11812.0</v>
      </c>
      <c r="C1086" s="1" t="s">
        <v>5</v>
      </c>
      <c r="D1086" s="1" t="s">
        <v>916</v>
      </c>
      <c r="E1086" s="1" t="s">
        <v>7</v>
      </c>
    </row>
    <row r="1087">
      <c r="A1087" s="1">
        <v>4.90387072E8</v>
      </c>
      <c r="B1087" s="3">
        <v>11840.0</v>
      </c>
      <c r="C1087" s="1" t="s">
        <v>5</v>
      </c>
      <c r="D1087" s="1" t="s">
        <v>917</v>
      </c>
      <c r="E1087" s="1" t="s">
        <v>11</v>
      </c>
    </row>
    <row r="1088">
      <c r="A1088" s="1">
        <v>4.90387074E8</v>
      </c>
      <c r="B1088" s="2">
        <v>11793.0</v>
      </c>
      <c r="C1088" s="1" t="s">
        <v>5</v>
      </c>
      <c r="D1088" s="1" t="s">
        <v>918</v>
      </c>
      <c r="E1088" s="1" t="s">
        <v>7</v>
      </c>
    </row>
    <row r="1089">
      <c r="A1089" s="1">
        <v>4.90387079E8</v>
      </c>
      <c r="B1089" s="3">
        <v>11836.0</v>
      </c>
      <c r="C1089" s="1" t="s">
        <v>5</v>
      </c>
      <c r="D1089" s="1" t="s">
        <v>919</v>
      </c>
      <c r="E1089" s="1" t="s">
        <v>7</v>
      </c>
    </row>
    <row r="1090">
      <c r="A1090" s="1">
        <v>4.90387082E8</v>
      </c>
      <c r="B1090" s="3">
        <v>11812.0</v>
      </c>
      <c r="C1090" s="1" t="s">
        <v>5</v>
      </c>
      <c r="D1090" s="1" t="s">
        <v>11</v>
      </c>
      <c r="E1090" s="1" t="s">
        <v>7</v>
      </c>
    </row>
    <row r="1091">
      <c r="A1091" s="1">
        <v>4.90387087E8</v>
      </c>
      <c r="B1091" s="3">
        <v>11839.0</v>
      </c>
      <c r="C1091" s="1" t="s">
        <v>5</v>
      </c>
      <c r="D1091" s="1" t="s">
        <v>920</v>
      </c>
      <c r="E1091" s="1" t="s">
        <v>7</v>
      </c>
    </row>
    <row r="1092">
      <c r="A1092" s="1">
        <v>4.90387089E8</v>
      </c>
      <c r="B1092" s="3">
        <v>11838.0</v>
      </c>
      <c r="C1092" s="1" t="s">
        <v>5</v>
      </c>
      <c r="D1092" s="1" t="s">
        <v>921</v>
      </c>
      <c r="E1092" s="1" t="s">
        <v>7</v>
      </c>
    </row>
    <row r="1093">
      <c r="A1093" s="1">
        <v>4.90387092E8</v>
      </c>
      <c r="B1093" s="3">
        <v>11812.0</v>
      </c>
      <c r="C1093" s="1" t="s">
        <v>5</v>
      </c>
      <c r="D1093" s="1" t="s">
        <v>922</v>
      </c>
      <c r="E1093" s="1" t="s">
        <v>7</v>
      </c>
    </row>
    <row r="1094">
      <c r="A1094" s="1">
        <v>4.90387093E8</v>
      </c>
      <c r="B1094" s="3">
        <v>11836.0</v>
      </c>
      <c r="C1094" s="1" t="s">
        <v>5</v>
      </c>
      <c r="D1094" s="1" t="s">
        <v>11</v>
      </c>
      <c r="E1094" s="1" t="s">
        <v>7</v>
      </c>
    </row>
    <row r="1095">
      <c r="A1095" s="1">
        <v>4.90387096E8</v>
      </c>
      <c r="B1095" s="3">
        <v>11839.0</v>
      </c>
      <c r="C1095" s="1" t="s">
        <v>5</v>
      </c>
      <c r="D1095" s="1" t="s">
        <v>923</v>
      </c>
      <c r="E1095" s="1" t="s">
        <v>11</v>
      </c>
    </row>
    <row r="1096">
      <c r="A1096" s="1">
        <v>4.90387099E8</v>
      </c>
      <c r="B1096" s="3">
        <v>11838.0</v>
      </c>
      <c r="C1096" s="1" t="s">
        <v>5</v>
      </c>
      <c r="D1096" s="1" t="s">
        <v>924</v>
      </c>
      <c r="E1096" s="1" t="s">
        <v>7</v>
      </c>
    </row>
    <row r="1097">
      <c r="A1097" s="1">
        <v>4.90387102E8</v>
      </c>
      <c r="B1097" s="2">
        <v>11792.0</v>
      </c>
      <c r="C1097" s="1" t="s">
        <v>5</v>
      </c>
      <c r="D1097" s="1" t="s">
        <v>925</v>
      </c>
      <c r="E1097" s="1" t="s">
        <v>926</v>
      </c>
    </row>
    <row r="1098">
      <c r="A1098" s="1">
        <v>4.90387106E8</v>
      </c>
      <c r="B1098" s="3">
        <v>11839.0</v>
      </c>
      <c r="C1098" s="1" t="s">
        <v>5</v>
      </c>
      <c r="D1098" s="1" t="s">
        <v>927</v>
      </c>
      <c r="E1098" s="1" t="s">
        <v>7</v>
      </c>
    </row>
    <row r="1099">
      <c r="A1099" s="1">
        <v>4.90387107E8</v>
      </c>
      <c r="B1099" s="3">
        <v>11836.0</v>
      </c>
      <c r="C1099" s="1" t="s">
        <v>5</v>
      </c>
      <c r="D1099" s="1" t="s">
        <v>928</v>
      </c>
      <c r="E1099" s="1" t="s">
        <v>7</v>
      </c>
    </row>
    <row r="1100">
      <c r="A1100" s="1">
        <v>4.90387108E8</v>
      </c>
      <c r="B1100" s="3">
        <v>11840.0</v>
      </c>
      <c r="C1100" s="1" t="s">
        <v>5</v>
      </c>
      <c r="D1100" s="1" t="s">
        <v>929</v>
      </c>
      <c r="E1100" s="1" t="s">
        <v>11</v>
      </c>
    </row>
    <row r="1101">
      <c r="A1101" s="1">
        <v>4.90387112E8</v>
      </c>
      <c r="B1101" s="2">
        <v>11800.0</v>
      </c>
      <c r="C1101" s="1" t="s">
        <v>5</v>
      </c>
      <c r="D1101" s="1" t="s">
        <v>11</v>
      </c>
      <c r="E1101" s="1" t="s">
        <v>7</v>
      </c>
    </row>
    <row r="1102">
      <c r="A1102" s="1">
        <v>4.90387115E8</v>
      </c>
      <c r="B1102" s="2">
        <v>11792.0</v>
      </c>
      <c r="C1102" s="1" t="s">
        <v>5</v>
      </c>
      <c r="D1102" s="1" t="s">
        <v>930</v>
      </c>
      <c r="E1102" s="1" t="s">
        <v>931</v>
      </c>
    </row>
    <row r="1103">
      <c r="A1103" s="1">
        <v>4.90387118E8</v>
      </c>
      <c r="B1103" s="3">
        <v>11840.0</v>
      </c>
      <c r="C1103" s="1" t="s">
        <v>5</v>
      </c>
      <c r="D1103" s="1" t="s">
        <v>932</v>
      </c>
      <c r="E1103" s="1" t="s">
        <v>11</v>
      </c>
    </row>
    <row r="1104">
      <c r="A1104" s="1">
        <v>4.90387121E8</v>
      </c>
      <c r="B1104" s="2">
        <v>11800.0</v>
      </c>
      <c r="C1104" s="1" t="s">
        <v>5</v>
      </c>
      <c r="D1104" s="1" t="s">
        <v>11</v>
      </c>
      <c r="E1104" s="1" t="s">
        <v>7</v>
      </c>
    </row>
    <row r="1105">
      <c r="A1105" s="1">
        <v>4.90387124E8</v>
      </c>
      <c r="B1105" s="3">
        <v>11839.0</v>
      </c>
      <c r="C1105" s="1" t="s">
        <v>5</v>
      </c>
      <c r="D1105" s="1" t="s">
        <v>933</v>
      </c>
      <c r="E1105" s="1" t="s">
        <v>11</v>
      </c>
    </row>
    <row r="1106">
      <c r="A1106" s="1">
        <v>4.90387131E8</v>
      </c>
      <c r="B1106" s="3">
        <v>11812.0</v>
      </c>
      <c r="C1106" s="1" t="s">
        <v>5</v>
      </c>
      <c r="D1106" s="1" t="s">
        <v>11</v>
      </c>
      <c r="E1106" s="1" t="s">
        <v>7</v>
      </c>
    </row>
    <row r="1107">
      <c r="A1107" s="1">
        <v>4.90387132E8</v>
      </c>
      <c r="B1107" s="2">
        <v>11785.0</v>
      </c>
      <c r="C1107" s="1" t="s">
        <v>5</v>
      </c>
      <c r="D1107" s="1" t="s">
        <v>934</v>
      </c>
      <c r="E1107" s="1" t="s">
        <v>7</v>
      </c>
    </row>
    <row r="1108">
      <c r="A1108" s="1">
        <v>4.90387134E8</v>
      </c>
      <c r="B1108" s="3">
        <v>11839.0</v>
      </c>
      <c r="C1108" s="1" t="s">
        <v>5</v>
      </c>
      <c r="D1108" s="1" t="s">
        <v>11</v>
      </c>
      <c r="E1108" s="1" t="s">
        <v>7</v>
      </c>
    </row>
    <row r="1109">
      <c r="A1109" s="1">
        <v>4.90387143E8</v>
      </c>
      <c r="B1109" s="3">
        <v>11835.0</v>
      </c>
      <c r="C1109" s="1" t="s">
        <v>5</v>
      </c>
      <c r="D1109" s="1" t="s">
        <v>935</v>
      </c>
      <c r="E1109" s="1" t="s">
        <v>7</v>
      </c>
    </row>
    <row r="1110">
      <c r="A1110" s="1">
        <v>4.90387149E8</v>
      </c>
      <c r="B1110" s="2">
        <v>11780.0</v>
      </c>
      <c r="C1110" s="1" t="s">
        <v>5</v>
      </c>
      <c r="D1110" s="1" t="s">
        <v>936</v>
      </c>
      <c r="E1110" s="1" t="s">
        <v>7</v>
      </c>
    </row>
    <row r="1111">
      <c r="A1111" s="1">
        <v>4.90387152E8</v>
      </c>
      <c r="B1111" s="2">
        <v>11792.0</v>
      </c>
      <c r="C1111" s="1" t="s">
        <v>5</v>
      </c>
      <c r="D1111" s="1" t="s">
        <v>937</v>
      </c>
      <c r="E1111" s="1" t="s">
        <v>7</v>
      </c>
    </row>
    <row r="1112">
      <c r="A1112" s="1">
        <v>4.90387153E8</v>
      </c>
      <c r="B1112" s="3">
        <v>11840.0</v>
      </c>
      <c r="C1112" s="1" t="s">
        <v>5</v>
      </c>
      <c r="D1112" s="1" t="s">
        <v>938</v>
      </c>
      <c r="E1112" s="1" t="s">
        <v>11</v>
      </c>
    </row>
    <row r="1113">
      <c r="A1113" s="1">
        <v>4.90387155E8</v>
      </c>
      <c r="B1113" s="3">
        <v>11838.0</v>
      </c>
      <c r="C1113" s="1" t="s">
        <v>5</v>
      </c>
      <c r="D1113" s="1" t="s">
        <v>939</v>
      </c>
      <c r="E1113" s="1" t="s">
        <v>11</v>
      </c>
    </row>
    <row r="1114">
      <c r="A1114" s="1">
        <v>4.90387161E8</v>
      </c>
      <c r="B1114" s="3">
        <v>11839.0</v>
      </c>
      <c r="C1114" s="1" t="s">
        <v>5</v>
      </c>
      <c r="D1114" s="1" t="s">
        <v>7</v>
      </c>
      <c r="E1114" s="1" t="s">
        <v>7</v>
      </c>
    </row>
    <row r="1115">
      <c r="A1115" s="1">
        <v>4.90387162E8</v>
      </c>
      <c r="B1115" s="2">
        <v>11786.0</v>
      </c>
      <c r="C1115" s="1" t="s">
        <v>5</v>
      </c>
      <c r="D1115" s="1" t="s">
        <v>940</v>
      </c>
      <c r="E1115" s="1" t="s">
        <v>11</v>
      </c>
    </row>
    <row r="1116">
      <c r="A1116" s="1">
        <v>4.90387163E8</v>
      </c>
      <c r="B1116" s="3">
        <v>11836.0</v>
      </c>
      <c r="C1116" s="1" t="s">
        <v>5</v>
      </c>
      <c r="D1116" s="1" t="s">
        <v>941</v>
      </c>
      <c r="E1116" s="1" t="s">
        <v>7</v>
      </c>
    </row>
    <row r="1117">
      <c r="A1117" s="1">
        <v>4.90387171E8</v>
      </c>
      <c r="B1117" s="3">
        <v>11839.0</v>
      </c>
      <c r="C1117" s="1" t="s">
        <v>5</v>
      </c>
      <c r="D1117" s="1" t="s">
        <v>942</v>
      </c>
      <c r="E1117" s="1" t="s">
        <v>11</v>
      </c>
    </row>
    <row r="1118">
      <c r="A1118" s="1">
        <v>4.90387173E8</v>
      </c>
      <c r="B1118" s="3">
        <v>11836.0</v>
      </c>
      <c r="C1118" s="1" t="s">
        <v>5</v>
      </c>
      <c r="D1118" s="1" t="s">
        <v>943</v>
      </c>
      <c r="E1118" s="1" t="s">
        <v>7</v>
      </c>
    </row>
    <row r="1119">
      <c r="A1119" s="1">
        <v>4.90387175E8</v>
      </c>
      <c r="B1119" s="2">
        <v>11780.0</v>
      </c>
      <c r="C1119" s="1" t="s">
        <v>5</v>
      </c>
      <c r="D1119" s="1" t="s">
        <v>944</v>
      </c>
      <c r="E1119" s="1" t="s">
        <v>7</v>
      </c>
    </row>
    <row r="1120">
      <c r="A1120" s="1">
        <v>4.90387177E8</v>
      </c>
      <c r="B1120" s="2">
        <v>11791.0</v>
      </c>
      <c r="C1120" s="1" t="s">
        <v>5</v>
      </c>
      <c r="D1120" s="1" t="s">
        <v>945</v>
      </c>
      <c r="E1120" s="1" t="s">
        <v>11</v>
      </c>
    </row>
    <row r="1121">
      <c r="A1121" s="1">
        <v>4.90387178E8</v>
      </c>
      <c r="B1121" s="2">
        <v>11799.0</v>
      </c>
      <c r="C1121" s="1" t="s">
        <v>5</v>
      </c>
      <c r="D1121" s="1" t="s">
        <v>946</v>
      </c>
      <c r="E1121" s="1" t="s">
        <v>7</v>
      </c>
    </row>
    <row r="1122">
      <c r="A1122" s="1">
        <v>4.90387179E8</v>
      </c>
      <c r="B1122" s="3">
        <v>11838.0</v>
      </c>
      <c r="C1122" s="1" t="s">
        <v>5</v>
      </c>
      <c r="D1122" s="1" t="s">
        <v>7</v>
      </c>
      <c r="E1122" s="1" t="s">
        <v>7</v>
      </c>
    </row>
    <row r="1123">
      <c r="A1123" s="1">
        <v>4.9038718E8</v>
      </c>
      <c r="B1123" s="3">
        <v>11840.0</v>
      </c>
      <c r="C1123" s="1" t="s">
        <v>5</v>
      </c>
      <c r="D1123" s="1" t="s">
        <v>947</v>
      </c>
      <c r="E1123" s="1" t="s">
        <v>7</v>
      </c>
    </row>
    <row r="1124">
      <c r="A1124" s="1">
        <v>4.90387181E8</v>
      </c>
      <c r="B1124" s="3">
        <v>11839.0</v>
      </c>
      <c r="C1124" s="1" t="s">
        <v>5</v>
      </c>
      <c r="D1124" s="1" t="s">
        <v>948</v>
      </c>
      <c r="E1124" s="1" t="s">
        <v>11</v>
      </c>
    </row>
    <row r="1125">
      <c r="A1125" s="1">
        <v>4.90387183E8</v>
      </c>
      <c r="B1125" s="3">
        <v>11840.0</v>
      </c>
      <c r="C1125" s="1" t="s">
        <v>5</v>
      </c>
      <c r="D1125" s="1" t="s">
        <v>949</v>
      </c>
      <c r="E1125" s="1" t="s">
        <v>950</v>
      </c>
    </row>
    <row r="1126">
      <c r="A1126" s="1">
        <v>4.90387184E8</v>
      </c>
      <c r="B1126" s="2">
        <v>11780.0</v>
      </c>
      <c r="C1126" s="1" t="s">
        <v>5</v>
      </c>
      <c r="D1126" s="1" t="s">
        <v>951</v>
      </c>
      <c r="E1126" s="1" t="s">
        <v>7</v>
      </c>
    </row>
    <row r="1127">
      <c r="A1127" s="1">
        <v>4.90387185E8</v>
      </c>
      <c r="B1127" s="3">
        <v>11835.0</v>
      </c>
      <c r="C1127" s="1" t="s">
        <v>5</v>
      </c>
      <c r="D1127" s="1" t="s">
        <v>952</v>
      </c>
      <c r="E1127" s="1" t="s">
        <v>11</v>
      </c>
    </row>
    <row r="1128">
      <c r="A1128" s="1">
        <v>4.90387188E8</v>
      </c>
      <c r="B1128" s="2">
        <v>11799.0</v>
      </c>
      <c r="C1128" s="1" t="s">
        <v>5</v>
      </c>
      <c r="D1128" s="1" t="s">
        <v>953</v>
      </c>
      <c r="E1128" s="1" t="s">
        <v>954</v>
      </c>
    </row>
    <row r="1129">
      <c r="A1129" s="1">
        <v>4.90387191E8</v>
      </c>
      <c r="B1129" s="3">
        <v>11836.0</v>
      </c>
      <c r="C1129" s="1" t="s">
        <v>5</v>
      </c>
      <c r="D1129" s="1" t="s">
        <v>955</v>
      </c>
      <c r="E1129" s="1" t="s">
        <v>7</v>
      </c>
    </row>
    <row r="1130">
      <c r="A1130" s="1">
        <v>4.90387192E8</v>
      </c>
      <c r="B1130" s="3">
        <v>11840.0</v>
      </c>
      <c r="C1130" s="1" t="s">
        <v>5</v>
      </c>
      <c r="D1130" s="1" t="s">
        <v>956</v>
      </c>
      <c r="E1130" s="1" t="s">
        <v>7</v>
      </c>
    </row>
    <row r="1131">
      <c r="A1131" s="1">
        <v>4.90387197E8</v>
      </c>
      <c r="B1131" s="3">
        <v>11837.0</v>
      </c>
      <c r="C1131" s="1" t="s">
        <v>5</v>
      </c>
      <c r="D1131" s="1" t="s">
        <v>957</v>
      </c>
      <c r="E1131" s="1" t="s">
        <v>7</v>
      </c>
    </row>
    <row r="1132">
      <c r="A1132" s="1">
        <v>4.90387198E8</v>
      </c>
      <c r="B1132" s="2">
        <v>11799.0</v>
      </c>
      <c r="C1132" s="1" t="s">
        <v>5</v>
      </c>
      <c r="D1132" s="1" t="s">
        <v>11</v>
      </c>
      <c r="E1132" s="1" t="s">
        <v>7</v>
      </c>
    </row>
    <row r="1133">
      <c r="A1133" s="1">
        <v>4.90387199E8</v>
      </c>
      <c r="B1133" s="3">
        <v>11836.0</v>
      </c>
      <c r="C1133" s="1" t="s">
        <v>5</v>
      </c>
      <c r="D1133" s="1" t="s">
        <v>958</v>
      </c>
      <c r="E1133" s="1" t="s">
        <v>11</v>
      </c>
    </row>
    <row r="1134">
      <c r="A1134" s="1">
        <v>4.90387202E8</v>
      </c>
      <c r="B1134" s="3">
        <v>11840.0</v>
      </c>
      <c r="C1134" s="1" t="s">
        <v>5</v>
      </c>
      <c r="D1134" s="1" t="s">
        <v>959</v>
      </c>
      <c r="E1134" s="1" t="s">
        <v>7</v>
      </c>
    </row>
    <row r="1135">
      <c r="A1135" s="1">
        <v>4.90387203E8</v>
      </c>
      <c r="B1135" s="3">
        <v>11835.0</v>
      </c>
      <c r="C1135" s="1" t="s">
        <v>5</v>
      </c>
      <c r="D1135" s="1" t="s">
        <v>960</v>
      </c>
      <c r="E1135" s="1" t="s">
        <v>7</v>
      </c>
    </row>
    <row r="1136">
      <c r="A1136" s="1">
        <v>4.90387207E8</v>
      </c>
      <c r="B1136" s="3">
        <v>11840.0</v>
      </c>
      <c r="C1136" s="1" t="s">
        <v>5</v>
      </c>
      <c r="D1136" s="1" t="s">
        <v>961</v>
      </c>
      <c r="E1136" s="1" t="s">
        <v>11</v>
      </c>
    </row>
    <row r="1137">
      <c r="A1137" s="1">
        <v>4.90387208E8</v>
      </c>
      <c r="B1137" s="2">
        <v>11785.0</v>
      </c>
      <c r="C1137" s="1" t="s">
        <v>5</v>
      </c>
      <c r="D1137" s="1" t="s">
        <v>962</v>
      </c>
      <c r="E1137" s="1" t="s">
        <v>11</v>
      </c>
    </row>
    <row r="1138">
      <c r="A1138" s="1">
        <v>4.90387209E8</v>
      </c>
      <c r="B1138" s="2">
        <v>11799.0</v>
      </c>
      <c r="C1138" s="1" t="s">
        <v>5</v>
      </c>
      <c r="D1138" s="1" t="s">
        <v>963</v>
      </c>
      <c r="E1138" s="1" t="s">
        <v>7</v>
      </c>
    </row>
    <row r="1139">
      <c r="A1139" s="1">
        <v>4.9038721E8</v>
      </c>
      <c r="B1139" s="3">
        <v>11838.0</v>
      </c>
      <c r="C1139" s="1" t="s">
        <v>5</v>
      </c>
      <c r="D1139" s="1" t="s">
        <v>964</v>
      </c>
      <c r="E1139" s="1" t="s">
        <v>11</v>
      </c>
    </row>
    <row r="1140">
      <c r="A1140" s="1">
        <v>4.90387215E8</v>
      </c>
      <c r="B1140" s="2">
        <v>11780.0</v>
      </c>
      <c r="C1140" s="1" t="s">
        <v>5</v>
      </c>
      <c r="D1140" s="1" t="s">
        <v>965</v>
      </c>
      <c r="E1140" s="1" t="s">
        <v>11</v>
      </c>
    </row>
    <row r="1141">
      <c r="A1141" s="1">
        <v>4.90387216E8</v>
      </c>
      <c r="B1141" s="3">
        <v>11838.0</v>
      </c>
      <c r="C1141" s="1" t="s">
        <v>5</v>
      </c>
      <c r="D1141" s="1" t="s">
        <v>11</v>
      </c>
      <c r="E1141" s="1" t="s">
        <v>7</v>
      </c>
    </row>
    <row r="1142">
      <c r="A1142" s="1">
        <v>4.90387217E8</v>
      </c>
      <c r="B1142" s="3">
        <v>11835.0</v>
      </c>
      <c r="C1142" s="1" t="s">
        <v>5</v>
      </c>
      <c r="D1142" s="1" t="s">
        <v>966</v>
      </c>
      <c r="E1142" s="1" t="s">
        <v>7</v>
      </c>
    </row>
    <row r="1143">
      <c r="A1143" s="1">
        <v>4.90387219E8</v>
      </c>
      <c r="B1143" s="3">
        <v>11838.0</v>
      </c>
      <c r="C1143" s="1" t="s">
        <v>5</v>
      </c>
      <c r="D1143" s="1" t="s">
        <v>967</v>
      </c>
      <c r="E1143" s="1" t="s">
        <v>7</v>
      </c>
    </row>
    <row r="1144">
      <c r="A1144" s="1">
        <v>4.90387227E8</v>
      </c>
      <c r="B1144" s="3">
        <v>11840.0</v>
      </c>
      <c r="C1144" s="1" t="s">
        <v>5</v>
      </c>
      <c r="D1144" s="1" t="s">
        <v>968</v>
      </c>
      <c r="E1144" s="1" t="s">
        <v>7</v>
      </c>
    </row>
    <row r="1145">
      <c r="A1145" s="1">
        <v>4.90387233E8</v>
      </c>
      <c r="B1145" s="2">
        <v>11780.0</v>
      </c>
      <c r="C1145" s="1" t="s">
        <v>5</v>
      </c>
      <c r="D1145" s="1" t="s">
        <v>969</v>
      </c>
      <c r="E1145" s="1" t="s">
        <v>970</v>
      </c>
    </row>
    <row r="1146">
      <c r="A1146" s="1">
        <v>4.90387238E8</v>
      </c>
      <c r="B1146" s="3">
        <v>11834.0</v>
      </c>
      <c r="C1146" s="1" t="s">
        <v>5</v>
      </c>
      <c r="D1146" s="1" t="s">
        <v>11</v>
      </c>
      <c r="E1146" s="1" t="s">
        <v>7</v>
      </c>
    </row>
    <row r="1147">
      <c r="A1147" s="1">
        <v>4.90387239E8</v>
      </c>
      <c r="B1147" s="3">
        <v>11838.0</v>
      </c>
      <c r="C1147" s="1" t="s">
        <v>5</v>
      </c>
      <c r="D1147" s="1" t="s">
        <v>971</v>
      </c>
      <c r="E1147" s="1" t="s">
        <v>7</v>
      </c>
    </row>
    <row r="1148">
      <c r="A1148" s="1">
        <v>4.9038724E8</v>
      </c>
      <c r="B1148" s="3">
        <v>11837.0</v>
      </c>
      <c r="C1148" s="1" t="s">
        <v>5</v>
      </c>
      <c r="D1148" s="1" t="s">
        <v>972</v>
      </c>
      <c r="E1148" s="1" t="s">
        <v>11</v>
      </c>
    </row>
    <row r="1149">
      <c r="A1149" s="1">
        <v>4.90387241E8</v>
      </c>
      <c r="B1149" s="3">
        <v>11836.0</v>
      </c>
      <c r="C1149" s="1" t="s">
        <v>5</v>
      </c>
      <c r="D1149" s="1" t="s">
        <v>973</v>
      </c>
      <c r="E1149" s="1" t="s">
        <v>7</v>
      </c>
    </row>
    <row r="1150">
      <c r="A1150" s="1">
        <v>4.90387242E8</v>
      </c>
      <c r="B1150" s="2">
        <v>11780.0</v>
      </c>
      <c r="C1150" s="1" t="s">
        <v>5</v>
      </c>
      <c r="D1150" s="1" t="s">
        <v>974</v>
      </c>
      <c r="E1150" s="1" t="s">
        <v>7</v>
      </c>
    </row>
    <row r="1151">
      <c r="A1151" s="1">
        <v>4.90387243E8</v>
      </c>
      <c r="B1151" s="3">
        <v>11838.0</v>
      </c>
      <c r="C1151" s="1" t="s">
        <v>5</v>
      </c>
      <c r="D1151" s="1" t="s">
        <v>975</v>
      </c>
      <c r="E1151" s="1" t="s">
        <v>7</v>
      </c>
    </row>
    <row r="1152">
      <c r="A1152" s="1">
        <v>4.90387248E8</v>
      </c>
      <c r="B1152" s="3">
        <v>11840.0</v>
      </c>
      <c r="C1152" s="1" t="s">
        <v>5</v>
      </c>
      <c r="D1152" s="1" t="s">
        <v>976</v>
      </c>
      <c r="E1152" s="1" t="s">
        <v>7</v>
      </c>
    </row>
    <row r="1153">
      <c r="A1153" s="1">
        <v>4.90387253E8</v>
      </c>
      <c r="B1153" s="3">
        <v>11838.0</v>
      </c>
      <c r="C1153" s="1" t="s">
        <v>5</v>
      </c>
      <c r="D1153" s="1" t="s">
        <v>977</v>
      </c>
      <c r="E1153" s="1" t="s">
        <v>7</v>
      </c>
    </row>
    <row r="1154">
      <c r="A1154" s="1">
        <v>4.90387256E8</v>
      </c>
      <c r="B1154" s="2">
        <v>11780.0</v>
      </c>
      <c r="C1154" s="1" t="s">
        <v>5</v>
      </c>
      <c r="D1154" s="1" t="s">
        <v>978</v>
      </c>
      <c r="E1154" s="1" t="s">
        <v>7</v>
      </c>
    </row>
    <row r="1155">
      <c r="A1155" s="1">
        <v>4.90387257E8</v>
      </c>
      <c r="B1155" s="3">
        <v>11838.0</v>
      </c>
      <c r="C1155" s="1" t="s">
        <v>5</v>
      </c>
      <c r="D1155" s="1" t="s">
        <v>979</v>
      </c>
      <c r="E1155" s="1" t="s">
        <v>7</v>
      </c>
    </row>
    <row r="1156">
      <c r="A1156" s="1">
        <v>4.90387261E8</v>
      </c>
      <c r="B1156" s="3">
        <v>11839.0</v>
      </c>
      <c r="C1156" s="1" t="s">
        <v>5</v>
      </c>
      <c r="D1156" s="1" t="s">
        <v>980</v>
      </c>
      <c r="E1156" s="1" t="s">
        <v>981</v>
      </c>
    </row>
    <row r="1157">
      <c r="A1157" s="1">
        <v>4.90387262E8</v>
      </c>
      <c r="B1157" s="2">
        <v>11847.0</v>
      </c>
      <c r="C1157" s="1" t="s">
        <v>5</v>
      </c>
      <c r="D1157" s="1" t="s">
        <v>982</v>
      </c>
      <c r="E1157" s="1" t="s">
        <v>11</v>
      </c>
    </row>
    <row r="1158">
      <c r="A1158" s="1">
        <v>4.90387263E8</v>
      </c>
      <c r="B1158" s="2">
        <v>11794.0</v>
      </c>
      <c r="C1158" s="1" t="s">
        <v>5</v>
      </c>
      <c r="D1158" s="1" t="s">
        <v>983</v>
      </c>
      <c r="E1158" s="1" t="s">
        <v>11</v>
      </c>
    </row>
    <row r="1159">
      <c r="A1159" s="1">
        <v>4.90387268E8</v>
      </c>
      <c r="B1159" s="3">
        <v>11837.0</v>
      </c>
      <c r="C1159" s="1" t="s">
        <v>5</v>
      </c>
      <c r="D1159" s="1" t="s">
        <v>984</v>
      </c>
      <c r="E1159" s="1" t="s">
        <v>7</v>
      </c>
    </row>
    <row r="1160">
      <c r="A1160" s="1">
        <v>4.90387269E8</v>
      </c>
      <c r="B1160" s="2">
        <v>11780.0</v>
      </c>
      <c r="C1160" s="1" t="s">
        <v>5</v>
      </c>
      <c r="D1160" s="1" t="s">
        <v>11</v>
      </c>
      <c r="E1160" s="1" t="s">
        <v>7</v>
      </c>
    </row>
    <row r="1161">
      <c r="A1161" s="1">
        <v>4.90387273E8</v>
      </c>
      <c r="B1161" s="3">
        <v>11839.0</v>
      </c>
      <c r="C1161" s="1" t="s">
        <v>5</v>
      </c>
      <c r="D1161" s="1" t="s">
        <v>985</v>
      </c>
      <c r="E1161" s="1" t="s">
        <v>11</v>
      </c>
    </row>
    <row r="1162">
      <c r="A1162" s="1">
        <v>4.90387279E8</v>
      </c>
      <c r="B1162" s="3">
        <v>11839.0</v>
      </c>
      <c r="C1162" s="1" t="s">
        <v>5</v>
      </c>
      <c r="D1162" s="1" t="s">
        <v>986</v>
      </c>
      <c r="E1162" s="1" t="s">
        <v>11</v>
      </c>
    </row>
    <row r="1163">
      <c r="A1163" s="1">
        <v>4.90387281E8</v>
      </c>
      <c r="B1163" s="3">
        <v>11837.0</v>
      </c>
      <c r="C1163" s="1" t="s">
        <v>5</v>
      </c>
      <c r="D1163" s="1" t="s">
        <v>987</v>
      </c>
      <c r="E1163" s="1" t="s">
        <v>7</v>
      </c>
    </row>
    <row r="1164">
      <c r="A1164" s="1">
        <v>4.90387282E8</v>
      </c>
      <c r="B1164" s="3">
        <v>11839.0</v>
      </c>
      <c r="C1164" s="1" t="s">
        <v>5</v>
      </c>
      <c r="D1164" s="1" t="s">
        <v>988</v>
      </c>
      <c r="E1164" s="1" t="s">
        <v>7</v>
      </c>
    </row>
    <row r="1165">
      <c r="A1165" s="1">
        <v>4.90387284E8</v>
      </c>
      <c r="B1165" s="3">
        <v>11838.0</v>
      </c>
      <c r="C1165" s="1" t="s">
        <v>5</v>
      </c>
      <c r="D1165" s="1" t="s">
        <v>989</v>
      </c>
      <c r="E1165" s="1" t="s">
        <v>7</v>
      </c>
    </row>
    <row r="1166">
      <c r="A1166" s="1">
        <v>4.90387285E8</v>
      </c>
      <c r="B1166" s="3">
        <v>11833.0</v>
      </c>
      <c r="C1166" s="1" t="s">
        <v>5</v>
      </c>
      <c r="D1166" s="1" t="s">
        <v>990</v>
      </c>
      <c r="E1166" s="1" t="s">
        <v>7</v>
      </c>
    </row>
    <row r="1167">
      <c r="A1167" s="1">
        <v>4.90387291E8</v>
      </c>
      <c r="B1167" s="3">
        <v>11838.0</v>
      </c>
      <c r="C1167" s="1" t="s">
        <v>5</v>
      </c>
      <c r="D1167" s="1" t="s">
        <v>991</v>
      </c>
      <c r="E1167" s="1" t="s">
        <v>992</v>
      </c>
    </row>
    <row r="1168">
      <c r="A1168" s="1">
        <v>4.90387293E8</v>
      </c>
      <c r="B1168" s="3">
        <v>11839.0</v>
      </c>
      <c r="C1168" s="1" t="s">
        <v>5</v>
      </c>
      <c r="D1168" s="1" t="s">
        <v>993</v>
      </c>
      <c r="E1168" s="1" t="s">
        <v>7</v>
      </c>
    </row>
    <row r="1169">
      <c r="A1169" s="1">
        <v>4.90387294E8</v>
      </c>
      <c r="B1169" s="3">
        <v>11833.0</v>
      </c>
      <c r="C1169" s="1" t="s">
        <v>5</v>
      </c>
      <c r="D1169" s="1" t="s">
        <v>994</v>
      </c>
      <c r="E1169" s="1" t="s">
        <v>7</v>
      </c>
    </row>
    <row r="1170">
      <c r="A1170" s="1">
        <v>4.90387296E8</v>
      </c>
      <c r="B1170" s="3">
        <v>11838.0</v>
      </c>
      <c r="C1170" s="1" t="s">
        <v>5</v>
      </c>
      <c r="D1170" s="1" t="s">
        <v>995</v>
      </c>
      <c r="E1170" s="1" t="s">
        <v>7</v>
      </c>
    </row>
    <row r="1171">
      <c r="A1171" s="1">
        <v>4.90387297E8</v>
      </c>
      <c r="B1171" s="2">
        <v>11780.0</v>
      </c>
      <c r="C1171" s="1" t="s">
        <v>5</v>
      </c>
      <c r="D1171" s="1" t="s">
        <v>996</v>
      </c>
      <c r="E1171" s="1" t="s">
        <v>7</v>
      </c>
    </row>
    <row r="1172">
      <c r="A1172" s="1">
        <v>4.90387298E8</v>
      </c>
      <c r="B1172" s="2">
        <v>11847.0</v>
      </c>
      <c r="C1172" s="1" t="s">
        <v>5</v>
      </c>
      <c r="D1172" s="1" t="s">
        <v>11</v>
      </c>
      <c r="E1172" s="1" t="s">
        <v>7</v>
      </c>
    </row>
    <row r="1173">
      <c r="A1173" s="1">
        <v>4.90387303E8</v>
      </c>
      <c r="B1173" s="3">
        <v>11839.0</v>
      </c>
      <c r="C1173" s="1" t="s">
        <v>5</v>
      </c>
      <c r="D1173" s="1" t="s">
        <v>997</v>
      </c>
      <c r="E1173" s="1" t="s">
        <v>7</v>
      </c>
    </row>
    <row r="1174">
      <c r="A1174" s="1">
        <v>4.90387304E8</v>
      </c>
      <c r="B1174" s="3">
        <v>11837.0</v>
      </c>
      <c r="C1174" s="1" t="s">
        <v>5</v>
      </c>
      <c r="D1174" s="1" t="s">
        <v>998</v>
      </c>
      <c r="E1174" s="1" t="s">
        <v>7</v>
      </c>
    </row>
    <row r="1175">
      <c r="A1175" s="1">
        <v>4.90387308E8</v>
      </c>
      <c r="B1175" s="2">
        <v>11847.0</v>
      </c>
      <c r="C1175" s="1" t="s">
        <v>5</v>
      </c>
      <c r="D1175" s="1" t="s">
        <v>999</v>
      </c>
      <c r="E1175" s="1" t="s">
        <v>7</v>
      </c>
    </row>
    <row r="1176">
      <c r="A1176" s="1">
        <v>4.90387309E8</v>
      </c>
      <c r="B1176" s="3">
        <v>11837.0</v>
      </c>
      <c r="C1176" s="1" t="s">
        <v>5</v>
      </c>
      <c r="D1176" s="1" t="s">
        <v>1000</v>
      </c>
      <c r="E1176" s="1" t="s">
        <v>7</v>
      </c>
    </row>
    <row r="1177">
      <c r="A1177" s="1">
        <v>4.9038731E8</v>
      </c>
      <c r="B1177" s="2">
        <v>11847.0</v>
      </c>
      <c r="C1177" s="1" t="s">
        <v>5</v>
      </c>
      <c r="D1177" s="1" t="s">
        <v>11</v>
      </c>
      <c r="E1177" s="1" t="s">
        <v>7</v>
      </c>
    </row>
    <row r="1178">
      <c r="A1178" s="1">
        <v>4.90387311E8</v>
      </c>
      <c r="B1178" s="2">
        <v>11780.0</v>
      </c>
      <c r="C1178" s="1" t="s">
        <v>5</v>
      </c>
      <c r="D1178" s="1" t="s">
        <v>1001</v>
      </c>
      <c r="E1178" s="1" t="s">
        <v>11</v>
      </c>
    </row>
    <row r="1179">
      <c r="A1179" s="1">
        <v>4.90387312E8</v>
      </c>
      <c r="B1179" s="3">
        <v>11836.0</v>
      </c>
      <c r="C1179" s="1" t="s">
        <v>5</v>
      </c>
      <c r="D1179" s="1" t="s">
        <v>11</v>
      </c>
      <c r="E1179" s="1" t="s">
        <v>7</v>
      </c>
    </row>
    <row r="1180">
      <c r="A1180" s="1">
        <v>4.90387318E8</v>
      </c>
      <c r="B1180" s="3">
        <v>11834.0</v>
      </c>
      <c r="C1180" s="1" t="s">
        <v>5</v>
      </c>
      <c r="D1180" s="1" t="s">
        <v>1002</v>
      </c>
      <c r="E1180" s="1" t="s">
        <v>7</v>
      </c>
    </row>
    <row r="1181">
      <c r="A1181" s="1">
        <v>4.90387322E8</v>
      </c>
      <c r="B1181" s="3">
        <v>11836.0</v>
      </c>
      <c r="C1181" s="1" t="s">
        <v>5</v>
      </c>
      <c r="D1181" s="1" t="s">
        <v>1003</v>
      </c>
      <c r="E1181" s="1" t="s">
        <v>7</v>
      </c>
    </row>
    <row r="1182">
      <c r="A1182" s="1">
        <v>4.90387329E8</v>
      </c>
      <c r="B1182" s="3">
        <v>11833.0</v>
      </c>
      <c r="C1182" s="1" t="s">
        <v>5</v>
      </c>
      <c r="D1182" s="1" t="s">
        <v>1004</v>
      </c>
      <c r="E1182" s="1" t="s">
        <v>7</v>
      </c>
    </row>
    <row r="1183">
      <c r="A1183" s="1">
        <v>4.9038733E8</v>
      </c>
      <c r="B1183" s="3">
        <v>11834.0</v>
      </c>
      <c r="C1183" s="1" t="s">
        <v>5</v>
      </c>
      <c r="D1183" s="1" t="s">
        <v>1005</v>
      </c>
      <c r="E1183" s="1" t="s">
        <v>7</v>
      </c>
    </row>
    <row r="1184">
      <c r="A1184" s="1">
        <v>4.90387333E8</v>
      </c>
      <c r="B1184" s="3">
        <v>11838.0</v>
      </c>
      <c r="C1184" s="1" t="s">
        <v>5</v>
      </c>
      <c r="D1184" s="1" t="s">
        <v>7</v>
      </c>
      <c r="E1184" s="1" t="s">
        <v>7</v>
      </c>
    </row>
    <row r="1185">
      <c r="A1185" s="1">
        <v>4.90387339E8</v>
      </c>
      <c r="B1185" s="3">
        <v>11836.0</v>
      </c>
      <c r="C1185" s="1" t="s">
        <v>5</v>
      </c>
      <c r="D1185" s="1" t="s">
        <v>1006</v>
      </c>
      <c r="E1185" s="1" t="s">
        <v>7</v>
      </c>
    </row>
    <row r="1186">
      <c r="A1186" s="1">
        <v>4.90387344E8</v>
      </c>
      <c r="B1186" s="3">
        <v>11838.0</v>
      </c>
      <c r="C1186" s="1" t="s">
        <v>5</v>
      </c>
      <c r="D1186" s="1" t="s">
        <v>1007</v>
      </c>
      <c r="E1186" s="1" t="s">
        <v>7</v>
      </c>
    </row>
    <row r="1187">
      <c r="A1187" s="1">
        <v>4.90387346E8</v>
      </c>
      <c r="B1187" s="2">
        <v>11847.0</v>
      </c>
      <c r="C1187" s="1" t="s">
        <v>5</v>
      </c>
      <c r="D1187" s="1" t="s">
        <v>1008</v>
      </c>
      <c r="E1187" s="1" t="s">
        <v>7</v>
      </c>
    </row>
    <row r="1188">
      <c r="A1188" s="1">
        <v>4.90387348E8</v>
      </c>
      <c r="B1188" s="3">
        <v>11838.0</v>
      </c>
      <c r="C1188" s="1" t="s">
        <v>5</v>
      </c>
      <c r="D1188" s="1" t="s">
        <v>1009</v>
      </c>
      <c r="E1188" s="1" t="s">
        <v>1010</v>
      </c>
    </row>
    <row r="1189">
      <c r="A1189" s="1">
        <v>4.90387352E8</v>
      </c>
      <c r="B1189" s="3">
        <v>11836.0</v>
      </c>
      <c r="C1189" s="1" t="s">
        <v>5</v>
      </c>
      <c r="D1189" s="1" t="s">
        <v>1011</v>
      </c>
      <c r="E1189" s="1" t="s">
        <v>7</v>
      </c>
    </row>
    <row r="1190">
      <c r="A1190" s="1">
        <v>4.90387356E8</v>
      </c>
      <c r="B1190" s="2">
        <v>11789.0</v>
      </c>
      <c r="C1190" s="1" t="s">
        <v>5</v>
      </c>
      <c r="D1190" s="1" t="s">
        <v>1012</v>
      </c>
      <c r="E1190" s="1" t="s">
        <v>11</v>
      </c>
    </row>
    <row r="1191">
      <c r="A1191" s="1">
        <v>4.90387357E8</v>
      </c>
      <c r="B1191" s="3">
        <v>11835.0</v>
      </c>
      <c r="C1191" s="1" t="s">
        <v>5</v>
      </c>
      <c r="D1191" s="1" t="s">
        <v>1013</v>
      </c>
      <c r="E1191" s="1" t="s">
        <v>7</v>
      </c>
    </row>
    <row r="1192">
      <c r="A1192" s="1">
        <v>4.90387358E8</v>
      </c>
      <c r="B1192" s="3">
        <v>11838.0</v>
      </c>
      <c r="C1192" s="1" t="s">
        <v>5</v>
      </c>
      <c r="D1192" s="1" t="s">
        <v>11</v>
      </c>
      <c r="E1192" s="1" t="s">
        <v>7</v>
      </c>
    </row>
    <row r="1193">
      <c r="A1193" s="1">
        <v>4.90387359E8</v>
      </c>
      <c r="B1193" s="3">
        <v>11834.0</v>
      </c>
      <c r="C1193" s="1" t="s">
        <v>5</v>
      </c>
      <c r="D1193" s="1" t="s">
        <v>1014</v>
      </c>
      <c r="E1193" s="1" t="s">
        <v>1015</v>
      </c>
    </row>
    <row r="1194">
      <c r="A1194" s="1">
        <v>4.9038736E8</v>
      </c>
      <c r="B1194" s="3">
        <v>11833.0</v>
      </c>
      <c r="C1194" s="1" t="s">
        <v>5</v>
      </c>
      <c r="D1194" s="1" t="s">
        <v>1016</v>
      </c>
      <c r="E1194" s="1" t="s">
        <v>7</v>
      </c>
    </row>
    <row r="1195">
      <c r="A1195" s="1">
        <v>4.90387365E8</v>
      </c>
      <c r="B1195" s="3">
        <v>11838.0</v>
      </c>
      <c r="C1195" s="1" t="s">
        <v>5</v>
      </c>
      <c r="D1195" s="1" t="s">
        <v>1017</v>
      </c>
      <c r="E1195" s="1" t="s">
        <v>7</v>
      </c>
    </row>
    <row r="1196">
      <c r="A1196" s="1">
        <v>4.90387366E8</v>
      </c>
      <c r="B1196" s="3">
        <v>11834.0</v>
      </c>
      <c r="C1196" s="1" t="s">
        <v>5</v>
      </c>
      <c r="D1196" s="1" t="s">
        <v>11</v>
      </c>
      <c r="E1196" s="1" t="s">
        <v>7</v>
      </c>
    </row>
    <row r="1197">
      <c r="A1197" s="1">
        <v>4.90387367E8</v>
      </c>
      <c r="B1197" s="3">
        <v>11836.0</v>
      </c>
      <c r="C1197" s="1" t="s">
        <v>5</v>
      </c>
      <c r="D1197" s="1" t="s">
        <v>11</v>
      </c>
      <c r="E1197" s="1" t="s">
        <v>7</v>
      </c>
    </row>
    <row r="1198">
      <c r="A1198" s="1">
        <v>4.90387371E8</v>
      </c>
      <c r="B1198" s="3">
        <v>11838.0</v>
      </c>
      <c r="C1198" s="1" t="s">
        <v>5</v>
      </c>
      <c r="D1198" s="1" t="s">
        <v>1018</v>
      </c>
      <c r="E1198" s="1" t="s">
        <v>7</v>
      </c>
    </row>
    <row r="1199">
      <c r="A1199" s="1">
        <v>4.90387375E8</v>
      </c>
      <c r="B1199" s="3">
        <v>11837.0</v>
      </c>
      <c r="C1199" s="1" t="s">
        <v>5</v>
      </c>
      <c r="D1199" s="1" t="s">
        <v>1019</v>
      </c>
      <c r="E1199" s="1" t="s">
        <v>7</v>
      </c>
    </row>
    <row r="1200">
      <c r="A1200" s="1">
        <v>4.90387382E8</v>
      </c>
      <c r="B1200" s="3">
        <v>11833.0</v>
      </c>
      <c r="C1200" s="1" t="s">
        <v>5</v>
      </c>
      <c r="D1200" s="1" t="s">
        <v>1020</v>
      </c>
      <c r="E1200" s="1" t="s">
        <v>11</v>
      </c>
    </row>
    <row r="1201">
      <c r="A1201" s="1">
        <v>4.90387383E8</v>
      </c>
      <c r="B1201" s="3">
        <v>11810.0</v>
      </c>
      <c r="C1201" s="1" t="s">
        <v>5</v>
      </c>
      <c r="D1201" s="1" t="s">
        <v>1021</v>
      </c>
      <c r="E1201" s="1" t="s">
        <v>7</v>
      </c>
    </row>
    <row r="1202">
      <c r="A1202" s="1">
        <v>4.90387387E8</v>
      </c>
      <c r="B1202" s="3">
        <v>11834.0</v>
      </c>
      <c r="C1202" s="1" t="s">
        <v>5</v>
      </c>
      <c r="D1202" s="1" t="s">
        <v>11</v>
      </c>
      <c r="E1202" s="1" t="s">
        <v>7</v>
      </c>
    </row>
    <row r="1203">
      <c r="A1203" s="1">
        <v>4.9038739E8</v>
      </c>
      <c r="B1203" s="3">
        <v>11838.0</v>
      </c>
      <c r="C1203" s="1" t="s">
        <v>5</v>
      </c>
      <c r="D1203" s="1" t="s">
        <v>7</v>
      </c>
      <c r="E1203" s="1" t="s">
        <v>7</v>
      </c>
    </row>
    <row r="1204">
      <c r="A1204" s="1">
        <v>4.90387392E8</v>
      </c>
      <c r="B1204" s="3">
        <v>11836.0</v>
      </c>
      <c r="C1204" s="1" t="s">
        <v>5</v>
      </c>
      <c r="D1204" s="1" t="s">
        <v>1022</v>
      </c>
      <c r="E1204" s="1" t="s">
        <v>7</v>
      </c>
    </row>
    <row r="1205">
      <c r="A1205" s="1">
        <v>4.90387394E8</v>
      </c>
      <c r="B1205" s="3">
        <v>11835.0</v>
      </c>
      <c r="C1205" s="1" t="s">
        <v>5</v>
      </c>
      <c r="D1205" s="1" t="s">
        <v>11</v>
      </c>
      <c r="E1205" s="1" t="s">
        <v>7</v>
      </c>
    </row>
    <row r="1206">
      <c r="A1206" s="1">
        <v>4.90387396E8</v>
      </c>
      <c r="B1206" s="2">
        <v>11789.0</v>
      </c>
      <c r="C1206" s="1" t="s">
        <v>5</v>
      </c>
      <c r="D1206" s="1" t="s">
        <v>11</v>
      </c>
      <c r="E1206" s="1" t="s">
        <v>7</v>
      </c>
    </row>
    <row r="1207">
      <c r="A1207" s="1">
        <v>4.90387398E8</v>
      </c>
      <c r="B1207" s="3">
        <v>11838.0</v>
      </c>
      <c r="C1207" s="1" t="s">
        <v>5</v>
      </c>
      <c r="D1207" s="1" t="s">
        <v>1023</v>
      </c>
      <c r="E1207" s="1" t="s">
        <v>7</v>
      </c>
    </row>
    <row r="1208">
      <c r="A1208" s="1">
        <v>4.90387403E8</v>
      </c>
      <c r="B1208" s="2">
        <v>11846.0</v>
      </c>
      <c r="C1208" s="1" t="s">
        <v>5</v>
      </c>
      <c r="D1208" s="1" t="s">
        <v>1024</v>
      </c>
      <c r="E1208" s="1" t="s">
        <v>7</v>
      </c>
    </row>
    <row r="1209">
      <c r="A1209" s="1">
        <v>4.90387407E8</v>
      </c>
      <c r="B1209" s="3">
        <v>11837.0</v>
      </c>
      <c r="C1209" s="1" t="s">
        <v>5</v>
      </c>
      <c r="D1209" s="1" t="s">
        <v>1025</v>
      </c>
      <c r="E1209" s="1" t="s">
        <v>11</v>
      </c>
    </row>
    <row r="1210">
      <c r="A1210" s="1">
        <v>4.90387409E8</v>
      </c>
      <c r="B1210" s="3">
        <v>11836.0</v>
      </c>
      <c r="C1210" s="1" t="s">
        <v>5</v>
      </c>
      <c r="D1210" s="1" t="s">
        <v>1026</v>
      </c>
      <c r="E1210" s="1" t="s">
        <v>7</v>
      </c>
    </row>
    <row r="1211">
      <c r="A1211" s="1">
        <v>4.9038741E8</v>
      </c>
      <c r="B1211" s="2">
        <v>11846.0</v>
      </c>
      <c r="C1211" s="1" t="s">
        <v>5</v>
      </c>
      <c r="D1211" s="1" t="s">
        <v>1027</v>
      </c>
      <c r="E1211" s="1" t="s">
        <v>11</v>
      </c>
    </row>
    <row r="1212">
      <c r="A1212" s="1">
        <v>4.90387411E8</v>
      </c>
      <c r="B1212" s="2">
        <v>11845.0</v>
      </c>
      <c r="C1212" s="1" t="s">
        <v>5</v>
      </c>
      <c r="D1212" s="1" t="s">
        <v>11</v>
      </c>
      <c r="E1212" s="1" t="s">
        <v>7</v>
      </c>
    </row>
    <row r="1213">
      <c r="A1213" s="1">
        <v>4.90387412E8</v>
      </c>
      <c r="B1213" s="2">
        <v>11789.0</v>
      </c>
      <c r="C1213" s="1" t="s">
        <v>5</v>
      </c>
      <c r="D1213" s="1" t="s">
        <v>1028</v>
      </c>
      <c r="E1213" s="1" t="s">
        <v>11</v>
      </c>
    </row>
    <row r="1214">
      <c r="A1214" s="1">
        <v>4.90387413E8</v>
      </c>
      <c r="B1214" s="3">
        <v>11836.0</v>
      </c>
      <c r="C1214" s="1" t="s">
        <v>5</v>
      </c>
      <c r="D1214" s="1" t="s">
        <v>1029</v>
      </c>
      <c r="E1214" s="1" t="s">
        <v>7</v>
      </c>
    </row>
    <row r="1215">
      <c r="A1215" s="1">
        <v>4.90387414E8</v>
      </c>
      <c r="B1215" s="3">
        <v>11835.0</v>
      </c>
      <c r="C1215" s="1" t="s">
        <v>5</v>
      </c>
      <c r="D1215" s="1" t="s">
        <v>11</v>
      </c>
      <c r="E1215" s="1" t="s">
        <v>7</v>
      </c>
    </row>
    <row r="1216">
      <c r="A1216" s="1">
        <v>4.90387416E8</v>
      </c>
      <c r="B1216" s="3">
        <v>11810.0</v>
      </c>
      <c r="C1216" s="1" t="s">
        <v>5</v>
      </c>
      <c r="D1216" s="1" t="s">
        <v>1030</v>
      </c>
      <c r="E1216" s="1" t="s">
        <v>7</v>
      </c>
    </row>
    <row r="1217">
      <c r="A1217" s="1">
        <v>4.90387418E8</v>
      </c>
      <c r="B1217" s="3">
        <v>11837.0</v>
      </c>
      <c r="C1217" s="1" t="s">
        <v>5</v>
      </c>
      <c r="D1217" s="1" t="s">
        <v>1031</v>
      </c>
      <c r="E1217" s="1" t="s">
        <v>7</v>
      </c>
    </row>
    <row r="1218">
      <c r="A1218" s="1">
        <v>4.90387419E8</v>
      </c>
      <c r="B1218" s="3">
        <v>11838.0</v>
      </c>
      <c r="C1218" s="1" t="s">
        <v>5</v>
      </c>
      <c r="D1218" s="1" t="s">
        <v>1032</v>
      </c>
      <c r="E1218" s="1" t="s">
        <v>7</v>
      </c>
    </row>
    <row r="1219">
      <c r="A1219" s="1">
        <v>4.90387422E8</v>
      </c>
      <c r="B1219" s="3">
        <v>11836.0</v>
      </c>
      <c r="C1219" s="1" t="s">
        <v>5</v>
      </c>
      <c r="D1219" s="1" t="s">
        <v>1033</v>
      </c>
      <c r="E1219" s="1" t="s">
        <v>7</v>
      </c>
    </row>
    <row r="1220">
      <c r="A1220" s="1">
        <v>4.90387424E8</v>
      </c>
      <c r="B1220" s="3">
        <v>11835.0</v>
      </c>
      <c r="C1220" s="1" t="s">
        <v>5</v>
      </c>
      <c r="D1220" s="1" t="s">
        <v>1034</v>
      </c>
      <c r="E1220" s="1" t="s">
        <v>7</v>
      </c>
    </row>
    <row r="1221">
      <c r="A1221" s="1">
        <v>4.90387426E8</v>
      </c>
      <c r="B1221" s="3">
        <v>11832.0</v>
      </c>
      <c r="C1221" s="1" t="s">
        <v>5</v>
      </c>
      <c r="D1221" s="1" t="s">
        <v>11</v>
      </c>
      <c r="E1221" s="1" t="s">
        <v>7</v>
      </c>
    </row>
    <row r="1222">
      <c r="A1222" s="1">
        <v>4.90387432E8</v>
      </c>
      <c r="B1222" s="2">
        <v>11792.0</v>
      </c>
      <c r="C1222" s="1" t="s">
        <v>5</v>
      </c>
      <c r="D1222" s="1" t="s">
        <v>1035</v>
      </c>
      <c r="E1222" s="1" t="s">
        <v>11</v>
      </c>
    </row>
    <row r="1223">
      <c r="A1223" s="1">
        <v>4.90387436E8</v>
      </c>
      <c r="B1223" s="2">
        <v>11845.0</v>
      </c>
      <c r="C1223" s="1" t="s">
        <v>5</v>
      </c>
      <c r="D1223" s="1" t="s">
        <v>11</v>
      </c>
      <c r="E1223" s="1" t="s">
        <v>7</v>
      </c>
    </row>
    <row r="1224">
      <c r="A1224" s="1">
        <v>4.90387438E8</v>
      </c>
      <c r="B1224" s="3">
        <v>11834.0</v>
      </c>
      <c r="C1224" s="1" t="s">
        <v>5</v>
      </c>
      <c r="D1224" s="1" t="s">
        <v>1036</v>
      </c>
      <c r="E1224" s="1" t="s">
        <v>7</v>
      </c>
    </row>
    <row r="1225">
      <c r="A1225" s="1">
        <v>4.90387439E8</v>
      </c>
      <c r="B1225" s="3">
        <v>11832.0</v>
      </c>
      <c r="C1225" s="1" t="s">
        <v>5</v>
      </c>
      <c r="D1225" s="1" t="s">
        <v>11</v>
      </c>
      <c r="E1225" s="1" t="s">
        <v>7</v>
      </c>
    </row>
    <row r="1226">
      <c r="A1226" s="1">
        <v>4.90387441E8</v>
      </c>
      <c r="B1226" s="3">
        <v>11836.0</v>
      </c>
      <c r="C1226" s="1" t="s">
        <v>5</v>
      </c>
      <c r="D1226" s="1" t="s">
        <v>1037</v>
      </c>
      <c r="E1226" s="1" t="s">
        <v>1038</v>
      </c>
    </row>
    <row r="1227">
      <c r="A1227" s="1">
        <v>4.90387442E8</v>
      </c>
      <c r="B1227" s="3">
        <v>11836.0</v>
      </c>
      <c r="C1227" s="1" t="s">
        <v>5</v>
      </c>
      <c r="D1227" s="1" t="s">
        <v>11</v>
      </c>
      <c r="E1227" s="1" t="s">
        <v>7</v>
      </c>
    </row>
    <row r="1228">
      <c r="A1228" s="1">
        <v>4.90387443E8</v>
      </c>
      <c r="B1228" s="3">
        <v>11838.0</v>
      </c>
      <c r="C1228" s="1" t="s">
        <v>5</v>
      </c>
      <c r="D1228" s="1" t="s">
        <v>1039</v>
      </c>
      <c r="E1228" s="1" t="s">
        <v>7</v>
      </c>
    </row>
    <row r="1229">
      <c r="A1229" s="1">
        <v>4.90387446E8</v>
      </c>
      <c r="B1229" s="3">
        <v>11810.0</v>
      </c>
      <c r="C1229" s="1" t="s">
        <v>5</v>
      </c>
      <c r="D1229" s="1" t="s">
        <v>1040</v>
      </c>
      <c r="E1229" s="1" t="s">
        <v>7</v>
      </c>
    </row>
    <row r="1230">
      <c r="A1230" s="1">
        <v>4.90387448E8</v>
      </c>
      <c r="B1230" s="2">
        <v>11792.0</v>
      </c>
      <c r="C1230" s="1" t="s">
        <v>5</v>
      </c>
      <c r="D1230" s="1" t="s">
        <v>11</v>
      </c>
      <c r="E1230" s="1" t="s">
        <v>7</v>
      </c>
    </row>
    <row r="1231">
      <c r="A1231" s="1">
        <v>4.90387451E8</v>
      </c>
      <c r="B1231" s="3">
        <v>11835.0</v>
      </c>
      <c r="C1231" s="1" t="s">
        <v>5</v>
      </c>
      <c r="D1231" s="1" t="s">
        <v>1041</v>
      </c>
      <c r="E1231" s="1" t="s">
        <v>7</v>
      </c>
    </row>
    <row r="1232">
      <c r="A1232" s="1">
        <v>4.90387452E8</v>
      </c>
      <c r="B1232" s="3">
        <v>11835.0</v>
      </c>
      <c r="C1232" s="1" t="s">
        <v>5</v>
      </c>
      <c r="D1232" s="1" t="s">
        <v>1042</v>
      </c>
      <c r="E1232" s="1" t="s">
        <v>7</v>
      </c>
    </row>
    <row r="1233">
      <c r="A1233" s="1">
        <v>4.90387453E8</v>
      </c>
      <c r="B1233" s="3">
        <v>11832.0</v>
      </c>
      <c r="C1233" s="1" t="s">
        <v>5</v>
      </c>
      <c r="D1233" s="1" t="s">
        <v>1043</v>
      </c>
      <c r="E1233" s="1" t="s">
        <v>7</v>
      </c>
    </row>
    <row r="1234">
      <c r="A1234" s="1">
        <v>4.90387454E8</v>
      </c>
      <c r="B1234" s="2">
        <v>11789.0</v>
      </c>
      <c r="C1234" s="1" t="s">
        <v>5</v>
      </c>
      <c r="D1234" s="1" t="s">
        <v>1044</v>
      </c>
      <c r="E1234" s="1" t="s">
        <v>7</v>
      </c>
    </row>
    <row r="1235">
      <c r="A1235" s="1">
        <v>4.90387456E8</v>
      </c>
      <c r="B1235" s="3">
        <v>11810.0</v>
      </c>
      <c r="C1235" s="1" t="s">
        <v>5</v>
      </c>
      <c r="D1235" s="1" t="s">
        <v>1045</v>
      </c>
      <c r="E1235" s="1" t="s">
        <v>7</v>
      </c>
    </row>
    <row r="1236">
      <c r="A1236" s="1">
        <v>4.90387464E8</v>
      </c>
      <c r="B1236" s="3">
        <v>11835.0</v>
      </c>
      <c r="C1236" s="1" t="s">
        <v>5</v>
      </c>
      <c r="D1236" s="1" t="s">
        <v>1046</v>
      </c>
      <c r="E1236" s="1" t="s">
        <v>11</v>
      </c>
    </row>
    <row r="1237">
      <c r="A1237" s="1">
        <v>4.90387465E8</v>
      </c>
      <c r="B1237" s="3">
        <v>11810.0</v>
      </c>
      <c r="C1237" s="1" t="s">
        <v>5</v>
      </c>
      <c r="D1237" s="1" t="s">
        <v>1047</v>
      </c>
      <c r="E1237" s="1" t="s">
        <v>7</v>
      </c>
    </row>
    <row r="1238">
      <c r="A1238" s="1">
        <v>4.90387467E8</v>
      </c>
      <c r="B1238" s="3">
        <v>11831.0</v>
      </c>
      <c r="C1238" s="1" t="s">
        <v>5</v>
      </c>
      <c r="D1238" s="1" t="s">
        <v>1048</v>
      </c>
      <c r="E1238" s="1" t="s">
        <v>1049</v>
      </c>
    </row>
    <row r="1239">
      <c r="A1239" s="1">
        <v>4.90387469E8</v>
      </c>
      <c r="B1239" s="3">
        <v>11838.0</v>
      </c>
      <c r="C1239" s="1" t="s">
        <v>5</v>
      </c>
      <c r="D1239" s="1" t="s">
        <v>1050</v>
      </c>
      <c r="E1239" s="1" t="s">
        <v>7</v>
      </c>
    </row>
    <row r="1240">
      <c r="A1240" s="1">
        <v>4.90387471E8</v>
      </c>
      <c r="B1240" s="3">
        <v>11837.0</v>
      </c>
      <c r="C1240" s="1" t="s">
        <v>5</v>
      </c>
      <c r="D1240" s="1" t="s">
        <v>1051</v>
      </c>
      <c r="E1240" s="1" t="s">
        <v>7</v>
      </c>
    </row>
    <row r="1241">
      <c r="A1241" s="1">
        <v>4.90387477E8</v>
      </c>
      <c r="B1241" s="3">
        <v>11812.0</v>
      </c>
      <c r="C1241" s="1" t="s">
        <v>5</v>
      </c>
      <c r="D1241" s="1" t="s">
        <v>1052</v>
      </c>
      <c r="E1241" s="1" t="s">
        <v>7</v>
      </c>
    </row>
    <row r="1242">
      <c r="A1242" s="1">
        <v>4.90387481E8</v>
      </c>
      <c r="B1242" s="3">
        <v>11836.0</v>
      </c>
      <c r="C1242" s="1" t="s">
        <v>5</v>
      </c>
      <c r="D1242" s="1" t="s">
        <v>1053</v>
      </c>
      <c r="E1242" s="1" t="s">
        <v>7</v>
      </c>
    </row>
    <row r="1243">
      <c r="A1243" s="1">
        <v>4.90387483E8</v>
      </c>
      <c r="B1243" s="2">
        <v>11786.0</v>
      </c>
      <c r="C1243" s="1" t="s">
        <v>5</v>
      </c>
      <c r="D1243" s="1" t="s">
        <v>1054</v>
      </c>
      <c r="E1243" s="1" t="s">
        <v>11</v>
      </c>
    </row>
    <row r="1244">
      <c r="A1244" s="1">
        <v>4.90387485E8</v>
      </c>
      <c r="B1244" s="3">
        <v>11838.0</v>
      </c>
      <c r="C1244" s="1" t="s">
        <v>5</v>
      </c>
      <c r="D1244" s="1" t="s">
        <v>1055</v>
      </c>
      <c r="E1244" s="1" t="s">
        <v>11</v>
      </c>
    </row>
    <row r="1245">
      <c r="A1245" s="1">
        <v>4.90387486E8</v>
      </c>
      <c r="B1245" s="3">
        <v>11836.0</v>
      </c>
      <c r="C1245" s="1" t="s">
        <v>5</v>
      </c>
      <c r="D1245" s="1" t="s">
        <v>1056</v>
      </c>
      <c r="E1245" s="1" t="s">
        <v>7</v>
      </c>
    </row>
    <row r="1246">
      <c r="A1246" s="1">
        <v>4.90387489E8</v>
      </c>
      <c r="B1246" s="3">
        <v>11836.0</v>
      </c>
      <c r="C1246" s="1" t="s">
        <v>5</v>
      </c>
      <c r="D1246" s="1" t="s">
        <v>1057</v>
      </c>
      <c r="E1246" s="1" t="s">
        <v>7</v>
      </c>
    </row>
    <row r="1247">
      <c r="A1247" s="1">
        <v>4.90387493E8</v>
      </c>
      <c r="B1247" s="2">
        <v>11845.0</v>
      </c>
      <c r="C1247" s="1" t="s">
        <v>5</v>
      </c>
      <c r="D1247" s="1" t="s">
        <v>1058</v>
      </c>
      <c r="E1247" s="1" t="s">
        <v>7</v>
      </c>
    </row>
    <row r="1248">
      <c r="A1248" s="1">
        <v>4.90387494E8</v>
      </c>
      <c r="B1248" s="3">
        <v>11812.0</v>
      </c>
      <c r="C1248" s="1" t="s">
        <v>5</v>
      </c>
      <c r="D1248" s="1" t="s">
        <v>1059</v>
      </c>
      <c r="E1248" s="1" t="s">
        <v>7</v>
      </c>
    </row>
    <row r="1249">
      <c r="A1249" s="1">
        <v>4.90387496E8</v>
      </c>
      <c r="B1249" s="3">
        <v>11836.0</v>
      </c>
      <c r="C1249" s="1" t="s">
        <v>5</v>
      </c>
      <c r="D1249" s="1" t="s">
        <v>1060</v>
      </c>
      <c r="E1249" s="1" t="s">
        <v>7</v>
      </c>
    </row>
    <row r="1250">
      <c r="A1250" s="1">
        <v>4.90387497E8</v>
      </c>
      <c r="B1250" s="2">
        <v>11845.0</v>
      </c>
      <c r="C1250" s="1" t="s">
        <v>5</v>
      </c>
      <c r="D1250" s="1" t="s">
        <v>1061</v>
      </c>
      <c r="E1250" s="1" t="s">
        <v>7</v>
      </c>
    </row>
    <row r="1251">
      <c r="A1251" s="1">
        <v>4.90387499E8</v>
      </c>
      <c r="B1251" s="2">
        <v>11791.0</v>
      </c>
      <c r="C1251" s="1" t="s">
        <v>5</v>
      </c>
      <c r="D1251" s="1" t="s">
        <v>1062</v>
      </c>
      <c r="E1251" s="1" t="s">
        <v>7</v>
      </c>
    </row>
    <row r="1252">
      <c r="A1252" s="1">
        <v>4.9038751E8</v>
      </c>
      <c r="B1252" s="2">
        <v>11846.0</v>
      </c>
      <c r="C1252" s="1" t="s">
        <v>5</v>
      </c>
      <c r="D1252" s="1" t="s">
        <v>11</v>
      </c>
      <c r="E1252" s="1" t="s">
        <v>7</v>
      </c>
    </row>
    <row r="1253">
      <c r="A1253" s="1">
        <v>4.90387511E8</v>
      </c>
      <c r="B1253" s="3">
        <v>11836.0</v>
      </c>
      <c r="C1253" s="1" t="s">
        <v>5</v>
      </c>
      <c r="D1253" s="1" t="s">
        <v>947</v>
      </c>
      <c r="E1253" s="1" t="s">
        <v>7</v>
      </c>
    </row>
    <row r="1254">
      <c r="A1254" s="1">
        <v>4.90387513E8</v>
      </c>
      <c r="B1254" s="2">
        <v>11845.0</v>
      </c>
      <c r="C1254" s="1" t="s">
        <v>5</v>
      </c>
      <c r="D1254" s="1" t="s">
        <v>1063</v>
      </c>
      <c r="E1254" s="1" t="s">
        <v>7</v>
      </c>
    </row>
    <row r="1255">
      <c r="A1255" s="1">
        <v>4.90387519E8</v>
      </c>
      <c r="B1255" s="2">
        <v>11785.0</v>
      </c>
      <c r="C1255" s="1" t="s">
        <v>5</v>
      </c>
      <c r="D1255" s="1" t="s">
        <v>1064</v>
      </c>
      <c r="E1255" s="1" t="s">
        <v>11</v>
      </c>
    </row>
    <row r="1256">
      <c r="A1256" s="1">
        <v>4.90387522E8</v>
      </c>
      <c r="B1256" s="3">
        <v>11835.0</v>
      </c>
      <c r="C1256" s="1" t="s">
        <v>5</v>
      </c>
      <c r="D1256" s="1" t="s">
        <v>1065</v>
      </c>
      <c r="E1256" s="1" t="s">
        <v>7</v>
      </c>
    </row>
    <row r="1257">
      <c r="A1257" s="1">
        <v>4.90387524E8</v>
      </c>
      <c r="B1257" s="3">
        <v>11836.0</v>
      </c>
      <c r="C1257" s="1" t="s">
        <v>5</v>
      </c>
      <c r="D1257" s="1" t="s">
        <v>11</v>
      </c>
      <c r="E1257" s="1" t="s">
        <v>7</v>
      </c>
    </row>
    <row r="1258">
      <c r="A1258" s="1">
        <v>4.90387529E8</v>
      </c>
      <c r="B1258" s="3">
        <v>11835.0</v>
      </c>
      <c r="C1258" s="1" t="s">
        <v>5</v>
      </c>
      <c r="D1258" s="1" t="s">
        <v>11</v>
      </c>
      <c r="E1258" s="1" t="s">
        <v>7</v>
      </c>
    </row>
    <row r="1259">
      <c r="A1259" s="1">
        <v>4.90387534E8</v>
      </c>
      <c r="B1259" s="3">
        <v>11833.0</v>
      </c>
      <c r="C1259" s="1" t="s">
        <v>5</v>
      </c>
      <c r="D1259" s="1" t="s">
        <v>1066</v>
      </c>
      <c r="E1259" s="1" t="s">
        <v>11</v>
      </c>
    </row>
    <row r="1260">
      <c r="A1260" s="1">
        <v>4.90387535E8</v>
      </c>
      <c r="B1260" s="3">
        <v>11836.0</v>
      </c>
      <c r="C1260" s="1" t="s">
        <v>5</v>
      </c>
      <c r="D1260" s="1" t="s">
        <v>1067</v>
      </c>
      <c r="E1260" s="1" t="s">
        <v>7</v>
      </c>
    </row>
    <row r="1261">
      <c r="A1261" s="1">
        <v>4.90387539E8</v>
      </c>
      <c r="B1261" s="2">
        <v>11785.0</v>
      </c>
      <c r="C1261" s="1" t="s">
        <v>5</v>
      </c>
      <c r="D1261" s="1" t="s">
        <v>11</v>
      </c>
      <c r="E1261" s="1" t="s">
        <v>7</v>
      </c>
    </row>
    <row r="1262">
      <c r="A1262" s="1">
        <v>4.90387544E8</v>
      </c>
      <c r="B1262" s="3">
        <v>11832.0</v>
      </c>
      <c r="C1262" s="1" t="s">
        <v>5</v>
      </c>
      <c r="D1262" s="1" t="s">
        <v>1068</v>
      </c>
      <c r="E1262" s="1" t="s">
        <v>7</v>
      </c>
    </row>
    <row r="1263">
      <c r="A1263" s="1">
        <v>4.90387546E8</v>
      </c>
      <c r="B1263" s="2">
        <v>11842.0</v>
      </c>
      <c r="C1263" s="1" t="s">
        <v>5</v>
      </c>
      <c r="D1263" s="1" t="s">
        <v>11</v>
      </c>
      <c r="E1263" s="1" t="s">
        <v>7</v>
      </c>
    </row>
    <row r="1264">
      <c r="A1264" s="1">
        <v>4.90387548E8</v>
      </c>
      <c r="B1264" s="3">
        <v>11836.0</v>
      </c>
      <c r="C1264" s="1" t="s">
        <v>5</v>
      </c>
      <c r="D1264" s="1" t="s">
        <v>1069</v>
      </c>
      <c r="E1264" s="1" t="s">
        <v>7</v>
      </c>
    </row>
    <row r="1265">
      <c r="A1265" s="1">
        <v>4.90387552E8</v>
      </c>
      <c r="B1265" s="3">
        <v>11834.0</v>
      </c>
      <c r="C1265" s="1" t="s">
        <v>5</v>
      </c>
      <c r="D1265" s="1" t="s">
        <v>1070</v>
      </c>
      <c r="E1265" s="1" t="s">
        <v>7</v>
      </c>
    </row>
    <row r="1266">
      <c r="A1266" s="1">
        <v>4.90387562E8</v>
      </c>
      <c r="B1266" s="3">
        <v>11836.0</v>
      </c>
      <c r="C1266" s="1" t="s">
        <v>5</v>
      </c>
      <c r="D1266" s="1" t="s">
        <v>1071</v>
      </c>
      <c r="E1266" s="1" t="s">
        <v>7</v>
      </c>
    </row>
    <row r="1267">
      <c r="A1267" s="1">
        <v>4.90387566E8</v>
      </c>
      <c r="B1267" s="2">
        <v>11842.0</v>
      </c>
      <c r="C1267" s="1" t="s">
        <v>5</v>
      </c>
      <c r="D1267" s="1" t="s">
        <v>11</v>
      </c>
      <c r="E1267" s="1" t="s">
        <v>7</v>
      </c>
    </row>
    <row r="1268">
      <c r="A1268" s="1">
        <v>4.90387569E8</v>
      </c>
      <c r="B1268" s="3">
        <v>11829.0</v>
      </c>
      <c r="C1268" s="1" t="s">
        <v>5</v>
      </c>
      <c r="D1268" s="1" t="s">
        <v>1072</v>
      </c>
      <c r="E1268" s="1" t="s">
        <v>7</v>
      </c>
    </row>
    <row r="1269">
      <c r="A1269" s="1">
        <v>4.9038757E8</v>
      </c>
      <c r="B1269" s="2">
        <v>11846.0</v>
      </c>
      <c r="C1269" s="1" t="s">
        <v>5</v>
      </c>
      <c r="D1269" s="1" t="s">
        <v>1073</v>
      </c>
      <c r="E1269" s="1" t="s">
        <v>7</v>
      </c>
    </row>
    <row r="1270">
      <c r="A1270" s="1">
        <v>4.90387571E8</v>
      </c>
      <c r="B1270" s="3">
        <v>11834.0</v>
      </c>
      <c r="C1270" s="1" t="s">
        <v>5</v>
      </c>
      <c r="D1270" s="1" t="s">
        <v>1074</v>
      </c>
      <c r="E1270" s="1" t="s">
        <v>1075</v>
      </c>
    </row>
    <row r="1271">
      <c r="A1271" s="1">
        <v>4.90387572E8</v>
      </c>
      <c r="B1271" s="3">
        <v>11834.0</v>
      </c>
      <c r="C1271" s="1" t="s">
        <v>5</v>
      </c>
      <c r="D1271" s="1" t="s">
        <v>1076</v>
      </c>
      <c r="E1271" s="1" t="s">
        <v>7</v>
      </c>
    </row>
    <row r="1272">
      <c r="A1272" s="1">
        <v>4.90387573E8</v>
      </c>
      <c r="B1272" s="3">
        <v>11837.0</v>
      </c>
      <c r="C1272" s="1" t="s">
        <v>5</v>
      </c>
      <c r="D1272" s="1" t="s">
        <v>1077</v>
      </c>
      <c r="E1272" s="1" t="s">
        <v>11</v>
      </c>
    </row>
    <row r="1273">
      <c r="A1273" s="1">
        <v>4.90387576E8</v>
      </c>
      <c r="B1273" s="3">
        <v>11835.0</v>
      </c>
      <c r="C1273" s="1" t="s">
        <v>5</v>
      </c>
      <c r="D1273" s="1" t="s">
        <v>1078</v>
      </c>
      <c r="E1273" s="1" t="s">
        <v>7</v>
      </c>
    </row>
    <row r="1274">
      <c r="A1274" s="1">
        <v>4.90387581E8</v>
      </c>
      <c r="B1274" s="3">
        <v>11836.0</v>
      </c>
      <c r="C1274" s="1" t="s">
        <v>5</v>
      </c>
      <c r="D1274" s="1" t="s">
        <v>1079</v>
      </c>
      <c r="E1274" s="1" t="s">
        <v>7</v>
      </c>
    </row>
    <row r="1275">
      <c r="A1275" s="1">
        <v>4.90387582E8</v>
      </c>
      <c r="B1275" s="3">
        <v>11832.0</v>
      </c>
      <c r="C1275" s="1" t="s">
        <v>5</v>
      </c>
      <c r="D1275" s="1" t="s">
        <v>11</v>
      </c>
      <c r="E1275" s="1" t="s">
        <v>7</v>
      </c>
    </row>
    <row r="1276">
      <c r="A1276" s="1">
        <v>4.90387583E8</v>
      </c>
      <c r="B1276" s="3">
        <v>11829.0</v>
      </c>
      <c r="C1276" s="1" t="s">
        <v>5</v>
      </c>
      <c r="D1276" s="1" t="s">
        <v>1080</v>
      </c>
      <c r="E1276" s="1" t="s">
        <v>11</v>
      </c>
    </row>
    <row r="1277">
      <c r="A1277" s="1">
        <v>4.90387584E8</v>
      </c>
      <c r="B1277" s="3">
        <v>11835.0</v>
      </c>
      <c r="C1277" s="1" t="s">
        <v>5</v>
      </c>
      <c r="D1277" s="1" t="s">
        <v>1081</v>
      </c>
      <c r="E1277" s="1" t="s">
        <v>7</v>
      </c>
    </row>
    <row r="1278">
      <c r="A1278" s="1">
        <v>4.90387588E8</v>
      </c>
      <c r="B1278" s="2">
        <v>11841.0</v>
      </c>
      <c r="C1278" s="1" t="s">
        <v>5</v>
      </c>
      <c r="D1278" s="1" t="s">
        <v>1082</v>
      </c>
      <c r="E1278" s="1" t="s">
        <v>1083</v>
      </c>
    </row>
    <row r="1279">
      <c r="A1279" s="1">
        <v>4.90387592E8</v>
      </c>
      <c r="B1279" s="3">
        <v>11840.0</v>
      </c>
      <c r="C1279" s="1" t="s">
        <v>5</v>
      </c>
      <c r="D1279" s="1" t="s">
        <v>1084</v>
      </c>
      <c r="E1279" s="1" t="s">
        <v>7</v>
      </c>
    </row>
    <row r="1280">
      <c r="A1280" s="1">
        <v>4.90387593E8</v>
      </c>
      <c r="B1280" s="3">
        <v>11837.0</v>
      </c>
      <c r="C1280" s="1" t="s">
        <v>5</v>
      </c>
      <c r="D1280" s="1" t="s">
        <v>1085</v>
      </c>
      <c r="E1280" s="1" t="s">
        <v>11</v>
      </c>
    </row>
    <row r="1281">
      <c r="A1281" s="1">
        <v>4.90387597E8</v>
      </c>
      <c r="B1281" s="2">
        <v>11845.0</v>
      </c>
      <c r="C1281" s="1" t="s">
        <v>5</v>
      </c>
      <c r="D1281" s="1" t="s">
        <v>11</v>
      </c>
      <c r="E1281" s="1" t="s">
        <v>7</v>
      </c>
    </row>
    <row r="1282">
      <c r="A1282" s="1">
        <v>4.90387598E8</v>
      </c>
      <c r="B1282" s="3">
        <v>11832.0</v>
      </c>
      <c r="C1282" s="1" t="s">
        <v>5</v>
      </c>
      <c r="D1282" s="1" t="s">
        <v>1086</v>
      </c>
      <c r="E1282" s="1" t="s">
        <v>7</v>
      </c>
    </row>
    <row r="1283">
      <c r="A1283" s="1">
        <v>4.90387599E8</v>
      </c>
      <c r="B1283" s="3">
        <v>11831.0</v>
      </c>
      <c r="C1283" s="1" t="s">
        <v>5</v>
      </c>
      <c r="D1283" s="1" t="s">
        <v>1087</v>
      </c>
      <c r="E1283" s="1" t="s">
        <v>7</v>
      </c>
    </row>
    <row r="1284">
      <c r="A1284" s="1">
        <v>4.90387603E8</v>
      </c>
      <c r="B1284" s="2">
        <v>11785.0</v>
      </c>
      <c r="C1284" s="1" t="s">
        <v>5</v>
      </c>
      <c r="D1284" s="1" t="s">
        <v>1088</v>
      </c>
      <c r="E1284" s="1" t="s">
        <v>7</v>
      </c>
    </row>
    <row r="1285">
      <c r="A1285" s="1">
        <v>4.90387607E8</v>
      </c>
      <c r="B1285" s="3">
        <v>11834.0</v>
      </c>
      <c r="C1285" s="1" t="s">
        <v>5</v>
      </c>
      <c r="D1285" s="1" t="s">
        <v>1089</v>
      </c>
      <c r="E1285" s="1" t="s">
        <v>7</v>
      </c>
    </row>
    <row r="1286">
      <c r="A1286" s="1">
        <v>4.90387608E8</v>
      </c>
      <c r="B1286" s="3">
        <v>11836.0</v>
      </c>
      <c r="C1286" s="1" t="s">
        <v>5</v>
      </c>
      <c r="D1286" s="1" t="s">
        <v>1090</v>
      </c>
      <c r="E1286" s="1" t="s">
        <v>7</v>
      </c>
    </row>
    <row r="1287">
      <c r="A1287" s="1">
        <v>4.90387611E8</v>
      </c>
      <c r="B1287" s="3">
        <v>11810.0</v>
      </c>
      <c r="C1287" s="1" t="s">
        <v>5</v>
      </c>
      <c r="D1287" s="1" t="s">
        <v>11</v>
      </c>
      <c r="E1287" s="1" t="s">
        <v>7</v>
      </c>
    </row>
    <row r="1288">
      <c r="A1288" s="1">
        <v>4.90387614E8</v>
      </c>
      <c r="B1288" s="2">
        <v>11841.0</v>
      </c>
      <c r="C1288" s="1" t="s">
        <v>5</v>
      </c>
      <c r="D1288" s="1" t="s">
        <v>1091</v>
      </c>
      <c r="E1288" s="1" t="s">
        <v>1092</v>
      </c>
    </row>
    <row r="1289">
      <c r="A1289" s="1">
        <v>4.90387616E8</v>
      </c>
      <c r="B1289" s="3">
        <v>11828.0</v>
      </c>
      <c r="C1289" s="1" t="s">
        <v>5</v>
      </c>
      <c r="D1289" s="1" t="s">
        <v>1093</v>
      </c>
      <c r="E1289" s="1" t="s">
        <v>7</v>
      </c>
    </row>
    <row r="1290">
      <c r="A1290" s="1">
        <v>4.90387617E8</v>
      </c>
      <c r="B1290" s="3">
        <v>11834.0</v>
      </c>
      <c r="C1290" s="1" t="s">
        <v>5</v>
      </c>
      <c r="D1290" s="1" t="s">
        <v>1094</v>
      </c>
      <c r="E1290" s="1" t="s">
        <v>11</v>
      </c>
    </row>
    <row r="1291">
      <c r="A1291" s="1">
        <v>4.90387619E8</v>
      </c>
      <c r="B1291" s="3">
        <v>11835.0</v>
      </c>
      <c r="C1291" s="1" t="s">
        <v>5</v>
      </c>
      <c r="D1291" s="1" t="s">
        <v>1095</v>
      </c>
      <c r="E1291" s="1" t="s">
        <v>7</v>
      </c>
    </row>
    <row r="1292">
      <c r="A1292" s="1">
        <v>4.90387622E8</v>
      </c>
      <c r="B1292" s="2">
        <v>11841.0</v>
      </c>
      <c r="C1292" s="1" t="s">
        <v>5</v>
      </c>
      <c r="D1292" s="1" t="s">
        <v>1096</v>
      </c>
      <c r="E1292" s="1" t="s">
        <v>7</v>
      </c>
    </row>
    <row r="1293">
      <c r="A1293" s="1">
        <v>4.90387623E8</v>
      </c>
      <c r="B1293" s="3">
        <v>11831.0</v>
      </c>
      <c r="C1293" s="1" t="s">
        <v>5</v>
      </c>
      <c r="D1293" s="1" t="s">
        <v>1097</v>
      </c>
      <c r="E1293" s="1" t="s">
        <v>7</v>
      </c>
    </row>
    <row r="1294">
      <c r="A1294" s="1">
        <v>4.90387624E8</v>
      </c>
      <c r="B1294" s="3">
        <v>11810.0</v>
      </c>
      <c r="C1294" s="1" t="s">
        <v>5</v>
      </c>
      <c r="D1294" s="1" t="s">
        <v>11</v>
      </c>
      <c r="E1294" s="1" t="s">
        <v>7</v>
      </c>
    </row>
    <row r="1295">
      <c r="A1295" s="1">
        <v>4.90387629E8</v>
      </c>
      <c r="B1295" s="2">
        <v>11789.0</v>
      </c>
      <c r="C1295" s="1" t="s">
        <v>5</v>
      </c>
      <c r="D1295" s="1" t="s">
        <v>1098</v>
      </c>
      <c r="E1295" s="1" t="s">
        <v>11</v>
      </c>
    </row>
    <row r="1296">
      <c r="A1296" s="1">
        <v>4.90387632E8</v>
      </c>
      <c r="B1296" s="3">
        <v>11834.0</v>
      </c>
      <c r="C1296" s="1" t="s">
        <v>5</v>
      </c>
      <c r="D1296" s="1" t="s">
        <v>1099</v>
      </c>
      <c r="E1296" s="1" t="s">
        <v>11</v>
      </c>
    </row>
    <row r="1297">
      <c r="A1297" s="1">
        <v>4.90387635E8</v>
      </c>
      <c r="B1297" s="3">
        <v>11832.0</v>
      </c>
      <c r="C1297" s="1" t="s">
        <v>5</v>
      </c>
      <c r="D1297" s="1" t="s">
        <v>1100</v>
      </c>
      <c r="E1297" s="1" t="s">
        <v>7</v>
      </c>
    </row>
    <row r="1298">
      <c r="A1298" s="1">
        <v>4.90387637E8</v>
      </c>
      <c r="B1298" s="3">
        <v>11834.0</v>
      </c>
      <c r="C1298" s="1" t="s">
        <v>5</v>
      </c>
      <c r="D1298" s="1" t="s">
        <v>1101</v>
      </c>
      <c r="E1298" s="1" t="s">
        <v>11</v>
      </c>
    </row>
    <row r="1299">
      <c r="A1299" s="1">
        <v>4.90387638E8</v>
      </c>
      <c r="B1299" s="2">
        <v>11842.0</v>
      </c>
      <c r="C1299" s="1" t="s">
        <v>5</v>
      </c>
      <c r="D1299" s="1" t="s">
        <v>1102</v>
      </c>
      <c r="E1299" s="1" t="s">
        <v>7</v>
      </c>
    </row>
    <row r="1300">
      <c r="A1300" s="1">
        <v>4.90387639E8</v>
      </c>
      <c r="B1300" s="3">
        <v>11836.0</v>
      </c>
      <c r="C1300" s="1" t="s">
        <v>5</v>
      </c>
      <c r="D1300" s="1" t="s">
        <v>1103</v>
      </c>
      <c r="E1300" s="1" t="s">
        <v>7</v>
      </c>
    </row>
    <row r="1301">
      <c r="A1301" s="1">
        <v>4.9038764E8</v>
      </c>
      <c r="B1301" s="2">
        <v>11845.0</v>
      </c>
      <c r="C1301" s="1" t="s">
        <v>5</v>
      </c>
      <c r="D1301" s="1" t="s">
        <v>1104</v>
      </c>
      <c r="E1301" s="1" t="s">
        <v>7</v>
      </c>
    </row>
    <row r="1302">
      <c r="A1302" s="1">
        <v>4.90387641E8</v>
      </c>
      <c r="B1302" s="3">
        <v>11810.0</v>
      </c>
      <c r="C1302" s="1" t="s">
        <v>5</v>
      </c>
      <c r="D1302" s="1" t="s">
        <v>1105</v>
      </c>
      <c r="E1302" s="1" t="s">
        <v>7</v>
      </c>
    </row>
    <row r="1303">
      <c r="A1303" s="1">
        <v>4.90387647E8</v>
      </c>
      <c r="B1303" s="2">
        <v>11841.0</v>
      </c>
      <c r="C1303" s="1" t="s">
        <v>5</v>
      </c>
      <c r="D1303" s="1" t="s">
        <v>1106</v>
      </c>
      <c r="E1303" s="1" t="s">
        <v>7</v>
      </c>
    </row>
    <row r="1304">
      <c r="A1304" s="1">
        <v>4.90387648E8</v>
      </c>
      <c r="B1304" s="2">
        <v>11789.0</v>
      </c>
      <c r="C1304" s="1" t="s">
        <v>5</v>
      </c>
      <c r="D1304" s="1" t="s">
        <v>11</v>
      </c>
      <c r="E1304" s="1" t="s">
        <v>7</v>
      </c>
    </row>
    <row r="1305">
      <c r="A1305" s="1">
        <v>4.90387653E8</v>
      </c>
      <c r="B1305" s="3">
        <v>11832.0</v>
      </c>
      <c r="C1305" s="1" t="s">
        <v>5</v>
      </c>
      <c r="D1305" s="1" t="s">
        <v>11</v>
      </c>
      <c r="E1305" s="1" t="s">
        <v>7</v>
      </c>
    </row>
    <row r="1306">
      <c r="A1306" s="1">
        <v>4.90387654E8</v>
      </c>
      <c r="B1306" s="2">
        <v>11841.0</v>
      </c>
      <c r="C1306" s="1" t="s">
        <v>5</v>
      </c>
      <c r="D1306" s="1" t="s">
        <v>1107</v>
      </c>
      <c r="E1306" s="1" t="s">
        <v>11</v>
      </c>
    </row>
    <row r="1307">
      <c r="A1307" s="1">
        <v>4.90387656E8</v>
      </c>
      <c r="B1307" s="2">
        <v>11845.0</v>
      </c>
      <c r="C1307" s="1" t="s">
        <v>5</v>
      </c>
      <c r="D1307" s="1" t="s">
        <v>11</v>
      </c>
      <c r="E1307" s="1" t="s">
        <v>7</v>
      </c>
    </row>
    <row r="1308">
      <c r="A1308" s="1">
        <v>4.90387657E8</v>
      </c>
      <c r="B1308" s="3">
        <v>11835.0</v>
      </c>
      <c r="C1308" s="1" t="s">
        <v>5</v>
      </c>
      <c r="D1308" s="1" t="s">
        <v>1108</v>
      </c>
      <c r="E1308" s="1" t="s">
        <v>7</v>
      </c>
    </row>
    <row r="1309">
      <c r="A1309" s="1">
        <v>4.90387664E8</v>
      </c>
      <c r="B1309" s="3">
        <v>11834.0</v>
      </c>
      <c r="C1309" s="1" t="s">
        <v>5</v>
      </c>
      <c r="D1309" s="1" t="s">
        <v>11</v>
      </c>
      <c r="E1309" s="1" t="s">
        <v>7</v>
      </c>
    </row>
    <row r="1310">
      <c r="A1310" s="1">
        <v>4.90387666E8</v>
      </c>
      <c r="B1310" s="3">
        <v>11840.0</v>
      </c>
      <c r="C1310" s="1" t="s">
        <v>5</v>
      </c>
      <c r="D1310" s="1" t="s">
        <v>1109</v>
      </c>
      <c r="E1310" s="1" t="s">
        <v>11</v>
      </c>
    </row>
    <row r="1311">
      <c r="A1311" s="1">
        <v>4.90387667E8</v>
      </c>
      <c r="B1311" s="2">
        <v>11842.0</v>
      </c>
      <c r="C1311" s="1" t="s">
        <v>5</v>
      </c>
      <c r="D1311" s="1" t="s">
        <v>11</v>
      </c>
      <c r="E1311" s="1" t="s">
        <v>7</v>
      </c>
    </row>
    <row r="1312">
      <c r="A1312" s="1">
        <v>4.90387668E8</v>
      </c>
      <c r="B1312" s="3">
        <v>11828.0</v>
      </c>
      <c r="C1312" s="1" t="s">
        <v>5</v>
      </c>
      <c r="D1312" s="1" t="s">
        <v>11</v>
      </c>
      <c r="E1312" s="1" t="s">
        <v>7</v>
      </c>
    </row>
    <row r="1313">
      <c r="A1313" s="1">
        <v>4.9038767E8</v>
      </c>
      <c r="B1313" s="3">
        <v>11831.0</v>
      </c>
      <c r="C1313" s="1" t="s">
        <v>5</v>
      </c>
      <c r="D1313" s="1" t="s">
        <v>1110</v>
      </c>
      <c r="E1313" s="1" t="s">
        <v>7</v>
      </c>
    </row>
    <row r="1314">
      <c r="A1314" s="1">
        <v>4.90387675E8</v>
      </c>
      <c r="B1314" s="2">
        <v>11789.0</v>
      </c>
      <c r="C1314" s="1" t="s">
        <v>5</v>
      </c>
      <c r="D1314" s="1" t="s">
        <v>1111</v>
      </c>
      <c r="E1314" s="1" t="s">
        <v>7</v>
      </c>
    </row>
    <row r="1315">
      <c r="A1315" s="1">
        <v>4.90387676E8</v>
      </c>
      <c r="B1315" s="3">
        <v>11834.0</v>
      </c>
      <c r="C1315" s="1" t="s">
        <v>5</v>
      </c>
      <c r="D1315" s="1" t="s">
        <v>1112</v>
      </c>
      <c r="E1315" s="1" t="s">
        <v>7</v>
      </c>
    </row>
    <row r="1316">
      <c r="A1316" s="1">
        <v>4.90387678E8</v>
      </c>
      <c r="B1316" s="3">
        <v>11835.0</v>
      </c>
      <c r="C1316" s="1" t="s">
        <v>5</v>
      </c>
      <c r="D1316" s="1" t="s">
        <v>1113</v>
      </c>
      <c r="E1316" s="1" t="s">
        <v>11</v>
      </c>
    </row>
    <row r="1317">
      <c r="A1317" s="1">
        <v>4.9038769E8</v>
      </c>
      <c r="B1317" s="3">
        <v>11832.0</v>
      </c>
      <c r="C1317" s="1" t="s">
        <v>5</v>
      </c>
      <c r="D1317" s="1" t="s">
        <v>1114</v>
      </c>
      <c r="E1317" s="1" t="s">
        <v>1115</v>
      </c>
    </row>
    <row r="1318">
      <c r="A1318" s="1">
        <v>4.90387692E8</v>
      </c>
      <c r="B1318" s="2">
        <v>11841.0</v>
      </c>
      <c r="C1318" s="1" t="s">
        <v>5</v>
      </c>
      <c r="D1318" s="1" t="s">
        <v>1116</v>
      </c>
      <c r="E1318" s="1" t="s">
        <v>11</v>
      </c>
    </row>
    <row r="1319">
      <c r="A1319" s="1">
        <v>4.90387695E8</v>
      </c>
      <c r="B1319" s="2">
        <v>11847.0</v>
      </c>
      <c r="C1319" s="1" t="s">
        <v>5</v>
      </c>
      <c r="D1319" s="1" t="s">
        <v>1117</v>
      </c>
      <c r="E1319" s="1" t="s">
        <v>7</v>
      </c>
    </row>
    <row r="1320">
      <c r="A1320" s="1">
        <v>4.90387696E8</v>
      </c>
      <c r="B1320" s="2">
        <v>11894.0</v>
      </c>
      <c r="C1320" s="1" t="s">
        <v>5</v>
      </c>
      <c r="D1320" s="1" t="s">
        <v>1118</v>
      </c>
      <c r="E1320" s="1" t="s">
        <v>7</v>
      </c>
    </row>
    <row r="1321">
      <c r="A1321" s="1">
        <v>4.90387698E8</v>
      </c>
      <c r="B1321" s="3">
        <v>11829.0</v>
      </c>
      <c r="C1321" s="1" t="s">
        <v>5</v>
      </c>
      <c r="D1321" s="1" t="s">
        <v>1119</v>
      </c>
      <c r="E1321" s="1" t="s">
        <v>7</v>
      </c>
    </row>
    <row r="1322">
      <c r="A1322" s="1">
        <v>4.90387699E8</v>
      </c>
      <c r="B1322" s="3">
        <v>11832.0</v>
      </c>
      <c r="C1322" s="1" t="s">
        <v>5</v>
      </c>
      <c r="D1322" s="1" t="s">
        <v>1120</v>
      </c>
      <c r="E1322" s="1" t="s">
        <v>11</v>
      </c>
    </row>
    <row r="1323">
      <c r="A1323" s="1">
        <v>4.90387702E8</v>
      </c>
      <c r="B1323" s="3">
        <v>11812.0</v>
      </c>
      <c r="C1323" s="1" t="s">
        <v>5</v>
      </c>
      <c r="D1323" s="1" t="s">
        <v>1121</v>
      </c>
      <c r="E1323" s="1" t="s">
        <v>11</v>
      </c>
    </row>
    <row r="1324">
      <c r="A1324" s="1">
        <v>4.90387705E8</v>
      </c>
      <c r="B1324" s="3">
        <v>11832.0</v>
      </c>
      <c r="C1324" s="1" t="s">
        <v>5</v>
      </c>
      <c r="D1324" s="1" t="s">
        <v>1122</v>
      </c>
      <c r="E1324" s="1" t="s">
        <v>7</v>
      </c>
    </row>
    <row r="1325">
      <c r="A1325" s="1">
        <v>4.90387708E8</v>
      </c>
      <c r="B1325" s="3">
        <v>11835.0</v>
      </c>
      <c r="C1325" s="1" t="s">
        <v>5</v>
      </c>
      <c r="D1325" s="1" t="s">
        <v>1123</v>
      </c>
      <c r="E1325" s="1" t="s">
        <v>11</v>
      </c>
    </row>
    <row r="1326">
      <c r="A1326" s="1">
        <v>4.9038771E8</v>
      </c>
      <c r="B1326" s="2">
        <v>11841.0</v>
      </c>
      <c r="C1326" s="1" t="s">
        <v>5</v>
      </c>
      <c r="D1326" s="1" t="s">
        <v>1124</v>
      </c>
      <c r="E1326" s="1" t="s">
        <v>7</v>
      </c>
    </row>
    <row r="1327">
      <c r="A1327" s="1">
        <v>4.90387713E8</v>
      </c>
      <c r="B1327" s="2">
        <v>11847.0</v>
      </c>
      <c r="C1327" s="1" t="s">
        <v>5</v>
      </c>
      <c r="D1327" s="1" t="s">
        <v>1125</v>
      </c>
      <c r="E1327" s="1" t="s">
        <v>7</v>
      </c>
    </row>
    <row r="1328">
      <c r="A1328" s="1">
        <v>4.90387716E8</v>
      </c>
      <c r="B1328" s="3">
        <v>11834.0</v>
      </c>
      <c r="C1328" s="1" t="s">
        <v>5</v>
      </c>
      <c r="D1328" s="1" t="s">
        <v>1126</v>
      </c>
      <c r="E1328" s="1" t="s">
        <v>1127</v>
      </c>
    </row>
    <row r="1329">
      <c r="A1329" s="1">
        <v>4.90387717E8</v>
      </c>
      <c r="B1329" s="2">
        <v>11842.0</v>
      </c>
      <c r="C1329" s="1" t="s">
        <v>5</v>
      </c>
      <c r="D1329" s="1" t="s">
        <v>1128</v>
      </c>
      <c r="E1329" s="1" t="s">
        <v>11</v>
      </c>
    </row>
    <row r="1330">
      <c r="A1330" s="1">
        <v>4.90387719E8</v>
      </c>
      <c r="B1330" s="3">
        <v>11832.0</v>
      </c>
      <c r="C1330" s="1" t="s">
        <v>5</v>
      </c>
      <c r="D1330" s="1" t="s">
        <v>1129</v>
      </c>
      <c r="E1330" s="1" t="s">
        <v>7</v>
      </c>
    </row>
    <row r="1331">
      <c r="A1331" s="1">
        <v>4.9038772E8</v>
      </c>
      <c r="B1331" s="2">
        <v>11789.0</v>
      </c>
      <c r="C1331" s="1" t="s">
        <v>5</v>
      </c>
      <c r="D1331" s="1" t="s">
        <v>1130</v>
      </c>
      <c r="E1331" s="1" t="s">
        <v>7</v>
      </c>
    </row>
    <row r="1332">
      <c r="A1332" s="1">
        <v>4.90387721E8</v>
      </c>
      <c r="B1332" s="3">
        <v>11835.0</v>
      </c>
      <c r="C1332" s="1" t="s">
        <v>5</v>
      </c>
      <c r="D1332" s="1" t="s">
        <v>11</v>
      </c>
      <c r="E1332" s="1" t="s">
        <v>7</v>
      </c>
    </row>
    <row r="1333">
      <c r="A1333" s="1">
        <v>4.90387722E8</v>
      </c>
      <c r="B1333" s="2">
        <v>11841.0</v>
      </c>
      <c r="C1333" s="1" t="s">
        <v>5</v>
      </c>
      <c r="D1333" s="1" t="s">
        <v>11</v>
      </c>
      <c r="E1333" s="1" t="s">
        <v>7</v>
      </c>
    </row>
    <row r="1334">
      <c r="A1334" s="1">
        <v>4.90387728E8</v>
      </c>
      <c r="B1334" s="3">
        <v>11829.0</v>
      </c>
      <c r="C1334" s="1" t="s">
        <v>5</v>
      </c>
      <c r="D1334" s="1" t="s">
        <v>1131</v>
      </c>
      <c r="E1334" s="1" t="s">
        <v>7</v>
      </c>
    </row>
    <row r="1335">
      <c r="A1335" s="1">
        <v>4.9038773E8</v>
      </c>
      <c r="B1335" s="3">
        <v>11834.0</v>
      </c>
      <c r="C1335" s="1" t="s">
        <v>5</v>
      </c>
      <c r="D1335" s="1" t="s">
        <v>7</v>
      </c>
      <c r="E1335" s="1" t="s">
        <v>7</v>
      </c>
    </row>
    <row r="1336">
      <c r="A1336" s="1">
        <v>4.90387732E8</v>
      </c>
      <c r="B1336" s="3">
        <v>11834.0</v>
      </c>
      <c r="C1336" s="1" t="s">
        <v>5</v>
      </c>
      <c r="D1336" s="1" t="s">
        <v>1132</v>
      </c>
      <c r="E1336" s="1" t="s">
        <v>11</v>
      </c>
    </row>
    <row r="1337">
      <c r="A1337" s="1">
        <v>4.90387734E8</v>
      </c>
      <c r="B1337" s="2">
        <v>11842.0</v>
      </c>
      <c r="C1337" s="1" t="s">
        <v>5</v>
      </c>
      <c r="D1337" s="1" t="s">
        <v>11</v>
      </c>
      <c r="E1337" s="1" t="s">
        <v>7</v>
      </c>
    </row>
    <row r="1338">
      <c r="A1338" s="1">
        <v>4.90387738E8</v>
      </c>
      <c r="B1338" s="2">
        <v>11894.0</v>
      </c>
      <c r="C1338" s="1" t="s">
        <v>5</v>
      </c>
      <c r="D1338" s="1" t="s">
        <v>1133</v>
      </c>
      <c r="E1338" s="1" t="s">
        <v>7</v>
      </c>
    </row>
    <row r="1339">
      <c r="A1339" s="1">
        <v>4.90387741E8</v>
      </c>
      <c r="B1339" s="3">
        <v>11832.0</v>
      </c>
      <c r="C1339" s="1" t="s">
        <v>5</v>
      </c>
      <c r="D1339" s="1" t="s">
        <v>1134</v>
      </c>
      <c r="E1339" s="1" t="s">
        <v>11</v>
      </c>
    </row>
    <row r="1340">
      <c r="A1340" s="1">
        <v>4.90387743E8</v>
      </c>
      <c r="B1340" s="3">
        <v>11829.0</v>
      </c>
      <c r="C1340" s="1" t="s">
        <v>5</v>
      </c>
      <c r="D1340" s="1" t="s">
        <v>1135</v>
      </c>
      <c r="E1340" s="1" t="s">
        <v>7</v>
      </c>
    </row>
    <row r="1341">
      <c r="A1341" s="1">
        <v>4.90387744E8</v>
      </c>
      <c r="B1341" s="3">
        <v>11834.0</v>
      </c>
      <c r="C1341" s="1" t="s">
        <v>5</v>
      </c>
      <c r="D1341" s="1" t="s">
        <v>1136</v>
      </c>
      <c r="E1341" s="1" t="s">
        <v>7</v>
      </c>
    </row>
    <row r="1342">
      <c r="A1342" s="1">
        <v>4.90387745E8</v>
      </c>
      <c r="B1342" s="3">
        <v>11831.0</v>
      </c>
      <c r="C1342" s="1" t="s">
        <v>5</v>
      </c>
      <c r="D1342" s="1" t="s">
        <v>1137</v>
      </c>
      <c r="E1342" s="1" t="s">
        <v>11</v>
      </c>
    </row>
    <row r="1343">
      <c r="A1343" s="1">
        <v>4.90387746E8</v>
      </c>
      <c r="B1343" s="2">
        <v>11846.0</v>
      </c>
      <c r="C1343" s="1" t="s">
        <v>5</v>
      </c>
      <c r="D1343" s="1" t="s">
        <v>1138</v>
      </c>
      <c r="E1343" s="1" t="s">
        <v>1139</v>
      </c>
    </row>
    <row r="1344">
      <c r="A1344" s="1">
        <v>4.90387747E8</v>
      </c>
      <c r="B1344" s="3">
        <v>11832.0</v>
      </c>
      <c r="C1344" s="1" t="s">
        <v>5</v>
      </c>
      <c r="D1344" s="1" t="s">
        <v>1140</v>
      </c>
      <c r="E1344" s="1" t="s">
        <v>7</v>
      </c>
    </row>
    <row r="1345">
      <c r="A1345" s="1">
        <v>4.90387748E8</v>
      </c>
      <c r="B1345" s="3">
        <v>11832.0</v>
      </c>
      <c r="C1345" s="1" t="s">
        <v>5</v>
      </c>
      <c r="D1345" s="1" t="s">
        <v>1141</v>
      </c>
      <c r="E1345" s="1" t="s">
        <v>7</v>
      </c>
    </row>
    <row r="1346">
      <c r="A1346" s="1">
        <v>4.90387752E8</v>
      </c>
      <c r="B1346" s="2">
        <v>11789.0</v>
      </c>
      <c r="C1346" s="1" t="s">
        <v>5</v>
      </c>
      <c r="D1346" s="1" t="s">
        <v>11</v>
      </c>
      <c r="E1346" s="1" t="s">
        <v>7</v>
      </c>
    </row>
    <row r="1347">
      <c r="A1347" s="1">
        <v>4.90387754E8</v>
      </c>
      <c r="B1347" s="2">
        <v>11841.0</v>
      </c>
      <c r="C1347" s="1" t="s">
        <v>5</v>
      </c>
      <c r="D1347" s="1" t="s">
        <v>1142</v>
      </c>
      <c r="E1347" s="1" t="s">
        <v>7</v>
      </c>
    </row>
    <row r="1348">
      <c r="A1348" s="1">
        <v>4.90387759E8</v>
      </c>
      <c r="B1348" s="3">
        <v>11832.0</v>
      </c>
      <c r="C1348" s="1" t="s">
        <v>5</v>
      </c>
      <c r="D1348" s="1" t="s">
        <v>1143</v>
      </c>
      <c r="E1348" s="1" t="s">
        <v>7</v>
      </c>
    </row>
    <row r="1349">
      <c r="A1349" s="1">
        <v>4.9038776E8</v>
      </c>
      <c r="B1349" s="3">
        <v>11839.0</v>
      </c>
      <c r="C1349" s="1" t="s">
        <v>5</v>
      </c>
      <c r="D1349" s="1" t="s">
        <v>1144</v>
      </c>
      <c r="E1349" s="1" t="s">
        <v>7</v>
      </c>
    </row>
    <row r="1350">
      <c r="A1350" s="1">
        <v>4.90387761E8</v>
      </c>
      <c r="B1350" s="3">
        <v>11829.0</v>
      </c>
      <c r="C1350" s="1" t="s">
        <v>5</v>
      </c>
      <c r="D1350" s="1" t="s">
        <v>1145</v>
      </c>
      <c r="E1350" s="1" t="s">
        <v>7</v>
      </c>
    </row>
    <row r="1351">
      <c r="A1351" s="1">
        <v>4.90387762E8</v>
      </c>
      <c r="B1351" s="3">
        <v>11835.0</v>
      </c>
      <c r="C1351" s="1" t="s">
        <v>5</v>
      </c>
      <c r="D1351" s="1" t="s">
        <v>1146</v>
      </c>
      <c r="E1351" s="1" t="s">
        <v>11</v>
      </c>
    </row>
    <row r="1352">
      <c r="A1352" s="1">
        <v>4.90387763E8</v>
      </c>
      <c r="B1352" s="2">
        <v>11841.0</v>
      </c>
      <c r="C1352" s="1" t="s">
        <v>5</v>
      </c>
      <c r="D1352" s="1" t="s">
        <v>1147</v>
      </c>
      <c r="E1352" s="1" t="s">
        <v>7</v>
      </c>
    </row>
    <row r="1353">
      <c r="A1353" s="1">
        <v>4.90387764E8</v>
      </c>
      <c r="B1353" s="3">
        <v>11831.0</v>
      </c>
      <c r="C1353" s="1" t="s">
        <v>5</v>
      </c>
      <c r="D1353" s="1" t="s">
        <v>11</v>
      </c>
      <c r="E1353" s="1" t="s">
        <v>7</v>
      </c>
    </row>
    <row r="1354">
      <c r="A1354" s="1">
        <v>4.90387766E8</v>
      </c>
      <c r="B1354" s="3">
        <v>11827.0</v>
      </c>
      <c r="C1354" s="1" t="s">
        <v>5</v>
      </c>
      <c r="D1354" s="1" t="s">
        <v>1148</v>
      </c>
      <c r="E1354" s="1" t="s">
        <v>7</v>
      </c>
    </row>
    <row r="1355">
      <c r="A1355" s="1">
        <v>4.90387769E8</v>
      </c>
      <c r="B1355" s="3">
        <v>11832.0</v>
      </c>
      <c r="C1355" s="1" t="s">
        <v>5</v>
      </c>
      <c r="D1355" s="1" t="s">
        <v>1149</v>
      </c>
      <c r="E1355" s="1" t="s">
        <v>11</v>
      </c>
    </row>
    <row r="1356">
      <c r="A1356" s="1">
        <v>4.9038777E8</v>
      </c>
      <c r="B1356" s="2">
        <v>11846.0</v>
      </c>
      <c r="C1356" s="1" t="s">
        <v>5</v>
      </c>
      <c r="D1356" s="1" t="s">
        <v>1150</v>
      </c>
      <c r="E1356" s="1" t="s">
        <v>11</v>
      </c>
    </row>
    <row r="1357">
      <c r="A1357" s="1">
        <v>4.9038779E8</v>
      </c>
      <c r="B1357" s="3">
        <v>11831.0</v>
      </c>
      <c r="C1357" s="1" t="s">
        <v>5</v>
      </c>
      <c r="D1357" s="1" t="s">
        <v>1151</v>
      </c>
      <c r="E1357" s="1" t="s">
        <v>7</v>
      </c>
    </row>
    <row r="1358">
      <c r="A1358" s="1">
        <v>4.90387795E8</v>
      </c>
      <c r="B1358" s="3">
        <v>11827.0</v>
      </c>
      <c r="C1358" s="1" t="s">
        <v>5</v>
      </c>
      <c r="D1358" s="1" t="s">
        <v>1152</v>
      </c>
      <c r="E1358" s="1" t="s">
        <v>7</v>
      </c>
    </row>
    <row r="1359">
      <c r="A1359" s="1">
        <v>4.90387797E8</v>
      </c>
      <c r="B1359" s="2">
        <v>11881.0</v>
      </c>
      <c r="C1359" s="1" t="s">
        <v>5</v>
      </c>
      <c r="D1359" s="1" t="s">
        <v>11</v>
      </c>
      <c r="E1359" s="1" t="s">
        <v>7</v>
      </c>
    </row>
    <row r="1360">
      <c r="A1360" s="1">
        <v>4.90387799E8</v>
      </c>
      <c r="B1360" s="3">
        <v>11831.0</v>
      </c>
      <c r="C1360" s="1" t="s">
        <v>5</v>
      </c>
      <c r="D1360" s="1" t="s">
        <v>11</v>
      </c>
      <c r="E1360" s="1" t="s">
        <v>7</v>
      </c>
    </row>
    <row r="1361">
      <c r="A1361" s="1">
        <v>4.90387804E8</v>
      </c>
      <c r="B1361" s="3">
        <v>11838.0</v>
      </c>
      <c r="C1361" s="1" t="s">
        <v>5</v>
      </c>
      <c r="D1361" s="1" t="s">
        <v>1153</v>
      </c>
      <c r="E1361" s="1" t="s">
        <v>7</v>
      </c>
    </row>
    <row r="1362">
      <c r="A1362" s="1">
        <v>4.90387807E8</v>
      </c>
      <c r="B1362" s="2">
        <v>11845.0</v>
      </c>
      <c r="C1362" s="1" t="s">
        <v>5</v>
      </c>
      <c r="D1362" s="1" t="s">
        <v>11</v>
      </c>
      <c r="E1362" s="1" t="s">
        <v>7</v>
      </c>
    </row>
    <row r="1363">
      <c r="A1363" s="1">
        <v>4.90387808E8</v>
      </c>
      <c r="B1363" s="2">
        <v>11881.0</v>
      </c>
      <c r="C1363" s="1" t="s">
        <v>5</v>
      </c>
      <c r="D1363" s="1" t="s">
        <v>1154</v>
      </c>
      <c r="E1363" s="1" t="s">
        <v>11</v>
      </c>
    </row>
    <row r="1364">
      <c r="A1364" s="1">
        <v>4.90387809E8</v>
      </c>
      <c r="B1364" s="3">
        <v>11835.0</v>
      </c>
      <c r="C1364" s="1" t="s">
        <v>5</v>
      </c>
      <c r="D1364" s="1" t="s">
        <v>1155</v>
      </c>
      <c r="E1364" s="1" t="s">
        <v>7</v>
      </c>
    </row>
    <row r="1365">
      <c r="A1365" s="1">
        <v>4.9038781E8</v>
      </c>
      <c r="B1365" s="3">
        <v>11832.0</v>
      </c>
      <c r="C1365" s="1" t="s">
        <v>5</v>
      </c>
      <c r="D1365" s="1" t="s">
        <v>11</v>
      </c>
      <c r="E1365" s="1" t="s">
        <v>7</v>
      </c>
    </row>
    <row r="1366">
      <c r="A1366" s="1">
        <v>4.90387812E8</v>
      </c>
      <c r="B1366" s="2">
        <v>11841.0</v>
      </c>
      <c r="C1366" s="1" t="s">
        <v>5</v>
      </c>
      <c r="D1366" s="1" t="s">
        <v>11</v>
      </c>
      <c r="E1366" s="1" t="s">
        <v>7</v>
      </c>
    </row>
    <row r="1367">
      <c r="A1367" s="1">
        <v>4.90387813E8</v>
      </c>
      <c r="B1367" s="3">
        <v>11831.0</v>
      </c>
      <c r="C1367" s="1" t="s">
        <v>5</v>
      </c>
      <c r="D1367" s="1" t="s">
        <v>1156</v>
      </c>
      <c r="E1367" s="1" t="s">
        <v>7</v>
      </c>
    </row>
    <row r="1368">
      <c r="A1368" s="1">
        <v>4.90387814E8</v>
      </c>
      <c r="B1368" s="3">
        <v>11840.0</v>
      </c>
      <c r="C1368" s="1" t="s">
        <v>5</v>
      </c>
      <c r="D1368" s="1" t="s">
        <v>1157</v>
      </c>
      <c r="E1368" s="1" t="s">
        <v>7</v>
      </c>
    </row>
    <row r="1369">
      <c r="A1369" s="1">
        <v>4.90387817E8</v>
      </c>
      <c r="B1369" s="3">
        <v>11838.0</v>
      </c>
      <c r="C1369" s="1" t="s">
        <v>5</v>
      </c>
      <c r="D1369" s="1" t="s">
        <v>1158</v>
      </c>
      <c r="E1369" s="1" t="s">
        <v>7</v>
      </c>
    </row>
    <row r="1370">
      <c r="A1370" s="1">
        <v>4.90387818E8</v>
      </c>
      <c r="B1370" s="3">
        <v>11831.0</v>
      </c>
      <c r="C1370" s="1" t="s">
        <v>5</v>
      </c>
      <c r="D1370" s="1" t="s">
        <v>11</v>
      </c>
      <c r="E1370" s="1" t="s">
        <v>7</v>
      </c>
    </row>
    <row r="1371">
      <c r="A1371" s="1">
        <v>4.9038782E8</v>
      </c>
      <c r="B1371" s="3">
        <v>11834.0</v>
      </c>
      <c r="C1371" s="1" t="s">
        <v>5</v>
      </c>
      <c r="D1371" s="1" t="s">
        <v>1159</v>
      </c>
      <c r="E1371" s="1" t="s">
        <v>7</v>
      </c>
    </row>
    <row r="1372">
      <c r="A1372" s="1">
        <v>4.90387821E8</v>
      </c>
      <c r="B1372" s="3">
        <v>11831.0</v>
      </c>
      <c r="C1372" s="1" t="s">
        <v>5</v>
      </c>
      <c r="D1372" s="1" t="s">
        <v>1160</v>
      </c>
      <c r="E1372" s="1" t="s">
        <v>7</v>
      </c>
    </row>
    <row r="1373">
      <c r="A1373" s="1">
        <v>4.90387824E8</v>
      </c>
      <c r="B1373" s="2">
        <v>11845.0</v>
      </c>
      <c r="C1373" s="1" t="s">
        <v>5</v>
      </c>
      <c r="D1373" s="1" t="s">
        <v>1161</v>
      </c>
      <c r="E1373" s="1" t="s">
        <v>11</v>
      </c>
    </row>
    <row r="1374">
      <c r="A1374" s="1">
        <v>4.90387828E8</v>
      </c>
      <c r="B1374" s="3">
        <v>11831.0</v>
      </c>
      <c r="C1374" s="1" t="s">
        <v>5</v>
      </c>
      <c r="D1374" s="1" t="s">
        <v>1162</v>
      </c>
      <c r="E1374" s="1" t="s">
        <v>11</v>
      </c>
    </row>
    <row r="1375">
      <c r="A1375" s="1">
        <v>4.90387829E8</v>
      </c>
      <c r="B1375" s="3">
        <v>11828.0</v>
      </c>
      <c r="C1375" s="1" t="s">
        <v>5</v>
      </c>
      <c r="D1375" s="1" t="s">
        <v>11</v>
      </c>
      <c r="E1375" s="1" t="s">
        <v>7</v>
      </c>
    </row>
    <row r="1376">
      <c r="A1376" s="1">
        <v>4.90387831E8</v>
      </c>
      <c r="B1376" s="3">
        <v>11838.0</v>
      </c>
      <c r="C1376" s="1" t="s">
        <v>5</v>
      </c>
      <c r="D1376" s="1" t="s">
        <v>1163</v>
      </c>
      <c r="E1376" s="1" t="s">
        <v>11</v>
      </c>
    </row>
    <row r="1377">
      <c r="A1377" s="1">
        <v>4.90387835E8</v>
      </c>
      <c r="B1377" s="2">
        <v>11881.0</v>
      </c>
      <c r="C1377" s="1" t="s">
        <v>5</v>
      </c>
      <c r="D1377" s="1" t="s">
        <v>1164</v>
      </c>
      <c r="E1377" s="1" t="s">
        <v>7</v>
      </c>
    </row>
    <row r="1378">
      <c r="A1378" s="1">
        <v>4.90387836E8</v>
      </c>
      <c r="B1378" s="3">
        <v>11835.0</v>
      </c>
      <c r="C1378" s="1" t="s">
        <v>5</v>
      </c>
      <c r="D1378" s="1" t="s">
        <v>1165</v>
      </c>
      <c r="E1378" s="1" t="s">
        <v>11</v>
      </c>
    </row>
    <row r="1379">
      <c r="A1379" s="1">
        <v>4.90387843E8</v>
      </c>
      <c r="B1379" s="2">
        <v>11881.0</v>
      </c>
      <c r="C1379" s="1" t="s">
        <v>5</v>
      </c>
      <c r="D1379" s="1" t="s">
        <v>1166</v>
      </c>
      <c r="E1379" s="1" t="s">
        <v>7</v>
      </c>
    </row>
    <row r="1380">
      <c r="A1380" s="1">
        <v>4.90387844E8</v>
      </c>
      <c r="B1380" s="3">
        <v>11831.0</v>
      </c>
      <c r="C1380" s="1" t="s">
        <v>5</v>
      </c>
      <c r="D1380" s="1" t="s">
        <v>1167</v>
      </c>
      <c r="E1380" s="1" t="s">
        <v>7</v>
      </c>
    </row>
    <row r="1381">
      <c r="A1381" s="1">
        <v>4.90387846E8</v>
      </c>
      <c r="B1381" s="3">
        <v>11828.0</v>
      </c>
      <c r="C1381" s="1" t="s">
        <v>5</v>
      </c>
      <c r="D1381" s="1" t="s">
        <v>1168</v>
      </c>
      <c r="E1381" s="1" t="s">
        <v>11</v>
      </c>
    </row>
    <row r="1382">
      <c r="A1382" s="1">
        <v>4.90387847E8</v>
      </c>
      <c r="B1382" s="3">
        <v>11838.0</v>
      </c>
      <c r="C1382" s="1" t="s">
        <v>5</v>
      </c>
      <c r="D1382" s="1" t="s">
        <v>11</v>
      </c>
      <c r="E1382" s="1" t="s">
        <v>7</v>
      </c>
    </row>
    <row r="1383">
      <c r="A1383" s="1">
        <v>4.90387848E8</v>
      </c>
      <c r="B1383" s="2">
        <v>11881.0</v>
      </c>
      <c r="C1383" s="1" t="s">
        <v>5</v>
      </c>
      <c r="D1383" s="1" t="s">
        <v>11</v>
      </c>
      <c r="E1383" s="1" t="s">
        <v>7</v>
      </c>
    </row>
    <row r="1384">
      <c r="A1384" s="1">
        <v>4.90387851E8</v>
      </c>
      <c r="B1384" s="3">
        <v>11829.0</v>
      </c>
      <c r="C1384" s="1" t="s">
        <v>5</v>
      </c>
      <c r="D1384" s="1" t="s">
        <v>1169</v>
      </c>
      <c r="E1384" s="1" t="s">
        <v>7</v>
      </c>
    </row>
    <row r="1385">
      <c r="A1385" s="1">
        <v>4.90387852E8</v>
      </c>
      <c r="B1385" s="3">
        <v>11835.0</v>
      </c>
      <c r="C1385" s="1" t="s">
        <v>5</v>
      </c>
      <c r="D1385" s="1" t="s">
        <v>11</v>
      </c>
      <c r="E1385" s="1" t="s">
        <v>7</v>
      </c>
    </row>
    <row r="1386">
      <c r="A1386" s="1">
        <v>4.90387853E8</v>
      </c>
      <c r="B1386" s="3">
        <v>11831.0</v>
      </c>
      <c r="C1386" s="1" t="s">
        <v>5</v>
      </c>
      <c r="D1386" s="1" t="s">
        <v>1170</v>
      </c>
      <c r="E1386" s="1" t="s">
        <v>7</v>
      </c>
    </row>
    <row r="1387">
      <c r="A1387" s="1">
        <v>4.90387855E8</v>
      </c>
      <c r="B1387" s="3">
        <v>11834.0</v>
      </c>
      <c r="C1387" s="1" t="s">
        <v>5</v>
      </c>
      <c r="D1387" s="1" t="s">
        <v>1171</v>
      </c>
      <c r="E1387" s="1" t="s">
        <v>7</v>
      </c>
    </row>
    <row r="1388">
      <c r="A1388" s="1">
        <v>4.90387856E8</v>
      </c>
      <c r="B1388" s="2">
        <v>11881.0</v>
      </c>
      <c r="C1388" s="1" t="s">
        <v>5</v>
      </c>
      <c r="D1388" s="1" t="s">
        <v>1172</v>
      </c>
      <c r="E1388" s="1" t="s">
        <v>11</v>
      </c>
    </row>
    <row r="1389">
      <c r="A1389" s="1">
        <v>4.9038786E8</v>
      </c>
      <c r="B1389" s="3">
        <v>11826.0</v>
      </c>
      <c r="C1389" s="1" t="s">
        <v>5</v>
      </c>
      <c r="D1389" s="1" t="s">
        <v>1173</v>
      </c>
      <c r="E1389" s="1" t="s">
        <v>7</v>
      </c>
    </row>
    <row r="1390">
      <c r="A1390" s="1">
        <v>4.90387861E8</v>
      </c>
      <c r="B1390" s="3">
        <v>11840.0</v>
      </c>
      <c r="C1390" s="1" t="s">
        <v>5</v>
      </c>
      <c r="D1390" s="1" t="s">
        <v>1174</v>
      </c>
      <c r="E1390" s="1" t="s">
        <v>11</v>
      </c>
    </row>
    <row r="1391">
      <c r="A1391" s="1">
        <v>4.90387863E8</v>
      </c>
      <c r="B1391" s="2">
        <v>11785.0</v>
      </c>
      <c r="C1391" s="1" t="s">
        <v>5</v>
      </c>
      <c r="D1391" s="1" t="s">
        <v>1175</v>
      </c>
      <c r="E1391" s="1" t="s">
        <v>11</v>
      </c>
    </row>
    <row r="1392">
      <c r="A1392" s="1">
        <v>4.90387871E8</v>
      </c>
      <c r="B1392" s="3">
        <v>11834.0</v>
      </c>
      <c r="C1392" s="1" t="s">
        <v>5</v>
      </c>
      <c r="D1392" s="1" t="s">
        <v>1176</v>
      </c>
      <c r="E1392" s="1" t="s">
        <v>7</v>
      </c>
    </row>
    <row r="1393">
      <c r="A1393" s="1">
        <v>4.90387875E8</v>
      </c>
      <c r="B1393" s="3">
        <v>11831.0</v>
      </c>
      <c r="C1393" s="1" t="s">
        <v>5</v>
      </c>
      <c r="D1393" s="1" t="s">
        <v>1177</v>
      </c>
      <c r="E1393" s="1" t="s">
        <v>11</v>
      </c>
    </row>
    <row r="1394">
      <c r="A1394" s="1">
        <v>4.90387877E8</v>
      </c>
      <c r="B1394" s="3">
        <v>11831.0</v>
      </c>
      <c r="C1394" s="1" t="s">
        <v>5</v>
      </c>
      <c r="D1394" s="1" t="s">
        <v>11</v>
      </c>
      <c r="E1394" s="1" t="s">
        <v>7</v>
      </c>
    </row>
    <row r="1395">
      <c r="A1395" s="1">
        <v>4.90387881E8</v>
      </c>
      <c r="B1395" s="3">
        <v>11829.0</v>
      </c>
      <c r="C1395" s="1" t="s">
        <v>5</v>
      </c>
      <c r="D1395" s="1" t="s">
        <v>1178</v>
      </c>
      <c r="E1395" s="1" t="s">
        <v>7</v>
      </c>
    </row>
    <row r="1396">
      <c r="A1396" s="1">
        <v>4.90387882E8</v>
      </c>
      <c r="B1396" s="2">
        <v>11881.0</v>
      </c>
      <c r="C1396" s="1" t="s">
        <v>5</v>
      </c>
      <c r="D1396" s="1" t="s">
        <v>11</v>
      </c>
      <c r="E1396" s="1" t="s">
        <v>7</v>
      </c>
    </row>
    <row r="1397">
      <c r="A1397" s="1">
        <v>4.90387885E8</v>
      </c>
      <c r="B1397" s="3">
        <v>11834.0</v>
      </c>
      <c r="C1397" s="1" t="s">
        <v>5</v>
      </c>
      <c r="D1397" s="1" t="s">
        <v>1179</v>
      </c>
      <c r="E1397" s="1" t="s">
        <v>11</v>
      </c>
    </row>
    <row r="1398">
      <c r="A1398" s="1">
        <v>4.90387887E8</v>
      </c>
      <c r="B1398" s="3">
        <v>11826.0</v>
      </c>
      <c r="C1398" s="1" t="s">
        <v>5</v>
      </c>
      <c r="D1398" s="1" t="s">
        <v>11</v>
      </c>
      <c r="E1398" s="1" t="s">
        <v>7</v>
      </c>
    </row>
    <row r="1399">
      <c r="A1399" s="1">
        <v>4.90387891E8</v>
      </c>
      <c r="B1399" s="2">
        <v>11881.0</v>
      </c>
      <c r="C1399" s="1" t="s">
        <v>5</v>
      </c>
      <c r="D1399" s="1" t="s">
        <v>11</v>
      </c>
      <c r="E1399" s="1" t="s">
        <v>7</v>
      </c>
    </row>
    <row r="1400">
      <c r="A1400" s="1">
        <v>4.90387892E8</v>
      </c>
      <c r="B1400" s="3">
        <v>11829.0</v>
      </c>
      <c r="C1400" s="1" t="s">
        <v>5</v>
      </c>
      <c r="D1400" s="1" t="s">
        <v>1180</v>
      </c>
      <c r="E1400" s="1" t="s">
        <v>7</v>
      </c>
    </row>
    <row r="1401">
      <c r="A1401" s="1">
        <v>4.90387893E8</v>
      </c>
      <c r="B1401" s="3">
        <v>11831.0</v>
      </c>
      <c r="C1401" s="1" t="s">
        <v>5</v>
      </c>
      <c r="D1401" s="1" t="s">
        <v>1181</v>
      </c>
      <c r="E1401" s="1" t="s">
        <v>11</v>
      </c>
    </row>
    <row r="1402">
      <c r="A1402" s="1">
        <v>4.90387894E8</v>
      </c>
      <c r="B1402" s="3">
        <v>11831.0</v>
      </c>
      <c r="C1402" s="1" t="s">
        <v>5</v>
      </c>
      <c r="D1402" s="1" t="s">
        <v>1182</v>
      </c>
      <c r="E1402" s="1" t="s">
        <v>7</v>
      </c>
    </row>
    <row r="1403">
      <c r="A1403" s="1">
        <v>4.90387895E8</v>
      </c>
      <c r="B1403" s="3">
        <v>11831.0</v>
      </c>
      <c r="C1403" s="1" t="s">
        <v>5</v>
      </c>
      <c r="D1403" s="1" t="s">
        <v>1183</v>
      </c>
      <c r="E1403" s="1" t="s">
        <v>1184</v>
      </c>
    </row>
    <row r="1404">
      <c r="A1404" s="1">
        <v>4.90387897E8</v>
      </c>
      <c r="B1404" s="3">
        <v>11826.0</v>
      </c>
      <c r="C1404" s="1" t="s">
        <v>5</v>
      </c>
      <c r="D1404" s="1" t="s">
        <v>1185</v>
      </c>
      <c r="E1404" s="1" t="s">
        <v>7</v>
      </c>
    </row>
    <row r="1405">
      <c r="A1405" s="1">
        <v>4.903879E8</v>
      </c>
      <c r="B1405" s="3">
        <v>11838.0</v>
      </c>
      <c r="C1405" s="1" t="s">
        <v>5</v>
      </c>
      <c r="D1405" s="1" t="s">
        <v>1186</v>
      </c>
      <c r="E1405" s="1" t="s">
        <v>7</v>
      </c>
    </row>
    <row r="1406">
      <c r="A1406" s="1">
        <v>4.90387901E8</v>
      </c>
      <c r="B1406" s="2">
        <v>11881.0</v>
      </c>
      <c r="C1406" s="1" t="s">
        <v>5</v>
      </c>
      <c r="D1406" s="1" t="s">
        <v>1187</v>
      </c>
      <c r="E1406" s="1" t="s">
        <v>7</v>
      </c>
    </row>
    <row r="1407">
      <c r="A1407" s="1">
        <v>4.90387902E8</v>
      </c>
      <c r="B1407" s="2">
        <v>11881.0</v>
      </c>
      <c r="C1407" s="1" t="s">
        <v>5</v>
      </c>
      <c r="D1407" s="1" t="s">
        <v>1188</v>
      </c>
      <c r="E1407" s="1" t="s">
        <v>7</v>
      </c>
    </row>
    <row r="1408">
      <c r="A1408" s="1">
        <v>4.90387907E8</v>
      </c>
      <c r="B1408" s="3">
        <v>11829.0</v>
      </c>
      <c r="C1408" s="1" t="s">
        <v>5</v>
      </c>
      <c r="D1408" s="1" t="s">
        <v>7</v>
      </c>
      <c r="E1408" s="1" t="s">
        <v>7</v>
      </c>
    </row>
    <row r="1409">
      <c r="A1409" s="1">
        <v>4.9038791E8</v>
      </c>
      <c r="B1409" s="3">
        <v>11834.0</v>
      </c>
      <c r="C1409" s="1" t="s">
        <v>5</v>
      </c>
      <c r="D1409" s="1" t="s">
        <v>11</v>
      </c>
      <c r="E1409" s="1" t="s">
        <v>7</v>
      </c>
    </row>
    <row r="1410">
      <c r="A1410" s="1">
        <v>4.90387911E8</v>
      </c>
      <c r="B1410" s="3">
        <v>11829.0</v>
      </c>
      <c r="C1410" s="1" t="s">
        <v>5</v>
      </c>
      <c r="D1410" s="1" t="s">
        <v>169</v>
      </c>
      <c r="E1410" s="1" t="s">
        <v>7</v>
      </c>
    </row>
    <row r="1411">
      <c r="A1411" s="1">
        <v>4.90387914E8</v>
      </c>
      <c r="B1411" s="3">
        <v>11831.0</v>
      </c>
      <c r="C1411" s="1" t="s">
        <v>5</v>
      </c>
      <c r="D1411" s="1" t="s">
        <v>11</v>
      </c>
      <c r="E1411" s="1" t="s">
        <v>7</v>
      </c>
    </row>
    <row r="1412">
      <c r="A1412" s="1">
        <v>4.90387916E8</v>
      </c>
      <c r="B1412" s="3">
        <v>11838.0</v>
      </c>
      <c r="C1412" s="1" t="s">
        <v>5</v>
      </c>
      <c r="D1412" s="1" t="s">
        <v>1189</v>
      </c>
      <c r="E1412" s="1" t="s">
        <v>7</v>
      </c>
    </row>
    <row r="1413">
      <c r="A1413" s="1">
        <v>4.90387919E8</v>
      </c>
      <c r="B1413" s="3">
        <v>11834.0</v>
      </c>
      <c r="C1413" s="1" t="s">
        <v>5</v>
      </c>
      <c r="D1413" s="1" t="s">
        <v>1190</v>
      </c>
      <c r="E1413" s="1" t="s">
        <v>11</v>
      </c>
    </row>
    <row r="1414">
      <c r="A1414" s="1">
        <v>4.90387922E8</v>
      </c>
      <c r="B1414" s="3">
        <v>11827.0</v>
      </c>
      <c r="C1414" s="1" t="s">
        <v>5</v>
      </c>
      <c r="D1414" s="1" t="s">
        <v>1191</v>
      </c>
      <c r="E1414" s="1" t="s">
        <v>7</v>
      </c>
    </row>
    <row r="1415">
      <c r="A1415" s="1">
        <v>4.90387923E8</v>
      </c>
      <c r="B1415" s="3">
        <v>11834.0</v>
      </c>
      <c r="C1415" s="1" t="s">
        <v>5</v>
      </c>
      <c r="D1415" s="1" t="s">
        <v>11</v>
      </c>
      <c r="E1415" s="1" t="s">
        <v>7</v>
      </c>
    </row>
    <row r="1416">
      <c r="A1416" s="1">
        <v>4.90387925E8</v>
      </c>
      <c r="B1416" s="2">
        <v>11785.0</v>
      </c>
      <c r="C1416" s="1" t="s">
        <v>5</v>
      </c>
      <c r="D1416" s="1" t="s">
        <v>1192</v>
      </c>
      <c r="E1416" s="1" t="s">
        <v>7</v>
      </c>
    </row>
    <row r="1417">
      <c r="A1417" s="1">
        <v>4.90387928E8</v>
      </c>
      <c r="B1417" s="3">
        <v>11829.0</v>
      </c>
      <c r="C1417" s="1" t="s">
        <v>5</v>
      </c>
      <c r="D1417" s="1" t="s">
        <v>1193</v>
      </c>
      <c r="E1417" s="1" t="s">
        <v>7</v>
      </c>
    </row>
    <row r="1418">
      <c r="A1418" s="1">
        <v>4.90387932E8</v>
      </c>
      <c r="B1418" s="3">
        <v>11838.0</v>
      </c>
      <c r="C1418" s="1" t="s">
        <v>5</v>
      </c>
      <c r="D1418" s="1" t="s">
        <v>1194</v>
      </c>
      <c r="E1418" s="1" t="s">
        <v>7</v>
      </c>
    </row>
    <row r="1419">
      <c r="A1419" s="1">
        <v>4.90387933E8</v>
      </c>
      <c r="B1419" s="3">
        <v>11831.0</v>
      </c>
      <c r="C1419" s="1" t="s">
        <v>5</v>
      </c>
      <c r="D1419" s="1" t="s">
        <v>1195</v>
      </c>
      <c r="E1419" s="1" t="s">
        <v>11</v>
      </c>
    </row>
    <row r="1420">
      <c r="A1420" s="1">
        <v>4.90387936E8</v>
      </c>
      <c r="B1420" s="2">
        <v>11881.0</v>
      </c>
      <c r="C1420" s="1" t="s">
        <v>5</v>
      </c>
      <c r="D1420" s="1" t="s">
        <v>1196</v>
      </c>
      <c r="E1420" s="1" t="s">
        <v>7</v>
      </c>
    </row>
    <row r="1421">
      <c r="A1421" s="1">
        <v>4.90387937E8</v>
      </c>
      <c r="B1421" s="3">
        <v>11825.0</v>
      </c>
      <c r="C1421" s="1" t="s">
        <v>5</v>
      </c>
      <c r="D1421" s="1" t="s">
        <v>1197</v>
      </c>
      <c r="E1421" s="1" t="s">
        <v>1198</v>
      </c>
    </row>
    <row r="1422">
      <c r="A1422" s="1">
        <v>4.90387938E8</v>
      </c>
      <c r="B1422" s="3">
        <v>11834.0</v>
      </c>
      <c r="C1422" s="1" t="s">
        <v>5</v>
      </c>
      <c r="D1422" s="1" t="s">
        <v>1199</v>
      </c>
      <c r="E1422" s="1" t="s">
        <v>7</v>
      </c>
    </row>
    <row r="1423">
      <c r="A1423" s="1">
        <v>4.90387951E8</v>
      </c>
      <c r="B1423" s="2">
        <v>11881.0</v>
      </c>
      <c r="C1423" s="1" t="s">
        <v>5</v>
      </c>
      <c r="D1423" s="1" t="s">
        <v>11</v>
      </c>
      <c r="E1423" s="1" t="s">
        <v>7</v>
      </c>
    </row>
    <row r="1424">
      <c r="A1424" s="1">
        <v>4.90387952E8</v>
      </c>
      <c r="B1424" s="3">
        <v>11839.0</v>
      </c>
      <c r="C1424" s="1" t="s">
        <v>5</v>
      </c>
      <c r="D1424" s="1" t="s">
        <v>1200</v>
      </c>
      <c r="E1424" s="1" t="s">
        <v>11</v>
      </c>
    </row>
    <row r="1425">
      <c r="A1425" s="1">
        <v>4.90387953E8</v>
      </c>
      <c r="B1425" s="3">
        <v>11829.0</v>
      </c>
      <c r="C1425" s="1" t="s">
        <v>5</v>
      </c>
      <c r="D1425" s="1" t="s">
        <v>1201</v>
      </c>
      <c r="E1425" s="1" t="s">
        <v>11</v>
      </c>
    </row>
    <row r="1426">
      <c r="A1426" s="1">
        <v>4.90387957E8</v>
      </c>
      <c r="B1426" s="3">
        <v>11829.0</v>
      </c>
      <c r="C1426" s="1" t="s">
        <v>5</v>
      </c>
      <c r="D1426" s="1" t="s">
        <v>1202</v>
      </c>
      <c r="E1426" s="1" t="s">
        <v>11</v>
      </c>
    </row>
    <row r="1427">
      <c r="A1427" s="1">
        <v>4.90387958E8</v>
      </c>
      <c r="B1427" s="2">
        <v>11881.0</v>
      </c>
      <c r="C1427" s="1" t="s">
        <v>5</v>
      </c>
      <c r="D1427" s="1" t="s">
        <v>1203</v>
      </c>
      <c r="E1427" s="1" t="s">
        <v>7</v>
      </c>
    </row>
    <row r="1428">
      <c r="A1428" s="1">
        <v>4.9038796E8</v>
      </c>
      <c r="B1428" s="2">
        <v>11785.0</v>
      </c>
      <c r="C1428" s="1" t="s">
        <v>5</v>
      </c>
      <c r="D1428" s="1" t="s">
        <v>1204</v>
      </c>
      <c r="E1428" s="1" t="s">
        <v>1205</v>
      </c>
    </row>
    <row r="1429">
      <c r="A1429" s="1">
        <v>4.90387961E8</v>
      </c>
      <c r="B1429" s="3">
        <v>11832.0</v>
      </c>
      <c r="C1429" s="1" t="s">
        <v>5</v>
      </c>
      <c r="D1429" s="1" t="s">
        <v>1206</v>
      </c>
      <c r="E1429" s="1" t="s">
        <v>7</v>
      </c>
    </row>
    <row r="1430">
      <c r="A1430" s="1">
        <v>4.90387962E8</v>
      </c>
      <c r="B1430" s="3">
        <v>11828.0</v>
      </c>
      <c r="C1430" s="1" t="s">
        <v>5</v>
      </c>
      <c r="D1430" s="1" t="s">
        <v>11</v>
      </c>
      <c r="E1430" s="1" t="s">
        <v>7</v>
      </c>
    </row>
    <row r="1431">
      <c r="A1431" s="1">
        <v>4.90387963E8</v>
      </c>
      <c r="B1431" s="2">
        <v>11841.0</v>
      </c>
      <c r="C1431" s="1" t="s">
        <v>5</v>
      </c>
      <c r="D1431" s="1" t="s">
        <v>11</v>
      </c>
      <c r="E1431" s="1" t="s">
        <v>7</v>
      </c>
    </row>
    <row r="1432">
      <c r="A1432" s="1">
        <v>4.90387966E8</v>
      </c>
      <c r="B1432" s="3">
        <v>11829.0</v>
      </c>
      <c r="C1432" s="1" t="s">
        <v>5</v>
      </c>
      <c r="D1432" s="1" t="s">
        <v>1207</v>
      </c>
      <c r="E1432" s="1" t="s">
        <v>11</v>
      </c>
    </row>
    <row r="1433">
      <c r="A1433" s="1">
        <v>4.90387971E8</v>
      </c>
      <c r="B1433" s="3">
        <v>11829.0</v>
      </c>
      <c r="C1433" s="1" t="s">
        <v>5</v>
      </c>
      <c r="D1433" s="1" t="s">
        <v>1208</v>
      </c>
      <c r="E1433" s="1" t="s">
        <v>7</v>
      </c>
    </row>
    <row r="1434">
      <c r="A1434" s="1">
        <v>4.90387976E8</v>
      </c>
      <c r="B1434" s="3">
        <v>11827.0</v>
      </c>
      <c r="C1434" s="1" t="s">
        <v>5</v>
      </c>
      <c r="D1434" s="1" t="s">
        <v>1209</v>
      </c>
      <c r="E1434" s="1" t="s">
        <v>11</v>
      </c>
    </row>
    <row r="1435">
      <c r="A1435" s="1">
        <v>4.90387982E8</v>
      </c>
      <c r="B1435" s="2">
        <v>11841.0</v>
      </c>
      <c r="C1435" s="1" t="s">
        <v>5</v>
      </c>
      <c r="D1435" s="1" t="s">
        <v>11</v>
      </c>
      <c r="E1435" s="1" t="s">
        <v>7</v>
      </c>
    </row>
    <row r="1436">
      <c r="A1436" s="1">
        <v>4.90387983E8</v>
      </c>
      <c r="B1436" s="3">
        <v>11825.0</v>
      </c>
      <c r="C1436" s="1" t="s">
        <v>5</v>
      </c>
      <c r="D1436" s="1" t="s">
        <v>1210</v>
      </c>
      <c r="E1436" s="1" t="s">
        <v>11</v>
      </c>
    </row>
    <row r="1437">
      <c r="A1437" s="1">
        <v>4.90387986E8</v>
      </c>
      <c r="B1437" s="3">
        <v>11829.0</v>
      </c>
      <c r="C1437" s="1" t="s">
        <v>5</v>
      </c>
      <c r="D1437" s="1" t="s">
        <v>1211</v>
      </c>
      <c r="E1437" s="1" t="s">
        <v>7</v>
      </c>
    </row>
    <row r="1438">
      <c r="A1438" s="1">
        <v>4.90387987E8</v>
      </c>
      <c r="B1438" s="3">
        <v>11829.0</v>
      </c>
      <c r="C1438" s="1" t="s">
        <v>5</v>
      </c>
      <c r="D1438" s="1" t="s">
        <v>11</v>
      </c>
      <c r="E1438" s="1" t="s">
        <v>7</v>
      </c>
    </row>
    <row r="1439">
      <c r="A1439" s="1">
        <v>4.90387988E8</v>
      </c>
      <c r="B1439" s="2">
        <v>11901.0</v>
      </c>
      <c r="C1439" s="1" t="s">
        <v>5</v>
      </c>
      <c r="D1439" s="1" t="s">
        <v>1212</v>
      </c>
      <c r="E1439" s="1" t="s">
        <v>11</v>
      </c>
    </row>
    <row r="1440">
      <c r="A1440" s="1">
        <v>4.90387989E8</v>
      </c>
      <c r="B1440" s="2">
        <v>11901.0</v>
      </c>
      <c r="C1440" s="1" t="s">
        <v>5</v>
      </c>
      <c r="D1440" s="1" t="s">
        <v>1213</v>
      </c>
      <c r="E1440" s="1" t="s">
        <v>7</v>
      </c>
    </row>
    <row r="1441">
      <c r="A1441" s="1">
        <v>4.90387991E8</v>
      </c>
      <c r="B1441" s="3">
        <v>11829.0</v>
      </c>
      <c r="C1441" s="1" t="s">
        <v>5</v>
      </c>
      <c r="D1441" s="1" t="s">
        <v>1214</v>
      </c>
      <c r="E1441" s="1" t="s">
        <v>7</v>
      </c>
    </row>
    <row r="1442">
      <c r="A1442" s="1">
        <v>4.90387994E8</v>
      </c>
      <c r="B1442" s="3">
        <v>11828.0</v>
      </c>
      <c r="C1442" s="1" t="s">
        <v>5</v>
      </c>
      <c r="D1442" s="1" t="s">
        <v>11</v>
      </c>
      <c r="E1442" s="1" t="s">
        <v>7</v>
      </c>
    </row>
    <row r="1443">
      <c r="A1443" s="1">
        <v>4.90387998E8</v>
      </c>
      <c r="B1443" s="3">
        <v>11832.0</v>
      </c>
      <c r="C1443" s="1" t="s">
        <v>5</v>
      </c>
      <c r="D1443" s="1" t="s">
        <v>1215</v>
      </c>
      <c r="E1443" s="1" t="s">
        <v>7</v>
      </c>
    </row>
    <row r="1444">
      <c r="A1444" s="1">
        <v>4.90388E8</v>
      </c>
      <c r="B1444" s="3">
        <v>11827.0</v>
      </c>
      <c r="C1444" s="1" t="s">
        <v>5</v>
      </c>
      <c r="D1444" s="1" t="s">
        <v>1216</v>
      </c>
      <c r="E1444" s="1" t="s">
        <v>11</v>
      </c>
    </row>
    <row r="1445">
      <c r="A1445" s="1">
        <v>4.90388001E8</v>
      </c>
      <c r="B1445" s="2">
        <v>11901.0</v>
      </c>
      <c r="C1445" s="1" t="s">
        <v>5</v>
      </c>
      <c r="D1445" s="1" t="s">
        <v>7</v>
      </c>
      <c r="E1445" s="1" t="s">
        <v>7</v>
      </c>
    </row>
    <row r="1446">
      <c r="A1446" s="1">
        <v>4.90388006E8</v>
      </c>
      <c r="B1446" s="2">
        <v>11881.0</v>
      </c>
      <c r="C1446" s="1" t="s">
        <v>5</v>
      </c>
      <c r="D1446" s="1" t="s">
        <v>1217</v>
      </c>
      <c r="E1446" s="1" t="s">
        <v>7</v>
      </c>
    </row>
    <row r="1447">
      <c r="A1447" s="1">
        <v>4.90388007E8</v>
      </c>
      <c r="B1447" s="3">
        <v>11838.0</v>
      </c>
      <c r="C1447" s="1" t="s">
        <v>5</v>
      </c>
      <c r="D1447" s="1" t="s">
        <v>1218</v>
      </c>
      <c r="E1447" s="1" t="s">
        <v>7</v>
      </c>
    </row>
    <row r="1448">
      <c r="A1448" s="1">
        <v>4.90388011E8</v>
      </c>
      <c r="B1448" s="3">
        <v>11829.0</v>
      </c>
      <c r="C1448" s="1" t="s">
        <v>5</v>
      </c>
      <c r="D1448" s="1" t="s">
        <v>1219</v>
      </c>
      <c r="E1448" s="1" t="s">
        <v>7</v>
      </c>
    </row>
    <row r="1449">
      <c r="A1449" s="1">
        <v>4.90388014E8</v>
      </c>
      <c r="B1449" s="2">
        <v>11780.0</v>
      </c>
      <c r="C1449" s="1" t="s">
        <v>5</v>
      </c>
      <c r="D1449" s="1" t="s">
        <v>1220</v>
      </c>
      <c r="E1449" s="1" t="s">
        <v>1221</v>
      </c>
    </row>
    <row r="1450">
      <c r="A1450" s="1">
        <v>4.90388017E8</v>
      </c>
      <c r="B1450" s="3">
        <v>11832.0</v>
      </c>
      <c r="C1450" s="1" t="s">
        <v>5</v>
      </c>
      <c r="D1450" s="1" t="s">
        <v>11</v>
      </c>
      <c r="E1450" s="1" t="s">
        <v>7</v>
      </c>
    </row>
    <row r="1451">
      <c r="A1451" s="1">
        <v>4.90388018E8</v>
      </c>
      <c r="B1451" s="2">
        <v>11881.0</v>
      </c>
      <c r="C1451" s="1" t="s">
        <v>5</v>
      </c>
      <c r="D1451" s="1" t="s">
        <v>1222</v>
      </c>
      <c r="E1451" s="1" t="s">
        <v>11</v>
      </c>
    </row>
    <row r="1452">
      <c r="A1452" s="1">
        <v>4.90388022E8</v>
      </c>
      <c r="B1452" s="3">
        <v>11832.0</v>
      </c>
      <c r="C1452" s="1" t="s">
        <v>5</v>
      </c>
      <c r="D1452" s="1" t="s">
        <v>1223</v>
      </c>
      <c r="E1452" s="1" t="s">
        <v>7</v>
      </c>
    </row>
    <row r="1453">
      <c r="A1453" s="1">
        <v>4.90388023E8</v>
      </c>
      <c r="B1453" s="3">
        <v>11827.0</v>
      </c>
      <c r="C1453" s="1" t="s">
        <v>5</v>
      </c>
      <c r="D1453" s="1" t="s">
        <v>11</v>
      </c>
      <c r="E1453" s="1" t="s">
        <v>7</v>
      </c>
    </row>
    <row r="1454">
      <c r="A1454" s="1">
        <v>4.90388026E8</v>
      </c>
      <c r="B1454" s="2">
        <v>11847.0</v>
      </c>
      <c r="C1454" s="1" t="s">
        <v>5</v>
      </c>
      <c r="D1454" s="1" t="s">
        <v>1224</v>
      </c>
      <c r="E1454" s="1" t="s">
        <v>11</v>
      </c>
    </row>
    <row r="1455">
      <c r="A1455" s="1">
        <v>4.90388028E8</v>
      </c>
      <c r="B1455" s="2">
        <v>11901.0</v>
      </c>
      <c r="C1455" s="1" t="s">
        <v>5</v>
      </c>
      <c r="D1455" s="1" t="s">
        <v>1225</v>
      </c>
      <c r="E1455" s="1" t="s">
        <v>7</v>
      </c>
    </row>
    <row r="1456">
      <c r="A1456" s="1">
        <v>4.9038803E8</v>
      </c>
      <c r="B1456" s="3">
        <v>11829.0</v>
      </c>
      <c r="C1456" s="1" t="s">
        <v>5</v>
      </c>
      <c r="D1456" s="1" t="s">
        <v>1226</v>
      </c>
      <c r="E1456" s="1" t="s">
        <v>1227</v>
      </c>
    </row>
    <row r="1457">
      <c r="A1457" s="1">
        <v>4.90388033E8</v>
      </c>
      <c r="B1457" s="2">
        <v>11780.0</v>
      </c>
      <c r="C1457" s="1" t="s">
        <v>5</v>
      </c>
      <c r="D1457" s="1" t="s">
        <v>1228</v>
      </c>
      <c r="E1457" s="1" t="s">
        <v>7</v>
      </c>
    </row>
    <row r="1458">
      <c r="A1458" s="1">
        <v>4.90388036E8</v>
      </c>
      <c r="B1458" s="3">
        <v>11829.0</v>
      </c>
      <c r="C1458" s="1" t="s">
        <v>5</v>
      </c>
      <c r="D1458" s="1" t="s">
        <v>1229</v>
      </c>
      <c r="E1458" s="1" t="s">
        <v>7</v>
      </c>
    </row>
    <row r="1459">
      <c r="A1459" s="1">
        <v>4.90388042E8</v>
      </c>
      <c r="B1459" s="2">
        <v>11780.0</v>
      </c>
      <c r="C1459" s="1" t="s">
        <v>5</v>
      </c>
      <c r="D1459" s="1" t="s">
        <v>1230</v>
      </c>
      <c r="E1459" s="1" t="s">
        <v>7</v>
      </c>
    </row>
    <row r="1460">
      <c r="A1460" s="1">
        <v>4.90388043E8</v>
      </c>
      <c r="B1460" s="2">
        <v>11881.0</v>
      </c>
      <c r="C1460" s="1" t="s">
        <v>5</v>
      </c>
      <c r="D1460" s="1" t="s">
        <v>1231</v>
      </c>
      <c r="E1460" s="1" t="s">
        <v>7</v>
      </c>
    </row>
    <row r="1461">
      <c r="A1461" s="1">
        <v>4.90388044E8</v>
      </c>
      <c r="B1461" s="2">
        <v>11901.0</v>
      </c>
      <c r="C1461" s="1" t="s">
        <v>5</v>
      </c>
      <c r="D1461" s="1" t="s">
        <v>1232</v>
      </c>
      <c r="E1461" s="1" t="s">
        <v>7</v>
      </c>
    </row>
    <row r="1462">
      <c r="A1462" s="1">
        <v>4.90388045E8</v>
      </c>
      <c r="B1462" s="3">
        <v>11829.0</v>
      </c>
      <c r="C1462" s="1" t="s">
        <v>5</v>
      </c>
      <c r="D1462" s="1" t="s">
        <v>1233</v>
      </c>
      <c r="E1462" s="1" t="s">
        <v>7</v>
      </c>
    </row>
    <row r="1463">
      <c r="A1463" s="1">
        <v>4.90388051E8</v>
      </c>
      <c r="B1463" s="3">
        <v>11838.0</v>
      </c>
      <c r="C1463" s="1" t="s">
        <v>5</v>
      </c>
      <c r="D1463" s="1" t="s">
        <v>1234</v>
      </c>
      <c r="E1463" s="1" t="s">
        <v>11</v>
      </c>
    </row>
    <row r="1464">
      <c r="A1464" s="1">
        <v>4.90388052E8</v>
      </c>
      <c r="B1464" s="3">
        <v>11828.0</v>
      </c>
      <c r="C1464" s="1" t="s">
        <v>5</v>
      </c>
      <c r="D1464" s="1" t="s">
        <v>1235</v>
      </c>
      <c r="E1464" s="1" t="s">
        <v>7</v>
      </c>
    </row>
    <row r="1465">
      <c r="A1465" s="1">
        <v>4.90388053E8</v>
      </c>
      <c r="B1465" s="3">
        <v>11832.0</v>
      </c>
      <c r="C1465" s="1" t="s">
        <v>5</v>
      </c>
      <c r="D1465" s="1" t="s">
        <v>1236</v>
      </c>
      <c r="E1465" s="1" t="s">
        <v>11</v>
      </c>
    </row>
    <row r="1466">
      <c r="A1466" s="1">
        <v>4.90388054E8</v>
      </c>
      <c r="B1466" s="2">
        <v>11901.0</v>
      </c>
      <c r="C1466" s="1" t="s">
        <v>5</v>
      </c>
      <c r="D1466" s="1" t="s">
        <v>1237</v>
      </c>
      <c r="E1466" s="1" t="s">
        <v>11</v>
      </c>
    </row>
    <row r="1467">
      <c r="A1467" s="1">
        <v>4.90388056E8</v>
      </c>
      <c r="B1467" s="3">
        <v>11825.0</v>
      </c>
      <c r="C1467" s="1" t="s">
        <v>5</v>
      </c>
      <c r="D1467" s="1" t="s">
        <v>169</v>
      </c>
      <c r="E1467" s="1" t="s">
        <v>7</v>
      </c>
    </row>
    <row r="1468">
      <c r="A1468" s="1">
        <v>4.90388061E8</v>
      </c>
      <c r="B1468" s="3">
        <v>11829.0</v>
      </c>
      <c r="C1468" s="1" t="s">
        <v>5</v>
      </c>
      <c r="D1468" s="1" t="s">
        <v>1238</v>
      </c>
      <c r="E1468" s="1" t="s">
        <v>7</v>
      </c>
    </row>
    <row r="1469">
      <c r="A1469" s="1">
        <v>4.90388063E8</v>
      </c>
      <c r="B1469" s="3">
        <v>11828.0</v>
      </c>
      <c r="C1469" s="1" t="s">
        <v>5</v>
      </c>
      <c r="D1469" s="1" t="s">
        <v>1239</v>
      </c>
      <c r="E1469" s="1" t="s">
        <v>1240</v>
      </c>
    </row>
    <row r="1470">
      <c r="A1470" s="1">
        <v>4.90388068E8</v>
      </c>
      <c r="B1470" s="2">
        <v>11881.0</v>
      </c>
      <c r="C1470" s="1" t="s">
        <v>5</v>
      </c>
      <c r="D1470" s="1" t="s">
        <v>1241</v>
      </c>
      <c r="E1470" s="1" t="s">
        <v>11</v>
      </c>
    </row>
    <row r="1471">
      <c r="A1471" s="1">
        <v>4.90388076E8</v>
      </c>
      <c r="B1471" s="2">
        <v>11894.0</v>
      </c>
      <c r="C1471" s="1" t="s">
        <v>5</v>
      </c>
      <c r="D1471" s="1" t="s">
        <v>1242</v>
      </c>
      <c r="E1471" s="1" t="s">
        <v>1243</v>
      </c>
    </row>
    <row r="1472">
      <c r="A1472" s="1">
        <v>4.90388077E8</v>
      </c>
      <c r="B1472" s="3">
        <v>11828.0</v>
      </c>
      <c r="C1472" s="1" t="s">
        <v>5</v>
      </c>
      <c r="D1472" s="1" t="s">
        <v>1244</v>
      </c>
      <c r="E1472" s="1" t="s">
        <v>1245</v>
      </c>
    </row>
    <row r="1473">
      <c r="A1473" s="1">
        <v>4.90388079E8</v>
      </c>
      <c r="B1473" s="2">
        <v>11780.0</v>
      </c>
      <c r="C1473" s="1" t="s">
        <v>5</v>
      </c>
      <c r="D1473" s="1" t="s">
        <v>11</v>
      </c>
      <c r="E1473" s="1" t="s">
        <v>7</v>
      </c>
    </row>
    <row r="1474">
      <c r="A1474" s="1">
        <v>4.90388081E8</v>
      </c>
      <c r="B1474" s="3">
        <v>11836.0</v>
      </c>
      <c r="C1474" s="1" t="s">
        <v>5</v>
      </c>
      <c r="D1474" s="1" t="s">
        <v>1246</v>
      </c>
      <c r="E1474" s="1" t="s">
        <v>7</v>
      </c>
    </row>
    <row r="1475">
      <c r="A1475" s="1">
        <v>4.90388091E8</v>
      </c>
      <c r="B1475" s="3">
        <v>11832.0</v>
      </c>
      <c r="C1475" s="1" t="s">
        <v>5</v>
      </c>
      <c r="D1475" s="1" t="s">
        <v>73</v>
      </c>
      <c r="E1475" s="1" t="s">
        <v>7</v>
      </c>
    </row>
    <row r="1476">
      <c r="A1476" s="1">
        <v>4.90388097E8</v>
      </c>
      <c r="B1476" s="2">
        <v>11894.0</v>
      </c>
      <c r="C1476" s="1" t="s">
        <v>5</v>
      </c>
      <c r="D1476" s="1" t="s">
        <v>1247</v>
      </c>
      <c r="E1476" s="1" t="s">
        <v>7</v>
      </c>
    </row>
    <row r="1477">
      <c r="A1477" s="1">
        <v>4.90388098E8</v>
      </c>
      <c r="B1477" s="2">
        <v>11780.0</v>
      </c>
      <c r="C1477" s="1" t="s">
        <v>5</v>
      </c>
      <c r="D1477" s="1" t="s">
        <v>1248</v>
      </c>
      <c r="E1477" s="1" t="s">
        <v>7</v>
      </c>
    </row>
    <row r="1478">
      <c r="A1478" s="1">
        <v>4.90388099E8</v>
      </c>
      <c r="B1478" s="3">
        <v>11828.0</v>
      </c>
      <c r="C1478" s="1" t="s">
        <v>5</v>
      </c>
      <c r="D1478" s="1" t="s">
        <v>11</v>
      </c>
      <c r="E1478" s="1" t="s">
        <v>7</v>
      </c>
    </row>
    <row r="1479">
      <c r="A1479" s="1">
        <v>4.90388102E8</v>
      </c>
      <c r="B1479" s="3">
        <v>11824.0</v>
      </c>
      <c r="C1479" s="1" t="s">
        <v>5</v>
      </c>
      <c r="D1479" s="1" t="s">
        <v>1249</v>
      </c>
      <c r="E1479" s="1" t="s">
        <v>11</v>
      </c>
    </row>
    <row r="1480">
      <c r="A1480" s="1">
        <v>4.90388105E8</v>
      </c>
      <c r="B1480" s="3">
        <v>11828.0</v>
      </c>
      <c r="C1480" s="1" t="s">
        <v>5</v>
      </c>
      <c r="D1480" s="1" t="s">
        <v>1250</v>
      </c>
      <c r="E1480" s="1" t="s">
        <v>7</v>
      </c>
    </row>
    <row r="1481">
      <c r="A1481" s="1">
        <v>4.90388109E8</v>
      </c>
      <c r="B1481" s="3">
        <v>11828.0</v>
      </c>
      <c r="C1481" s="1" t="s">
        <v>5</v>
      </c>
      <c r="D1481" s="1" t="s">
        <v>1251</v>
      </c>
      <c r="E1481" s="1" t="s">
        <v>7</v>
      </c>
    </row>
    <row r="1482">
      <c r="A1482" s="1">
        <v>4.90388111E8</v>
      </c>
      <c r="B1482" s="2">
        <v>11901.0</v>
      </c>
      <c r="C1482" s="1" t="s">
        <v>5</v>
      </c>
      <c r="D1482" s="1" t="s">
        <v>1252</v>
      </c>
      <c r="E1482" s="1" t="s">
        <v>11</v>
      </c>
    </row>
    <row r="1483">
      <c r="A1483" s="1">
        <v>4.90388113E8</v>
      </c>
      <c r="B1483" s="3">
        <v>11828.0</v>
      </c>
      <c r="C1483" s="1" t="s">
        <v>5</v>
      </c>
      <c r="D1483" s="1" t="s">
        <v>1253</v>
      </c>
      <c r="E1483" s="1" t="s">
        <v>11</v>
      </c>
    </row>
    <row r="1484">
      <c r="A1484" s="1">
        <v>4.90388116E8</v>
      </c>
      <c r="B1484" s="3">
        <v>11831.0</v>
      </c>
      <c r="C1484" s="1" t="s">
        <v>5</v>
      </c>
      <c r="D1484" s="1" t="s">
        <v>1254</v>
      </c>
      <c r="E1484" s="1" t="s">
        <v>1255</v>
      </c>
    </row>
    <row r="1485">
      <c r="A1485" s="1">
        <v>4.90388124E8</v>
      </c>
      <c r="B1485" s="3">
        <v>11828.0</v>
      </c>
      <c r="C1485" s="1" t="s">
        <v>5</v>
      </c>
      <c r="D1485" s="1" t="s">
        <v>1256</v>
      </c>
      <c r="E1485" s="1" t="s">
        <v>7</v>
      </c>
    </row>
    <row r="1486">
      <c r="A1486" s="1">
        <v>4.90388125E8</v>
      </c>
      <c r="B1486" s="3">
        <v>11835.0</v>
      </c>
      <c r="C1486" s="1" t="s">
        <v>5</v>
      </c>
      <c r="D1486" s="1" t="s">
        <v>1257</v>
      </c>
      <c r="E1486" s="1" t="s">
        <v>7</v>
      </c>
    </row>
    <row r="1487">
      <c r="A1487" s="1">
        <v>4.90388126E8</v>
      </c>
      <c r="B1487" s="3">
        <v>11827.0</v>
      </c>
      <c r="C1487" s="1" t="s">
        <v>5</v>
      </c>
      <c r="D1487" s="1" t="s">
        <v>11</v>
      </c>
      <c r="E1487" s="1" t="s">
        <v>7</v>
      </c>
    </row>
    <row r="1488">
      <c r="A1488" s="1">
        <v>4.90388131E8</v>
      </c>
      <c r="B1488" s="2">
        <v>11901.0</v>
      </c>
      <c r="C1488" s="1" t="s">
        <v>5</v>
      </c>
      <c r="D1488" s="1" t="s">
        <v>1258</v>
      </c>
      <c r="E1488" s="1" t="s">
        <v>7</v>
      </c>
    </row>
    <row r="1489">
      <c r="A1489" s="1">
        <v>4.90388136E8</v>
      </c>
      <c r="B1489" s="3">
        <v>11828.0</v>
      </c>
      <c r="C1489" s="1" t="s">
        <v>5</v>
      </c>
      <c r="D1489" s="1" t="s">
        <v>1259</v>
      </c>
      <c r="E1489" s="1" t="s">
        <v>11</v>
      </c>
    </row>
    <row r="1490">
      <c r="A1490" s="1">
        <v>4.90388137E8</v>
      </c>
      <c r="B1490" s="3">
        <v>11831.0</v>
      </c>
      <c r="C1490" s="1" t="s">
        <v>5</v>
      </c>
      <c r="D1490" s="1" t="s">
        <v>1260</v>
      </c>
      <c r="E1490" s="1" t="s">
        <v>11</v>
      </c>
    </row>
    <row r="1491">
      <c r="A1491" s="1">
        <v>4.90388138E8</v>
      </c>
      <c r="B1491" s="3">
        <v>11824.0</v>
      </c>
      <c r="C1491" s="1" t="s">
        <v>5</v>
      </c>
      <c r="D1491" s="1" t="s">
        <v>1261</v>
      </c>
      <c r="E1491" s="1" t="s">
        <v>7</v>
      </c>
    </row>
    <row r="1492">
      <c r="A1492" s="1">
        <v>4.90388141E8</v>
      </c>
      <c r="B1492" s="3">
        <v>11838.0</v>
      </c>
      <c r="C1492" s="1" t="s">
        <v>5</v>
      </c>
      <c r="D1492" s="1" t="s">
        <v>1262</v>
      </c>
      <c r="E1492" s="1" t="s">
        <v>7</v>
      </c>
    </row>
    <row r="1493">
      <c r="A1493" s="1">
        <v>4.90388144E8</v>
      </c>
      <c r="B1493" s="2">
        <v>11901.0</v>
      </c>
      <c r="C1493" s="1" t="s">
        <v>5</v>
      </c>
      <c r="D1493" s="1" t="s">
        <v>1263</v>
      </c>
      <c r="E1493" s="1" t="s">
        <v>7</v>
      </c>
    </row>
    <row r="1494">
      <c r="A1494" s="1">
        <v>4.90388147E8</v>
      </c>
      <c r="B1494" s="3">
        <v>11832.0</v>
      </c>
      <c r="C1494" s="1" t="s">
        <v>5</v>
      </c>
      <c r="D1494" s="1" t="s">
        <v>1264</v>
      </c>
      <c r="E1494" s="1" t="s">
        <v>7</v>
      </c>
    </row>
    <row r="1495">
      <c r="A1495" s="1">
        <v>4.90388148E8</v>
      </c>
      <c r="B1495" s="3">
        <v>11825.0</v>
      </c>
      <c r="C1495" s="1" t="s">
        <v>5</v>
      </c>
      <c r="D1495" s="1" t="s">
        <v>11</v>
      </c>
      <c r="E1495" s="1" t="s">
        <v>7</v>
      </c>
    </row>
    <row r="1496">
      <c r="A1496" s="1">
        <v>4.90388154E8</v>
      </c>
      <c r="B1496" s="3">
        <v>11833.0</v>
      </c>
      <c r="C1496" s="1" t="s">
        <v>5</v>
      </c>
      <c r="D1496" s="1" t="s">
        <v>11</v>
      </c>
      <c r="E1496" s="1" t="s">
        <v>7</v>
      </c>
    </row>
    <row r="1497">
      <c r="A1497" s="1">
        <v>4.90388155E8</v>
      </c>
      <c r="B1497" s="3">
        <v>11822.0</v>
      </c>
      <c r="C1497" s="1" t="s">
        <v>5</v>
      </c>
      <c r="D1497" s="1" t="s">
        <v>1265</v>
      </c>
      <c r="E1497" s="1" t="s">
        <v>7</v>
      </c>
    </row>
    <row r="1498">
      <c r="A1498" s="1">
        <v>4.90388158E8</v>
      </c>
      <c r="B1498" s="2">
        <v>11900.0</v>
      </c>
      <c r="C1498" s="1" t="s">
        <v>5</v>
      </c>
      <c r="D1498" s="1" t="s">
        <v>1266</v>
      </c>
      <c r="E1498" s="1" t="s">
        <v>7</v>
      </c>
    </row>
    <row r="1499">
      <c r="A1499" s="1">
        <v>4.90388161E8</v>
      </c>
      <c r="B1499" s="3">
        <v>11831.0</v>
      </c>
      <c r="C1499" s="1" t="s">
        <v>5</v>
      </c>
      <c r="D1499" s="1" t="s">
        <v>1267</v>
      </c>
      <c r="E1499" s="1" t="s">
        <v>11</v>
      </c>
    </row>
    <row r="1500">
      <c r="A1500" s="1">
        <v>4.90388162E8</v>
      </c>
      <c r="B1500" s="3">
        <v>11832.0</v>
      </c>
      <c r="C1500" s="1" t="s">
        <v>5</v>
      </c>
      <c r="D1500" s="1" t="s">
        <v>1268</v>
      </c>
      <c r="E1500" s="1" t="s">
        <v>7</v>
      </c>
    </row>
    <row r="1501">
      <c r="A1501" s="1">
        <v>4.90388163E8</v>
      </c>
      <c r="B1501" s="2">
        <v>11901.0</v>
      </c>
      <c r="C1501" s="1" t="s">
        <v>5</v>
      </c>
      <c r="D1501" s="1" t="s">
        <v>1269</v>
      </c>
      <c r="E1501" s="1" t="s">
        <v>7</v>
      </c>
    </row>
    <row r="1502">
      <c r="A1502" s="1">
        <v>4.90388166E8</v>
      </c>
      <c r="B1502" s="3">
        <v>11825.0</v>
      </c>
      <c r="C1502" s="1" t="s">
        <v>5</v>
      </c>
      <c r="D1502" s="1" t="s">
        <v>1270</v>
      </c>
      <c r="E1502" s="1" t="s">
        <v>11</v>
      </c>
    </row>
    <row r="1503">
      <c r="A1503" s="1">
        <v>4.90388169E8</v>
      </c>
      <c r="B1503" s="3">
        <v>11828.0</v>
      </c>
      <c r="C1503" s="1" t="s">
        <v>5</v>
      </c>
      <c r="D1503" s="1" t="s">
        <v>1271</v>
      </c>
      <c r="E1503" s="1" t="s">
        <v>7</v>
      </c>
    </row>
    <row r="1504">
      <c r="A1504" s="1">
        <v>4.90388172E8</v>
      </c>
      <c r="B1504" s="3">
        <v>11833.0</v>
      </c>
      <c r="C1504" s="1" t="s">
        <v>5</v>
      </c>
      <c r="D1504" s="1" t="s">
        <v>1272</v>
      </c>
      <c r="E1504" s="1" t="s">
        <v>1273</v>
      </c>
    </row>
    <row r="1505">
      <c r="A1505" s="1">
        <v>4.90388176E8</v>
      </c>
      <c r="B1505" s="3">
        <v>11832.0</v>
      </c>
      <c r="C1505" s="1" t="s">
        <v>5</v>
      </c>
      <c r="D1505" s="1" t="s">
        <v>1274</v>
      </c>
      <c r="E1505" s="1" t="s">
        <v>7</v>
      </c>
    </row>
    <row r="1506">
      <c r="A1506" s="1">
        <v>4.90388177E8</v>
      </c>
      <c r="B1506" s="3">
        <v>11831.0</v>
      </c>
      <c r="C1506" s="1" t="s">
        <v>5</v>
      </c>
      <c r="D1506" s="1" t="s">
        <v>1275</v>
      </c>
      <c r="E1506" s="1" t="s">
        <v>7</v>
      </c>
    </row>
    <row r="1507">
      <c r="A1507" s="1">
        <v>4.90388179E8</v>
      </c>
      <c r="B1507" s="3">
        <v>11834.0</v>
      </c>
      <c r="C1507" s="1" t="s">
        <v>5</v>
      </c>
      <c r="D1507" s="1" t="s">
        <v>1276</v>
      </c>
      <c r="E1507" s="1" t="s">
        <v>7</v>
      </c>
    </row>
    <row r="1508">
      <c r="A1508" s="1">
        <v>4.90388184E8</v>
      </c>
      <c r="B1508" s="3">
        <v>11826.0</v>
      </c>
      <c r="C1508" s="1" t="s">
        <v>5</v>
      </c>
      <c r="D1508" s="1" t="s">
        <v>1277</v>
      </c>
      <c r="E1508" s="1" t="s">
        <v>1278</v>
      </c>
    </row>
    <row r="1509">
      <c r="A1509" s="1">
        <v>4.90388185E8</v>
      </c>
      <c r="B1509" s="2">
        <v>11881.0</v>
      </c>
      <c r="C1509" s="1" t="s">
        <v>5</v>
      </c>
      <c r="D1509" s="1" t="s">
        <v>1279</v>
      </c>
      <c r="E1509" s="1" t="s">
        <v>7</v>
      </c>
    </row>
    <row r="1510">
      <c r="A1510" s="1">
        <v>4.90388186E8</v>
      </c>
      <c r="B1510" s="3">
        <v>11822.0</v>
      </c>
      <c r="C1510" s="1" t="s">
        <v>5</v>
      </c>
      <c r="D1510" s="1" t="s">
        <v>1280</v>
      </c>
      <c r="E1510" s="1" t="s">
        <v>7</v>
      </c>
    </row>
    <row r="1511">
      <c r="A1511" s="1">
        <v>4.90388188E8</v>
      </c>
      <c r="B1511" s="3">
        <v>11827.0</v>
      </c>
      <c r="C1511" s="1" t="s">
        <v>5</v>
      </c>
      <c r="D1511" s="1" t="s">
        <v>1281</v>
      </c>
      <c r="E1511" s="1" t="s">
        <v>7</v>
      </c>
    </row>
    <row r="1512">
      <c r="A1512" s="1">
        <v>4.90388191E8</v>
      </c>
      <c r="B1512" s="2">
        <v>11900.0</v>
      </c>
      <c r="C1512" s="1" t="s">
        <v>5</v>
      </c>
      <c r="D1512" s="1" t="s">
        <v>1282</v>
      </c>
      <c r="E1512" s="1" t="s">
        <v>7</v>
      </c>
    </row>
    <row r="1513">
      <c r="A1513" s="1">
        <v>4.90388194E8</v>
      </c>
      <c r="B1513" s="2">
        <v>11901.0</v>
      </c>
      <c r="C1513" s="1" t="s">
        <v>5</v>
      </c>
      <c r="D1513" s="1" t="s">
        <v>11</v>
      </c>
      <c r="E1513" s="1" t="s">
        <v>7</v>
      </c>
    </row>
    <row r="1514">
      <c r="A1514" s="1">
        <v>4.90388197E8</v>
      </c>
      <c r="B1514" s="3">
        <v>11834.0</v>
      </c>
      <c r="C1514" s="1" t="s">
        <v>5</v>
      </c>
      <c r="D1514" s="1" t="s">
        <v>11</v>
      </c>
      <c r="E1514" s="1" t="s">
        <v>7</v>
      </c>
    </row>
    <row r="1515">
      <c r="A1515" s="1">
        <v>4.90388201E8</v>
      </c>
      <c r="B1515" s="3">
        <v>11824.0</v>
      </c>
      <c r="C1515" s="1" t="s">
        <v>5</v>
      </c>
      <c r="D1515" s="1" t="s">
        <v>1283</v>
      </c>
      <c r="E1515" s="1" t="s">
        <v>1284</v>
      </c>
    </row>
    <row r="1516">
      <c r="A1516" s="1">
        <v>4.90388204E8</v>
      </c>
      <c r="B1516" s="3">
        <v>11822.0</v>
      </c>
      <c r="C1516" s="1" t="s">
        <v>5</v>
      </c>
      <c r="D1516" s="1" t="s">
        <v>1285</v>
      </c>
      <c r="E1516" s="1" t="s">
        <v>11</v>
      </c>
    </row>
    <row r="1517">
      <c r="A1517" s="1">
        <v>4.90388209E8</v>
      </c>
      <c r="B1517" s="3">
        <v>11831.0</v>
      </c>
      <c r="C1517" s="1" t="s">
        <v>5</v>
      </c>
      <c r="D1517" s="1" t="s">
        <v>1286</v>
      </c>
      <c r="E1517" s="1" t="s">
        <v>11</v>
      </c>
    </row>
    <row r="1518">
      <c r="A1518" s="1">
        <v>4.9038821E8</v>
      </c>
      <c r="B1518" s="2">
        <v>11901.0</v>
      </c>
      <c r="C1518" s="1" t="s">
        <v>5</v>
      </c>
      <c r="D1518" s="1" t="s">
        <v>1287</v>
      </c>
      <c r="E1518" s="1" t="s">
        <v>7</v>
      </c>
    </row>
    <row r="1519">
      <c r="A1519" s="1">
        <v>4.90388216E8</v>
      </c>
      <c r="B1519" s="2">
        <v>11881.0</v>
      </c>
      <c r="C1519" s="1" t="s">
        <v>5</v>
      </c>
      <c r="D1519" s="1" t="s">
        <v>1288</v>
      </c>
      <c r="E1519" s="1" t="s">
        <v>11</v>
      </c>
    </row>
    <row r="1520">
      <c r="A1520" s="1">
        <v>4.90388217E8</v>
      </c>
      <c r="B1520" s="3">
        <v>11824.0</v>
      </c>
      <c r="C1520" s="1" t="s">
        <v>5</v>
      </c>
      <c r="D1520" s="1" t="s">
        <v>1289</v>
      </c>
      <c r="E1520" s="1" t="s">
        <v>7</v>
      </c>
    </row>
    <row r="1521">
      <c r="A1521" s="1">
        <v>4.90388219E8</v>
      </c>
      <c r="B1521" s="2">
        <v>11901.0</v>
      </c>
      <c r="C1521" s="1" t="s">
        <v>5</v>
      </c>
      <c r="D1521" s="1" t="s">
        <v>1290</v>
      </c>
      <c r="E1521" s="1" t="s">
        <v>11</v>
      </c>
    </row>
    <row r="1522">
      <c r="A1522" s="1">
        <v>4.90388221E8</v>
      </c>
      <c r="B1522" s="3">
        <v>11822.0</v>
      </c>
      <c r="C1522" s="1" t="s">
        <v>5</v>
      </c>
      <c r="D1522" s="1" t="s">
        <v>1291</v>
      </c>
      <c r="E1522" s="1" t="s">
        <v>7</v>
      </c>
    </row>
    <row r="1523">
      <c r="A1523" s="1">
        <v>4.90388222E8</v>
      </c>
      <c r="B1523" s="3">
        <v>11837.0</v>
      </c>
      <c r="C1523" s="1" t="s">
        <v>5</v>
      </c>
      <c r="D1523" s="1" t="s">
        <v>1292</v>
      </c>
      <c r="E1523" s="1" t="s">
        <v>11</v>
      </c>
    </row>
    <row r="1524">
      <c r="A1524" s="1">
        <v>4.90388228E8</v>
      </c>
      <c r="B1524" s="3">
        <v>11826.0</v>
      </c>
      <c r="C1524" s="1" t="s">
        <v>5</v>
      </c>
      <c r="D1524" s="1" t="s">
        <v>1293</v>
      </c>
      <c r="E1524" s="1" t="s">
        <v>7</v>
      </c>
    </row>
    <row r="1525">
      <c r="A1525" s="1">
        <v>4.90388229E8</v>
      </c>
      <c r="B1525" s="3">
        <v>11827.0</v>
      </c>
      <c r="C1525" s="1" t="s">
        <v>5</v>
      </c>
      <c r="D1525" s="1" t="s">
        <v>169</v>
      </c>
      <c r="E1525" s="1" t="s">
        <v>7</v>
      </c>
    </row>
    <row r="1526">
      <c r="A1526" s="1">
        <v>4.90388231E8</v>
      </c>
      <c r="B1526" s="3">
        <v>11833.0</v>
      </c>
      <c r="C1526" s="1" t="s">
        <v>5</v>
      </c>
      <c r="D1526" s="1" t="s">
        <v>11</v>
      </c>
      <c r="E1526" s="1" t="s">
        <v>7</v>
      </c>
    </row>
    <row r="1527">
      <c r="A1527" s="1">
        <v>4.90388232E8</v>
      </c>
      <c r="B1527" s="3">
        <v>11824.0</v>
      </c>
      <c r="C1527" s="1" t="s">
        <v>5</v>
      </c>
      <c r="D1527" s="1" t="s">
        <v>1294</v>
      </c>
      <c r="E1527" s="1" t="s">
        <v>1295</v>
      </c>
    </row>
    <row r="1528">
      <c r="A1528" s="1">
        <v>4.90388233E8</v>
      </c>
      <c r="B1528" s="2">
        <v>11881.0</v>
      </c>
      <c r="C1528" s="1" t="s">
        <v>5</v>
      </c>
      <c r="D1528" s="1" t="s">
        <v>1296</v>
      </c>
      <c r="E1528" s="1" t="s">
        <v>11</v>
      </c>
    </row>
    <row r="1529">
      <c r="A1529" s="1">
        <v>4.90388235E8</v>
      </c>
      <c r="B1529" s="3">
        <v>11827.0</v>
      </c>
      <c r="C1529" s="1" t="s">
        <v>5</v>
      </c>
      <c r="D1529" s="1" t="s">
        <v>1297</v>
      </c>
      <c r="E1529" s="1" t="s">
        <v>11</v>
      </c>
    </row>
    <row r="1530">
      <c r="A1530" s="1">
        <v>4.9038824E8</v>
      </c>
      <c r="B1530" s="3">
        <v>11837.0</v>
      </c>
      <c r="C1530" s="1" t="s">
        <v>5</v>
      </c>
      <c r="D1530" s="1" t="s">
        <v>11</v>
      </c>
      <c r="E1530" s="1" t="s">
        <v>7</v>
      </c>
    </row>
    <row r="1531">
      <c r="A1531" s="1">
        <v>4.90388241E8</v>
      </c>
      <c r="B1531" s="3">
        <v>11822.0</v>
      </c>
      <c r="C1531" s="1" t="s">
        <v>5</v>
      </c>
      <c r="D1531" s="1" t="s">
        <v>1298</v>
      </c>
      <c r="E1531" s="1" t="s">
        <v>7</v>
      </c>
    </row>
    <row r="1532">
      <c r="A1532" s="1">
        <v>4.90388243E8</v>
      </c>
      <c r="B1532" s="3">
        <v>11826.0</v>
      </c>
      <c r="C1532" s="1" t="s">
        <v>5</v>
      </c>
      <c r="D1532" s="1" t="s">
        <v>1299</v>
      </c>
      <c r="E1532" s="1" t="s">
        <v>11</v>
      </c>
    </row>
    <row r="1533">
      <c r="A1533" s="1">
        <v>4.90388244E8</v>
      </c>
      <c r="B1533" s="2">
        <v>11900.0</v>
      </c>
      <c r="C1533" s="1" t="s">
        <v>5</v>
      </c>
      <c r="D1533" s="1" t="s">
        <v>1300</v>
      </c>
      <c r="E1533" s="1" t="s">
        <v>7</v>
      </c>
    </row>
    <row r="1534">
      <c r="A1534" s="1">
        <v>4.90388245E8</v>
      </c>
      <c r="B1534" s="3">
        <v>11831.0</v>
      </c>
      <c r="C1534" s="1" t="s">
        <v>5</v>
      </c>
      <c r="D1534" s="1" t="s">
        <v>1301</v>
      </c>
      <c r="E1534" s="1" t="s">
        <v>11</v>
      </c>
    </row>
    <row r="1535">
      <c r="A1535" s="1">
        <v>4.90388246E8</v>
      </c>
      <c r="B1535" s="3">
        <v>11833.0</v>
      </c>
      <c r="C1535" s="1" t="s">
        <v>5</v>
      </c>
      <c r="D1535" s="1" t="s">
        <v>1302</v>
      </c>
      <c r="E1535" s="1" t="s">
        <v>11</v>
      </c>
    </row>
    <row r="1536">
      <c r="A1536" s="1">
        <v>4.90388248E8</v>
      </c>
      <c r="B1536" s="3">
        <v>11827.0</v>
      </c>
      <c r="C1536" s="1" t="s">
        <v>5</v>
      </c>
      <c r="D1536" s="1" t="s">
        <v>1303</v>
      </c>
      <c r="E1536" s="1" t="s">
        <v>7</v>
      </c>
    </row>
    <row r="1537">
      <c r="A1537" s="1">
        <v>4.90388249E8</v>
      </c>
      <c r="B1537" s="2">
        <v>11881.0</v>
      </c>
      <c r="C1537" s="1" t="s">
        <v>5</v>
      </c>
      <c r="D1537" s="1" t="s">
        <v>1304</v>
      </c>
      <c r="E1537" s="1" t="s">
        <v>11</v>
      </c>
    </row>
    <row r="1538">
      <c r="A1538" s="1">
        <v>4.90388251E8</v>
      </c>
      <c r="B1538" s="3">
        <v>11827.0</v>
      </c>
      <c r="C1538" s="1" t="s">
        <v>5</v>
      </c>
      <c r="D1538" s="1" t="s">
        <v>1305</v>
      </c>
      <c r="E1538" s="1" t="s">
        <v>7</v>
      </c>
    </row>
    <row r="1539">
      <c r="A1539" s="1">
        <v>4.90388253E8</v>
      </c>
      <c r="B1539" s="3">
        <v>11824.0</v>
      </c>
      <c r="C1539" s="1" t="s">
        <v>5</v>
      </c>
      <c r="D1539" s="1" t="s">
        <v>1306</v>
      </c>
      <c r="E1539" s="1" t="s">
        <v>7</v>
      </c>
    </row>
    <row r="1540">
      <c r="A1540" s="1">
        <v>4.90388255E8</v>
      </c>
      <c r="B1540" s="3">
        <v>11826.0</v>
      </c>
      <c r="C1540" s="1" t="s">
        <v>5</v>
      </c>
      <c r="D1540" s="1" t="s">
        <v>1307</v>
      </c>
      <c r="E1540" s="1" t="s">
        <v>11</v>
      </c>
    </row>
    <row r="1541">
      <c r="A1541" s="1">
        <v>4.90388257E8</v>
      </c>
      <c r="B1541" s="3">
        <v>11831.0</v>
      </c>
      <c r="C1541" s="1" t="s">
        <v>5</v>
      </c>
      <c r="D1541" s="1" t="s">
        <v>1308</v>
      </c>
      <c r="E1541" s="1" t="s">
        <v>11</v>
      </c>
    </row>
    <row r="1542">
      <c r="A1542" s="1">
        <v>4.90388258E8</v>
      </c>
      <c r="B1542" s="3">
        <v>11821.0</v>
      </c>
      <c r="C1542" s="1" t="s">
        <v>5</v>
      </c>
      <c r="D1542" s="1" t="s">
        <v>1309</v>
      </c>
      <c r="E1542" s="1" t="s">
        <v>1310</v>
      </c>
    </row>
    <row r="1543">
      <c r="A1543" s="1">
        <v>4.9038826E8</v>
      </c>
      <c r="B1543" s="2">
        <v>11900.0</v>
      </c>
      <c r="C1543" s="1" t="s">
        <v>5</v>
      </c>
      <c r="D1543" s="1" t="s">
        <v>1311</v>
      </c>
      <c r="E1543" s="1" t="s">
        <v>7</v>
      </c>
    </row>
    <row r="1544">
      <c r="A1544" s="1">
        <v>4.90388263E8</v>
      </c>
      <c r="B1544" s="3">
        <v>11831.0</v>
      </c>
      <c r="C1544" s="1" t="s">
        <v>5</v>
      </c>
      <c r="D1544" s="1" t="s">
        <v>1312</v>
      </c>
      <c r="E1544" s="1" t="s">
        <v>11</v>
      </c>
    </row>
    <row r="1545">
      <c r="A1545" s="1">
        <v>4.90388264E8</v>
      </c>
      <c r="B1545" s="3">
        <v>11826.0</v>
      </c>
      <c r="C1545" s="1" t="s">
        <v>5</v>
      </c>
      <c r="D1545" s="1" t="s">
        <v>11</v>
      </c>
      <c r="E1545" s="1" t="s">
        <v>7</v>
      </c>
    </row>
    <row r="1546">
      <c r="A1546" s="1">
        <v>4.90388265E8</v>
      </c>
      <c r="B1546" s="3">
        <v>11826.0</v>
      </c>
      <c r="C1546" s="1" t="s">
        <v>5</v>
      </c>
      <c r="D1546" s="1" t="s">
        <v>11</v>
      </c>
      <c r="E1546" s="1" t="s">
        <v>7</v>
      </c>
    </row>
    <row r="1547">
      <c r="A1547" s="1">
        <v>4.90388266E8</v>
      </c>
      <c r="B1547" s="3">
        <v>11821.0</v>
      </c>
      <c r="C1547" s="1" t="s">
        <v>5</v>
      </c>
      <c r="D1547" s="1" t="s">
        <v>1313</v>
      </c>
      <c r="E1547" s="1" t="s">
        <v>11</v>
      </c>
    </row>
    <row r="1548">
      <c r="A1548" s="1">
        <v>4.90388271E8</v>
      </c>
      <c r="B1548" s="3">
        <v>11810.0</v>
      </c>
      <c r="C1548" s="1" t="s">
        <v>5</v>
      </c>
      <c r="D1548" s="1" t="s">
        <v>1314</v>
      </c>
      <c r="E1548" s="1" t="s">
        <v>7</v>
      </c>
    </row>
    <row r="1549">
      <c r="A1549" s="1">
        <v>4.90388278E8</v>
      </c>
      <c r="B1549" s="2">
        <v>11900.0</v>
      </c>
      <c r="C1549" s="1" t="s">
        <v>5</v>
      </c>
      <c r="D1549" s="1" t="s">
        <v>1315</v>
      </c>
      <c r="E1549" s="1" t="s">
        <v>7</v>
      </c>
    </row>
    <row r="1550">
      <c r="A1550" s="1">
        <v>4.9038828E8</v>
      </c>
      <c r="B1550" s="3">
        <v>11825.0</v>
      </c>
      <c r="C1550" s="1" t="s">
        <v>5</v>
      </c>
      <c r="D1550" s="1" t="s">
        <v>1316</v>
      </c>
      <c r="E1550" s="1" t="s">
        <v>11</v>
      </c>
    </row>
    <row r="1551">
      <c r="A1551" s="1">
        <v>4.90388289E8</v>
      </c>
      <c r="B1551" s="3">
        <v>11824.0</v>
      </c>
      <c r="C1551" s="1" t="s">
        <v>5</v>
      </c>
      <c r="D1551" s="1" t="s">
        <v>1317</v>
      </c>
      <c r="E1551" s="1" t="s">
        <v>11</v>
      </c>
    </row>
    <row r="1552">
      <c r="A1552" s="1">
        <v>4.9038829E8</v>
      </c>
      <c r="B1552" s="3">
        <v>11827.0</v>
      </c>
      <c r="C1552" s="1" t="s">
        <v>5</v>
      </c>
      <c r="D1552" s="1" t="s">
        <v>1318</v>
      </c>
      <c r="E1552" s="1" t="s">
        <v>11</v>
      </c>
    </row>
    <row r="1553">
      <c r="A1553" s="1">
        <v>4.90388292E8</v>
      </c>
      <c r="B1553" s="3">
        <v>11827.0</v>
      </c>
      <c r="C1553" s="1" t="s">
        <v>5</v>
      </c>
      <c r="D1553" s="1" t="s">
        <v>1319</v>
      </c>
      <c r="E1553" s="1" t="s">
        <v>11</v>
      </c>
    </row>
    <row r="1554">
      <c r="A1554" s="1">
        <v>4.90388293E8</v>
      </c>
      <c r="B1554" s="2">
        <v>11900.0</v>
      </c>
      <c r="C1554" s="1" t="s">
        <v>5</v>
      </c>
      <c r="D1554" s="1" t="s">
        <v>1320</v>
      </c>
      <c r="E1554" s="1" t="s">
        <v>7</v>
      </c>
    </row>
    <row r="1555">
      <c r="A1555" s="1">
        <v>4.90388295E8</v>
      </c>
      <c r="B1555" s="2">
        <v>11900.0</v>
      </c>
      <c r="C1555" s="1" t="s">
        <v>5</v>
      </c>
      <c r="D1555" s="1" t="s">
        <v>11</v>
      </c>
      <c r="E1555" s="1" t="s">
        <v>7</v>
      </c>
    </row>
    <row r="1556">
      <c r="A1556" s="1">
        <v>4.90388297E8</v>
      </c>
      <c r="B1556" s="3">
        <v>11820.0</v>
      </c>
      <c r="C1556" s="1" t="s">
        <v>5</v>
      </c>
      <c r="D1556" s="1" t="s">
        <v>1321</v>
      </c>
      <c r="E1556" s="1" t="s">
        <v>7</v>
      </c>
    </row>
    <row r="1557">
      <c r="A1557" s="1">
        <v>4.903883E8</v>
      </c>
      <c r="B1557" s="2">
        <v>11881.0</v>
      </c>
      <c r="C1557" s="1" t="s">
        <v>5</v>
      </c>
      <c r="D1557" s="1" t="s">
        <v>1322</v>
      </c>
      <c r="E1557" s="1" t="s">
        <v>11</v>
      </c>
    </row>
    <row r="1558">
      <c r="A1558" s="1">
        <v>4.90388303E8</v>
      </c>
      <c r="B1558" s="3">
        <v>11825.0</v>
      </c>
      <c r="C1558" s="1" t="s">
        <v>5</v>
      </c>
      <c r="D1558" s="1" t="s">
        <v>1323</v>
      </c>
      <c r="E1558" s="1" t="s">
        <v>7</v>
      </c>
    </row>
    <row r="1559">
      <c r="A1559" s="1">
        <v>4.90388308E8</v>
      </c>
      <c r="B1559" s="2">
        <v>11900.0</v>
      </c>
      <c r="C1559" s="1" t="s">
        <v>5</v>
      </c>
      <c r="D1559" s="1" t="s">
        <v>1324</v>
      </c>
      <c r="E1559" s="1" t="s">
        <v>7</v>
      </c>
    </row>
    <row r="1560">
      <c r="A1560" s="1">
        <v>4.90388317E8</v>
      </c>
      <c r="B1560" s="3">
        <v>11826.0</v>
      </c>
      <c r="C1560" s="1" t="s">
        <v>5</v>
      </c>
      <c r="D1560" s="1" t="s">
        <v>11</v>
      </c>
      <c r="E1560" s="1" t="s">
        <v>7</v>
      </c>
    </row>
    <row r="1561">
      <c r="A1561" s="1">
        <v>4.90388318E8</v>
      </c>
      <c r="B1561" s="3">
        <v>11829.0</v>
      </c>
      <c r="C1561" s="1" t="s">
        <v>5</v>
      </c>
      <c r="D1561" s="1" t="s">
        <v>1325</v>
      </c>
      <c r="E1561" s="1" t="s">
        <v>11</v>
      </c>
    </row>
    <row r="1562">
      <c r="A1562" s="1">
        <v>4.90388322E8</v>
      </c>
      <c r="B1562" s="2">
        <v>11899.0</v>
      </c>
      <c r="C1562" s="1" t="s">
        <v>5</v>
      </c>
      <c r="D1562" s="1" t="s">
        <v>1326</v>
      </c>
      <c r="E1562" s="1" t="s">
        <v>11</v>
      </c>
    </row>
    <row r="1563">
      <c r="A1563" s="1">
        <v>4.90388323E8</v>
      </c>
      <c r="B1563" s="2">
        <v>11899.0</v>
      </c>
      <c r="C1563" s="1" t="s">
        <v>5</v>
      </c>
      <c r="D1563" s="1" t="s">
        <v>1327</v>
      </c>
      <c r="E1563" s="1" t="s">
        <v>1328</v>
      </c>
    </row>
    <row r="1564">
      <c r="A1564" s="1">
        <v>4.90388327E8</v>
      </c>
      <c r="B1564" s="2">
        <v>11899.0</v>
      </c>
      <c r="C1564" s="1" t="s">
        <v>5</v>
      </c>
      <c r="D1564" s="1" t="s">
        <v>42</v>
      </c>
      <c r="E1564" s="1" t="s">
        <v>7</v>
      </c>
    </row>
    <row r="1565">
      <c r="A1565" s="1">
        <v>4.90388328E8</v>
      </c>
      <c r="B1565" s="3">
        <v>11825.0</v>
      </c>
      <c r="C1565" s="1" t="s">
        <v>5</v>
      </c>
      <c r="D1565" s="1" t="s">
        <v>1329</v>
      </c>
      <c r="E1565" s="1" t="s">
        <v>7</v>
      </c>
    </row>
    <row r="1566">
      <c r="A1566" s="1">
        <v>4.90388329E8</v>
      </c>
      <c r="B1566" s="3">
        <v>11810.0</v>
      </c>
      <c r="C1566" s="1" t="s">
        <v>5</v>
      </c>
      <c r="D1566" s="1" t="s">
        <v>11</v>
      </c>
      <c r="E1566" s="1" t="s">
        <v>7</v>
      </c>
    </row>
    <row r="1567">
      <c r="A1567" s="1">
        <v>4.9038833E8</v>
      </c>
      <c r="B1567" s="3">
        <v>11832.0</v>
      </c>
      <c r="C1567" s="1" t="s">
        <v>5</v>
      </c>
      <c r="D1567" s="1" t="s">
        <v>1330</v>
      </c>
      <c r="E1567" s="1" t="s">
        <v>7</v>
      </c>
    </row>
    <row r="1568">
      <c r="A1568" s="1">
        <v>4.90388331E8</v>
      </c>
      <c r="B1568" s="3">
        <v>11826.0</v>
      </c>
      <c r="C1568" s="1" t="s">
        <v>5</v>
      </c>
      <c r="D1568" s="1" t="s">
        <v>1331</v>
      </c>
      <c r="E1568" s="1" t="s">
        <v>7</v>
      </c>
    </row>
    <row r="1569">
      <c r="A1569" s="1">
        <v>4.90388335E8</v>
      </c>
      <c r="B1569" s="2">
        <v>11899.0</v>
      </c>
      <c r="C1569" s="1" t="s">
        <v>5</v>
      </c>
      <c r="D1569" s="1" t="s">
        <v>11</v>
      </c>
      <c r="E1569" s="1" t="s">
        <v>7</v>
      </c>
    </row>
    <row r="1570">
      <c r="A1570" s="1">
        <v>4.90388338E8</v>
      </c>
      <c r="B1570" s="3">
        <v>11829.0</v>
      </c>
      <c r="C1570" s="1" t="s">
        <v>5</v>
      </c>
      <c r="D1570" s="1" t="s">
        <v>11</v>
      </c>
      <c r="E1570" s="1" t="s">
        <v>7</v>
      </c>
    </row>
    <row r="1571">
      <c r="A1571" s="1">
        <v>4.9038834E8</v>
      </c>
      <c r="B1571" s="2">
        <v>11899.0</v>
      </c>
      <c r="C1571" s="1" t="s">
        <v>5</v>
      </c>
      <c r="D1571" s="1" t="s">
        <v>1332</v>
      </c>
      <c r="E1571" s="1" t="s">
        <v>11</v>
      </c>
    </row>
    <row r="1572">
      <c r="A1572" s="1">
        <v>4.90388343E8</v>
      </c>
      <c r="B1572" s="2">
        <v>11899.0</v>
      </c>
      <c r="C1572" s="1" t="s">
        <v>5</v>
      </c>
      <c r="D1572" s="1" t="s">
        <v>1333</v>
      </c>
      <c r="E1572" s="1" t="s">
        <v>1334</v>
      </c>
    </row>
    <row r="1573">
      <c r="A1573" s="1">
        <v>4.90388354E8</v>
      </c>
      <c r="B1573" s="2">
        <v>11899.0</v>
      </c>
      <c r="C1573" s="1" t="s">
        <v>5</v>
      </c>
      <c r="D1573" s="1" t="s">
        <v>1335</v>
      </c>
      <c r="E1573" s="1" t="s">
        <v>11</v>
      </c>
    </row>
    <row r="1574">
      <c r="A1574" s="1">
        <v>4.90388358E8</v>
      </c>
      <c r="B1574" s="3">
        <v>11825.0</v>
      </c>
      <c r="C1574" s="1" t="s">
        <v>5</v>
      </c>
      <c r="D1574" s="1" t="s">
        <v>1336</v>
      </c>
      <c r="E1574" s="1" t="s">
        <v>7</v>
      </c>
    </row>
    <row r="1575">
      <c r="A1575" s="1">
        <v>4.90388359E8</v>
      </c>
      <c r="B1575" s="3">
        <v>11826.0</v>
      </c>
      <c r="C1575" s="1" t="s">
        <v>5</v>
      </c>
      <c r="D1575" s="1" t="s">
        <v>11</v>
      </c>
      <c r="E1575" s="1" t="s">
        <v>7</v>
      </c>
    </row>
    <row r="1576">
      <c r="A1576" s="1">
        <v>4.90388366E8</v>
      </c>
      <c r="B1576" s="2">
        <v>11847.0</v>
      </c>
      <c r="C1576" s="1" t="s">
        <v>5</v>
      </c>
      <c r="D1576" s="1" t="s">
        <v>1337</v>
      </c>
      <c r="E1576" s="1" t="s">
        <v>7</v>
      </c>
    </row>
    <row r="1577">
      <c r="A1577" s="1">
        <v>4.90388368E8</v>
      </c>
      <c r="B1577" s="2">
        <v>11901.0</v>
      </c>
      <c r="C1577" s="1" t="s">
        <v>5</v>
      </c>
      <c r="D1577" s="1" t="s">
        <v>1338</v>
      </c>
      <c r="E1577" s="1" t="s">
        <v>7</v>
      </c>
    </row>
    <row r="1578">
      <c r="A1578" s="1">
        <v>4.90388372E8</v>
      </c>
      <c r="B1578" s="3">
        <v>11829.0</v>
      </c>
      <c r="C1578" s="1" t="s">
        <v>5</v>
      </c>
      <c r="D1578" s="1" t="s">
        <v>1339</v>
      </c>
      <c r="E1578" s="1" t="s">
        <v>7</v>
      </c>
    </row>
    <row r="1579">
      <c r="A1579" s="1">
        <v>4.90388373E8</v>
      </c>
      <c r="B1579" s="3">
        <v>11824.0</v>
      </c>
      <c r="C1579" s="1" t="s">
        <v>5</v>
      </c>
      <c r="D1579" s="1" t="s">
        <v>1340</v>
      </c>
      <c r="E1579" s="1" t="s">
        <v>7</v>
      </c>
    </row>
    <row r="1580">
      <c r="A1580" s="1">
        <v>4.90388375E8</v>
      </c>
      <c r="B1580" s="3">
        <v>11824.0</v>
      </c>
      <c r="C1580" s="1" t="s">
        <v>5</v>
      </c>
      <c r="D1580" s="1" t="s">
        <v>1341</v>
      </c>
      <c r="E1580" s="1" t="s">
        <v>7</v>
      </c>
    </row>
    <row r="1581">
      <c r="A1581" s="1">
        <v>4.90388377E8</v>
      </c>
      <c r="B1581" s="3">
        <v>11832.0</v>
      </c>
      <c r="C1581" s="1" t="s">
        <v>5</v>
      </c>
      <c r="D1581" s="1" t="s">
        <v>11</v>
      </c>
      <c r="E1581" s="1" t="s">
        <v>7</v>
      </c>
    </row>
    <row r="1582">
      <c r="A1582" s="1">
        <v>4.90388378E8</v>
      </c>
      <c r="B1582" s="2">
        <v>11899.0</v>
      </c>
      <c r="C1582" s="1" t="s">
        <v>5</v>
      </c>
      <c r="D1582" s="1" t="s">
        <v>11</v>
      </c>
      <c r="E1582" s="1" t="s">
        <v>7</v>
      </c>
    </row>
    <row r="1583">
      <c r="A1583" s="1">
        <v>4.9038838E8</v>
      </c>
      <c r="B1583" s="2">
        <v>11899.0</v>
      </c>
      <c r="C1583" s="1" t="s">
        <v>5</v>
      </c>
      <c r="D1583" s="1" t="s">
        <v>1342</v>
      </c>
      <c r="E1583" s="1" t="s">
        <v>1343</v>
      </c>
    </row>
    <row r="1584">
      <c r="A1584" s="1">
        <v>4.90388381E8</v>
      </c>
      <c r="B1584" s="3">
        <v>11810.0</v>
      </c>
      <c r="C1584" s="1" t="s">
        <v>5</v>
      </c>
      <c r="D1584" s="1" t="s">
        <v>1344</v>
      </c>
      <c r="E1584" s="1" t="s">
        <v>7</v>
      </c>
    </row>
    <row r="1585">
      <c r="A1585" s="1">
        <v>4.90388382E8</v>
      </c>
      <c r="B1585" s="2">
        <v>11847.0</v>
      </c>
      <c r="C1585" s="1" t="s">
        <v>5</v>
      </c>
      <c r="D1585" s="1" t="s">
        <v>1345</v>
      </c>
      <c r="E1585" s="1" t="s">
        <v>7</v>
      </c>
    </row>
    <row r="1586">
      <c r="A1586" s="1">
        <v>4.90388384E8</v>
      </c>
      <c r="B1586" s="3">
        <v>11836.0</v>
      </c>
      <c r="C1586" s="1" t="s">
        <v>5</v>
      </c>
      <c r="D1586" s="1" t="s">
        <v>1346</v>
      </c>
      <c r="E1586" s="1" t="s">
        <v>1347</v>
      </c>
    </row>
    <row r="1587">
      <c r="A1587" s="1">
        <v>4.90388388E8</v>
      </c>
      <c r="B1587" s="2">
        <v>11846.0</v>
      </c>
      <c r="C1587" s="1" t="s">
        <v>5</v>
      </c>
      <c r="D1587" s="1" t="s">
        <v>1348</v>
      </c>
      <c r="E1587" s="1" t="s">
        <v>11</v>
      </c>
    </row>
    <row r="1588">
      <c r="A1588" s="1">
        <v>4.90388391E8</v>
      </c>
      <c r="B1588" s="3">
        <v>11824.0</v>
      </c>
      <c r="C1588" s="1" t="s">
        <v>5</v>
      </c>
      <c r="D1588" s="1" t="s">
        <v>1349</v>
      </c>
      <c r="E1588" s="1" t="s">
        <v>7</v>
      </c>
    </row>
    <row r="1589">
      <c r="A1589" s="1">
        <v>4.90388393E8</v>
      </c>
      <c r="B1589" s="3">
        <v>11826.0</v>
      </c>
      <c r="C1589" s="1" t="s">
        <v>5</v>
      </c>
      <c r="D1589" s="1" t="s">
        <v>1350</v>
      </c>
      <c r="E1589" s="1" t="s">
        <v>11</v>
      </c>
    </row>
    <row r="1590">
      <c r="A1590" s="1">
        <v>4.90388395E8</v>
      </c>
      <c r="B1590" s="3">
        <v>11826.0</v>
      </c>
      <c r="C1590" s="1" t="s">
        <v>5</v>
      </c>
      <c r="D1590" s="1" t="s">
        <v>11</v>
      </c>
      <c r="E1590" s="1" t="s">
        <v>7</v>
      </c>
    </row>
    <row r="1591">
      <c r="A1591" s="1">
        <v>4.90388397E8</v>
      </c>
      <c r="B1591" s="2">
        <v>11899.0</v>
      </c>
      <c r="C1591" s="1" t="s">
        <v>5</v>
      </c>
      <c r="D1591" s="1" t="s">
        <v>1351</v>
      </c>
      <c r="E1591" s="1" t="s">
        <v>11</v>
      </c>
    </row>
    <row r="1592">
      <c r="A1592" s="1">
        <v>4.90388398E8</v>
      </c>
      <c r="B1592" s="2">
        <v>11847.0</v>
      </c>
      <c r="C1592" s="1" t="s">
        <v>5</v>
      </c>
      <c r="D1592" s="1" t="s">
        <v>1352</v>
      </c>
      <c r="E1592" s="1" t="s">
        <v>11</v>
      </c>
    </row>
    <row r="1593">
      <c r="A1593" s="1">
        <v>4.90388402E8</v>
      </c>
      <c r="B1593" s="2">
        <v>11898.0</v>
      </c>
      <c r="C1593" s="1" t="s">
        <v>5</v>
      </c>
      <c r="D1593" s="1" t="s">
        <v>1353</v>
      </c>
      <c r="E1593" s="1" t="s">
        <v>11</v>
      </c>
    </row>
    <row r="1594">
      <c r="A1594" s="1">
        <v>4.90388405E8</v>
      </c>
      <c r="B1594" s="3">
        <v>11812.0</v>
      </c>
      <c r="C1594" s="1" t="s">
        <v>5</v>
      </c>
      <c r="D1594" s="1" t="s">
        <v>1354</v>
      </c>
      <c r="E1594" s="1" t="s">
        <v>7</v>
      </c>
    </row>
    <row r="1595">
      <c r="A1595" s="1">
        <v>4.9038841E8</v>
      </c>
      <c r="B1595" s="3">
        <v>11825.0</v>
      </c>
      <c r="C1595" s="1" t="s">
        <v>5</v>
      </c>
      <c r="D1595" s="1" t="s">
        <v>1355</v>
      </c>
      <c r="E1595" s="1" t="s">
        <v>7</v>
      </c>
    </row>
    <row r="1596">
      <c r="A1596" s="1">
        <v>4.90388412E8</v>
      </c>
      <c r="B1596" s="3">
        <v>11826.0</v>
      </c>
      <c r="C1596" s="1" t="s">
        <v>5</v>
      </c>
      <c r="D1596" s="1" t="s">
        <v>1356</v>
      </c>
      <c r="E1596" s="1" t="s">
        <v>11</v>
      </c>
    </row>
    <row r="1597">
      <c r="A1597" s="1">
        <v>4.90388413E8</v>
      </c>
      <c r="B1597" s="2">
        <v>11899.0</v>
      </c>
      <c r="C1597" s="1" t="s">
        <v>5</v>
      </c>
      <c r="D1597" s="1" t="s">
        <v>11</v>
      </c>
      <c r="E1597" s="1" t="s">
        <v>7</v>
      </c>
    </row>
    <row r="1598">
      <c r="A1598" s="1">
        <v>4.90388416E8</v>
      </c>
      <c r="B1598" s="2">
        <v>11898.0</v>
      </c>
      <c r="C1598" s="1" t="s">
        <v>5</v>
      </c>
      <c r="D1598" s="1" t="s">
        <v>1357</v>
      </c>
      <c r="E1598" s="1" t="s">
        <v>7</v>
      </c>
    </row>
    <row r="1599">
      <c r="A1599" s="1">
        <v>4.90388421E8</v>
      </c>
      <c r="B1599" s="3">
        <v>11825.0</v>
      </c>
      <c r="C1599" s="1" t="s">
        <v>5</v>
      </c>
      <c r="D1599" s="1" t="s">
        <v>1358</v>
      </c>
      <c r="E1599" s="1" t="s">
        <v>1359</v>
      </c>
    </row>
    <row r="1600">
      <c r="A1600" s="1">
        <v>4.90388424E8</v>
      </c>
      <c r="B1600" s="3">
        <v>11831.0</v>
      </c>
      <c r="C1600" s="1" t="s">
        <v>5</v>
      </c>
      <c r="D1600" s="1" t="s">
        <v>1360</v>
      </c>
      <c r="E1600" s="1" t="s">
        <v>7</v>
      </c>
    </row>
    <row r="1601">
      <c r="A1601" s="1">
        <v>4.90388427E8</v>
      </c>
      <c r="B1601" s="2">
        <v>11845.0</v>
      </c>
      <c r="C1601" s="1" t="s">
        <v>5</v>
      </c>
      <c r="D1601" s="1" t="s">
        <v>1361</v>
      </c>
      <c r="E1601" s="1" t="s">
        <v>7</v>
      </c>
    </row>
    <row r="1602">
      <c r="A1602" s="1">
        <v>4.90388429E8</v>
      </c>
      <c r="B1602" s="2">
        <v>11898.0</v>
      </c>
      <c r="C1602" s="1" t="s">
        <v>5</v>
      </c>
      <c r="D1602" s="1" t="s">
        <v>11</v>
      </c>
      <c r="E1602" s="1" t="s">
        <v>7</v>
      </c>
    </row>
    <row r="1603">
      <c r="A1603" s="1">
        <v>4.90388433E8</v>
      </c>
      <c r="B1603" s="2">
        <v>11901.0</v>
      </c>
      <c r="C1603" s="1" t="s">
        <v>5</v>
      </c>
      <c r="D1603" s="1" t="s">
        <v>1362</v>
      </c>
      <c r="E1603" s="1" t="s">
        <v>7</v>
      </c>
    </row>
    <row r="1604">
      <c r="A1604" s="1">
        <v>4.90388447E8</v>
      </c>
      <c r="B1604" s="2">
        <v>11846.0</v>
      </c>
      <c r="C1604" s="1" t="s">
        <v>5</v>
      </c>
      <c r="D1604" s="1" t="s">
        <v>1363</v>
      </c>
      <c r="E1604" s="1" t="s">
        <v>7</v>
      </c>
    </row>
    <row r="1605">
      <c r="A1605" s="1">
        <v>4.90388448E8</v>
      </c>
      <c r="B1605" s="3">
        <v>11825.0</v>
      </c>
      <c r="C1605" s="1" t="s">
        <v>5</v>
      </c>
      <c r="D1605" s="1" t="s">
        <v>1364</v>
      </c>
      <c r="E1605" s="1" t="s">
        <v>11</v>
      </c>
    </row>
    <row r="1606">
      <c r="A1606" s="1">
        <v>4.9038845E8</v>
      </c>
      <c r="B1606" s="3">
        <v>11819.0</v>
      </c>
      <c r="C1606" s="1" t="s">
        <v>5</v>
      </c>
      <c r="D1606" s="1" t="s">
        <v>1365</v>
      </c>
      <c r="E1606" s="1" t="s">
        <v>11</v>
      </c>
    </row>
    <row r="1607">
      <c r="A1607" s="1">
        <v>4.90388451E8</v>
      </c>
      <c r="B1607" s="3">
        <v>11826.0</v>
      </c>
      <c r="C1607" s="1" t="s">
        <v>5</v>
      </c>
      <c r="D1607" s="1" t="s">
        <v>1366</v>
      </c>
      <c r="E1607" s="1" t="s">
        <v>7</v>
      </c>
    </row>
    <row r="1608">
      <c r="A1608" s="1">
        <v>4.90388453E8</v>
      </c>
      <c r="B1608" s="3">
        <v>11810.0</v>
      </c>
      <c r="C1608" s="1" t="s">
        <v>5</v>
      </c>
      <c r="D1608" s="1" t="s">
        <v>1367</v>
      </c>
      <c r="E1608" s="1" t="s">
        <v>7</v>
      </c>
    </row>
    <row r="1609">
      <c r="A1609" s="1">
        <v>4.90388454E8</v>
      </c>
      <c r="B1609" s="2">
        <v>11899.0</v>
      </c>
      <c r="C1609" s="1" t="s">
        <v>5</v>
      </c>
      <c r="D1609" s="1" t="s">
        <v>1368</v>
      </c>
      <c r="E1609" s="1" t="s">
        <v>7</v>
      </c>
    </row>
    <row r="1610">
      <c r="A1610" s="1">
        <v>4.90388456E8</v>
      </c>
      <c r="B1610" s="2">
        <v>11899.0</v>
      </c>
      <c r="C1610" s="1" t="s">
        <v>5</v>
      </c>
      <c r="D1610" s="1" t="s">
        <v>11</v>
      </c>
      <c r="E1610" s="1" t="s">
        <v>7</v>
      </c>
    </row>
    <row r="1611">
      <c r="A1611" s="1">
        <v>4.9038846E8</v>
      </c>
      <c r="B1611" s="3">
        <v>11812.0</v>
      </c>
      <c r="C1611" s="1" t="s">
        <v>5</v>
      </c>
      <c r="D1611" s="1" t="s">
        <v>1369</v>
      </c>
      <c r="E1611" s="1" t="s">
        <v>11</v>
      </c>
    </row>
    <row r="1612">
      <c r="A1612" s="1">
        <v>4.90388464E8</v>
      </c>
      <c r="B1612" s="3">
        <v>11825.0</v>
      </c>
      <c r="C1612" s="1" t="s">
        <v>5</v>
      </c>
      <c r="D1612" s="1" t="s">
        <v>1370</v>
      </c>
      <c r="E1612" s="1" t="s">
        <v>7</v>
      </c>
    </row>
    <row r="1613">
      <c r="A1613" s="1">
        <v>4.90388468E8</v>
      </c>
      <c r="B1613" s="3">
        <v>11819.0</v>
      </c>
      <c r="C1613" s="1" t="s">
        <v>5</v>
      </c>
      <c r="D1613" s="1" t="s">
        <v>1371</v>
      </c>
      <c r="E1613" s="1" t="s">
        <v>11</v>
      </c>
    </row>
    <row r="1614">
      <c r="A1614" s="1">
        <v>4.9038847E8</v>
      </c>
      <c r="B1614" s="3">
        <v>11826.0</v>
      </c>
      <c r="C1614" s="1" t="s">
        <v>5</v>
      </c>
      <c r="D1614" s="1" t="s">
        <v>1372</v>
      </c>
      <c r="E1614" s="1" t="s">
        <v>11</v>
      </c>
    </row>
    <row r="1615">
      <c r="A1615" s="1">
        <v>4.90388471E8</v>
      </c>
      <c r="B1615" s="3">
        <v>11824.0</v>
      </c>
      <c r="C1615" s="1" t="s">
        <v>5</v>
      </c>
      <c r="D1615" s="1" t="s">
        <v>1373</v>
      </c>
      <c r="E1615" s="1" t="s">
        <v>7</v>
      </c>
    </row>
    <row r="1616">
      <c r="A1616" s="1">
        <v>4.90388474E8</v>
      </c>
      <c r="B1616" s="2">
        <v>11846.0</v>
      </c>
      <c r="C1616" s="1" t="s">
        <v>5</v>
      </c>
      <c r="D1616" s="1" t="s">
        <v>1374</v>
      </c>
      <c r="E1616" s="1" t="s">
        <v>11</v>
      </c>
    </row>
    <row r="1617">
      <c r="A1617" s="1">
        <v>4.90388476E8</v>
      </c>
      <c r="B1617" s="2">
        <v>11845.0</v>
      </c>
      <c r="C1617" s="1" t="s">
        <v>5</v>
      </c>
      <c r="D1617" s="1" t="s">
        <v>1375</v>
      </c>
      <c r="E1617" s="1" t="s">
        <v>11</v>
      </c>
    </row>
    <row r="1618">
      <c r="A1618" s="1">
        <v>4.90388477E8</v>
      </c>
      <c r="B1618" s="2">
        <v>11845.0</v>
      </c>
      <c r="C1618" s="1" t="s">
        <v>5</v>
      </c>
      <c r="D1618" s="1" t="s">
        <v>1376</v>
      </c>
      <c r="E1618" s="1" t="s">
        <v>11</v>
      </c>
    </row>
    <row r="1619">
      <c r="A1619" s="1">
        <v>4.90388479E8</v>
      </c>
      <c r="B1619" s="3">
        <v>11819.0</v>
      </c>
      <c r="C1619" s="1" t="s">
        <v>5</v>
      </c>
      <c r="D1619" s="1" t="s">
        <v>1377</v>
      </c>
      <c r="E1619" s="1" t="s">
        <v>7</v>
      </c>
    </row>
    <row r="1620">
      <c r="A1620" s="1">
        <v>4.90388481E8</v>
      </c>
      <c r="B1620" s="3">
        <v>11826.0</v>
      </c>
      <c r="C1620" s="1" t="s">
        <v>5</v>
      </c>
      <c r="D1620" s="1" t="s">
        <v>1378</v>
      </c>
      <c r="E1620" s="1" t="s">
        <v>7</v>
      </c>
    </row>
    <row r="1621">
      <c r="A1621" s="1">
        <v>4.90388491E8</v>
      </c>
      <c r="B1621" s="3">
        <v>11812.0</v>
      </c>
      <c r="C1621" s="1" t="s">
        <v>5</v>
      </c>
      <c r="D1621" s="1" t="s">
        <v>1379</v>
      </c>
      <c r="E1621" s="1" t="s">
        <v>11</v>
      </c>
    </row>
    <row r="1622">
      <c r="A1622" s="1">
        <v>4.90388497E8</v>
      </c>
      <c r="B1622" s="3">
        <v>11828.0</v>
      </c>
      <c r="C1622" s="1" t="s">
        <v>5</v>
      </c>
      <c r="D1622" s="1" t="s">
        <v>169</v>
      </c>
      <c r="E1622" s="1" t="s">
        <v>7</v>
      </c>
    </row>
    <row r="1623">
      <c r="A1623" s="1">
        <v>4.90388498E8</v>
      </c>
      <c r="B1623" s="3">
        <v>11812.0</v>
      </c>
      <c r="C1623" s="1" t="s">
        <v>5</v>
      </c>
      <c r="D1623" s="1" t="s">
        <v>1380</v>
      </c>
      <c r="E1623" s="1" t="s">
        <v>7</v>
      </c>
    </row>
    <row r="1624">
      <c r="A1624" s="1">
        <v>4.90388507E8</v>
      </c>
      <c r="B1624" s="2">
        <v>11898.0</v>
      </c>
      <c r="C1624" s="1" t="s">
        <v>5</v>
      </c>
      <c r="D1624" s="1" t="s">
        <v>1381</v>
      </c>
      <c r="E1624" s="1" t="s">
        <v>11</v>
      </c>
    </row>
    <row r="1625">
      <c r="A1625" s="1">
        <v>4.90388509E8</v>
      </c>
      <c r="B1625" s="3">
        <v>11831.0</v>
      </c>
      <c r="C1625" s="1" t="s">
        <v>5</v>
      </c>
      <c r="D1625" s="1" t="s">
        <v>1382</v>
      </c>
      <c r="E1625" s="1" t="s">
        <v>1383</v>
      </c>
    </row>
    <row r="1626">
      <c r="A1626" s="1">
        <v>4.90388512E8</v>
      </c>
      <c r="B1626" s="3">
        <v>11828.0</v>
      </c>
      <c r="C1626" s="1" t="s">
        <v>5</v>
      </c>
      <c r="D1626" s="1" t="s">
        <v>1384</v>
      </c>
      <c r="E1626" s="1" t="s">
        <v>11</v>
      </c>
    </row>
    <row r="1627">
      <c r="A1627" s="1">
        <v>4.90388521E8</v>
      </c>
      <c r="B1627" s="2">
        <v>11845.0</v>
      </c>
      <c r="C1627" s="1" t="s">
        <v>5</v>
      </c>
      <c r="D1627" s="1" t="s">
        <v>11</v>
      </c>
      <c r="E1627" s="1" t="s">
        <v>7</v>
      </c>
    </row>
    <row r="1628">
      <c r="A1628" s="1">
        <v>4.90388522E8</v>
      </c>
      <c r="B1628" s="3">
        <v>11822.0</v>
      </c>
      <c r="C1628" s="1" t="s">
        <v>5</v>
      </c>
      <c r="D1628" s="1" t="s">
        <v>1385</v>
      </c>
      <c r="E1628" s="1" t="s">
        <v>7</v>
      </c>
    </row>
    <row r="1629">
      <c r="A1629" s="1">
        <v>4.90388523E8</v>
      </c>
      <c r="B1629" s="3">
        <v>11812.0</v>
      </c>
      <c r="C1629" s="1" t="s">
        <v>5</v>
      </c>
      <c r="D1629" s="1" t="s">
        <v>1386</v>
      </c>
      <c r="E1629" s="1" t="s">
        <v>7</v>
      </c>
    </row>
    <row r="1630">
      <c r="A1630" s="1">
        <v>4.90388524E8</v>
      </c>
      <c r="B1630" s="3">
        <v>11826.0</v>
      </c>
      <c r="C1630" s="1" t="s">
        <v>5</v>
      </c>
      <c r="D1630" s="1" t="s">
        <v>11</v>
      </c>
      <c r="E1630" s="1" t="s">
        <v>7</v>
      </c>
    </row>
    <row r="1631">
      <c r="A1631" s="1">
        <v>4.90388532E8</v>
      </c>
      <c r="B1631" s="3">
        <v>11827.0</v>
      </c>
      <c r="C1631" s="1" t="s">
        <v>5</v>
      </c>
      <c r="D1631" s="1" t="s">
        <v>1387</v>
      </c>
      <c r="E1631" s="1" t="s">
        <v>7</v>
      </c>
    </row>
    <row r="1632">
      <c r="A1632" s="1">
        <v>4.90388535E8</v>
      </c>
      <c r="B1632" s="2">
        <v>11899.0</v>
      </c>
      <c r="C1632" s="1" t="s">
        <v>5</v>
      </c>
      <c r="D1632" s="1" t="s">
        <v>1388</v>
      </c>
      <c r="E1632" s="1" t="s">
        <v>7</v>
      </c>
    </row>
    <row r="1633">
      <c r="A1633" s="1">
        <v>4.90388539E8</v>
      </c>
      <c r="B1633" s="3">
        <v>11824.0</v>
      </c>
      <c r="C1633" s="1" t="s">
        <v>5</v>
      </c>
      <c r="D1633" s="1" t="s">
        <v>1389</v>
      </c>
      <c r="E1633" s="1" t="s">
        <v>7</v>
      </c>
    </row>
    <row r="1634">
      <c r="A1634" s="1">
        <v>4.90388542E8</v>
      </c>
      <c r="B1634" s="2">
        <v>11898.0</v>
      </c>
      <c r="C1634" s="1" t="s">
        <v>5</v>
      </c>
      <c r="D1634" s="1" t="s">
        <v>1351</v>
      </c>
      <c r="E1634" s="1" t="s">
        <v>11</v>
      </c>
    </row>
    <row r="1635">
      <c r="A1635" s="1">
        <v>4.90388543E8</v>
      </c>
      <c r="B1635" s="3">
        <v>11819.0</v>
      </c>
      <c r="C1635" s="1" t="s">
        <v>5</v>
      </c>
      <c r="D1635" s="1" t="s">
        <v>1390</v>
      </c>
      <c r="E1635" s="1" t="s">
        <v>11</v>
      </c>
    </row>
    <row r="1636">
      <c r="A1636" s="1">
        <v>4.90388544E8</v>
      </c>
      <c r="B1636" s="2">
        <v>11901.0</v>
      </c>
      <c r="C1636" s="1" t="s">
        <v>5</v>
      </c>
      <c r="D1636" s="1" t="s">
        <v>1391</v>
      </c>
      <c r="E1636" s="1" t="s">
        <v>11</v>
      </c>
    </row>
    <row r="1637">
      <c r="A1637" s="1">
        <v>4.90388545E8</v>
      </c>
      <c r="B1637" s="3">
        <v>11828.0</v>
      </c>
      <c r="C1637" s="1" t="s">
        <v>5</v>
      </c>
      <c r="D1637" s="1" t="s">
        <v>11</v>
      </c>
      <c r="E1637" s="1" t="s">
        <v>7</v>
      </c>
    </row>
    <row r="1638">
      <c r="A1638" s="1">
        <v>4.90388547E8</v>
      </c>
      <c r="B1638" s="3">
        <v>11826.0</v>
      </c>
      <c r="C1638" s="1" t="s">
        <v>5</v>
      </c>
      <c r="D1638" s="1" t="s">
        <v>7</v>
      </c>
      <c r="E1638" s="1" t="s">
        <v>7</v>
      </c>
    </row>
    <row r="1639">
      <c r="A1639" s="1">
        <v>4.9038855E8</v>
      </c>
      <c r="B1639" s="2">
        <v>11899.0</v>
      </c>
      <c r="C1639" s="1" t="s">
        <v>5</v>
      </c>
      <c r="D1639" s="1" t="s">
        <v>1392</v>
      </c>
      <c r="E1639" s="1" t="s">
        <v>7</v>
      </c>
    </row>
    <row r="1640">
      <c r="A1640" s="1">
        <v>4.90388551E8</v>
      </c>
      <c r="B1640" s="2">
        <v>11898.0</v>
      </c>
      <c r="C1640" s="1" t="s">
        <v>5</v>
      </c>
      <c r="D1640" s="1" t="s">
        <v>1393</v>
      </c>
      <c r="E1640" s="1" t="s">
        <v>7</v>
      </c>
    </row>
    <row r="1641">
      <c r="A1641" s="1">
        <v>4.90388554E8</v>
      </c>
      <c r="B1641" s="2">
        <v>11842.0</v>
      </c>
      <c r="C1641" s="1" t="s">
        <v>5</v>
      </c>
      <c r="D1641" s="1" t="s">
        <v>11</v>
      </c>
      <c r="E1641" s="1" t="s">
        <v>7</v>
      </c>
    </row>
    <row r="1642">
      <c r="A1642" s="1">
        <v>4.90388556E8</v>
      </c>
      <c r="B1642" s="3">
        <v>11819.0</v>
      </c>
      <c r="C1642" s="1" t="s">
        <v>5</v>
      </c>
      <c r="D1642" s="1" t="s">
        <v>1394</v>
      </c>
      <c r="E1642" s="1" t="s">
        <v>7</v>
      </c>
    </row>
    <row r="1643">
      <c r="A1643" s="1">
        <v>4.90388557E8</v>
      </c>
      <c r="B1643" s="3">
        <v>11822.0</v>
      </c>
      <c r="C1643" s="1" t="s">
        <v>5</v>
      </c>
      <c r="D1643" s="1" t="s">
        <v>1395</v>
      </c>
      <c r="E1643" s="1" t="s">
        <v>1396</v>
      </c>
    </row>
    <row r="1644">
      <c r="A1644" s="1">
        <v>4.90388558E8</v>
      </c>
      <c r="B1644" s="3">
        <v>11827.0</v>
      </c>
      <c r="C1644" s="1" t="s">
        <v>5</v>
      </c>
      <c r="D1644" s="1" t="s">
        <v>1397</v>
      </c>
      <c r="E1644" s="1" t="s">
        <v>7</v>
      </c>
    </row>
    <row r="1645">
      <c r="A1645" s="1">
        <v>4.90388559E8</v>
      </c>
      <c r="B1645" s="3">
        <v>11824.0</v>
      </c>
      <c r="C1645" s="1" t="s">
        <v>5</v>
      </c>
      <c r="D1645" s="1" t="s">
        <v>1398</v>
      </c>
      <c r="E1645" s="1" t="s">
        <v>7</v>
      </c>
    </row>
    <row r="1646">
      <c r="A1646" s="1">
        <v>4.9038856E8</v>
      </c>
      <c r="B1646" s="2">
        <v>11898.0</v>
      </c>
      <c r="C1646" s="1" t="s">
        <v>5</v>
      </c>
      <c r="D1646" s="1" t="s">
        <v>11</v>
      </c>
      <c r="E1646" s="1" t="s">
        <v>7</v>
      </c>
    </row>
    <row r="1647">
      <c r="A1647" s="1">
        <v>4.90388564E8</v>
      </c>
      <c r="B1647" s="3">
        <v>11825.0</v>
      </c>
      <c r="C1647" s="1" t="s">
        <v>5</v>
      </c>
      <c r="D1647" s="1" t="s">
        <v>1399</v>
      </c>
      <c r="E1647" s="1" t="s">
        <v>1400</v>
      </c>
    </row>
    <row r="1648">
      <c r="A1648" s="1">
        <v>4.90388567E8</v>
      </c>
      <c r="B1648" s="3">
        <v>11824.0</v>
      </c>
      <c r="C1648" s="1" t="s">
        <v>5</v>
      </c>
      <c r="D1648" s="1" t="s">
        <v>1401</v>
      </c>
      <c r="E1648" s="1" t="s">
        <v>7</v>
      </c>
    </row>
    <row r="1649">
      <c r="A1649" s="1">
        <v>4.90388569E8</v>
      </c>
      <c r="B1649" s="2">
        <v>11845.0</v>
      </c>
      <c r="C1649" s="1" t="s">
        <v>5</v>
      </c>
      <c r="D1649" s="1" t="s">
        <v>1402</v>
      </c>
      <c r="E1649" s="1" t="s">
        <v>11</v>
      </c>
    </row>
    <row r="1650">
      <c r="A1650" s="1">
        <v>4.90388571E8</v>
      </c>
      <c r="B1650" s="2">
        <v>11899.0</v>
      </c>
      <c r="C1650" s="1" t="s">
        <v>5</v>
      </c>
      <c r="D1650" s="1" t="s">
        <v>11</v>
      </c>
      <c r="E1650" s="1" t="s">
        <v>7</v>
      </c>
    </row>
    <row r="1651">
      <c r="A1651" s="1">
        <v>4.90388574E8</v>
      </c>
      <c r="B1651" s="2">
        <v>11842.0</v>
      </c>
      <c r="C1651" s="1" t="s">
        <v>5</v>
      </c>
      <c r="D1651" s="1" t="s">
        <v>11</v>
      </c>
      <c r="E1651" s="1" t="s">
        <v>7</v>
      </c>
    </row>
    <row r="1652">
      <c r="A1652" s="1">
        <v>4.90388577E8</v>
      </c>
      <c r="B1652" s="3">
        <v>11825.0</v>
      </c>
      <c r="C1652" s="1" t="s">
        <v>5</v>
      </c>
      <c r="D1652" s="1" t="s">
        <v>1403</v>
      </c>
      <c r="E1652" s="1" t="s">
        <v>7</v>
      </c>
    </row>
    <row r="1653">
      <c r="A1653" s="1">
        <v>4.90388581E8</v>
      </c>
      <c r="B1653" s="3">
        <v>11812.0</v>
      </c>
      <c r="C1653" s="1" t="s">
        <v>5</v>
      </c>
      <c r="D1653" s="1" t="s">
        <v>11</v>
      </c>
      <c r="E1653" s="1" t="s">
        <v>7</v>
      </c>
    </row>
    <row r="1654">
      <c r="A1654" s="1">
        <v>4.90388582E8</v>
      </c>
      <c r="B1654" s="3">
        <v>11828.0</v>
      </c>
      <c r="C1654" s="1" t="s">
        <v>5</v>
      </c>
      <c r="D1654" s="1" t="s">
        <v>1404</v>
      </c>
      <c r="E1654" s="1" t="s">
        <v>7</v>
      </c>
    </row>
    <row r="1655">
      <c r="A1655" s="1">
        <v>4.90388583E8</v>
      </c>
      <c r="B1655" s="2">
        <v>11901.0</v>
      </c>
      <c r="C1655" s="1" t="s">
        <v>5</v>
      </c>
      <c r="D1655" s="1" t="s">
        <v>11</v>
      </c>
      <c r="E1655" s="1" t="s">
        <v>7</v>
      </c>
    </row>
    <row r="1656">
      <c r="A1656" s="1">
        <v>4.90388584E8</v>
      </c>
      <c r="B1656" s="3">
        <v>11822.0</v>
      </c>
      <c r="C1656" s="1" t="s">
        <v>5</v>
      </c>
      <c r="D1656" s="1" t="s">
        <v>1405</v>
      </c>
      <c r="E1656" s="1" t="s">
        <v>7</v>
      </c>
    </row>
    <row r="1657">
      <c r="A1657" s="1">
        <v>4.90388586E8</v>
      </c>
      <c r="B1657" s="3">
        <v>11825.0</v>
      </c>
      <c r="C1657" s="1" t="s">
        <v>5</v>
      </c>
      <c r="D1657" s="1" t="s">
        <v>1406</v>
      </c>
      <c r="E1657" s="1" t="s">
        <v>11</v>
      </c>
    </row>
    <row r="1658">
      <c r="A1658" s="1">
        <v>4.90388587E8</v>
      </c>
      <c r="B1658" s="2">
        <v>11899.0</v>
      </c>
      <c r="C1658" s="1" t="s">
        <v>5</v>
      </c>
      <c r="D1658" s="1" t="s">
        <v>1407</v>
      </c>
      <c r="E1658" s="1" t="s">
        <v>7</v>
      </c>
    </row>
    <row r="1659">
      <c r="A1659" s="1">
        <v>4.9038859E8</v>
      </c>
      <c r="B1659" s="3">
        <v>11822.0</v>
      </c>
      <c r="C1659" s="1" t="s">
        <v>5</v>
      </c>
      <c r="D1659" s="1" t="s">
        <v>1408</v>
      </c>
      <c r="E1659" s="1" t="s">
        <v>7</v>
      </c>
    </row>
    <row r="1660">
      <c r="A1660" s="1">
        <v>4.90388594E8</v>
      </c>
      <c r="B1660" s="3">
        <v>11836.0</v>
      </c>
      <c r="C1660" s="1" t="s">
        <v>5</v>
      </c>
      <c r="D1660" s="1" t="s">
        <v>1409</v>
      </c>
      <c r="E1660" s="1" t="s">
        <v>7</v>
      </c>
    </row>
    <row r="1661">
      <c r="A1661" s="1">
        <v>4.90388595E8</v>
      </c>
      <c r="B1661" s="2">
        <v>11898.0</v>
      </c>
      <c r="C1661" s="1" t="s">
        <v>5</v>
      </c>
      <c r="D1661" s="1" t="s">
        <v>1410</v>
      </c>
      <c r="E1661" s="1" t="s">
        <v>1411</v>
      </c>
    </row>
    <row r="1662">
      <c r="A1662" s="1">
        <v>4.90388598E8</v>
      </c>
      <c r="B1662" s="2">
        <v>11845.0</v>
      </c>
      <c r="C1662" s="1" t="s">
        <v>5</v>
      </c>
      <c r="D1662" s="1" t="s">
        <v>1412</v>
      </c>
      <c r="E1662" s="1" t="s">
        <v>7</v>
      </c>
    </row>
    <row r="1663">
      <c r="A1663" s="1">
        <v>4.90388606E8</v>
      </c>
      <c r="B1663" s="3">
        <v>11821.0</v>
      </c>
      <c r="C1663" s="1" t="s">
        <v>5</v>
      </c>
      <c r="D1663" s="1" t="s">
        <v>1413</v>
      </c>
      <c r="E1663" s="1" t="s">
        <v>1414</v>
      </c>
    </row>
    <row r="1664">
      <c r="A1664" s="1">
        <v>4.9038861E8</v>
      </c>
      <c r="B1664" s="2">
        <v>11897.0</v>
      </c>
      <c r="C1664" s="1" t="s">
        <v>5</v>
      </c>
      <c r="D1664" s="1" t="s">
        <v>1415</v>
      </c>
      <c r="E1664" s="1" t="s">
        <v>7</v>
      </c>
    </row>
    <row r="1665">
      <c r="A1665" s="1">
        <v>4.90388612E8</v>
      </c>
      <c r="B1665" s="3">
        <v>11840.0</v>
      </c>
      <c r="C1665" s="1" t="s">
        <v>5</v>
      </c>
      <c r="D1665" s="1" t="s">
        <v>1416</v>
      </c>
      <c r="E1665" s="1" t="s">
        <v>7</v>
      </c>
    </row>
    <row r="1666">
      <c r="A1666" s="1">
        <v>4.90388615E8</v>
      </c>
      <c r="B1666" s="3">
        <v>11824.0</v>
      </c>
      <c r="C1666" s="1" t="s">
        <v>5</v>
      </c>
      <c r="D1666" s="1" t="s">
        <v>1417</v>
      </c>
      <c r="E1666" s="1" t="s">
        <v>7</v>
      </c>
    </row>
    <row r="1667">
      <c r="A1667" s="1">
        <v>4.90388621E8</v>
      </c>
      <c r="B1667" s="3">
        <v>11836.0</v>
      </c>
      <c r="C1667" s="1" t="s">
        <v>5</v>
      </c>
      <c r="D1667" s="1" t="s">
        <v>1418</v>
      </c>
      <c r="E1667" s="1" t="s">
        <v>7</v>
      </c>
    </row>
    <row r="1668">
      <c r="A1668" s="1">
        <v>4.90388624E8</v>
      </c>
      <c r="B1668" s="2">
        <v>11900.0</v>
      </c>
      <c r="C1668" s="1" t="s">
        <v>5</v>
      </c>
      <c r="D1668" s="1" t="s">
        <v>1419</v>
      </c>
      <c r="E1668" s="1" t="s">
        <v>7</v>
      </c>
    </row>
    <row r="1669">
      <c r="A1669" s="1">
        <v>4.90388627E8</v>
      </c>
      <c r="B1669" s="3">
        <v>11827.0</v>
      </c>
      <c r="C1669" s="1" t="s">
        <v>5</v>
      </c>
      <c r="D1669" s="1" t="s">
        <v>1420</v>
      </c>
      <c r="E1669" s="1" t="s">
        <v>7</v>
      </c>
    </row>
    <row r="1670">
      <c r="A1670" s="1">
        <v>4.90388628E8</v>
      </c>
      <c r="B1670" s="2">
        <v>11847.0</v>
      </c>
      <c r="C1670" s="1" t="s">
        <v>5</v>
      </c>
      <c r="D1670" s="1" t="s">
        <v>11</v>
      </c>
      <c r="E1670" s="1" t="s">
        <v>7</v>
      </c>
    </row>
    <row r="1671">
      <c r="A1671" s="1">
        <v>4.9038863E8</v>
      </c>
      <c r="B1671" s="3">
        <v>11821.0</v>
      </c>
      <c r="C1671" s="1" t="s">
        <v>5</v>
      </c>
      <c r="D1671" s="1" t="s">
        <v>1421</v>
      </c>
      <c r="E1671" s="1" t="s">
        <v>7</v>
      </c>
    </row>
    <row r="1672">
      <c r="A1672" s="1">
        <v>4.90388632E8</v>
      </c>
      <c r="B1672" s="3">
        <v>11840.0</v>
      </c>
      <c r="C1672" s="1" t="s">
        <v>5</v>
      </c>
      <c r="D1672" s="1" t="s">
        <v>1422</v>
      </c>
      <c r="E1672" s="1" t="s">
        <v>7</v>
      </c>
    </row>
    <row r="1673">
      <c r="A1673" s="1">
        <v>4.90388633E8</v>
      </c>
      <c r="B1673" s="2">
        <v>11898.0</v>
      </c>
      <c r="C1673" s="1" t="s">
        <v>5</v>
      </c>
      <c r="D1673" s="1" t="s">
        <v>11</v>
      </c>
      <c r="E1673" s="1" t="s">
        <v>7</v>
      </c>
    </row>
    <row r="1674">
      <c r="A1674" s="1">
        <v>4.90388634E8</v>
      </c>
      <c r="B1674" s="3">
        <v>11812.0</v>
      </c>
      <c r="C1674" s="1" t="s">
        <v>5</v>
      </c>
      <c r="D1674" s="1" t="s">
        <v>11</v>
      </c>
      <c r="E1674" s="1" t="s">
        <v>7</v>
      </c>
    </row>
    <row r="1675">
      <c r="A1675" s="1">
        <v>4.90388637E8</v>
      </c>
      <c r="B1675" s="3">
        <v>11824.0</v>
      </c>
      <c r="C1675" s="1" t="s">
        <v>5</v>
      </c>
      <c r="D1675" s="1" t="s">
        <v>1423</v>
      </c>
      <c r="E1675" s="1" t="s">
        <v>11</v>
      </c>
    </row>
    <row r="1676">
      <c r="A1676" s="1">
        <v>4.90388638E8</v>
      </c>
      <c r="B1676" s="3">
        <v>11822.0</v>
      </c>
      <c r="C1676" s="1" t="s">
        <v>5</v>
      </c>
      <c r="D1676" s="1" t="s">
        <v>11</v>
      </c>
      <c r="E1676" s="1" t="s">
        <v>7</v>
      </c>
    </row>
    <row r="1677">
      <c r="A1677" s="1">
        <v>4.90388643E8</v>
      </c>
      <c r="B1677" s="3">
        <v>11835.0</v>
      </c>
      <c r="C1677" s="1" t="s">
        <v>5</v>
      </c>
      <c r="D1677" s="1" t="s">
        <v>1424</v>
      </c>
      <c r="E1677" s="1" t="s">
        <v>7</v>
      </c>
    </row>
    <row r="1678">
      <c r="A1678" s="1">
        <v>4.90388645E8</v>
      </c>
      <c r="B1678" s="2">
        <v>11841.0</v>
      </c>
      <c r="C1678" s="1" t="s">
        <v>5</v>
      </c>
      <c r="D1678" s="1" t="s">
        <v>1425</v>
      </c>
      <c r="E1678" s="1" t="s">
        <v>7</v>
      </c>
    </row>
    <row r="1679">
      <c r="A1679" s="1">
        <v>4.90388649E8</v>
      </c>
      <c r="B1679" s="3">
        <v>11827.0</v>
      </c>
      <c r="C1679" s="1" t="s">
        <v>5</v>
      </c>
      <c r="D1679" s="1" t="s">
        <v>1426</v>
      </c>
      <c r="E1679" s="1" t="s">
        <v>11</v>
      </c>
    </row>
    <row r="1680">
      <c r="A1680" s="1">
        <v>4.90388655E8</v>
      </c>
      <c r="B1680" s="2">
        <v>11845.0</v>
      </c>
      <c r="C1680" s="1" t="s">
        <v>5</v>
      </c>
      <c r="D1680" s="1" t="s">
        <v>1427</v>
      </c>
      <c r="E1680" s="1" t="s">
        <v>11</v>
      </c>
    </row>
    <row r="1681">
      <c r="A1681" s="1">
        <v>4.90388659E8</v>
      </c>
      <c r="B1681" s="3">
        <v>11812.0</v>
      </c>
      <c r="C1681" s="1" t="s">
        <v>5</v>
      </c>
      <c r="D1681" s="1" t="s">
        <v>11</v>
      </c>
      <c r="E1681" s="1" t="s">
        <v>7</v>
      </c>
    </row>
    <row r="1682">
      <c r="A1682" s="1">
        <v>4.9038866E8</v>
      </c>
      <c r="B1682" s="2">
        <v>11897.0</v>
      </c>
      <c r="C1682" s="1" t="s">
        <v>5</v>
      </c>
      <c r="D1682" s="1" t="s">
        <v>1428</v>
      </c>
      <c r="E1682" s="1" t="s">
        <v>11</v>
      </c>
    </row>
    <row r="1683">
      <c r="A1683" s="1">
        <v>4.90388662E8</v>
      </c>
      <c r="B1683" s="3">
        <v>11827.0</v>
      </c>
      <c r="C1683" s="1" t="s">
        <v>5</v>
      </c>
      <c r="D1683" s="1" t="s">
        <v>11</v>
      </c>
      <c r="E1683" s="1" t="s">
        <v>7</v>
      </c>
    </row>
    <row r="1684">
      <c r="A1684" s="1">
        <v>4.90388665E8</v>
      </c>
      <c r="B1684" s="3">
        <v>11835.0</v>
      </c>
      <c r="C1684" s="1" t="s">
        <v>5</v>
      </c>
      <c r="D1684" s="1" t="s">
        <v>1429</v>
      </c>
      <c r="E1684" s="1" t="s">
        <v>7</v>
      </c>
    </row>
    <row r="1685">
      <c r="A1685" s="1">
        <v>4.90388671E8</v>
      </c>
      <c r="B1685" s="2">
        <v>11900.0</v>
      </c>
      <c r="C1685" s="1" t="s">
        <v>5</v>
      </c>
      <c r="D1685" s="1" t="s">
        <v>1430</v>
      </c>
      <c r="E1685" s="1" t="s">
        <v>11</v>
      </c>
    </row>
    <row r="1686">
      <c r="A1686" s="1">
        <v>4.90388677E8</v>
      </c>
      <c r="B1686" s="2">
        <v>11847.0</v>
      </c>
      <c r="C1686" s="1" t="s">
        <v>5</v>
      </c>
      <c r="D1686" s="1" t="s">
        <v>1431</v>
      </c>
      <c r="E1686" s="1" t="s">
        <v>11</v>
      </c>
    </row>
    <row r="1687">
      <c r="A1687" s="1">
        <v>4.90388679E8</v>
      </c>
      <c r="B1687" s="3">
        <v>11822.0</v>
      </c>
      <c r="C1687" s="1" t="s">
        <v>5</v>
      </c>
      <c r="D1687" s="1" t="s">
        <v>1432</v>
      </c>
      <c r="E1687" s="1" t="s">
        <v>7</v>
      </c>
    </row>
    <row r="1688">
      <c r="A1688" s="1">
        <v>4.9038868E8</v>
      </c>
      <c r="B1688" s="3">
        <v>11829.0</v>
      </c>
      <c r="C1688" s="1" t="s">
        <v>5</v>
      </c>
      <c r="D1688" s="1" t="s">
        <v>11</v>
      </c>
      <c r="E1688" s="1" t="s">
        <v>7</v>
      </c>
    </row>
    <row r="1689">
      <c r="A1689" s="1">
        <v>4.90388682E8</v>
      </c>
      <c r="B1689" s="3">
        <v>11835.0</v>
      </c>
      <c r="C1689" s="1" t="s">
        <v>5</v>
      </c>
      <c r="D1689" s="1" t="s">
        <v>1433</v>
      </c>
      <c r="E1689" s="1" t="s">
        <v>7</v>
      </c>
    </row>
    <row r="1690">
      <c r="A1690" s="1">
        <v>4.90388683E8</v>
      </c>
      <c r="B1690" s="2">
        <v>11841.0</v>
      </c>
      <c r="C1690" s="1" t="s">
        <v>5</v>
      </c>
      <c r="D1690" s="1" t="s">
        <v>1434</v>
      </c>
      <c r="E1690" s="1" t="s">
        <v>11</v>
      </c>
    </row>
    <row r="1691">
      <c r="A1691" s="1">
        <v>4.90388689E8</v>
      </c>
      <c r="B1691" s="3">
        <v>11840.0</v>
      </c>
      <c r="C1691" s="1" t="s">
        <v>5</v>
      </c>
      <c r="D1691" s="1" t="s">
        <v>1435</v>
      </c>
      <c r="E1691" s="1" t="s">
        <v>7</v>
      </c>
    </row>
    <row r="1692">
      <c r="A1692" s="1">
        <v>4.90388691E8</v>
      </c>
      <c r="B1692" s="3">
        <v>11821.0</v>
      </c>
      <c r="C1692" s="1" t="s">
        <v>5</v>
      </c>
      <c r="D1692" s="1" t="s">
        <v>11</v>
      </c>
      <c r="E1692" s="1" t="s">
        <v>7</v>
      </c>
    </row>
    <row r="1693">
      <c r="A1693" s="1">
        <v>4.90388692E8</v>
      </c>
      <c r="B1693" s="3">
        <v>11822.0</v>
      </c>
      <c r="C1693" s="1" t="s">
        <v>5</v>
      </c>
      <c r="D1693" s="1" t="s">
        <v>1436</v>
      </c>
      <c r="E1693" s="1" t="s">
        <v>7</v>
      </c>
    </row>
    <row r="1694">
      <c r="A1694" s="1">
        <v>4.90388694E8</v>
      </c>
      <c r="B1694" s="3">
        <v>11840.0</v>
      </c>
      <c r="C1694" s="1" t="s">
        <v>5</v>
      </c>
      <c r="D1694" s="1" t="s">
        <v>11</v>
      </c>
      <c r="E1694" s="1" t="s">
        <v>7</v>
      </c>
    </row>
    <row r="1695">
      <c r="A1695" s="1">
        <v>4.90388696E8</v>
      </c>
      <c r="B1695" s="3">
        <v>11821.0</v>
      </c>
      <c r="C1695" s="1" t="s">
        <v>5</v>
      </c>
      <c r="D1695" s="1" t="s">
        <v>1437</v>
      </c>
      <c r="E1695" s="1" t="s">
        <v>11</v>
      </c>
    </row>
    <row r="1696">
      <c r="A1696" s="1">
        <v>4.90388697E8</v>
      </c>
      <c r="B1696" s="3">
        <v>11824.0</v>
      </c>
      <c r="C1696" s="1" t="s">
        <v>5</v>
      </c>
      <c r="D1696" s="1" t="s">
        <v>1438</v>
      </c>
      <c r="E1696" s="1" t="s">
        <v>1439</v>
      </c>
    </row>
    <row r="1697">
      <c r="A1697" s="1">
        <v>4.90388706E8</v>
      </c>
      <c r="B1697" s="2">
        <v>11847.0</v>
      </c>
      <c r="C1697" s="1" t="s">
        <v>5</v>
      </c>
      <c r="D1697" s="1" t="s">
        <v>1440</v>
      </c>
      <c r="E1697" s="1" t="s">
        <v>11</v>
      </c>
    </row>
    <row r="1698">
      <c r="A1698" s="1">
        <v>4.90388707E8</v>
      </c>
      <c r="B1698" s="2">
        <v>11847.0</v>
      </c>
      <c r="C1698" s="1" t="s">
        <v>5</v>
      </c>
      <c r="D1698" s="1" t="s">
        <v>1441</v>
      </c>
      <c r="E1698" s="1" t="s">
        <v>7</v>
      </c>
    </row>
    <row r="1699">
      <c r="A1699" s="1">
        <v>4.90388709E8</v>
      </c>
      <c r="B1699" s="3">
        <v>11828.0</v>
      </c>
      <c r="C1699" s="1" t="s">
        <v>5</v>
      </c>
      <c r="D1699" s="1" t="s">
        <v>1442</v>
      </c>
      <c r="E1699" s="1" t="s">
        <v>1443</v>
      </c>
    </row>
    <row r="1700">
      <c r="A1700" s="1">
        <v>4.90388716E8</v>
      </c>
      <c r="B1700" s="3">
        <v>11826.0</v>
      </c>
      <c r="C1700" s="1" t="s">
        <v>5</v>
      </c>
      <c r="D1700" s="1" t="s">
        <v>11</v>
      </c>
      <c r="E1700" s="1" t="s">
        <v>7</v>
      </c>
    </row>
    <row r="1701">
      <c r="A1701" s="1">
        <v>4.9038872E8</v>
      </c>
      <c r="B1701" s="2">
        <v>11842.0</v>
      </c>
      <c r="C1701" s="1" t="s">
        <v>5</v>
      </c>
      <c r="D1701" s="1" t="s">
        <v>1444</v>
      </c>
      <c r="E1701" s="1" t="s">
        <v>7</v>
      </c>
    </row>
    <row r="1702">
      <c r="A1702" s="1">
        <v>4.90388722E8</v>
      </c>
      <c r="B1702" s="2">
        <v>11841.0</v>
      </c>
      <c r="C1702" s="1" t="s">
        <v>5</v>
      </c>
      <c r="D1702" s="1" t="s">
        <v>1445</v>
      </c>
      <c r="E1702" s="1" t="s">
        <v>11</v>
      </c>
    </row>
    <row r="1703">
      <c r="A1703" s="1">
        <v>4.90388728E8</v>
      </c>
      <c r="B1703" s="3">
        <v>11828.0</v>
      </c>
      <c r="C1703" s="1" t="s">
        <v>5</v>
      </c>
      <c r="D1703" s="1" t="s">
        <v>11</v>
      </c>
      <c r="E1703" s="1" t="s">
        <v>7</v>
      </c>
    </row>
    <row r="1704">
      <c r="A1704" s="1">
        <v>4.90388731E8</v>
      </c>
      <c r="B1704" s="2">
        <v>11846.0</v>
      </c>
      <c r="C1704" s="1" t="s">
        <v>5</v>
      </c>
      <c r="D1704" s="1" t="s">
        <v>1446</v>
      </c>
      <c r="E1704" s="1" t="s">
        <v>7</v>
      </c>
    </row>
    <row r="1705">
      <c r="A1705" s="1">
        <v>4.90388733E8</v>
      </c>
      <c r="B1705" s="2">
        <v>11847.0</v>
      </c>
      <c r="C1705" s="1" t="s">
        <v>5</v>
      </c>
      <c r="D1705" s="1" t="s">
        <v>1447</v>
      </c>
      <c r="E1705" s="1" t="s">
        <v>7</v>
      </c>
    </row>
    <row r="1706">
      <c r="A1706" s="1">
        <v>4.90388738E8</v>
      </c>
      <c r="B1706" s="2">
        <v>11897.0</v>
      </c>
      <c r="C1706" s="1" t="s">
        <v>5</v>
      </c>
      <c r="D1706" s="1" t="s">
        <v>1448</v>
      </c>
      <c r="E1706" s="1" t="s">
        <v>11</v>
      </c>
    </row>
    <row r="1707">
      <c r="A1707" s="1">
        <v>4.90388742E8</v>
      </c>
      <c r="B1707" s="2">
        <v>11841.0</v>
      </c>
      <c r="C1707" s="1" t="s">
        <v>5</v>
      </c>
      <c r="D1707" s="1" t="s">
        <v>1449</v>
      </c>
      <c r="E1707" s="1" t="s">
        <v>11</v>
      </c>
    </row>
    <row r="1708">
      <c r="A1708" s="1">
        <v>4.90388744E8</v>
      </c>
      <c r="B1708" s="3">
        <v>11822.0</v>
      </c>
      <c r="C1708" s="1" t="s">
        <v>5</v>
      </c>
      <c r="D1708" s="1" t="s">
        <v>11</v>
      </c>
      <c r="E1708" s="1" t="s">
        <v>7</v>
      </c>
    </row>
    <row r="1709">
      <c r="A1709" s="1">
        <v>4.9038875E8</v>
      </c>
      <c r="B1709" s="2">
        <v>11881.0</v>
      </c>
      <c r="C1709" s="1" t="s">
        <v>5</v>
      </c>
      <c r="D1709" s="1" t="s">
        <v>1450</v>
      </c>
      <c r="E1709" s="1" t="s">
        <v>7</v>
      </c>
    </row>
    <row r="1710">
      <c r="A1710" s="1">
        <v>4.90388751E8</v>
      </c>
      <c r="B1710" s="2">
        <v>11900.0</v>
      </c>
      <c r="C1710" s="1" t="s">
        <v>5</v>
      </c>
      <c r="D1710" s="1" t="s">
        <v>1451</v>
      </c>
      <c r="E1710" s="1" t="s">
        <v>7</v>
      </c>
    </row>
    <row r="1711">
      <c r="A1711" s="1">
        <v>4.90388753E8</v>
      </c>
      <c r="B1711" s="3">
        <v>11835.0</v>
      </c>
      <c r="C1711" s="1" t="s">
        <v>5</v>
      </c>
      <c r="D1711" s="1" t="s">
        <v>1452</v>
      </c>
      <c r="E1711" s="1" t="s">
        <v>7</v>
      </c>
    </row>
    <row r="1712">
      <c r="A1712" s="1">
        <v>4.90388756E8</v>
      </c>
      <c r="B1712" s="3">
        <v>11820.0</v>
      </c>
      <c r="C1712" s="1" t="s">
        <v>5</v>
      </c>
      <c r="D1712" s="1" t="s">
        <v>1453</v>
      </c>
      <c r="E1712" s="1" t="s">
        <v>7</v>
      </c>
    </row>
    <row r="1713">
      <c r="A1713" s="1">
        <v>4.90388759E8</v>
      </c>
      <c r="B1713" s="3">
        <v>11824.0</v>
      </c>
      <c r="C1713" s="1" t="s">
        <v>5</v>
      </c>
      <c r="D1713" s="1" t="s">
        <v>1454</v>
      </c>
      <c r="E1713" s="1" t="s">
        <v>11</v>
      </c>
    </row>
    <row r="1714">
      <c r="A1714" s="1">
        <v>4.9038876E8</v>
      </c>
      <c r="B1714" s="3">
        <v>11839.0</v>
      </c>
      <c r="C1714" s="1" t="s">
        <v>5</v>
      </c>
      <c r="D1714" s="1" t="s">
        <v>1455</v>
      </c>
      <c r="E1714" s="1" t="s">
        <v>7</v>
      </c>
    </row>
    <row r="1715">
      <c r="A1715" s="1">
        <v>4.90388762E8</v>
      </c>
      <c r="B1715" s="3">
        <v>11817.0</v>
      </c>
      <c r="C1715" s="1" t="s">
        <v>5</v>
      </c>
      <c r="D1715" s="1" t="s">
        <v>1456</v>
      </c>
      <c r="E1715" s="1" t="s">
        <v>11</v>
      </c>
    </row>
    <row r="1716">
      <c r="A1716" s="1">
        <v>4.90388763E8</v>
      </c>
      <c r="B1716" s="3">
        <v>11824.0</v>
      </c>
      <c r="C1716" s="1" t="s">
        <v>5</v>
      </c>
      <c r="D1716" s="1" t="s">
        <v>1457</v>
      </c>
      <c r="E1716" s="1" t="s">
        <v>11</v>
      </c>
    </row>
    <row r="1717">
      <c r="A1717" s="1">
        <v>4.90388766E8</v>
      </c>
      <c r="B1717" s="2">
        <v>11898.0</v>
      </c>
      <c r="C1717" s="1" t="s">
        <v>5</v>
      </c>
      <c r="D1717" s="1" t="s">
        <v>1458</v>
      </c>
      <c r="E1717" s="1" t="s">
        <v>7</v>
      </c>
    </row>
    <row r="1718">
      <c r="A1718" s="1">
        <v>4.90388768E8</v>
      </c>
      <c r="B1718" s="3">
        <v>11821.0</v>
      </c>
      <c r="C1718" s="1" t="s">
        <v>5</v>
      </c>
      <c r="D1718" s="1" t="s">
        <v>1459</v>
      </c>
      <c r="E1718" s="1" t="s">
        <v>11</v>
      </c>
    </row>
    <row r="1719">
      <c r="A1719" s="1">
        <v>4.90388771E8</v>
      </c>
      <c r="B1719" s="2">
        <v>11881.0</v>
      </c>
      <c r="C1719" s="1" t="s">
        <v>5</v>
      </c>
      <c r="D1719" s="1" t="s">
        <v>11</v>
      </c>
      <c r="E1719" s="1" t="s">
        <v>7</v>
      </c>
    </row>
    <row r="1720">
      <c r="A1720" s="1">
        <v>4.90388774E8</v>
      </c>
      <c r="B1720" s="3">
        <v>11820.0</v>
      </c>
      <c r="C1720" s="1" t="s">
        <v>5</v>
      </c>
      <c r="D1720" s="1" t="s">
        <v>1460</v>
      </c>
      <c r="E1720" s="1" t="s">
        <v>7</v>
      </c>
    </row>
    <row r="1721">
      <c r="A1721" s="1">
        <v>4.90388777E8</v>
      </c>
      <c r="B1721" s="3">
        <v>11820.0</v>
      </c>
      <c r="C1721" s="1" t="s">
        <v>5</v>
      </c>
      <c r="D1721" s="1" t="s">
        <v>1461</v>
      </c>
      <c r="E1721" s="1" t="s">
        <v>7</v>
      </c>
    </row>
    <row r="1722">
      <c r="A1722" s="1">
        <v>4.90388778E8</v>
      </c>
      <c r="B1722" s="2">
        <v>11842.0</v>
      </c>
      <c r="C1722" s="1" t="s">
        <v>5</v>
      </c>
      <c r="D1722" s="1" t="s">
        <v>1462</v>
      </c>
      <c r="E1722" s="1" t="s">
        <v>11</v>
      </c>
    </row>
    <row r="1723">
      <c r="A1723" s="1">
        <v>4.90388779E8</v>
      </c>
      <c r="B1723" s="3">
        <v>11835.0</v>
      </c>
      <c r="C1723" s="1" t="s">
        <v>5</v>
      </c>
      <c r="D1723" s="1" t="s">
        <v>1463</v>
      </c>
      <c r="E1723" s="1" t="s">
        <v>7</v>
      </c>
    </row>
    <row r="1724">
      <c r="A1724" s="1">
        <v>4.90388783E8</v>
      </c>
      <c r="B1724" s="2">
        <v>11846.0</v>
      </c>
      <c r="C1724" s="1" t="s">
        <v>5</v>
      </c>
      <c r="D1724" s="1" t="s">
        <v>11</v>
      </c>
      <c r="E1724" s="1" t="s">
        <v>7</v>
      </c>
    </row>
    <row r="1725">
      <c r="A1725" s="1">
        <v>4.90388785E8</v>
      </c>
      <c r="B1725" s="2">
        <v>11898.0</v>
      </c>
      <c r="C1725" s="1" t="s">
        <v>5</v>
      </c>
      <c r="D1725" s="1" t="s">
        <v>1464</v>
      </c>
      <c r="E1725" s="1" t="s">
        <v>11</v>
      </c>
    </row>
    <row r="1726">
      <c r="A1726" s="1">
        <v>4.90388787E8</v>
      </c>
      <c r="B1726" s="3">
        <v>11821.0</v>
      </c>
      <c r="C1726" s="1" t="s">
        <v>5</v>
      </c>
      <c r="D1726" s="1" t="s">
        <v>11</v>
      </c>
      <c r="E1726" s="1" t="s">
        <v>7</v>
      </c>
    </row>
    <row r="1727">
      <c r="A1727" s="1">
        <v>4.90388789E8</v>
      </c>
      <c r="B1727" s="3">
        <v>11839.0</v>
      </c>
      <c r="C1727" s="1" t="s">
        <v>5</v>
      </c>
      <c r="D1727" s="1" t="s">
        <v>1465</v>
      </c>
      <c r="E1727" s="1" t="s">
        <v>7</v>
      </c>
    </row>
    <row r="1728">
      <c r="A1728" s="1">
        <v>4.90388791E8</v>
      </c>
      <c r="B1728" s="3">
        <v>11839.0</v>
      </c>
      <c r="C1728" s="1" t="s">
        <v>5</v>
      </c>
      <c r="D1728" s="1" t="s">
        <v>1466</v>
      </c>
      <c r="E1728" s="1" t="s">
        <v>7</v>
      </c>
    </row>
    <row r="1729">
      <c r="A1729" s="1">
        <v>4.90388797E8</v>
      </c>
      <c r="B1729" s="2">
        <v>11845.0</v>
      </c>
      <c r="C1729" s="1" t="s">
        <v>5</v>
      </c>
      <c r="D1729" s="1" t="s">
        <v>1467</v>
      </c>
      <c r="E1729" s="1" t="s">
        <v>7</v>
      </c>
    </row>
    <row r="1730">
      <c r="A1730" s="1">
        <v>4.90388798E8</v>
      </c>
      <c r="B1730" s="3">
        <v>11820.0</v>
      </c>
      <c r="C1730" s="1" t="s">
        <v>5</v>
      </c>
      <c r="D1730" s="1" t="s">
        <v>1468</v>
      </c>
      <c r="E1730" s="1" t="s">
        <v>11</v>
      </c>
    </row>
    <row r="1731">
      <c r="A1731" s="1">
        <v>4.90388801E8</v>
      </c>
      <c r="B1731" s="2">
        <v>11899.0</v>
      </c>
      <c r="C1731" s="1" t="s">
        <v>5</v>
      </c>
      <c r="D1731" s="1" t="s">
        <v>1469</v>
      </c>
      <c r="E1731" s="1" t="s">
        <v>7</v>
      </c>
    </row>
    <row r="1732">
      <c r="A1732" s="1">
        <v>4.90388804E8</v>
      </c>
      <c r="B1732" s="2">
        <v>11898.0</v>
      </c>
      <c r="C1732" s="1" t="s">
        <v>5</v>
      </c>
      <c r="D1732" s="1" t="s">
        <v>1470</v>
      </c>
      <c r="E1732" s="1" t="s">
        <v>11</v>
      </c>
    </row>
    <row r="1733">
      <c r="A1733" s="1">
        <v>4.90388805E8</v>
      </c>
      <c r="B1733" s="3">
        <v>11826.0</v>
      </c>
      <c r="C1733" s="1" t="s">
        <v>5</v>
      </c>
      <c r="D1733" s="1" t="s">
        <v>1471</v>
      </c>
      <c r="E1733" s="1" t="s">
        <v>7</v>
      </c>
    </row>
    <row r="1734">
      <c r="A1734" s="1">
        <v>4.90388808E8</v>
      </c>
      <c r="B1734" s="2">
        <v>11881.0</v>
      </c>
      <c r="C1734" s="1" t="s">
        <v>5</v>
      </c>
      <c r="D1734" s="1" t="s">
        <v>1472</v>
      </c>
      <c r="E1734" s="1" t="s">
        <v>11</v>
      </c>
    </row>
    <row r="1735">
      <c r="A1735" s="1">
        <v>4.90388809E8</v>
      </c>
      <c r="B1735" s="3">
        <v>11828.0</v>
      </c>
      <c r="C1735" s="1" t="s">
        <v>5</v>
      </c>
      <c r="D1735" s="1" t="s">
        <v>11</v>
      </c>
      <c r="E1735" s="1" t="s">
        <v>7</v>
      </c>
    </row>
    <row r="1736">
      <c r="A1736" s="1">
        <v>4.9038881E8</v>
      </c>
      <c r="B1736" s="3">
        <v>11824.0</v>
      </c>
      <c r="C1736" s="1" t="s">
        <v>5</v>
      </c>
      <c r="D1736" s="1" t="s">
        <v>1473</v>
      </c>
      <c r="E1736" s="1" t="s">
        <v>11</v>
      </c>
    </row>
    <row r="1737">
      <c r="A1737" s="1">
        <v>4.90388813E8</v>
      </c>
      <c r="B1737" s="2">
        <v>11846.0</v>
      </c>
      <c r="C1737" s="1" t="s">
        <v>5</v>
      </c>
      <c r="D1737" s="1" t="s">
        <v>1474</v>
      </c>
      <c r="E1737" s="1" t="s">
        <v>11</v>
      </c>
    </row>
    <row r="1738">
      <c r="A1738" s="1">
        <v>4.90388815E8</v>
      </c>
      <c r="B1738" s="2">
        <v>11842.0</v>
      </c>
      <c r="C1738" s="1" t="s">
        <v>5</v>
      </c>
      <c r="D1738" s="1" t="s">
        <v>1475</v>
      </c>
      <c r="E1738" s="1" t="s">
        <v>11</v>
      </c>
    </row>
    <row r="1739">
      <c r="A1739" s="1">
        <v>4.90388817E8</v>
      </c>
      <c r="B1739" s="3">
        <v>11820.0</v>
      </c>
      <c r="C1739" s="1" t="s">
        <v>5</v>
      </c>
      <c r="D1739" s="1" t="s">
        <v>1476</v>
      </c>
      <c r="E1739" s="1" t="s">
        <v>7</v>
      </c>
    </row>
    <row r="1740">
      <c r="A1740" s="1">
        <v>4.90388822E8</v>
      </c>
      <c r="B1740" s="2">
        <v>11897.0</v>
      </c>
      <c r="C1740" s="1" t="s">
        <v>5</v>
      </c>
      <c r="D1740" s="1" t="s">
        <v>1477</v>
      </c>
      <c r="E1740" s="1" t="s">
        <v>11</v>
      </c>
    </row>
    <row r="1741">
      <c r="A1741" s="1">
        <v>4.90388825E8</v>
      </c>
      <c r="B1741" s="3">
        <v>11826.0</v>
      </c>
      <c r="C1741" s="1" t="s">
        <v>5</v>
      </c>
      <c r="D1741" s="1" t="s">
        <v>11</v>
      </c>
      <c r="E1741" s="1" t="s">
        <v>7</v>
      </c>
    </row>
    <row r="1742">
      <c r="A1742" s="1">
        <v>4.90388826E8</v>
      </c>
      <c r="B1742" s="2">
        <v>11898.0</v>
      </c>
      <c r="C1742" s="1" t="s">
        <v>5</v>
      </c>
      <c r="D1742" s="1" t="s">
        <v>1478</v>
      </c>
      <c r="E1742" s="1" t="s">
        <v>7</v>
      </c>
    </row>
    <row r="1743">
      <c r="A1743" s="1">
        <v>4.90388827E8</v>
      </c>
      <c r="B1743" s="3">
        <v>11835.0</v>
      </c>
      <c r="C1743" s="1" t="s">
        <v>5</v>
      </c>
      <c r="D1743" s="1" t="s">
        <v>1479</v>
      </c>
      <c r="E1743" s="1" t="s">
        <v>11</v>
      </c>
    </row>
    <row r="1744">
      <c r="A1744" s="1">
        <v>4.90388829E8</v>
      </c>
      <c r="B1744" s="2">
        <v>11881.0</v>
      </c>
      <c r="C1744" s="1" t="s">
        <v>5</v>
      </c>
      <c r="D1744" s="1" t="s">
        <v>1480</v>
      </c>
      <c r="E1744" s="1" t="s">
        <v>1481</v>
      </c>
    </row>
    <row r="1745">
      <c r="A1745" s="1">
        <v>4.90388831E8</v>
      </c>
      <c r="B1745" s="2">
        <v>11845.0</v>
      </c>
      <c r="C1745" s="1" t="s">
        <v>5</v>
      </c>
      <c r="D1745" s="1" t="s">
        <v>1482</v>
      </c>
      <c r="E1745" s="1" t="s">
        <v>7</v>
      </c>
    </row>
    <row r="1746">
      <c r="A1746" s="1">
        <v>4.90388834E8</v>
      </c>
      <c r="B1746" s="2">
        <v>11899.0</v>
      </c>
      <c r="C1746" s="1" t="s">
        <v>5</v>
      </c>
      <c r="D1746" s="1" t="s">
        <v>1483</v>
      </c>
      <c r="E1746" s="1" t="s">
        <v>7</v>
      </c>
    </row>
    <row r="1747">
      <c r="A1747" s="1">
        <v>4.90388844E8</v>
      </c>
      <c r="B1747" s="2">
        <v>11845.0</v>
      </c>
      <c r="C1747" s="1" t="s">
        <v>5</v>
      </c>
      <c r="D1747" s="1" t="s">
        <v>1484</v>
      </c>
      <c r="E1747" s="1" t="s">
        <v>7</v>
      </c>
    </row>
    <row r="1748">
      <c r="A1748" s="1">
        <v>4.90388846E8</v>
      </c>
      <c r="B1748" s="3">
        <v>11839.0</v>
      </c>
      <c r="C1748" s="1" t="s">
        <v>5</v>
      </c>
      <c r="D1748" s="1" t="s">
        <v>11</v>
      </c>
      <c r="E1748" s="1" t="s">
        <v>7</v>
      </c>
    </row>
    <row r="1749">
      <c r="A1749" s="1">
        <v>4.90388848E8</v>
      </c>
      <c r="B1749" s="2">
        <v>11894.0</v>
      </c>
      <c r="C1749" s="1" t="s">
        <v>5</v>
      </c>
      <c r="D1749" s="1" t="s">
        <v>1485</v>
      </c>
      <c r="E1749" s="1" t="s">
        <v>7</v>
      </c>
    </row>
    <row r="1750">
      <c r="A1750" s="1">
        <v>4.90388852E8</v>
      </c>
      <c r="B1750" s="3">
        <v>11825.0</v>
      </c>
      <c r="C1750" s="1" t="s">
        <v>5</v>
      </c>
      <c r="D1750" s="1" t="s">
        <v>1486</v>
      </c>
      <c r="E1750" s="1" t="s">
        <v>1487</v>
      </c>
    </row>
    <row r="1751">
      <c r="A1751" s="1">
        <v>4.90388862E8</v>
      </c>
      <c r="B1751" s="3">
        <v>11821.0</v>
      </c>
      <c r="C1751" s="1" t="s">
        <v>5</v>
      </c>
      <c r="D1751" s="1" t="s">
        <v>1488</v>
      </c>
      <c r="E1751" s="1" t="s">
        <v>11</v>
      </c>
    </row>
    <row r="1752">
      <c r="A1752" s="1">
        <v>4.90388863E8</v>
      </c>
      <c r="B1752" s="3">
        <v>11817.0</v>
      </c>
      <c r="C1752" s="1" t="s">
        <v>5</v>
      </c>
      <c r="D1752" s="1" t="s">
        <v>1489</v>
      </c>
      <c r="E1752" s="1" t="s">
        <v>11</v>
      </c>
    </row>
    <row r="1753">
      <c r="A1753" s="1">
        <v>4.90388869E8</v>
      </c>
      <c r="B1753" s="3">
        <v>11839.0</v>
      </c>
      <c r="C1753" s="1" t="s">
        <v>5</v>
      </c>
      <c r="D1753" s="1" t="s">
        <v>1490</v>
      </c>
      <c r="E1753" s="1" t="s">
        <v>7</v>
      </c>
    </row>
    <row r="1754">
      <c r="A1754" s="1">
        <v>4.9038887E8</v>
      </c>
      <c r="B1754" s="2">
        <v>11894.0</v>
      </c>
      <c r="C1754" s="1" t="s">
        <v>5</v>
      </c>
      <c r="D1754" s="1" t="s">
        <v>1491</v>
      </c>
      <c r="E1754" s="1" t="s">
        <v>11</v>
      </c>
    </row>
    <row r="1755">
      <c r="A1755" s="1">
        <v>4.90388871E8</v>
      </c>
      <c r="B1755" s="2">
        <v>11841.0</v>
      </c>
      <c r="C1755" s="1" t="s">
        <v>5</v>
      </c>
      <c r="D1755" s="1" t="s">
        <v>11</v>
      </c>
      <c r="E1755" s="1" t="s">
        <v>7</v>
      </c>
    </row>
    <row r="1756">
      <c r="A1756" s="1">
        <v>4.90388876E8</v>
      </c>
      <c r="B1756" s="3">
        <v>11825.0</v>
      </c>
      <c r="C1756" s="1" t="s">
        <v>5</v>
      </c>
      <c r="D1756" s="1" t="s">
        <v>1492</v>
      </c>
      <c r="E1756" s="1" t="s">
        <v>7</v>
      </c>
    </row>
    <row r="1757">
      <c r="A1757" s="1">
        <v>4.90388877E8</v>
      </c>
      <c r="B1757" s="3">
        <v>11834.0</v>
      </c>
      <c r="C1757" s="1" t="s">
        <v>5</v>
      </c>
      <c r="D1757" s="1" t="s">
        <v>1493</v>
      </c>
      <c r="E1757" s="1" t="s">
        <v>7</v>
      </c>
    </row>
    <row r="1758">
      <c r="A1758" s="1">
        <v>4.90388879E8</v>
      </c>
      <c r="B1758" s="2">
        <v>11899.0</v>
      </c>
      <c r="C1758" s="1" t="s">
        <v>5</v>
      </c>
      <c r="D1758" s="1" t="s">
        <v>1494</v>
      </c>
      <c r="E1758" s="1" t="s">
        <v>11</v>
      </c>
    </row>
    <row r="1759">
      <c r="A1759" s="1">
        <v>4.90388884E8</v>
      </c>
      <c r="B1759" s="2">
        <v>11881.0</v>
      </c>
      <c r="C1759" s="1" t="s">
        <v>5</v>
      </c>
      <c r="D1759" s="1" t="s">
        <v>1495</v>
      </c>
      <c r="E1759" s="1" t="s">
        <v>11</v>
      </c>
    </row>
    <row r="1760">
      <c r="A1760" s="1">
        <v>4.90388885E8</v>
      </c>
      <c r="B1760" s="3">
        <v>11826.0</v>
      </c>
      <c r="C1760" s="1" t="s">
        <v>5</v>
      </c>
      <c r="D1760" s="1" t="s">
        <v>11</v>
      </c>
      <c r="E1760" s="1" t="s">
        <v>7</v>
      </c>
    </row>
    <row r="1761">
      <c r="A1761" s="1">
        <v>4.90388887E8</v>
      </c>
      <c r="B1761" s="2">
        <v>11897.0</v>
      </c>
      <c r="C1761" s="1" t="s">
        <v>5</v>
      </c>
      <c r="D1761" s="1" t="s">
        <v>1496</v>
      </c>
      <c r="E1761" s="1" t="s">
        <v>7</v>
      </c>
    </row>
    <row r="1762">
      <c r="A1762" s="1">
        <v>4.90388889E8</v>
      </c>
      <c r="B1762" s="2">
        <v>11897.0</v>
      </c>
      <c r="C1762" s="1" t="s">
        <v>5</v>
      </c>
      <c r="D1762" s="1" t="s">
        <v>1497</v>
      </c>
      <c r="E1762" s="1" t="s">
        <v>7</v>
      </c>
    </row>
    <row r="1763">
      <c r="A1763" s="1">
        <v>4.90388891E8</v>
      </c>
      <c r="B1763" s="3">
        <v>11839.0</v>
      </c>
      <c r="C1763" s="1" t="s">
        <v>5</v>
      </c>
      <c r="D1763" s="1" t="s">
        <v>1498</v>
      </c>
      <c r="E1763" s="1" t="s">
        <v>11</v>
      </c>
    </row>
    <row r="1764">
      <c r="A1764" s="1">
        <v>4.90388892E8</v>
      </c>
      <c r="B1764" s="3">
        <v>11817.0</v>
      </c>
      <c r="C1764" s="1" t="s">
        <v>5</v>
      </c>
      <c r="D1764" s="1" t="s">
        <v>1499</v>
      </c>
      <c r="E1764" s="1" t="s">
        <v>7</v>
      </c>
    </row>
    <row r="1765">
      <c r="A1765" s="1">
        <v>4.90388893E8</v>
      </c>
      <c r="B1765" s="2">
        <v>11845.0</v>
      </c>
      <c r="C1765" s="1" t="s">
        <v>5</v>
      </c>
      <c r="D1765" s="1" t="s">
        <v>1500</v>
      </c>
      <c r="E1765" s="1" t="s">
        <v>7</v>
      </c>
    </row>
    <row r="1766">
      <c r="A1766" s="1">
        <v>4.90388896E8</v>
      </c>
      <c r="B1766" s="3">
        <v>11819.0</v>
      </c>
      <c r="C1766" s="1" t="s">
        <v>5</v>
      </c>
      <c r="D1766" s="1" t="s">
        <v>11</v>
      </c>
      <c r="E1766" s="1" t="s">
        <v>7</v>
      </c>
    </row>
    <row r="1767">
      <c r="A1767" s="1">
        <v>4.90388897E8</v>
      </c>
      <c r="B1767" s="2">
        <v>11898.0</v>
      </c>
      <c r="C1767" s="1" t="s">
        <v>5</v>
      </c>
      <c r="D1767" s="1" t="s">
        <v>11</v>
      </c>
      <c r="E1767" s="1" t="s">
        <v>7</v>
      </c>
    </row>
    <row r="1768">
      <c r="A1768" s="1">
        <v>4.90388899E8</v>
      </c>
      <c r="B1768" s="3">
        <v>11825.0</v>
      </c>
      <c r="C1768" s="1" t="s">
        <v>5</v>
      </c>
      <c r="D1768" s="1" t="s">
        <v>1501</v>
      </c>
      <c r="E1768" s="1" t="s">
        <v>7</v>
      </c>
    </row>
    <row r="1769">
      <c r="A1769" s="1">
        <v>4.90388902E8</v>
      </c>
      <c r="B1769" s="2">
        <v>11898.0</v>
      </c>
      <c r="C1769" s="1" t="s">
        <v>5</v>
      </c>
      <c r="D1769" s="1" t="s">
        <v>11</v>
      </c>
      <c r="E1769" s="1" t="s">
        <v>7</v>
      </c>
    </row>
    <row r="1770">
      <c r="A1770" s="1">
        <v>4.90388905E8</v>
      </c>
      <c r="B1770" s="2">
        <v>11845.0</v>
      </c>
      <c r="C1770" s="1" t="s">
        <v>5</v>
      </c>
      <c r="D1770" s="1" t="s">
        <v>1502</v>
      </c>
      <c r="E1770" s="1" t="s">
        <v>11</v>
      </c>
    </row>
    <row r="1771">
      <c r="A1771" s="1">
        <v>4.90388909E8</v>
      </c>
      <c r="B1771" s="2">
        <v>11901.0</v>
      </c>
      <c r="C1771" s="1" t="s">
        <v>5</v>
      </c>
      <c r="D1771" s="1" t="s">
        <v>1503</v>
      </c>
      <c r="E1771" s="1" t="s">
        <v>1504</v>
      </c>
    </row>
    <row r="1772">
      <c r="A1772" s="1">
        <v>4.90388911E8</v>
      </c>
      <c r="B1772" s="2">
        <v>11842.0</v>
      </c>
      <c r="C1772" s="1" t="s">
        <v>5</v>
      </c>
      <c r="D1772" s="1" t="s">
        <v>1505</v>
      </c>
      <c r="E1772" s="1" t="s">
        <v>7</v>
      </c>
    </row>
    <row r="1773">
      <c r="A1773" s="1">
        <v>4.90388916E8</v>
      </c>
      <c r="B1773" s="3">
        <v>11819.0</v>
      </c>
      <c r="C1773" s="1" t="s">
        <v>5</v>
      </c>
      <c r="D1773" s="1" t="s">
        <v>1506</v>
      </c>
      <c r="E1773" s="1" t="s">
        <v>11</v>
      </c>
    </row>
    <row r="1774">
      <c r="A1774" s="1">
        <v>4.90388917E8</v>
      </c>
      <c r="B1774" s="2">
        <v>11894.0</v>
      </c>
      <c r="C1774" s="1" t="s">
        <v>5</v>
      </c>
      <c r="D1774" s="1" t="s">
        <v>1507</v>
      </c>
      <c r="E1774" s="1" t="s">
        <v>11</v>
      </c>
    </row>
    <row r="1775">
      <c r="A1775" s="1">
        <v>4.90388923E8</v>
      </c>
      <c r="B1775" s="3">
        <v>11834.0</v>
      </c>
      <c r="C1775" s="1" t="s">
        <v>5</v>
      </c>
      <c r="D1775" s="1" t="s">
        <v>1508</v>
      </c>
      <c r="E1775" s="1" t="s">
        <v>7</v>
      </c>
    </row>
    <row r="1776">
      <c r="A1776" s="1">
        <v>4.90388924E8</v>
      </c>
      <c r="B1776" s="3">
        <v>11820.0</v>
      </c>
      <c r="C1776" s="1" t="s">
        <v>5</v>
      </c>
      <c r="D1776" s="1" t="s">
        <v>11</v>
      </c>
      <c r="E1776" s="1" t="s">
        <v>7</v>
      </c>
    </row>
    <row r="1777">
      <c r="A1777" s="1">
        <v>4.90388927E8</v>
      </c>
      <c r="B1777" s="2">
        <v>11899.0</v>
      </c>
      <c r="C1777" s="1" t="s">
        <v>5</v>
      </c>
      <c r="D1777" s="1" t="s">
        <v>1509</v>
      </c>
      <c r="E1777" s="1" t="s">
        <v>1510</v>
      </c>
    </row>
    <row r="1778">
      <c r="A1778" s="1">
        <v>4.90388932E8</v>
      </c>
      <c r="B1778" s="2">
        <v>11897.0</v>
      </c>
      <c r="C1778" s="1" t="s">
        <v>5</v>
      </c>
      <c r="D1778" s="1" t="s">
        <v>1511</v>
      </c>
      <c r="E1778" s="1" t="s">
        <v>7</v>
      </c>
    </row>
    <row r="1779">
      <c r="A1779" s="1">
        <v>4.90388936E8</v>
      </c>
      <c r="B1779" s="2">
        <v>11901.0</v>
      </c>
      <c r="C1779" s="1" t="s">
        <v>5</v>
      </c>
      <c r="D1779" s="1" t="s">
        <v>1512</v>
      </c>
      <c r="E1779" s="1" t="s">
        <v>7</v>
      </c>
    </row>
    <row r="1780">
      <c r="A1780" s="1">
        <v>4.90388937E8</v>
      </c>
      <c r="B1780" s="3">
        <v>11839.0</v>
      </c>
      <c r="C1780" s="1" t="s">
        <v>5</v>
      </c>
      <c r="D1780" s="1" t="s">
        <v>11</v>
      </c>
      <c r="E1780" s="1" t="s">
        <v>7</v>
      </c>
    </row>
    <row r="1781">
      <c r="A1781" s="1">
        <v>4.90388938E8</v>
      </c>
      <c r="B1781" s="3">
        <v>11825.0</v>
      </c>
      <c r="C1781" s="1" t="s">
        <v>5</v>
      </c>
      <c r="D1781" s="1" t="s">
        <v>1513</v>
      </c>
      <c r="E1781" s="1" t="s">
        <v>11</v>
      </c>
    </row>
    <row r="1782">
      <c r="A1782" s="1">
        <v>4.9038894E8</v>
      </c>
      <c r="B1782" s="3">
        <v>11819.0</v>
      </c>
      <c r="C1782" s="1" t="s">
        <v>5</v>
      </c>
      <c r="D1782" s="1" t="s">
        <v>1514</v>
      </c>
      <c r="E1782" s="1" t="s">
        <v>7</v>
      </c>
    </row>
    <row r="1783">
      <c r="A1783" s="1">
        <v>4.90388941E8</v>
      </c>
      <c r="B1783" s="3">
        <v>11838.0</v>
      </c>
      <c r="C1783" s="1" t="s">
        <v>5</v>
      </c>
      <c r="D1783" s="1" t="s">
        <v>1515</v>
      </c>
      <c r="E1783" s="1" t="s">
        <v>1516</v>
      </c>
    </row>
    <row r="1784">
      <c r="A1784" s="1">
        <v>4.90388944E8</v>
      </c>
      <c r="B1784" s="2">
        <v>11842.0</v>
      </c>
      <c r="C1784" s="1" t="s">
        <v>5</v>
      </c>
      <c r="D1784" s="1" t="s">
        <v>1517</v>
      </c>
      <c r="E1784" s="1" t="s">
        <v>11</v>
      </c>
    </row>
    <row r="1785">
      <c r="A1785" s="1">
        <v>4.90388946E8</v>
      </c>
      <c r="B1785" s="2">
        <v>11894.0</v>
      </c>
      <c r="C1785" s="1" t="s">
        <v>5</v>
      </c>
      <c r="D1785" s="1" t="s">
        <v>1518</v>
      </c>
      <c r="E1785" s="1" t="s">
        <v>7</v>
      </c>
    </row>
    <row r="1786">
      <c r="A1786" s="1">
        <v>4.90388948E8</v>
      </c>
      <c r="B1786" s="3">
        <v>11822.0</v>
      </c>
      <c r="C1786" s="1" t="s">
        <v>5</v>
      </c>
      <c r="D1786" s="1" t="s">
        <v>1519</v>
      </c>
      <c r="E1786" s="1" t="s">
        <v>7</v>
      </c>
    </row>
    <row r="1787">
      <c r="A1787" s="1">
        <v>4.9038895E8</v>
      </c>
      <c r="B1787" s="2">
        <v>11899.0</v>
      </c>
      <c r="C1787" s="1" t="s">
        <v>5</v>
      </c>
      <c r="D1787" s="1" t="s">
        <v>1520</v>
      </c>
      <c r="E1787" s="1" t="s">
        <v>11</v>
      </c>
    </row>
    <row r="1788">
      <c r="A1788" s="1">
        <v>4.90388952E8</v>
      </c>
      <c r="B1788" s="3">
        <v>11815.0</v>
      </c>
      <c r="C1788" s="1" t="s">
        <v>5</v>
      </c>
      <c r="D1788" s="1" t="s">
        <v>1521</v>
      </c>
      <c r="E1788" s="1" t="s">
        <v>11</v>
      </c>
    </row>
    <row r="1789">
      <c r="A1789" s="1">
        <v>4.90388957E8</v>
      </c>
      <c r="B1789" s="2">
        <v>11897.0</v>
      </c>
      <c r="C1789" s="1" t="s">
        <v>5</v>
      </c>
      <c r="D1789" s="1" t="s">
        <v>1522</v>
      </c>
      <c r="E1789" s="1" t="s">
        <v>7</v>
      </c>
    </row>
    <row r="1790">
      <c r="A1790" s="1">
        <v>4.90388962E8</v>
      </c>
      <c r="B1790" s="3">
        <v>11825.0</v>
      </c>
      <c r="C1790" s="1" t="s">
        <v>5</v>
      </c>
      <c r="D1790" s="1" t="s">
        <v>11</v>
      </c>
      <c r="E1790" s="1" t="s">
        <v>7</v>
      </c>
    </row>
    <row r="1791">
      <c r="A1791" s="1">
        <v>4.90388964E8</v>
      </c>
      <c r="B1791" s="2">
        <v>11898.0</v>
      </c>
      <c r="C1791" s="1" t="s">
        <v>5</v>
      </c>
      <c r="D1791" s="1" t="s">
        <v>1523</v>
      </c>
      <c r="E1791" s="1" t="s">
        <v>7</v>
      </c>
    </row>
    <row r="1792">
      <c r="A1792" s="1">
        <v>4.90388966E8</v>
      </c>
      <c r="B1792" s="2">
        <v>11842.0</v>
      </c>
      <c r="C1792" s="1" t="s">
        <v>5</v>
      </c>
      <c r="D1792" s="1" t="s">
        <v>11</v>
      </c>
      <c r="E1792" s="1" t="s">
        <v>7</v>
      </c>
    </row>
    <row r="1793">
      <c r="A1793" s="1">
        <v>4.90388969E8</v>
      </c>
      <c r="B1793" s="2">
        <v>11897.0</v>
      </c>
      <c r="C1793" s="1" t="s">
        <v>5</v>
      </c>
      <c r="D1793" s="1" t="s">
        <v>11</v>
      </c>
      <c r="E1793" s="1" t="s">
        <v>7</v>
      </c>
    </row>
    <row r="1794">
      <c r="A1794" s="1">
        <v>4.90388974E8</v>
      </c>
      <c r="B1794" s="3">
        <v>11819.0</v>
      </c>
      <c r="C1794" s="1" t="s">
        <v>5</v>
      </c>
      <c r="D1794" s="1" t="s">
        <v>1524</v>
      </c>
      <c r="E1794" s="1" t="s">
        <v>7</v>
      </c>
    </row>
    <row r="1795">
      <c r="A1795" s="1">
        <v>4.90388976E8</v>
      </c>
      <c r="B1795" s="3">
        <v>11820.0</v>
      </c>
      <c r="C1795" s="1" t="s">
        <v>5</v>
      </c>
      <c r="D1795" s="1" t="s">
        <v>1525</v>
      </c>
      <c r="E1795" s="1" t="s">
        <v>1526</v>
      </c>
    </row>
    <row r="1796">
      <c r="A1796" s="1">
        <v>4.90388978E8</v>
      </c>
      <c r="B1796" s="2">
        <v>11847.0</v>
      </c>
      <c r="C1796" s="1" t="s">
        <v>5</v>
      </c>
      <c r="D1796" s="1" t="s">
        <v>11</v>
      </c>
      <c r="E1796" s="1" t="s">
        <v>7</v>
      </c>
    </row>
    <row r="1797">
      <c r="A1797" s="1">
        <v>4.90388981E8</v>
      </c>
      <c r="B1797" s="3">
        <v>11819.0</v>
      </c>
      <c r="C1797" s="1" t="s">
        <v>5</v>
      </c>
      <c r="D1797" s="1" t="s">
        <v>1527</v>
      </c>
      <c r="E1797" s="1" t="s">
        <v>11</v>
      </c>
    </row>
    <row r="1798">
      <c r="A1798" s="1">
        <v>4.90388983E8</v>
      </c>
      <c r="B1798" s="2">
        <v>11881.0</v>
      </c>
      <c r="C1798" s="1" t="s">
        <v>5</v>
      </c>
      <c r="D1798" s="1" t="s">
        <v>1528</v>
      </c>
      <c r="E1798" s="1" t="s">
        <v>7</v>
      </c>
    </row>
    <row r="1799">
      <c r="A1799" s="1">
        <v>4.90388987E8</v>
      </c>
      <c r="B1799" s="2">
        <v>11842.0</v>
      </c>
      <c r="C1799" s="1" t="s">
        <v>5</v>
      </c>
      <c r="D1799" s="1" t="s">
        <v>1529</v>
      </c>
      <c r="E1799" s="1" t="s">
        <v>11</v>
      </c>
    </row>
    <row r="1800">
      <c r="A1800" s="1">
        <v>4.90388989E8</v>
      </c>
      <c r="B1800" s="2">
        <v>11898.0</v>
      </c>
      <c r="C1800" s="1" t="s">
        <v>5</v>
      </c>
      <c r="D1800" s="1" t="s">
        <v>11</v>
      </c>
      <c r="E1800" s="1" t="s">
        <v>7</v>
      </c>
    </row>
    <row r="1801">
      <c r="A1801" s="1">
        <v>4.90388991E8</v>
      </c>
      <c r="B1801" s="3">
        <v>11820.0</v>
      </c>
      <c r="C1801" s="1" t="s">
        <v>5</v>
      </c>
      <c r="D1801" s="1" t="s">
        <v>1530</v>
      </c>
      <c r="E1801" s="1" t="s">
        <v>11</v>
      </c>
    </row>
    <row r="1802">
      <c r="A1802" s="1">
        <v>4.90388993E8</v>
      </c>
      <c r="B1802" s="3">
        <v>11822.0</v>
      </c>
      <c r="C1802" s="1" t="s">
        <v>5</v>
      </c>
      <c r="D1802" s="1" t="s">
        <v>1531</v>
      </c>
      <c r="E1802" s="1" t="s">
        <v>7</v>
      </c>
    </row>
    <row r="1803">
      <c r="A1803" s="1">
        <v>4.90388994E8</v>
      </c>
      <c r="B1803" s="3">
        <v>11839.0</v>
      </c>
      <c r="C1803" s="1" t="s">
        <v>5</v>
      </c>
      <c r="D1803" s="1" t="s">
        <v>1532</v>
      </c>
      <c r="E1803" s="1" t="s">
        <v>7</v>
      </c>
    </row>
    <row r="1804">
      <c r="A1804" s="1">
        <v>4.90388999E8</v>
      </c>
      <c r="B1804" s="3">
        <v>11818.0</v>
      </c>
      <c r="C1804" s="1" t="s">
        <v>5</v>
      </c>
      <c r="D1804" s="1" t="s">
        <v>1533</v>
      </c>
      <c r="E1804" s="1" t="s">
        <v>1534</v>
      </c>
    </row>
    <row r="1805">
      <c r="A1805" s="1">
        <v>4.90389001E8</v>
      </c>
      <c r="B1805" s="3">
        <v>11819.0</v>
      </c>
      <c r="C1805" s="1" t="s">
        <v>5</v>
      </c>
      <c r="D1805" s="1" t="s">
        <v>1535</v>
      </c>
      <c r="E1805" s="1" t="s">
        <v>7</v>
      </c>
    </row>
    <row r="1806">
      <c r="A1806" s="1">
        <v>4.90389002E8</v>
      </c>
      <c r="B1806" s="3">
        <v>11824.0</v>
      </c>
      <c r="C1806" s="1" t="s">
        <v>5</v>
      </c>
      <c r="D1806" s="1" t="s">
        <v>1536</v>
      </c>
      <c r="E1806" s="1" t="s">
        <v>7</v>
      </c>
    </row>
    <row r="1807">
      <c r="A1807" s="1">
        <v>4.90389011E8</v>
      </c>
      <c r="B1807" s="2">
        <v>11897.0</v>
      </c>
      <c r="C1807" s="1" t="s">
        <v>5</v>
      </c>
      <c r="D1807" s="1" t="s">
        <v>1537</v>
      </c>
      <c r="E1807" s="1" t="s">
        <v>1538</v>
      </c>
    </row>
    <row r="1808">
      <c r="A1808" s="1">
        <v>4.90389013E8</v>
      </c>
      <c r="B1808" s="3">
        <v>11820.0</v>
      </c>
      <c r="C1808" s="1" t="s">
        <v>5</v>
      </c>
      <c r="D1808" s="1" t="s">
        <v>1539</v>
      </c>
      <c r="E1808" s="1" t="s">
        <v>11</v>
      </c>
    </row>
    <row r="1809">
      <c r="A1809" s="1">
        <v>4.90389017E8</v>
      </c>
      <c r="B1809" s="3">
        <v>11822.0</v>
      </c>
      <c r="C1809" s="1" t="s">
        <v>5</v>
      </c>
      <c r="D1809" s="1" t="s">
        <v>1540</v>
      </c>
      <c r="E1809" s="1" t="s">
        <v>7</v>
      </c>
    </row>
    <row r="1810">
      <c r="A1810" s="1">
        <v>4.90389019E8</v>
      </c>
      <c r="B1810" s="3">
        <v>11838.0</v>
      </c>
      <c r="C1810" s="1" t="s">
        <v>5</v>
      </c>
      <c r="D1810" s="1" t="s">
        <v>11</v>
      </c>
      <c r="E1810" s="1" t="s">
        <v>7</v>
      </c>
    </row>
    <row r="1811">
      <c r="A1811" s="1">
        <v>4.90389029E8</v>
      </c>
      <c r="B1811" s="2">
        <v>11897.0</v>
      </c>
      <c r="C1811" s="1" t="s">
        <v>5</v>
      </c>
      <c r="D1811" s="1" t="s">
        <v>1541</v>
      </c>
      <c r="E1811" s="1" t="s">
        <v>11</v>
      </c>
    </row>
    <row r="1812">
      <c r="A1812" s="1">
        <v>4.90389033E8</v>
      </c>
      <c r="B1812" s="2">
        <v>11842.0</v>
      </c>
      <c r="C1812" s="1" t="s">
        <v>5</v>
      </c>
      <c r="D1812" s="1" t="s">
        <v>1542</v>
      </c>
      <c r="E1812" s="1" t="s">
        <v>11</v>
      </c>
    </row>
    <row r="1813">
      <c r="A1813" s="1">
        <v>4.9038904E8</v>
      </c>
      <c r="B1813" s="3">
        <v>11818.0</v>
      </c>
      <c r="C1813" s="1" t="s">
        <v>5</v>
      </c>
      <c r="D1813" s="1" t="s">
        <v>1543</v>
      </c>
      <c r="E1813" s="1" t="s">
        <v>7</v>
      </c>
    </row>
    <row r="1814">
      <c r="A1814" s="1">
        <v>4.90389042E8</v>
      </c>
      <c r="B1814" s="3">
        <v>11820.0</v>
      </c>
      <c r="C1814" s="1" t="s">
        <v>5</v>
      </c>
      <c r="D1814" s="1" t="s">
        <v>11</v>
      </c>
      <c r="E1814" s="1" t="s">
        <v>7</v>
      </c>
    </row>
    <row r="1815">
      <c r="A1815" s="1">
        <v>4.90389047E8</v>
      </c>
      <c r="B1815" s="3">
        <v>11826.0</v>
      </c>
      <c r="C1815" s="1" t="s">
        <v>5</v>
      </c>
      <c r="D1815" s="1" t="s">
        <v>1544</v>
      </c>
      <c r="E1815" s="1" t="s">
        <v>11</v>
      </c>
    </row>
    <row r="1816">
      <c r="A1816" s="1">
        <v>4.90389048E8</v>
      </c>
      <c r="B1816" s="3">
        <v>11832.0</v>
      </c>
      <c r="C1816" s="1" t="s">
        <v>5</v>
      </c>
      <c r="D1816" s="1" t="s">
        <v>1545</v>
      </c>
      <c r="E1816" s="1" t="s">
        <v>11</v>
      </c>
    </row>
    <row r="1817">
      <c r="A1817" s="1">
        <v>4.90389049E8</v>
      </c>
      <c r="B1817" s="3">
        <v>11824.0</v>
      </c>
      <c r="C1817" s="1" t="s">
        <v>5</v>
      </c>
      <c r="D1817" s="1" t="s">
        <v>1546</v>
      </c>
      <c r="E1817" s="1" t="s">
        <v>7</v>
      </c>
    </row>
    <row r="1818">
      <c r="A1818" s="1">
        <v>4.90389051E8</v>
      </c>
      <c r="B1818" s="2">
        <v>11841.0</v>
      </c>
      <c r="C1818" s="1" t="s">
        <v>5</v>
      </c>
      <c r="D1818" s="1" t="s">
        <v>1547</v>
      </c>
      <c r="E1818" s="1" t="s">
        <v>1548</v>
      </c>
    </row>
    <row r="1819">
      <c r="A1819" s="1">
        <v>4.90389058E8</v>
      </c>
      <c r="B1819" s="2">
        <v>11881.0</v>
      </c>
      <c r="C1819" s="1" t="s">
        <v>5</v>
      </c>
      <c r="D1819" s="1" t="s">
        <v>1549</v>
      </c>
      <c r="E1819" s="1" t="s">
        <v>11</v>
      </c>
    </row>
    <row r="1820">
      <c r="A1820" s="1">
        <v>4.9038906E8</v>
      </c>
      <c r="B1820" s="2">
        <v>11899.0</v>
      </c>
      <c r="C1820" s="1" t="s">
        <v>5</v>
      </c>
      <c r="D1820" s="1" t="s">
        <v>1550</v>
      </c>
      <c r="E1820" s="1" t="s">
        <v>7</v>
      </c>
    </row>
    <row r="1821">
      <c r="A1821" s="1">
        <v>4.90389065E8</v>
      </c>
      <c r="B1821" s="3">
        <v>11838.0</v>
      </c>
      <c r="C1821" s="1" t="s">
        <v>5</v>
      </c>
      <c r="D1821" s="1" t="s">
        <v>1551</v>
      </c>
      <c r="E1821" s="1" t="s">
        <v>11</v>
      </c>
    </row>
    <row r="1822">
      <c r="A1822" s="1">
        <v>4.90389066E8</v>
      </c>
      <c r="B1822" s="3">
        <v>11838.0</v>
      </c>
      <c r="C1822" s="1" t="s">
        <v>5</v>
      </c>
      <c r="D1822" s="1" t="s">
        <v>1552</v>
      </c>
      <c r="E1822" s="1" t="s">
        <v>7</v>
      </c>
    </row>
    <row r="1823">
      <c r="A1823" s="1">
        <v>4.90389067E8</v>
      </c>
      <c r="B1823" s="2">
        <v>11842.0</v>
      </c>
      <c r="C1823" s="1" t="s">
        <v>5</v>
      </c>
      <c r="D1823" s="1" t="s">
        <v>1553</v>
      </c>
      <c r="E1823" s="1" t="s">
        <v>11</v>
      </c>
    </row>
    <row r="1824">
      <c r="A1824" s="1">
        <v>4.90389069E8</v>
      </c>
      <c r="B1824" s="3">
        <v>11817.0</v>
      </c>
      <c r="C1824" s="1" t="s">
        <v>5</v>
      </c>
      <c r="D1824" s="1" t="s">
        <v>1554</v>
      </c>
      <c r="E1824" s="1" t="s">
        <v>1555</v>
      </c>
    </row>
    <row r="1825">
      <c r="A1825" s="1">
        <v>4.9038908E8</v>
      </c>
      <c r="B1825" s="2">
        <v>11881.0</v>
      </c>
      <c r="C1825" s="1" t="s">
        <v>5</v>
      </c>
      <c r="D1825" s="1" t="s">
        <v>11</v>
      </c>
      <c r="E1825" s="1" t="s">
        <v>7</v>
      </c>
    </row>
    <row r="1826">
      <c r="A1826" s="1">
        <v>4.90389085E8</v>
      </c>
      <c r="B1826" s="2">
        <v>11841.0</v>
      </c>
      <c r="C1826" s="1" t="s">
        <v>5</v>
      </c>
      <c r="D1826" s="1" t="s">
        <v>1556</v>
      </c>
      <c r="E1826" s="1" t="s">
        <v>7</v>
      </c>
    </row>
    <row r="1827">
      <c r="A1827" s="1">
        <v>4.90389086E8</v>
      </c>
      <c r="B1827" s="3">
        <v>11821.0</v>
      </c>
      <c r="C1827" s="1" t="s">
        <v>5</v>
      </c>
      <c r="D1827" s="1" t="s">
        <v>1557</v>
      </c>
      <c r="E1827" s="1" t="s">
        <v>7</v>
      </c>
    </row>
    <row r="1828">
      <c r="A1828" s="1">
        <v>4.90389088E8</v>
      </c>
      <c r="B1828" s="3">
        <v>11818.0</v>
      </c>
      <c r="C1828" s="1" t="s">
        <v>5</v>
      </c>
      <c r="D1828" s="1" t="s">
        <v>1558</v>
      </c>
      <c r="E1828" s="1" t="s">
        <v>11</v>
      </c>
    </row>
    <row r="1829">
      <c r="A1829" s="1">
        <v>4.90389089E8</v>
      </c>
      <c r="B1829" s="3">
        <v>11838.0</v>
      </c>
      <c r="C1829" s="1" t="s">
        <v>5</v>
      </c>
      <c r="D1829" s="1" t="s">
        <v>1559</v>
      </c>
      <c r="E1829" s="1" t="s">
        <v>7</v>
      </c>
    </row>
    <row r="1830">
      <c r="A1830" s="1">
        <v>4.9038909E8</v>
      </c>
      <c r="B1830" s="3">
        <v>11825.0</v>
      </c>
      <c r="C1830" s="1" t="s">
        <v>5</v>
      </c>
      <c r="D1830" s="1" t="s">
        <v>1560</v>
      </c>
      <c r="E1830" s="1" t="s">
        <v>7</v>
      </c>
    </row>
    <row r="1831">
      <c r="A1831" s="1">
        <v>4.90389091E8</v>
      </c>
      <c r="B1831" s="2">
        <v>11881.0</v>
      </c>
      <c r="C1831" s="1" t="s">
        <v>5</v>
      </c>
      <c r="D1831" s="1" t="s">
        <v>169</v>
      </c>
      <c r="E1831" s="1" t="s">
        <v>7</v>
      </c>
    </row>
    <row r="1832">
      <c r="A1832" s="1">
        <v>4.90389093E8</v>
      </c>
      <c r="B1832" s="2">
        <v>11841.0</v>
      </c>
      <c r="C1832" s="1" t="s">
        <v>5</v>
      </c>
      <c r="D1832" s="1" t="s">
        <v>1561</v>
      </c>
      <c r="E1832" s="1" t="s">
        <v>1562</v>
      </c>
    </row>
    <row r="1833">
      <c r="A1833" s="1">
        <v>4.903891E8</v>
      </c>
      <c r="B1833" s="2">
        <v>11896.0</v>
      </c>
      <c r="C1833" s="1" t="s">
        <v>5</v>
      </c>
      <c r="D1833" s="1" t="s">
        <v>1563</v>
      </c>
      <c r="E1833" s="1" t="s">
        <v>11</v>
      </c>
    </row>
    <row r="1834">
      <c r="A1834" s="1">
        <v>4.90389107E8</v>
      </c>
      <c r="B1834" s="3">
        <v>11824.0</v>
      </c>
      <c r="C1834" s="1" t="s">
        <v>5</v>
      </c>
      <c r="D1834" s="1" t="s">
        <v>1564</v>
      </c>
      <c r="E1834" s="1" t="s">
        <v>7</v>
      </c>
    </row>
    <row r="1835">
      <c r="A1835" s="1">
        <v>4.90389113E8</v>
      </c>
      <c r="B1835" s="2">
        <v>11847.0</v>
      </c>
      <c r="C1835" s="1" t="s">
        <v>5</v>
      </c>
      <c r="D1835" s="1" t="s">
        <v>11</v>
      </c>
      <c r="E1835" s="1" t="s">
        <v>7</v>
      </c>
    </row>
    <row r="1836">
      <c r="A1836" s="1">
        <v>4.90389114E8</v>
      </c>
      <c r="B1836" s="2">
        <v>11899.0</v>
      </c>
      <c r="C1836" s="1" t="s">
        <v>5</v>
      </c>
      <c r="D1836" s="1" t="s">
        <v>1565</v>
      </c>
      <c r="E1836" s="1" t="s">
        <v>11</v>
      </c>
    </row>
    <row r="1837">
      <c r="A1837" s="1">
        <v>4.90389116E8</v>
      </c>
      <c r="B1837" s="2">
        <v>11841.0</v>
      </c>
      <c r="C1837" s="1" t="s">
        <v>5</v>
      </c>
      <c r="D1837" s="1" t="s">
        <v>1566</v>
      </c>
      <c r="E1837" s="1" t="s">
        <v>7</v>
      </c>
    </row>
    <row r="1838">
      <c r="A1838" s="1">
        <v>4.90389119E8</v>
      </c>
      <c r="B1838" s="2">
        <v>11897.0</v>
      </c>
      <c r="C1838" s="1" t="s">
        <v>5</v>
      </c>
      <c r="D1838" s="1" t="s">
        <v>11</v>
      </c>
      <c r="E1838" s="1" t="s">
        <v>7</v>
      </c>
    </row>
    <row r="1839">
      <c r="A1839" s="1">
        <v>4.90389125E8</v>
      </c>
      <c r="B1839" s="3">
        <v>11824.0</v>
      </c>
      <c r="C1839" s="1" t="s">
        <v>5</v>
      </c>
      <c r="D1839" s="1" t="s">
        <v>11</v>
      </c>
      <c r="E1839" s="1" t="s">
        <v>7</v>
      </c>
    </row>
    <row r="1840">
      <c r="A1840" s="1">
        <v>4.90389138E8</v>
      </c>
      <c r="B1840" s="2">
        <v>11899.0</v>
      </c>
      <c r="C1840" s="1" t="s">
        <v>5</v>
      </c>
      <c r="D1840" s="1" t="s">
        <v>1567</v>
      </c>
      <c r="E1840" s="1" t="s">
        <v>11</v>
      </c>
    </row>
    <row r="1841">
      <c r="A1841" s="1">
        <v>4.90389141E8</v>
      </c>
      <c r="B1841" s="3">
        <v>11817.0</v>
      </c>
      <c r="C1841" s="1" t="s">
        <v>5</v>
      </c>
      <c r="D1841" s="1" t="s">
        <v>11</v>
      </c>
      <c r="E1841" s="1" t="s">
        <v>7</v>
      </c>
    </row>
    <row r="1842">
      <c r="A1842" s="1">
        <v>4.90389142E8</v>
      </c>
      <c r="B1842" s="3">
        <v>11815.0</v>
      </c>
      <c r="C1842" s="1" t="s">
        <v>5</v>
      </c>
      <c r="D1842" s="1" t="s">
        <v>1568</v>
      </c>
      <c r="E1842" s="1" t="s">
        <v>11</v>
      </c>
    </row>
    <row r="1843">
      <c r="A1843" s="1">
        <v>4.90389147E8</v>
      </c>
      <c r="B1843" s="2">
        <v>11841.0</v>
      </c>
      <c r="C1843" s="1" t="s">
        <v>5</v>
      </c>
      <c r="D1843" s="1" t="s">
        <v>1569</v>
      </c>
      <c r="E1843" s="1" t="s">
        <v>11</v>
      </c>
    </row>
    <row r="1844">
      <c r="A1844" s="1">
        <v>4.90389153E8</v>
      </c>
      <c r="B1844" s="3">
        <v>11819.0</v>
      </c>
      <c r="C1844" s="1" t="s">
        <v>5</v>
      </c>
      <c r="D1844" s="1" t="s">
        <v>1570</v>
      </c>
      <c r="E1844" s="1" t="s">
        <v>7</v>
      </c>
    </row>
    <row r="1845">
      <c r="A1845" s="1">
        <v>4.90389156E8</v>
      </c>
      <c r="B1845" s="2">
        <v>11899.0</v>
      </c>
      <c r="C1845" s="1" t="s">
        <v>5</v>
      </c>
      <c r="D1845" s="1" t="s">
        <v>11</v>
      </c>
      <c r="E1845" s="1" t="s">
        <v>7</v>
      </c>
    </row>
    <row r="1846">
      <c r="A1846" s="1">
        <v>4.90389162E8</v>
      </c>
      <c r="B1846" s="3">
        <v>11824.0</v>
      </c>
      <c r="C1846" s="1" t="s">
        <v>5</v>
      </c>
      <c r="D1846" s="1" t="s">
        <v>1571</v>
      </c>
      <c r="E1846" s="1" t="s">
        <v>11</v>
      </c>
    </row>
    <row r="1847">
      <c r="A1847" s="1">
        <v>4.90389167E8</v>
      </c>
      <c r="B1847" s="2">
        <v>11841.0</v>
      </c>
      <c r="C1847" s="1" t="s">
        <v>5</v>
      </c>
      <c r="D1847" s="1" t="s">
        <v>1572</v>
      </c>
      <c r="E1847" s="1" t="s">
        <v>7</v>
      </c>
    </row>
    <row r="1848">
      <c r="A1848" s="1">
        <v>4.90389168E8</v>
      </c>
      <c r="B1848" s="2">
        <v>11894.0</v>
      </c>
      <c r="C1848" s="1" t="s">
        <v>5</v>
      </c>
      <c r="D1848" s="1" t="s">
        <v>1573</v>
      </c>
      <c r="E1848" s="1" t="s">
        <v>11</v>
      </c>
    </row>
    <row r="1849">
      <c r="A1849" s="1">
        <v>4.90389171E8</v>
      </c>
      <c r="B1849" s="2">
        <v>11901.0</v>
      </c>
      <c r="C1849" s="1" t="s">
        <v>5</v>
      </c>
      <c r="D1849" s="1" t="s">
        <v>1574</v>
      </c>
      <c r="E1849" s="1" t="s">
        <v>7</v>
      </c>
    </row>
    <row r="1850">
      <c r="A1850" s="1">
        <v>4.90389174E8</v>
      </c>
      <c r="B1850" s="2">
        <v>11881.0</v>
      </c>
      <c r="C1850" s="1" t="s">
        <v>5</v>
      </c>
      <c r="D1850" s="1" t="s">
        <v>1575</v>
      </c>
      <c r="E1850" s="1" t="s">
        <v>7</v>
      </c>
    </row>
    <row r="1851">
      <c r="A1851" s="1">
        <v>4.90389178E8</v>
      </c>
      <c r="B1851" s="2">
        <v>11897.0</v>
      </c>
      <c r="C1851" s="1" t="s">
        <v>5</v>
      </c>
      <c r="D1851" s="1" t="s">
        <v>11</v>
      </c>
      <c r="E1851" s="1" t="s">
        <v>7</v>
      </c>
    </row>
    <row r="1852">
      <c r="A1852" s="1">
        <v>4.90389181E8</v>
      </c>
      <c r="B1852" s="2">
        <v>11894.0</v>
      </c>
      <c r="C1852" s="1" t="s">
        <v>5</v>
      </c>
      <c r="D1852" s="1" t="s">
        <v>1576</v>
      </c>
      <c r="E1852" s="1" t="s">
        <v>7</v>
      </c>
    </row>
    <row r="1853">
      <c r="A1853" s="1">
        <v>4.90389185E8</v>
      </c>
      <c r="B1853" s="2">
        <v>11896.0</v>
      </c>
      <c r="C1853" s="1" t="s">
        <v>5</v>
      </c>
      <c r="D1853" s="1" t="s">
        <v>1577</v>
      </c>
      <c r="E1853" s="1" t="s">
        <v>11</v>
      </c>
    </row>
    <row r="1854">
      <c r="A1854" s="1">
        <v>4.9038919E8</v>
      </c>
      <c r="B1854" s="2">
        <v>11901.0</v>
      </c>
      <c r="C1854" s="1" t="s">
        <v>5</v>
      </c>
      <c r="D1854" s="1" t="s">
        <v>1578</v>
      </c>
      <c r="E1854" s="1" t="s">
        <v>7</v>
      </c>
    </row>
    <row r="1855">
      <c r="A1855" s="1">
        <v>4.90389191E8</v>
      </c>
      <c r="B1855" s="3">
        <v>11815.0</v>
      </c>
      <c r="C1855" s="1" t="s">
        <v>5</v>
      </c>
      <c r="D1855" s="1" t="s">
        <v>11</v>
      </c>
      <c r="E1855" s="1" t="s">
        <v>7</v>
      </c>
    </row>
    <row r="1856">
      <c r="A1856" s="1">
        <v>4.90389192E8</v>
      </c>
      <c r="B1856" s="3">
        <v>11825.0</v>
      </c>
      <c r="C1856" s="1" t="s">
        <v>5</v>
      </c>
      <c r="D1856" s="1" t="s">
        <v>1579</v>
      </c>
      <c r="E1856" s="1" t="s">
        <v>7</v>
      </c>
    </row>
    <row r="1857">
      <c r="A1857" s="1">
        <v>4.90389193E8</v>
      </c>
      <c r="B1857" s="2">
        <v>11881.0</v>
      </c>
      <c r="C1857" s="1" t="s">
        <v>5</v>
      </c>
      <c r="D1857" s="1" t="s">
        <v>1580</v>
      </c>
      <c r="E1857" s="1" t="s">
        <v>11</v>
      </c>
    </row>
    <row r="1858">
      <c r="A1858" s="1">
        <v>4.90389195E8</v>
      </c>
      <c r="B1858" s="3">
        <v>11819.0</v>
      </c>
      <c r="C1858" s="1" t="s">
        <v>5</v>
      </c>
      <c r="D1858" s="1" t="s">
        <v>1581</v>
      </c>
      <c r="E1858" s="1" t="s">
        <v>7</v>
      </c>
    </row>
    <row r="1859">
      <c r="A1859" s="1">
        <v>4.90389196E8</v>
      </c>
      <c r="B1859" s="3">
        <v>11817.0</v>
      </c>
      <c r="C1859" s="1" t="s">
        <v>5</v>
      </c>
      <c r="D1859" s="1" t="s">
        <v>1582</v>
      </c>
      <c r="E1859" s="1" t="s">
        <v>11</v>
      </c>
    </row>
    <row r="1860">
      <c r="A1860" s="1">
        <v>4.90389199E8</v>
      </c>
      <c r="B1860" s="3">
        <v>11822.0</v>
      </c>
      <c r="C1860" s="1" t="s">
        <v>5</v>
      </c>
      <c r="D1860" s="1" t="s">
        <v>1583</v>
      </c>
      <c r="E1860" s="1" t="s">
        <v>7</v>
      </c>
    </row>
    <row r="1861">
      <c r="A1861" s="1">
        <v>4.90389202E8</v>
      </c>
      <c r="B1861" s="3">
        <v>11824.0</v>
      </c>
      <c r="C1861" s="1" t="s">
        <v>5</v>
      </c>
      <c r="D1861" s="1" t="s">
        <v>1584</v>
      </c>
      <c r="E1861" s="1" t="s">
        <v>11</v>
      </c>
    </row>
    <row r="1862">
      <c r="A1862" s="1">
        <v>4.90389203E8</v>
      </c>
      <c r="B1862" s="2">
        <v>11897.0</v>
      </c>
      <c r="C1862" s="1" t="s">
        <v>5</v>
      </c>
      <c r="D1862" s="1" t="s">
        <v>11</v>
      </c>
      <c r="E1862" s="1" t="s">
        <v>7</v>
      </c>
    </row>
    <row r="1863">
      <c r="A1863" s="1">
        <v>4.90389211E8</v>
      </c>
      <c r="B1863" s="2">
        <v>11901.0</v>
      </c>
      <c r="C1863" s="1" t="s">
        <v>5</v>
      </c>
      <c r="D1863" s="1" t="s">
        <v>11</v>
      </c>
      <c r="E1863" s="1" t="s">
        <v>7</v>
      </c>
    </row>
    <row r="1864">
      <c r="A1864" s="1">
        <v>4.90389212E8</v>
      </c>
      <c r="B1864" s="3">
        <v>11819.0</v>
      </c>
      <c r="C1864" s="1" t="s">
        <v>5</v>
      </c>
      <c r="D1864" s="1" t="s">
        <v>11</v>
      </c>
      <c r="E1864" s="1" t="s">
        <v>7</v>
      </c>
    </row>
    <row r="1865">
      <c r="A1865" s="1">
        <v>4.90389213E8</v>
      </c>
      <c r="B1865" s="3">
        <v>11837.0</v>
      </c>
      <c r="C1865" s="1" t="s">
        <v>5</v>
      </c>
      <c r="D1865" s="1" t="s">
        <v>1585</v>
      </c>
      <c r="E1865" s="1" t="s">
        <v>7</v>
      </c>
    </row>
    <row r="1866">
      <c r="A1866" s="1">
        <v>4.90389218E8</v>
      </c>
      <c r="B1866" s="2">
        <v>11894.0</v>
      </c>
      <c r="C1866" s="1" t="s">
        <v>5</v>
      </c>
      <c r="D1866" s="1" t="s">
        <v>1586</v>
      </c>
      <c r="E1866" s="1" t="s">
        <v>7</v>
      </c>
    </row>
    <row r="1867">
      <c r="A1867" s="1">
        <v>4.90389219E8</v>
      </c>
      <c r="B1867" s="3">
        <v>11824.0</v>
      </c>
      <c r="C1867" s="1" t="s">
        <v>5</v>
      </c>
      <c r="D1867" s="1" t="s">
        <v>1587</v>
      </c>
      <c r="E1867" s="1" t="s">
        <v>7</v>
      </c>
    </row>
    <row r="1868">
      <c r="A1868" s="1">
        <v>4.90389224E8</v>
      </c>
      <c r="B1868" s="3">
        <v>11822.0</v>
      </c>
      <c r="C1868" s="1" t="s">
        <v>5</v>
      </c>
      <c r="D1868" s="1" t="s">
        <v>1588</v>
      </c>
      <c r="E1868" s="1" t="s">
        <v>11</v>
      </c>
    </row>
    <row r="1869">
      <c r="A1869" s="1">
        <v>4.90389226E8</v>
      </c>
      <c r="B1869" s="3">
        <v>11821.0</v>
      </c>
      <c r="C1869" s="1" t="s">
        <v>5</v>
      </c>
      <c r="D1869" s="1" t="s">
        <v>1589</v>
      </c>
      <c r="E1869" s="1" t="s">
        <v>11</v>
      </c>
    </row>
    <row r="1870">
      <c r="A1870" s="1">
        <v>4.90389229E8</v>
      </c>
      <c r="B1870" s="3">
        <v>11815.0</v>
      </c>
      <c r="C1870" s="1" t="s">
        <v>5</v>
      </c>
      <c r="D1870" s="1" t="s">
        <v>1590</v>
      </c>
      <c r="E1870" s="1" t="s">
        <v>7</v>
      </c>
    </row>
    <row r="1871">
      <c r="A1871" s="1">
        <v>4.90389236E8</v>
      </c>
      <c r="B1871" s="2">
        <v>11894.0</v>
      </c>
      <c r="C1871" s="1" t="s">
        <v>5</v>
      </c>
      <c r="D1871" s="1" t="s">
        <v>1591</v>
      </c>
      <c r="E1871" s="1" t="s">
        <v>7</v>
      </c>
    </row>
    <row r="1872">
      <c r="A1872" s="1">
        <v>4.90389238E8</v>
      </c>
      <c r="B1872" s="3">
        <v>11824.0</v>
      </c>
      <c r="C1872" s="1" t="s">
        <v>5</v>
      </c>
      <c r="D1872" s="1" t="s">
        <v>7</v>
      </c>
      <c r="E1872" s="1" t="s">
        <v>7</v>
      </c>
    </row>
    <row r="1873">
      <c r="A1873" s="1">
        <v>4.90389239E8</v>
      </c>
      <c r="B1873" s="3">
        <v>11820.0</v>
      </c>
      <c r="C1873" s="1" t="s">
        <v>5</v>
      </c>
      <c r="D1873" s="1" t="s">
        <v>11</v>
      </c>
      <c r="E1873" s="1" t="s">
        <v>7</v>
      </c>
    </row>
    <row r="1874">
      <c r="A1874" s="1">
        <v>4.90389241E8</v>
      </c>
      <c r="B1874" s="2">
        <v>11897.0</v>
      </c>
      <c r="C1874" s="1" t="s">
        <v>5</v>
      </c>
      <c r="D1874" s="1" t="s">
        <v>11</v>
      </c>
      <c r="E1874" s="1" t="s">
        <v>7</v>
      </c>
    </row>
    <row r="1875">
      <c r="A1875" s="1">
        <v>4.90389243E8</v>
      </c>
      <c r="B1875" s="2">
        <v>11900.0</v>
      </c>
      <c r="C1875" s="1" t="s">
        <v>5</v>
      </c>
      <c r="D1875" s="1" t="s">
        <v>1592</v>
      </c>
      <c r="E1875" s="1" t="s">
        <v>1593</v>
      </c>
    </row>
    <row r="1876">
      <c r="A1876" s="1">
        <v>4.90389244E8</v>
      </c>
      <c r="B1876" s="3">
        <v>11819.0</v>
      </c>
      <c r="C1876" s="1" t="s">
        <v>5</v>
      </c>
      <c r="D1876" s="1" t="s">
        <v>11</v>
      </c>
      <c r="E1876" s="1" t="s">
        <v>7</v>
      </c>
    </row>
    <row r="1877">
      <c r="A1877" s="1">
        <v>4.90389248E8</v>
      </c>
      <c r="B1877" s="2">
        <v>11901.0</v>
      </c>
      <c r="C1877" s="1" t="s">
        <v>5</v>
      </c>
      <c r="D1877" s="1" t="s">
        <v>1594</v>
      </c>
      <c r="E1877" s="1" t="s">
        <v>11</v>
      </c>
    </row>
    <row r="1878">
      <c r="A1878" s="1">
        <v>4.90389253E8</v>
      </c>
      <c r="B1878" s="3">
        <v>11820.0</v>
      </c>
      <c r="C1878" s="1" t="s">
        <v>5</v>
      </c>
      <c r="D1878" s="1" t="s">
        <v>1595</v>
      </c>
      <c r="E1878" s="1" t="s">
        <v>7</v>
      </c>
    </row>
    <row r="1879">
      <c r="A1879" s="1">
        <v>4.90389254E8</v>
      </c>
      <c r="B1879" s="2">
        <v>11897.0</v>
      </c>
      <c r="C1879" s="1" t="s">
        <v>5</v>
      </c>
      <c r="D1879" s="1" t="s">
        <v>169</v>
      </c>
      <c r="E1879" s="1" t="s">
        <v>7</v>
      </c>
    </row>
    <row r="1880">
      <c r="A1880" s="1">
        <v>4.90389255E8</v>
      </c>
      <c r="B1880" s="3">
        <v>11822.0</v>
      </c>
      <c r="C1880" s="1" t="s">
        <v>5</v>
      </c>
      <c r="D1880" s="1" t="s">
        <v>1596</v>
      </c>
      <c r="E1880" s="1" t="s">
        <v>7</v>
      </c>
    </row>
    <row r="1881">
      <c r="A1881" s="1">
        <v>4.90389264E8</v>
      </c>
      <c r="B1881" s="3">
        <v>11814.0</v>
      </c>
      <c r="C1881" s="1" t="s">
        <v>5</v>
      </c>
      <c r="D1881" s="1" t="s">
        <v>1597</v>
      </c>
      <c r="E1881" s="1" t="s">
        <v>7</v>
      </c>
    </row>
    <row r="1882">
      <c r="A1882" s="1">
        <v>4.9038927E8</v>
      </c>
      <c r="B1882" s="2">
        <v>11901.0</v>
      </c>
      <c r="C1882" s="1" t="s">
        <v>5</v>
      </c>
      <c r="D1882" s="1" t="s">
        <v>1598</v>
      </c>
      <c r="E1882" s="1" t="s">
        <v>11</v>
      </c>
    </row>
    <row r="1883">
      <c r="A1883" s="1">
        <v>4.90389271E8</v>
      </c>
      <c r="B1883" s="2">
        <v>11893.0</v>
      </c>
      <c r="C1883" s="1" t="s">
        <v>5</v>
      </c>
      <c r="D1883" s="1" t="s">
        <v>1599</v>
      </c>
      <c r="E1883" s="1" t="s">
        <v>11</v>
      </c>
    </row>
    <row r="1884">
      <c r="A1884" s="1">
        <v>4.90389272E8</v>
      </c>
      <c r="B1884" s="3">
        <v>11837.0</v>
      </c>
      <c r="C1884" s="1" t="s">
        <v>5</v>
      </c>
      <c r="D1884" s="1" t="s">
        <v>1600</v>
      </c>
      <c r="E1884" s="1" t="s">
        <v>7</v>
      </c>
    </row>
    <row r="1885">
      <c r="A1885" s="1">
        <v>4.90389273E8</v>
      </c>
      <c r="B1885" s="3">
        <v>11822.0</v>
      </c>
      <c r="C1885" s="1" t="s">
        <v>5</v>
      </c>
      <c r="D1885" s="1" t="s">
        <v>1601</v>
      </c>
      <c r="E1885" s="1" t="s">
        <v>7</v>
      </c>
    </row>
    <row r="1886">
      <c r="A1886" s="1">
        <v>4.90389274E8</v>
      </c>
      <c r="B1886" s="2">
        <v>11900.0</v>
      </c>
      <c r="C1886" s="1" t="s">
        <v>5</v>
      </c>
      <c r="D1886" s="1" t="s">
        <v>1602</v>
      </c>
      <c r="E1886" s="1" t="s">
        <v>7</v>
      </c>
    </row>
    <row r="1887">
      <c r="A1887" s="1">
        <v>4.90389276E8</v>
      </c>
      <c r="B1887" s="3">
        <v>11825.0</v>
      </c>
      <c r="C1887" s="1" t="s">
        <v>5</v>
      </c>
      <c r="D1887" s="1" t="s">
        <v>1603</v>
      </c>
      <c r="E1887" s="1" t="s">
        <v>11</v>
      </c>
    </row>
    <row r="1888">
      <c r="A1888" s="1">
        <v>4.90389278E8</v>
      </c>
      <c r="B1888" s="3">
        <v>11817.0</v>
      </c>
      <c r="C1888" s="1" t="s">
        <v>5</v>
      </c>
      <c r="D1888" s="1" t="s">
        <v>1604</v>
      </c>
      <c r="E1888" s="1" t="s">
        <v>7</v>
      </c>
    </row>
    <row r="1889">
      <c r="A1889" s="1">
        <v>4.90389286E8</v>
      </c>
      <c r="B1889" s="2">
        <v>11896.0</v>
      </c>
      <c r="C1889" s="1" t="s">
        <v>5</v>
      </c>
      <c r="D1889" s="1" t="s">
        <v>1605</v>
      </c>
      <c r="E1889" s="1" t="s">
        <v>7</v>
      </c>
    </row>
    <row r="1890">
      <c r="A1890" s="1">
        <v>4.90389292E8</v>
      </c>
      <c r="B1890" s="2">
        <v>11901.0</v>
      </c>
      <c r="C1890" s="1" t="s">
        <v>5</v>
      </c>
      <c r="D1890" s="1" t="s">
        <v>1606</v>
      </c>
      <c r="E1890" s="1" t="s">
        <v>11</v>
      </c>
    </row>
    <row r="1891">
      <c r="A1891" s="1">
        <v>4.90389296E8</v>
      </c>
      <c r="B1891" s="2">
        <v>11896.0</v>
      </c>
      <c r="C1891" s="1" t="s">
        <v>5</v>
      </c>
      <c r="D1891" s="1" t="s">
        <v>1607</v>
      </c>
      <c r="E1891" s="1" t="s">
        <v>7</v>
      </c>
    </row>
    <row r="1892">
      <c r="A1892" s="1">
        <v>4.903893E8</v>
      </c>
      <c r="B1892" s="2">
        <v>11893.0</v>
      </c>
      <c r="C1892" s="1" t="s">
        <v>5</v>
      </c>
      <c r="D1892" s="1" t="s">
        <v>11</v>
      </c>
      <c r="E1892" s="1" t="s">
        <v>7</v>
      </c>
    </row>
    <row r="1893">
      <c r="A1893" s="1">
        <v>4.90389302E8</v>
      </c>
      <c r="B1893" s="2">
        <v>11897.0</v>
      </c>
      <c r="C1893" s="1" t="s">
        <v>5</v>
      </c>
      <c r="D1893" s="1" t="s">
        <v>1392</v>
      </c>
      <c r="E1893" s="1" t="s">
        <v>7</v>
      </c>
    </row>
    <row r="1894">
      <c r="A1894" s="1">
        <v>4.90389303E8</v>
      </c>
      <c r="B1894" s="3">
        <v>11819.0</v>
      </c>
      <c r="C1894" s="1" t="s">
        <v>5</v>
      </c>
      <c r="D1894" s="1" t="s">
        <v>11</v>
      </c>
      <c r="E1894" s="1" t="s">
        <v>7</v>
      </c>
    </row>
    <row r="1895">
      <c r="A1895" s="1">
        <v>4.90389304E8</v>
      </c>
      <c r="B1895" s="2">
        <v>11881.0</v>
      </c>
      <c r="C1895" s="1" t="s">
        <v>5</v>
      </c>
      <c r="D1895" s="1" t="s">
        <v>1608</v>
      </c>
      <c r="E1895" s="1" t="s">
        <v>11</v>
      </c>
    </row>
    <row r="1896">
      <c r="A1896" s="1">
        <v>4.90389305E8</v>
      </c>
      <c r="B1896" s="3">
        <v>11814.0</v>
      </c>
      <c r="C1896" s="1" t="s">
        <v>5</v>
      </c>
      <c r="D1896" s="1" t="s">
        <v>11</v>
      </c>
      <c r="E1896" s="1" t="s">
        <v>7</v>
      </c>
    </row>
    <row r="1897">
      <c r="A1897" s="1">
        <v>4.90389311E8</v>
      </c>
      <c r="B1897" s="2">
        <v>11846.0</v>
      </c>
      <c r="C1897" s="1" t="s">
        <v>5</v>
      </c>
      <c r="D1897" s="1" t="s">
        <v>1609</v>
      </c>
      <c r="E1897" s="1" t="s">
        <v>7</v>
      </c>
    </row>
    <row r="1898">
      <c r="A1898" s="1">
        <v>4.90389313E8</v>
      </c>
      <c r="B1898" s="3">
        <v>11837.0</v>
      </c>
      <c r="C1898" s="1" t="s">
        <v>5</v>
      </c>
      <c r="D1898" s="1" t="s">
        <v>1610</v>
      </c>
      <c r="E1898" s="1" t="s">
        <v>7</v>
      </c>
    </row>
    <row r="1899">
      <c r="A1899" s="1">
        <v>4.90389317E8</v>
      </c>
      <c r="B1899" s="3">
        <v>11824.0</v>
      </c>
      <c r="C1899" s="1" t="s">
        <v>5</v>
      </c>
      <c r="D1899" s="1" t="s">
        <v>42</v>
      </c>
      <c r="E1899" s="1" t="s">
        <v>7</v>
      </c>
    </row>
    <row r="1900">
      <c r="A1900" s="1">
        <v>4.9038932E8</v>
      </c>
      <c r="B1900" s="3">
        <v>11818.0</v>
      </c>
      <c r="C1900" s="1" t="s">
        <v>5</v>
      </c>
      <c r="D1900" s="1" t="s">
        <v>1611</v>
      </c>
      <c r="E1900" s="1" t="s">
        <v>7</v>
      </c>
    </row>
    <row r="1901">
      <c r="A1901" s="1">
        <v>4.90389329E8</v>
      </c>
      <c r="B1901" s="3">
        <v>11819.0</v>
      </c>
      <c r="C1901" s="1" t="s">
        <v>5</v>
      </c>
      <c r="D1901" s="1" t="s">
        <v>11</v>
      </c>
      <c r="E1901" s="1" t="s">
        <v>7</v>
      </c>
    </row>
    <row r="1902">
      <c r="A1902" s="1">
        <v>4.9038933E8</v>
      </c>
      <c r="B1902" s="2">
        <v>11898.0</v>
      </c>
      <c r="C1902" s="1" t="s">
        <v>5</v>
      </c>
      <c r="D1902" s="1" t="s">
        <v>1612</v>
      </c>
      <c r="E1902" s="1" t="s">
        <v>7</v>
      </c>
    </row>
    <row r="1903">
      <c r="A1903" s="1">
        <v>4.90389339E8</v>
      </c>
      <c r="B1903" s="3">
        <v>11819.0</v>
      </c>
      <c r="C1903" s="1" t="s">
        <v>5</v>
      </c>
      <c r="D1903" s="1" t="s">
        <v>1613</v>
      </c>
      <c r="E1903" s="1" t="s">
        <v>11</v>
      </c>
    </row>
    <row r="1904">
      <c r="A1904" s="1">
        <v>4.9038934E8</v>
      </c>
      <c r="B1904" s="3">
        <v>11824.0</v>
      </c>
      <c r="C1904" s="1" t="s">
        <v>5</v>
      </c>
      <c r="D1904" s="1" t="s">
        <v>11</v>
      </c>
      <c r="E1904" s="1" t="s">
        <v>7</v>
      </c>
    </row>
    <row r="1905">
      <c r="A1905" s="1">
        <v>4.90389344E8</v>
      </c>
      <c r="B1905" s="3">
        <v>11821.0</v>
      </c>
      <c r="C1905" s="1" t="s">
        <v>5</v>
      </c>
      <c r="D1905" s="1" t="s">
        <v>1614</v>
      </c>
      <c r="E1905" s="1" t="s">
        <v>7</v>
      </c>
    </row>
    <row r="1906">
      <c r="A1906" s="1">
        <v>4.90389345E8</v>
      </c>
      <c r="B1906" s="2">
        <v>11881.0</v>
      </c>
      <c r="C1906" s="1" t="s">
        <v>5</v>
      </c>
      <c r="D1906" s="1" t="s">
        <v>1615</v>
      </c>
      <c r="E1906" s="1" t="s">
        <v>11</v>
      </c>
    </row>
    <row r="1907">
      <c r="A1907" s="1">
        <v>4.90389349E8</v>
      </c>
      <c r="B1907" s="2">
        <v>11881.0</v>
      </c>
      <c r="C1907" s="1" t="s">
        <v>5</v>
      </c>
      <c r="D1907" s="1" t="s">
        <v>11</v>
      </c>
      <c r="E1907" s="1" t="s">
        <v>7</v>
      </c>
    </row>
    <row r="1908">
      <c r="A1908" s="1">
        <v>4.9038935E8</v>
      </c>
      <c r="B1908" s="2">
        <v>11897.0</v>
      </c>
      <c r="C1908" s="1" t="s">
        <v>5</v>
      </c>
      <c r="D1908" s="1" t="s">
        <v>1616</v>
      </c>
      <c r="E1908" s="1" t="s">
        <v>11</v>
      </c>
    </row>
    <row r="1909">
      <c r="A1909" s="1">
        <v>4.90389355E8</v>
      </c>
      <c r="B1909" s="3">
        <v>11818.0</v>
      </c>
      <c r="C1909" s="1" t="s">
        <v>5</v>
      </c>
      <c r="D1909" s="1" t="s">
        <v>1617</v>
      </c>
      <c r="E1909" s="1" t="s">
        <v>11</v>
      </c>
    </row>
    <row r="1910">
      <c r="A1910" s="1">
        <v>4.90389358E8</v>
      </c>
      <c r="B1910" s="3">
        <v>11819.0</v>
      </c>
      <c r="C1910" s="1" t="s">
        <v>5</v>
      </c>
      <c r="D1910" s="1" t="s">
        <v>1618</v>
      </c>
      <c r="E1910" s="1" t="s">
        <v>7</v>
      </c>
    </row>
    <row r="1911">
      <c r="A1911" s="1">
        <v>4.9038936E8</v>
      </c>
      <c r="B1911" s="2">
        <v>11901.0</v>
      </c>
      <c r="C1911" s="1" t="s">
        <v>5</v>
      </c>
      <c r="D1911" s="1" t="s">
        <v>1619</v>
      </c>
      <c r="E1911" s="1" t="s">
        <v>7</v>
      </c>
    </row>
    <row r="1912">
      <c r="A1912" s="1">
        <v>4.90389361E8</v>
      </c>
      <c r="B1912" s="2">
        <v>11846.0</v>
      </c>
      <c r="C1912" s="1" t="s">
        <v>5</v>
      </c>
      <c r="D1912" s="1" t="s">
        <v>1620</v>
      </c>
      <c r="E1912" s="1" t="s">
        <v>7</v>
      </c>
    </row>
    <row r="1913">
      <c r="A1913" s="1">
        <v>4.90389363E8</v>
      </c>
      <c r="B1913" s="3">
        <v>11824.0</v>
      </c>
      <c r="C1913" s="1" t="s">
        <v>5</v>
      </c>
      <c r="D1913" s="1" t="s">
        <v>1621</v>
      </c>
      <c r="E1913" s="1" t="s">
        <v>7</v>
      </c>
    </row>
    <row r="1914">
      <c r="A1914" s="1">
        <v>4.90389364E8</v>
      </c>
      <c r="B1914" s="3">
        <v>11836.0</v>
      </c>
      <c r="C1914" s="1" t="s">
        <v>5</v>
      </c>
      <c r="D1914" s="1" t="s">
        <v>1622</v>
      </c>
      <c r="E1914" s="1" t="s">
        <v>7</v>
      </c>
    </row>
    <row r="1915">
      <c r="A1915" s="1">
        <v>4.90389365E8</v>
      </c>
      <c r="B1915" s="2">
        <v>11900.0</v>
      </c>
      <c r="C1915" s="1" t="s">
        <v>5</v>
      </c>
      <c r="D1915" s="1" t="s">
        <v>1623</v>
      </c>
      <c r="E1915" s="1" t="s">
        <v>7</v>
      </c>
    </row>
    <row r="1916">
      <c r="A1916" s="1">
        <v>4.90389366E8</v>
      </c>
      <c r="B1916" s="3">
        <v>11815.0</v>
      </c>
      <c r="C1916" s="1" t="s">
        <v>5</v>
      </c>
      <c r="D1916" s="1" t="s">
        <v>11</v>
      </c>
      <c r="E1916" s="1" t="s">
        <v>7</v>
      </c>
    </row>
    <row r="1917">
      <c r="A1917" s="1">
        <v>4.90389369E8</v>
      </c>
      <c r="B1917" s="3">
        <v>11818.0</v>
      </c>
      <c r="C1917" s="1" t="s">
        <v>5</v>
      </c>
      <c r="D1917" s="1" t="s">
        <v>11</v>
      </c>
      <c r="E1917" s="1" t="s">
        <v>7</v>
      </c>
    </row>
    <row r="1918">
      <c r="A1918" s="1">
        <v>4.90389371E8</v>
      </c>
      <c r="B1918" s="2">
        <v>11896.0</v>
      </c>
      <c r="C1918" s="1" t="s">
        <v>5</v>
      </c>
      <c r="D1918" s="1" t="s">
        <v>11</v>
      </c>
      <c r="E1918" s="1" t="s">
        <v>7</v>
      </c>
    </row>
    <row r="1919">
      <c r="A1919" s="1">
        <v>4.90389376E8</v>
      </c>
      <c r="B1919" s="2">
        <v>11896.0</v>
      </c>
      <c r="C1919" s="1" t="s">
        <v>5</v>
      </c>
      <c r="D1919" s="1" t="s">
        <v>1624</v>
      </c>
      <c r="E1919" s="1" t="s">
        <v>7</v>
      </c>
    </row>
    <row r="1920">
      <c r="A1920" s="1">
        <v>4.90389381E8</v>
      </c>
      <c r="B1920" s="2">
        <v>11846.0</v>
      </c>
      <c r="C1920" s="1" t="s">
        <v>5</v>
      </c>
      <c r="D1920" s="1" t="s">
        <v>1625</v>
      </c>
      <c r="E1920" s="1" t="s">
        <v>11</v>
      </c>
    </row>
    <row r="1921">
      <c r="A1921" s="1">
        <v>4.90389383E8</v>
      </c>
      <c r="B1921" s="2">
        <v>11881.0</v>
      </c>
      <c r="C1921" s="1" t="s">
        <v>5</v>
      </c>
      <c r="D1921" s="1" t="s">
        <v>11</v>
      </c>
      <c r="E1921" s="1" t="s">
        <v>7</v>
      </c>
    </row>
    <row r="1922">
      <c r="A1922" s="1">
        <v>4.90389386E8</v>
      </c>
      <c r="B1922" s="2">
        <v>11847.0</v>
      </c>
      <c r="C1922" s="1" t="s">
        <v>5</v>
      </c>
      <c r="D1922" s="1" t="s">
        <v>1626</v>
      </c>
      <c r="E1922" s="1" t="s">
        <v>11</v>
      </c>
    </row>
    <row r="1923">
      <c r="A1923" s="1">
        <v>4.90389387E8</v>
      </c>
      <c r="B1923" s="3">
        <v>11824.0</v>
      </c>
      <c r="C1923" s="1" t="s">
        <v>5</v>
      </c>
      <c r="D1923" s="1" t="s">
        <v>1627</v>
      </c>
      <c r="E1923" s="1" t="s">
        <v>11</v>
      </c>
    </row>
    <row r="1924">
      <c r="A1924" s="1">
        <v>4.90389392E8</v>
      </c>
      <c r="B1924" s="2">
        <v>11900.0</v>
      </c>
      <c r="C1924" s="1" t="s">
        <v>5</v>
      </c>
      <c r="D1924" s="1" t="s">
        <v>1628</v>
      </c>
      <c r="E1924" s="1" t="s">
        <v>7</v>
      </c>
    </row>
    <row r="1925">
      <c r="A1925" s="1">
        <v>4.90389393E8</v>
      </c>
      <c r="B1925" s="3">
        <v>11831.0</v>
      </c>
      <c r="C1925" s="1" t="s">
        <v>5</v>
      </c>
      <c r="D1925" s="1" t="s">
        <v>1629</v>
      </c>
      <c r="E1925" s="1" t="s">
        <v>11</v>
      </c>
    </row>
    <row r="1926">
      <c r="A1926" s="1">
        <v>4.90389395E8</v>
      </c>
      <c r="B1926" s="3">
        <v>11836.0</v>
      </c>
      <c r="C1926" s="1" t="s">
        <v>5</v>
      </c>
      <c r="D1926" s="1" t="s">
        <v>1630</v>
      </c>
      <c r="E1926" s="1" t="s">
        <v>11</v>
      </c>
    </row>
    <row r="1927">
      <c r="A1927" s="1">
        <v>4.90389396E8</v>
      </c>
      <c r="B1927" s="3">
        <v>11820.0</v>
      </c>
      <c r="C1927" s="1" t="s">
        <v>5</v>
      </c>
      <c r="D1927" s="1" t="s">
        <v>1631</v>
      </c>
      <c r="E1927" s="1" t="s">
        <v>7</v>
      </c>
    </row>
    <row r="1928">
      <c r="A1928" s="1">
        <v>4.90389403E8</v>
      </c>
      <c r="B1928" s="3">
        <v>11815.0</v>
      </c>
      <c r="C1928" s="1" t="s">
        <v>5</v>
      </c>
      <c r="D1928" s="1" t="s">
        <v>1632</v>
      </c>
      <c r="E1928" s="1" t="s">
        <v>11</v>
      </c>
    </row>
    <row r="1929">
      <c r="A1929" s="1">
        <v>4.90389407E8</v>
      </c>
      <c r="B1929" s="2">
        <v>11901.0</v>
      </c>
      <c r="C1929" s="1" t="s">
        <v>5</v>
      </c>
      <c r="D1929" s="1" t="s">
        <v>1633</v>
      </c>
      <c r="E1929" s="1" t="s">
        <v>11</v>
      </c>
    </row>
    <row r="1930">
      <c r="A1930" s="1">
        <v>4.90389411E8</v>
      </c>
      <c r="B1930" s="2">
        <v>11846.0</v>
      </c>
      <c r="C1930" s="1" t="s">
        <v>5</v>
      </c>
      <c r="D1930" s="1" t="s">
        <v>1634</v>
      </c>
      <c r="E1930" s="1" t="s">
        <v>7</v>
      </c>
    </row>
    <row r="1931">
      <c r="A1931" s="1">
        <v>4.90389415E8</v>
      </c>
      <c r="B1931" s="3">
        <v>11824.0</v>
      </c>
      <c r="C1931" s="1" t="s">
        <v>5</v>
      </c>
      <c r="D1931" s="1" t="s">
        <v>11</v>
      </c>
      <c r="E1931" s="1" t="s">
        <v>7</v>
      </c>
    </row>
    <row r="1932">
      <c r="A1932" s="1">
        <v>4.90389419E8</v>
      </c>
      <c r="B1932" s="3">
        <v>11815.0</v>
      </c>
      <c r="C1932" s="1" t="s">
        <v>5</v>
      </c>
      <c r="D1932" s="1" t="s">
        <v>1635</v>
      </c>
      <c r="E1932" s="1" t="s">
        <v>7</v>
      </c>
    </row>
    <row r="1933">
      <c r="A1933" s="1">
        <v>4.90389424E8</v>
      </c>
      <c r="B1933" s="3">
        <v>11836.0</v>
      </c>
      <c r="C1933" s="1" t="s">
        <v>5</v>
      </c>
      <c r="D1933" s="1" t="s">
        <v>1636</v>
      </c>
      <c r="E1933" s="1" t="s">
        <v>7</v>
      </c>
    </row>
    <row r="1934">
      <c r="A1934" s="1">
        <v>4.9038943E8</v>
      </c>
      <c r="B1934" s="2">
        <v>11901.0</v>
      </c>
      <c r="C1934" s="1" t="s">
        <v>5</v>
      </c>
      <c r="D1934" s="1" t="s">
        <v>11</v>
      </c>
      <c r="E1934" s="1" t="s">
        <v>7</v>
      </c>
    </row>
    <row r="1935">
      <c r="A1935" s="1">
        <v>4.90389432E8</v>
      </c>
      <c r="B1935" s="3">
        <v>11818.0</v>
      </c>
      <c r="C1935" s="1" t="s">
        <v>5</v>
      </c>
      <c r="D1935" s="1" t="s">
        <v>1637</v>
      </c>
      <c r="E1935" s="1" t="s">
        <v>1638</v>
      </c>
    </row>
    <row r="1936">
      <c r="A1936" s="1">
        <v>4.90389435E8</v>
      </c>
      <c r="B1936" s="2">
        <v>11897.0</v>
      </c>
      <c r="C1936" s="1" t="s">
        <v>5</v>
      </c>
      <c r="D1936" s="1" t="s">
        <v>872</v>
      </c>
      <c r="E1936" s="1" t="s">
        <v>7</v>
      </c>
    </row>
    <row r="1937">
      <c r="A1937" s="1">
        <v>4.90389441E8</v>
      </c>
      <c r="B1937" s="2">
        <v>11901.0</v>
      </c>
      <c r="C1937" s="1" t="s">
        <v>5</v>
      </c>
      <c r="D1937" s="1" t="s">
        <v>1639</v>
      </c>
      <c r="E1937" s="1" t="s">
        <v>7</v>
      </c>
    </row>
    <row r="1938">
      <c r="A1938" s="1">
        <v>4.90389442E8</v>
      </c>
      <c r="B1938" s="3">
        <v>11824.0</v>
      </c>
      <c r="C1938" s="1" t="s">
        <v>5</v>
      </c>
      <c r="D1938" s="1" t="s">
        <v>1640</v>
      </c>
      <c r="E1938" s="1" t="s">
        <v>7</v>
      </c>
    </row>
    <row r="1939">
      <c r="A1939" s="1">
        <v>4.90389445E8</v>
      </c>
      <c r="B1939" s="3">
        <v>11818.0</v>
      </c>
      <c r="C1939" s="1" t="s">
        <v>5</v>
      </c>
      <c r="D1939" s="1" t="s">
        <v>1641</v>
      </c>
      <c r="E1939" s="1" t="s">
        <v>7</v>
      </c>
    </row>
    <row r="1940">
      <c r="A1940" s="1">
        <v>4.90389447E8</v>
      </c>
      <c r="B1940" s="3">
        <v>11813.0</v>
      </c>
      <c r="C1940" s="1" t="s">
        <v>5</v>
      </c>
      <c r="D1940" s="1" t="s">
        <v>1642</v>
      </c>
      <c r="E1940" s="1" t="s">
        <v>7</v>
      </c>
    </row>
    <row r="1941">
      <c r="A1941" s="1">
        <v>4.90389451E8</v>
      </c>
      <c r="B1941" s="3">
        <v>11814.0</v>
      </c>
      <c r="C1941" s="1" t="s">
        <v>5</v>
      </c>
      <c r="D1941" s="1" t="s">
        <v>1643</v>
      </c>
      <c r="E1941" s="1" t="s">
        <v>11</v>
      </c>
    </row>
    <row r="1942">
      <c r="A1942" s="1">
        <v>4.90389452E8</v>
      </c>
      <c r="B1942" s="2">
        <v>11881.0</v>
      </c>
      <c r="C1942" s="1" t="s">
        <v>5</v>
      </c>
      <c r="D1942" s="1" t="s">
        <v>7</v>
      </c>
      <c r="E1942" s="1" t="s">
        <v>7</v>
      </c>
    </row>
    <row r="1943">
      <c r="A1943" s="1">
        <v>4.90389453E8</v>
      </c>
      <c r="B1943" s="3">
        <v>11821.0</v>
      </c>
      <c r="C1943" s="1" t="s">
        <v>5</v>
      </c>
      <c r="D1943" s="1" t="s">
        <v>1644</v>
      </c>
      <c r="E1943" s="1" t="s">
        <v>7</v>
      </c>
    </row>
    <row r="1944">
      <c r="A1944" s="1">
        <v>4.90389454E8</v>
      </c>
      <c r="B1944" s="2">
        <v>11881.0</v>
      </c>
      <c r="C1944" s="1" t="s">
        <v>5</v>
      </c>
      <c r="D1944" s="1" t="s">
        <v>1645</v>
      </c>
      <c r="E1944" s="1" t="s">
        <v>11</v>
      </c>
    </row>
    <row r="1945">
      <c r="A1945" s="1">
        <v>4.90389458E8</v>
      </c>
      <c r="B1945" s="3">
        <v>11821.0</v>
      </c>
      <c r="C1945" s="1" t="s">
        <v>5</v>
      </c>
      <c r="D1945" s="1" t="s">
        <v>11</v>
      </c>
      <c r="E1945" s="1" t="s">
        <v>7</v>
      </c>
    </row>
    <row r="1946">
      <c r="A1946" s="1">
        <v>4.9038946E8</v>
      </c>
      <c r="B1946" s="3">
        <v>11820.0</v>
      </c>
      <c r="C1946" s="1" t="s">
        <v>5</v>
      </c>
      <c r="D1946" s="1" t="s">
        <v>11</v>
      </c>
      <c r="E1946" s="1" t="s">
        <v>7</v>
      </c>
    </row>
    <row r="1947">
      <c r="A1947" s="1">
        <v>4.90389463E8</v>
      </c>
      <c r="B1947" s="3">
        <v>11822.0</v>
      </c>
      <c r="C1947" s="1" t="s">
        <v>5</v>
      </c>
      <c r="D1947" s="1" t="s">
        <v>1646</v>
      </c>
      <c r="E1947" s="1" t="s">
        <v>7</v>
      </c>
    </row>
    <row r="1948">
      <c r="A1948" s="1">
        <v>4.90389464E8</v>
      </c>
      <c r="B1948" s="2">
        <v>11846.0</v>
      </c>
      <c r="C1948" s="1" t="s">
        <v>5</v>
      </c>
      <c r="D1948" s="1" t="s">
        <v>1647</v>
      </c>
      <c r="E1948" s="1" t="s">
        <v>7</v>
      </c>
    </row>
    <row r="1949">
      <c r="A1949" s="1">
        <v>4.90389466E8</v>
      </c>
      <c r="B1949" s="2">
        <v>11896.0</v>
      </c>
      <c r="C1949" s="1" t="s">
        <v>5</v>
      </c>
      <c r="D1949" s="1" t="s">
        <v>11</v>
      </c>
      <c r="E1949" s="1" t="s">
        <v>7</v>
      </c>
    </row>
    <row r="1950">
      <c r="A1950" s="1">
        <v>4.90389471E8</v>
      </c>
      <c r="B1950" s="3">
        <v>11836.0</v>
      </c>
      <c r="C1950" s="1" t="s">
        <v>5</v>
      </c>
      <c r="D1950" s="1" t="s">
        <v>1648</v>
      </c>
      <c r="E1950" s="1" t="s">
        <v>7</v>
      </c>
    </row>
    <row r="1951">
      <c r="A1951" s="1">
        <v>4.90389474E8</v>
      </c>
      <c r="B1951" s="2">
        <v>11881.0</v>
      </c>
      <c r="C1951" s="1" t="s">
        <v>5</v>
      </c>
      <c r="D1951" s="1" t="s">
        <v>872</v>
      </c>
      <c r="E1951" s="1" t="s">
        <v>7</v>
      </c>
    </row>
    <row r="1952">
      <c r="A1952" s="1">
        <v>4.90389488E8</v>
      </c>
      <c r="B1952" s="3">
        <v>11813.0</v>
      </c>
      <c r="C1952" s="1" t="s">
        <v>5</v>
      </c>
      <c r="D1952" s="1" t="s">
        <v>1649</v>
      </c>
      <c r="E1952" s="1" t="s">
        <v>7</v>
      </c>
    </row>
    <row r="1953">
      <c r="A1953" s="1">
        <v>4.90389489E8</v>
      </c>
      <c r="B1953" s="2">
        <v>11899.0</v>
      </c>
      <c r="C1953" s="1" t="s">
        <v>5</v>
      </c>
      <c r="D1953" s="1" t="s">
        <v>11</v>
      </c>
      <c r="E1953" s="1" t="s">
        <v>7</v>
      </c>
    </row>
    <row r="1954">
      <c r="A1954" s="1">
        <v>4.9038949E8</v>
      </c>
      <c r="B1954" s="3">
        <v>11835.0</v>
      </c>
      <c r="C1954" s="1" t="s">
        <v>5</v>
      </c>
      <c r="D1954" s="1" t="s">
        <v>11</v>
      </c>
      <c r="E1954" s="1" t="s">
        <v>7</v>
      </c>
    </row>
    <row r="1955">
      <c r="A1955" s="1">
        <v>4.90389497E8</v>
      </c>
      <c r="B1955" s="3">
        <v>11821.0</v>
      </c>
      <c r="C1955" s="1" t="s">
        <v>5</v>
      </c>
      <c r="D1955" s="1" t="s">
        <v>1650</v>
      </c>
      <c r="E1955" s="1" t="s">
        <v>11</v>
      </c>
    </row>
    <row r="1956">
      <c r="A1956" s="1">
        <v>4.90389502E8</v>
      </c>
      <c r="B1956" s="3">
        <v>11829.0</v>
      </c>
      <c r="C1956" s="1" t="s">
        <v>5</v>
      </c>
      <c r="D1956" s="1" t="s">
        <v>1651</v>
      </c>
      <c r="E1956" s="1" t="s">
        <v>7</v>
      </c>
    </row>
    <row r="1957">
      <c r="A1957" s="1">
        <v>4.90389503E8</v>
      </c>
      <c r="B1957" s="2">
        <v>11896.0</v>
      </c>
      <c r="C1957" s="1" t="s">
        <v>5</v>
      </c>
      <c r="D1957" s="1" t="s">
        <v>11</v>
      </c>
      <c r="E1957" s="1" t="s">
        <v>7</v>
      </c>
    </row>
    <row r="1958">
      <c r="A1958" s="1">
        <v>4.90389504E8</v>
      </c>
      <c r="B1958" s="2">
        <v>11892.0</v>
      </c>
      <c r="C1958" s="1" t="s">
        <v>5</v>
      </c>
      <c r="D1958" s="1" t="s">
        <v>1652</v>
      </c>
      <c r="E1958" s="1" t="s">
        <v>7</v>
      </c>
    </row>
    <row r="1959">
      <c r="A1959" s="1">
        <v>4.90389507E8</v>
      </c>
      <c r="B1959" s="3">
        <v>11821.0</v>
      </c>
      <c r="C1959" s="1" t="s">
        <v>5</v>
      </c>
      <c r="D1959" s="1" t="s">
        <v>11</v>
      </c>
      <c r="E1959" s="1" t="s">
        <v>7</v>
      </c>
    </row>
    <row r="1960">
      <c r="A1960" s="1">
        <v>4.90389511E8</v>
      </c>
      <c r="B1960" s="2">
        <v>11901.0</v>
      </c>
      <c r="C1960" s="1" t="s">
        <v>5</v>
      </c>
      <c r="D1960" s="1" t="s">
        <v>1653</v>
      </c>
      <c r="E1960" s="1" t="s">
        <v>1654</v>
      </c>
    </row>
    <row r="1961">
      <c r="A1961" s="1">
        <v>4.90389512E8</v>
      </c>
      <c r="B1961" s="2">
        <v>11899.0</v>
      </c>
      <c r="C1961" s="1" t="s">
        <v>5</v>
      </c>
      <c r="D1961" s="1" t="s">
        <v>11</v>
      </c>
      <c r="E1961" s="1" t="s">
        <v>7</v>
      </c>
    </row>
    <row r="1962">
      <c r="A1962" s="1">
        <v>4.90389513E8</v>
      </c>
      <c r="B1962" s="2">
        <v>11901.0</v>
      </c>
      <c r="C1962" s="1" t="s">
        <v>5</v>
      </c>
      <c r="D1962" s="1" t="s">
        <v>1655</v>
      </c>
      <c r="E1962" s="1" t="s">
        <v>7</v>
      </c>
    </row>
    <row r="1963">
      <c r="A1963" s="1">
        <v>4.90389515E8</v>
      </c>
      <c r="B1963" s="3">
        <v>11818.0</v>
      </c>
      <c r="C1963" s="1" t="s">
        <v>5</v>
      </c>
      <c r="D1963" s="1" t="s">
        <v>1656</v>
      </c>
      <c r="E1963" s="1" t="s">
        <v>7</v>
      </c>
    </row>
    <row r="1964">
      <c r="A1964" s="1">
        <v>4.90389516E8</v>
      </c>
      <c r="B1964" s="3">
        <v>11836.0</v>
      </c>
      <c r="C1964" s="1" t="s">
        <v>5</v>
      </c>
      <c r="D1964" s="1" t="s">
        <v>1657</v>
      </c>
      <c r="E1964" s="1" t="s">
        <v>7</v>
      </c>
    </row>
    <row r="1965">
      <c r="A1965" s="1">
        <v>4.90389527E8</v>
      </c>
      <c r="B1965" s="3">
        <v>11819.0</v>
      </c>
      <c r="C1965" s="1" t="s">
        <v>5</v>
      </c>
      <c r="D1965" s="1" t="s">
        <v>11</v>
      </c>
      <c r="E1965" s="1" t="s">
        <v>7</v>
      </c>
    </row>
    <row r="1966">
      <c r="A1966" s="1">
        <v>4.9038953E8</v>
      </c>
      <c r="B1966" s="3">
        <v>11811.0</v>
      </c>
      <c r="C1966" s="1" t="s">
        <v>5</v>
      </c>
      <c r="D1966" s="1" t="s">
        <v>1658</v>
      </c>
      <c r="E1966" s="1" t="s">
        <v>1659</v>
      </c>
    </row>
    <row r="1967">
      <c r="A1967" s="1">
        <v>4.90389538E8</v>
      </c>
      <c r="B1967" s="2">
        <v>11899.0</v>
      </c>
      <c r="C1967" s="1" t="s">
        <v>5</v>
      </c>
      <c r="D1967" s="1" t="s">
        <v>1660</v>
      </c>
      <c r="E1967" s="1" t="s">
        <v>11</v>
      </c>
    </row>
    <row r="1968">
      <c r="A1968" s="1">
        <v>4.9038954E8</v>
      </c>
      <c r="B1968" s="3">
        <v>11835.0</v>
      </c>
      <c r="C1968" s="1" t="s">
        <v>5</v>
      </c>
      <c r="D1968" s="1" t="s">
        <v>1661</v>
      </c>
      <c r="E1968" s="1" t="s">
        <v>1662</v>
      </c>
    </row>
    <row r="1969">
      <c r="A1969" s="1">
        <v>4.90389543E8</v>
      </c>
      <c r="B1969" s="2">
        <v>11901.0</v>
      </c>
      <c r="C1969" s="1" t="s">
        <v>5</v>
      </c>
      <c r="D1969" s="1" t="s">
        <v>11</v>
      </c>
      <c r="E1969" s="1" t="s">
        <v>7</v>
      </c>
    </row>
    <row r="1970">
      <c r="A1970" s="1">
        <v>4.90389546E8</v>
      </c>
      <c r="B1970" s="3">
        <v>11829.0</v>
      </c>
      <c r="C1970" s="1" t="s">
        <v>5</v>
      </c>
      <c r="D1970" s="1" t="s">
        <v>1663</v>
      </c>
      <c r="E1970" s="1" t="s">
        <v>7</v>
      </c>
    </row>
    <row r="1971">
      <c r="A1971" s="1">
        <v>4.90389547E8</v>
      </c>
      <c r="B1971" s="3">
        <v>11819.0</v>
      </c>
      <c r="C1971" s="1" t="s">
        <v>5</v>
      </c>
      <c r="D1971" s="1" t="s">
        <v>11</v>
      </c>
      <c r="E1971" s="1" t="s">
        <v>7</v>
      </c>
    </row>
    <row r="1972">
      <c r="A1972" s="1">
        <v>4.90389548E8</v>
      </c>
      <c r="B1972" s="3">
        <v>11817.0</v>
      </c>
      <c r="C1972" s="1" t="s">
        <v>5</v>
      </c>
      <c r="D1972" s="1" t="s">
        <v>1664</v>
      </c>
      <c r="E1972" s="1" t="s">
        <v>11</v>
      </c>
    </row>
    <row r="1973">
      <c r="A1973" s="1">
        <v>4.90389551E8</v>
      </c>
      <c r="B1973" s="3">
        <v>11835.0</v>
      </c>
      <c r="C1973" s="1" t="s">
        <v>5</v>
      </c>
      <c r="D1973" s="1" t="s">
        <v>1665</v>
      </c>
      <c r="E1973" s="1" t="s">
        <v>7</v>
      </c>
    </row>
    <row r="1974">
      <c r="A1974" s="1">
        <v>4.90389556E8</v>
      </c>
      <c r="B1974" s="3">
        <v>11820.0</v>
      </c>
      <c r="C1974" s="1" t="s">
        <v>5</v>
      </c>
      <c r="D1974" s="1" t="s">
        <v>1666</v>
      </c>
      <c r="E1974" s="1" t="s">
        <v>7</v>
      </c>
    </row>
    <row r="1975">
      <c r="A1975" s="1">
        <v>4.90389562E8</v>
      </c>
      <c r="B1975" s="2">
        <v>11901.0</v>
      </c>
      <c r="C1975" s="1" t="s">
        <v>5</v>
      </c>
      <c r="D1975" s="1" t="s">
        <v>11</v>
      </c>
      <c r="E1975" s="1" t="s">
        <v>7</v>
      </c>
    </row>
    <row r="1976">
      <c r="A1976" s="1">
        <v>4.90389568E8</v>
      </c>
      <c r="B1976" s="3">
        <v>11819.0</v>
      </c>
      <c r="C1976" s="1" t="s">
        <v>5</v>
      </c>
      <c r="D1976" s="1" t="s">
        <v>1667</v>
      </c>
      <c r="E1976" s="1" t="s">
        <v>7</v>
      </c>
    </row>
    <row r="1977">
      <c r="A1977" s="1">
        <v>4.90389569E8</v>
      </c>
      <c r="B1977" s="2">
        <v>11842.0</v>
      </c>
      <c r="C1977" s="1" t="s">
        <v>5</v>
      </c>
      <c r="D1977" s="1" t="s">
        <v>11</v>
      </c>
      <c r="E1977" s="1" t="s">
        <v>7</v>
      </c>
    </row>
    <row r="1978">
      <c r="A1978" s="1">
        <v>4.9038957E8</v>
      </c>
      <c r="B1978" s="3">
        <v>11835.0</v>
      </c>
      <c r="C1978" s="1" t="s">
        <v>5</v>
      </c>
      <c r="D1978" s="1" t="s">
        <v>1668</v>
      </c>
      <c r="E1978" s="1" t="s">
        <v>7</v>
      </c>
    </row>
    <row r="1979">
      <c r="A1979" s="1">
        <v>4.90389571E8</v>
      </c>
      <c r="B1979" s="3">
        <v>11829.0</v>
      </c>
      <c r="C1979" s="1" t="s">
        <v>5</v>
      </c>
      <c r="D1979" s="1" t="s">
        <v>11</v>
      </c>
      <c r="E1979" s="1" t="s">
        <v>7</v>
      </c>
    </row>
    <row r="1980">
      <c r="A1980" s="1">
        <v>4.90389573E8</v>
      </c>
      <c r="B1980" s="3">
        <v>11817.0</v>
      </c>
      <c r="C1980" s="1" t="s">
        <v>5</v>
      </c>
      <c r="D1980" s="1" t="s">
        <v>1669</v>
      </c>
      <c r="E1980" s="1" t="s">
        <v>7</v>
      </c>
    </row>
    <row r="1981">
      <c r="A1981" s="1">
        <v>4.90389575E8</v>
      </c>
      <c r="B1981" s="3">
        <v>11820.0</v>
      </c>
      <c r="C1981" s="1" t="s">
        <v>5</v>
      </c>
      <c r="D1981" s="1" t="s">
        <v>1670</v>
      </c>
      <c r="E1981" s="1" t="s">
        <v>7</v>
      </c>
    </row>
    <row r="1982">
      <c r="A1982" s="1">
        <v>4.90389576E8</v>
      </c>
      <c r="B1982" s="3">
        <v>11813.0</v>
      </c>
      <c r="C1982" s="1" t="s">
        <v>5</v>
      </c>
      <c r="D1982" s="1" t="s">
        <v>1671</v>
      </c>
      <c r="E1982" s="1" t="s">
        <v>7</v>
      </c>
    </row>
    <row r="1983">
      <c r="A1983" s="1">
        <v>4.90389577E8</v>
      </c>
      <c r="B1983" s="2">
        <v>11892.0</v>
      </c>
      <c r="C1983" s="1" t="s">
        <v>5</v>
      </c>
      <c r="D1983" s="1" t="s">
        <v>11</v>
      </c>
      <c r="E1983" s="1" t="s">
        <v>7</v>
      </c>
    </row>
    <row r="1984">
      <c r="A1984" s="1">
        <v>4.90389579E8</v>
      </c>
      <c r="B1984" s="2">
        <v>11901.0</v>
      </c>
      <c r="C1984" s="1" t="s">
        <v>5</v>
      </c>
      <c r="D1984" s="1" t="s">
        <v>11</v>
      </c>
      <c r="E1984" s="1" t="s">
        <v>7</v>
      </c>
    </row>
    <row r="1985">
      <c r="A1985" s="1">
        <v>4.9038958E8</v>
      </c>
      <c r="B1985" s="3">
        <v>11821.0</v>
      </c>
      <c r="C1985" s="1" t="s">
        <v>5</v>
      </c>
      <c r="D1985" s="1" t="s">
        <v>1672</v>
      </c>
      <c r="E1985" s="1" t="s">
        <v>7</v>
      </c>
    </row>
    <row r="1986">
      <c r="A1986" s="1">
        <v>4.90389581E8</v>
      </c>
      <c r="B1986" s="2">
        <v>11899.0</v>
      </c>
      <c r="C1986" s="1" t="s">
        <v>5</v>
      </c>
      <c r="D1986" s="1" t="s">
        <v>1673</v>
      </c>
      <c r="E1986" s="1" t="s">
        <v>7</v>
      </c>
    </row>
    <row r="1987">
      <c r="A1987" s="1">
        <v>4.90389584E8</v>
      </c>
      <c r="B1987" s="3">
        <v>11835.0</v>
      </c>
      <c r="C1987" s="1" t="s">
        <v>5</v>
      </c>
      <c r="D1987" s="1" t="s">
        <v>1674</v>
      </c>
      <c r="E1987" s="1" t="s">
        <v>7</v>
      </c>
    </row>
    <row r="1988">
      <c r="A1988" s="1">
        <v>4.90389597E8</v>
      </c>
      <c r="B1988" s="3">
        <v>11821.0</v>
      </c>
      <c r="C1988" s="1" t="s">
        <v>5</v>
      </c>
      <c r="D1988" s="1" t="s">
        <v>1675</v>
      </c>
      <c r="E1988" s="1" t="s">
        <v>7</v>
      </c>
    </row>
    <row r="1989">
      <c r="A1989" s="1">
        <v>4.90389599E8</v>
      </c>
      <c r="B1989" s="3">
        <v>11811.0</v>
      </c>
      <c r="C1989" s="1" t="s">
        <v>5</v>
      </c>
      <c r="D1989" s="1" t="s">
        <v>298</v>
      </c>
      <c r="E1989" s="1" t="s">
        <v>7</v>
      </c>
    </row>
    <row r="1990">
      <c r="A1990" s="1">
        <v>4.90389602E8</v>
      </c>
      <c r="B1990" s="2">
        <v>11899.0</v>
      </c>
      <c r="C1990" s="1" t="s">
        <v>5</v>
      </c>
      <c r="D1990" s="1" t="s">
        <v>1676</v>
      </c>
      <c r="E1990" s="1" t="s">
        <v>7</v>
      </c>
    </row>
    <row r="1991">
      <c r="A1991" s="1">
        <v>4.90389606E8</v>
      </c>
      <c r="B1991" s="3">
        <v>11815.0</v>
      </c>
      <c r="C1991" s="1" t="s">
        <v>5</v>
      </c>
      <c r="D1991" s="1" t="s">
        <v>11</v>
      </c>
      <c r="E1991" s="1" t="s">
        <v>7</v>
      </c>
    </row>
    <row r="1992">
      <c r="A1992" s="1">
        <v>4.90389607E8</v>
      </c>
      <c r="B1992" s="3">
        <v>11817.0</v>
      </c>
      <c r="C1992" s="1" t="s">
        <v>5</v>
      </c>
      <c r="D1992" s="1" t="s">
        <v>169</v>
      </c>
      <c r="E1992" s="1" t="s">
        <v>7</v>
      </c>
    </row>
    <row r="1993">
      <c r="A1993" s="1">
        <v>4.90389616E8</v>
      </c>
      <c r="B1993" s="3">
        <v>11818.0</v>
      </c>
      <c r="C1993" s="1" t="s">
        <v>5</v>
      </c>
      <c r="D1993" s="1" t="s">
        <v>11</v>
      </c>
      <c r="E1993" s="1" t="s">
        <v>7</v>
      </c>
    </row>
    <row r="1994">
      <c r="A1994" s="1">
        <v>4.90389618E8</v>
      </c>
      <c r="B1994" s="2">
        <v>11898.0</v>
      </c>
      <c r="C1994" s="1" t="s">
        <v>5</v>
      </c>
      <c r="D1994" s="1" t="s">
        <v>1677</v>
      </c>
      <c r="E1994" s="1" t="s">
        <v>1678</v>
      </c>
    </row>
    <row r="1995">
      <c r="A1995" s="1">
        <v>4.90389622E8</v>
      </c>
      <c r="B1995" s="3">
        <v>11835.0</v>
      </c>
      <c r="C1995" s="1" t="s">
        <v>5</v>
      </c>
      <c r="D1995" s="1" t="s">
        <v>1679</v>
      </c>
      <c r="E1995" s="1" t="s">
        <v>11</v>
      </c>
    </row>
    <row r="1996">
      <c r="A1996" s="1">
        <v>4.90389624E8</v>
      </c>
      <c r="B1996" s="2">
        <v>11901.0</v>
      </c>
      <c r="C1996" s="1" t="s">
        <v>5</v>
      </c>
      <c r="D1996" s="1" t="s">
        <v>1680</v>
      </c>
      <c r="E1996" s="1" t="s">
        <v>7</v>
      </c>
    </row>
    <row r="1997">
      <c r="A1997" s="1">
        <v>4.90389625E8</v>
      </c>
      <c r="B1997" s="3">
        <v>11835.0</v>
      </c>
      <c r="C1997" s="1" t="s">
        <v>5</v>
      </c>
      <c r="D1997" s="1" t="s">
        <v>11</v>
      </c>
      <c r="E1997" s="1" t="s">
        <v>7</v>
      </c>
    </row>
    <row r="1998">
      <c r="A1998" s="1">
        <v>4.90389627E8</v>
      </c>
      <c r="B1998" s="2">
        <v>11900.0</v>
      </c>
      <c r="C1998" s="1" t="s">
        <v>5</v>
      </c>
      <c r="D1998" s="1" t="s">
        <v>1681</v>
      </c>
      <c r="E1998" s="1" t="s">
        <v>11</v>
      </c>
    </row>
    <row r="1999">
      <c r="A1999" s="1">
        <v>4.90389628E8</v>
      </c>
      <c r="B1999" s="2">
        <v>11901.0</v>
      </c>
      <c r="C1999" s="1" t="s">
        <v>5</v>
      </c>
      <c r="D1999" s="1" t="s">
        <v>1682</v>
      </c>
      <c r="E1999" s="1" t="s">
        <v>7</v>
      </c>
    </row>
    <row r="2000">
      <c r="A2000" s="1">
        <v>4.90389631E8</v>
      </c>
      <c r="B2000" s="3">
        <v>11813.0</v>
      </c>
      <c r="C2000" s="1" t="s">
        <v>5</v>
      </c>
      <c r="D2000" s="1" t="s">
        <v>11</v>
      </c>
      <c r="E2000" s="1" t="s">
        <v>7</v>
      </c>
    </row>
    <row r="2001">
      <c r="A2001" s="1">
        <v>4.90389636E8</v>
      </c>
      <c r="B2001" s="3">
        <v>11817.0</v>
      </c>
      <c r="C2001" s="1" t="s">
        <v>5</v>
      </c>
      <c r="D2001" s="1" t="s">
        <v>1683</v>
      </c>
      <c r="E2001" s="1" t="s">
        <v>1684</v>
      </c>
    </row>
    <row r="2002">
      <c r="A2002" s="1">
        <v>4.9038964E8</v>
      </c>
      <c r="B2002" s="3">
        <v>11818.0</v>
      </c>
      <c r="C2002" s="1" t="s">
        <v>5</v>
      </c>
      <c r="D2002" s="1" t="s">
        <v>1685</v>
      </c>
      <c r="E2002" s="1" t="s">
        <v>11</v>
      </c>
    </row>
    <row r="2003">
      <c r="A2003" s="1">
        <v>4.90389644E8</v>
      </c>
      <c r="B2003" s="2">
        <v>11901.0</v>
      </c>
      <c r="C2003" s="1" t="s">
        <v>5</v>
      </c>
      <c r="D2003" s="1" t="s">
        <v>1686</v>
      </c>
      <c r="E2003" s="1" t="s">
        <v>7</v>
      </c>
    </row>
    <row r="2004">
      <c r="A2004" s="1">
        <v>4.90389646E8</v>
      </c>
      <c r="B2004" s="2">
        <v>11901.0</v>
      </c>
      <c r="C2004" s="1" t="s">
        <v>5</v>
      </c>
      <c r="D2004" s="1" t="s">
        <v>11</v>
      </c>
      <c r="E2004" s="1" t="s">
        <v>7</v>
      </c>
    </row>
    <row r="2005">
      <c r="A2005" s="1">
        <v>4.90389652E8</v>
      </c>
      <c r="B2005" s="2">
        <v>11901.0</v>
      </c>
      <c r="C2005" s="1" t="s">
        <v>5</v>
      </c>
      <c r="D2005" s="1" t="s">
        <v>11</v>
      </c>
      <c r="E2005" s="1" t="s">
        <v>7</v>
      </c>
    </row>
    <row r="2006">
      <c r="A2006" s="1">
        <v>4.90389658E8</v>
      </c>
      <c r="B2006" s="3">
        <v>11820.0</v>
      </c>
      <c r="C2006" s="1" t="s">
        <v>5</v>
      </c>
      <c r="D2006" s="1" t="s">
        <v>1687</v>
      </c>
      <c r="E2006" s="1" t="s">
        <v>7</v>
      </c>
    </row>
    <row r="2007">
      <c r="A2007" s="1">
        <v>4.90389659E8</v>
      </c>
      <c r="B2007" s="2">
        <v>11901.0</v>
      </c>
      <c r="C2007" s="1" t="s">
        <v>5</v>
      </c>
      <c r="D2007" s="1" t="s">
        <v>11</v>
      </c>
      <c r="E2007" s="1" t="s">
        <v>7</v>
      </c>
    </row>
    <row r="2008">
      <c r="A2008" s="1">
        <v>4.90389661E8</v>
      </c>
      <c r="B2008" s="2">
        <v>11901.0</v>
      </c>
      <c r="C2008" s="1" t="s">
        <v>5</v>
      </c>
      <c r="D2008" s="1" t="s">
        <v>1688</v>
      </c>
      <c r="E2008" s="1" t="s">
        <v>11</v>
      </c>
    </row>
    <row r="2009">
      <c r="A2009" s="1">
        <v>4.90389663E8</v>
      </c>
      <c r="B2009" s="3">
        <v>11814.0</v>
      </c>
      <c r="C2009" s="1" t="s">
        <v>5</v>
      </c>
      <c r="D2009" s="1" t="s">
        <v>1689</v>
      </c>
      <c r="E2009" s="1" t="s">
        <v>1690</v>
      </c>
    </row>
    <row r="2010">
      <c r="A2010" s="1">
        <v>4.90389673E8</v>
      </c>
      <c r="B2010" s="3">
        <v>11817.0</v>
      </c>
      <c r="C2010" s="1" t="s">
        <v>5</v>
      </c>
      <c r="D2010" s="1" t="s">
        <v>1691</v>
      </c>
      <c r="E2010" s="1" t="s">
        <v>7</v>
      </c>
    </row>
    <row r="2011">
      <c r="A2011" s="1">
        <v>4.90389678E8</v>
      </c>
      <c r="B2011" s="2">
        <v>11901.0</v>
      </c>
      <c r="C2011" s="1" t="s">
        <v>5</v>
      </c>
      <c r="D2011" s="1" t="s">
        <v>11</v>
      </c>
      <c r="E2011" s="1" t="s">
        <v>7</v>
      </c>
    </row>
    <row r="2012">
      <c r="A2012" s="1">
        <v>4.90389679E8</v>
      </c>
      <c r="B2012" s="2">
        <v>11842.0</v>
      </c>
      <c r="C2012" s="1" t="s">
        <v>5</v>
      </c>
      <c r="D2012" s="1" t="s">
        <v>1692</v>
      </c>
      <c r="E2012" s="1" t="s">
        <v>7</v>
      </c>
    </row>
    <row r="2013">
      <c r="A2013" s="1">
        <v>4.9038968E8</v>
      </c>
      <c r="B2013" s="3">
        <v>11820.0</v>
      </c>
      <c r="C2013" s="1" t="s">
        <v>5</v>
      </c>
      <c r="D2013" s="1" t="s">
        <v>1693</v>
      </c>
      <c r="E2013" s="1" t="s">
        <v>7</v>
      </c>
    </row>
    <row r="2014">
      <c r="A2014" s="1">
        <v>4.90389682E8</v>
      </c>
      <c r="B2014" s="2">
        <v>11845.0</v>
      </c>
      <c r="C2014" s="1" t="s">
        <v>5</v>
      </c>
      <c r="D2014" s="1" t="s">
        <v>1694</v>
      </c>
      <c r="E2014" s="1" t="s">
        <v>7</v>
      </c>
    </row>
    <row r="2015">
      <c r="A2015" s="1">
        <v>4.90389685E8</v>
      </c>
      <c r="B2015" s="3">
        <v>11817.0</v>
      </c>
      <c r="C2015" s="1" t="s">
        <v>5</v>
      </c>
      <c r="D2015" s="1" t="s">
        <v>1695</v>
      </c>
      <c r="E2015" s="1" t="s">
        <v>11</v>
      </c>
    </row>
    <row r="2016">
      <c r="A2016" s="1">
        <v>4.90389686E8</v>
      </c>
      <c r="B2016" s="3">
        <v>11814.0</v>
      </c>
      <c r="C2016" s="1" t="s">
        <v>5</v>
      </c>
      <c r="D2016" s="1" t="s">
        <v>1696</v>
      </c>
      <c r="E2016" s="1" t="s">
        <v>11</v>
      </c>
    </row>
    <row r="2017">
      <c r="A2017" s="1">
        <v>4.90389691E8</v>
      </c>
      <c r="B2017" s="2">
        <v>11901.0</v>
      </c>
      <c r="C2017" s="1" t="s">
        <v>5</v>
      </c>
      <c r="D2017" s="1" t="s">
        <v>11</v>
      </c>
      <c r="E2017" s="1" t="s">
        <v>7</v>
      </c>
    </row>
    <row r="2018">
      <c r="A2018" s="1">
        <v>4.90389693E8</v>
      </c>
      <c r="B2018" s="3">
        <v>11820.0</v>
      </c>
      <c r="C2018" s="1" t="s">
        <v>5</v>
      </c>
      <c r="D2018" s="1" t="s">
        <v>11</v>
      </c>
      <c r="E2018" s="1" t="s">
        <v>7</v>
      </c>
    </row>
    <row r="2019">
      <c r="A2019" s="1">
        <v>4.90389696E8</v>
      </c>
      <c r="B2019" s="3">
        <v>11817.0</v>
      </c>
      <c r="C2019" s="1" t="s">
        <v>5</v>
      </c>
      <c r="D2019" s="1" t="s">
        <v>1697</v>
      </c>
      <c r="E2019" s="1" t="s">
        <v>11</v>
      </c>
    </row>
    <row r="2020">
      <c r="A2020" s="1">
        <v>4.90389697E8</v>
      </c>
      <c r="B2020" s="3">
        <v>11835.0</v>
      </c>
      <c r="C2020" s="1" t="s">
        <v>5</v>
      </c>
      <c r="D2020" s="1" t="s">
        <v>1698</v>
      </c>
      <c r="E2020" s="1" t="s">
        <v>11</v>
      </c>
    </row>
    <row r="2021">
      <c r="A2021" s="1">
        <v>4.90389699E8</v>
      </c>
      <c r="B2021" s="2">
        <v>11892.0</v>
      </c>
      <c r="C2021" s="1" t="s">
        <v>5</v>
      </c>
      <c r="D2021" s="1" t="s">
        <v>1699</v>
      </c>
      <c r="E2021" s="1" t="s">
        <v>11</v>
      </c>
    </row>
    <row r="2022">
      <c r="A2022" s="1">
        <v>4.90389704E8</v>
      </c>
      <c r="B2022" s="3">
        <v>11828.0</v>
      </c>
      <c r="C2022" s="1" t="s">
        <v>5</v>
      </c>
      <c r="D2022" s="1" t="s">
        <v>11</v>
      </c>
      <c r="E2022" s="1" t="s">
        <v>7</v>
      </c>
    </row>
    <row r="2023">
      <c r="A2023" s="1">
        <v>4.90389708E8</v>
      </c>
      <c r="B2023" s="2">
        <v>11901.0</v>
      </c>
      <c r="C2023" s="1" t="s">
        <v>5</v>
      </c>
      <c r="D2023" s="1" t="s">
        <v>1700</v>
      </c>
      <c r="E2023" s="1" t="s">
        <v>7</v>
      </c>
    </row>
    <row r="2024">
      <c r="A2024" s="1">
        <v>4.90389709E8</v>
      </c>
      <c r="B2024" s="3">
        <v>11819.0</v>
      </c>
      <c r="C2024" s="1" t="s">
        <v>5</v>
      </c>
      <c r="D2024" s="1" t="s">
        <v>1701</v>
      </c>
      <c r="E2024" s="1" t="s">
        <v>7</v>
      </c>
    </row>
    <row r="2025">
      <c r="A2025" s="1">
        <v>4.90389712E8</v>
      </c>
      <c r="B2025" s="2">
        <v>11900.0</v>
      </c>
      <c r="C2025" s="1" t="s">
        <v>5</v>
      </c>
      <c r="D2025" s="1" t="s">
        <v>1702</v>
      </c>
      <c r="E2025" s="1" t="s">
        <v>7</v>
      </c>
    </row>
    <row r="2026">
      <c r="A2026" s="1">
        <v>4.90389718E8</v>
      </c>
      <c r="B2026" s="2">
        <v>11897.0</v>
      </c>
      <c r="C2026" s="1" t="s">
        <v>5</v>
      </c>
      <c r="D2026" s="1" t="s">
        <v>1703</v>
      </c>
      <c r="E2026" s="1" t="s">
        <v>7</v>
      </c>
    </row>
    <row r="2027">
      <c r="A2027" s="1">
        <v>4.90389719E8</v>
      </c>
      <c r="B2027" s="3">
        <v>11814.0</v>
      </c>
      <c r="C2027" s="1" t="s">
        <v>5</v>
      </c>
      <c r="D2027" s="1" t="s">
        <v>1704</v>
      </c>
      <c r="E2027" s="1" t="s">
        <v>11</v>
      </c>
    </row>
    <row r="2028">
      <c r="A2028" s="1">
        <v>4.90389721E8</v>
      </c>
      <c r="B2028" s="2">
        <v>11892.0</v>
      </c>
      <c r="C2028" s="1" t="s">
        <v>5</v>
      </c>
      <c r="D2028" s="1" t="s">
        <v>1705</v>
      </c>
      <c r="E2028" s="1" t="s">
        <v>7</v>
      </c>
    </row>
    <row r="2029">
      <c r="A2029" s="1">
        <v>4.90389722E8</v>
      </c>
      <c r="B2029" s="3">
        <v>11819.0</v>
      </c>
      <c r="C2029" s="1" t="s">
        <v>5</v>
      </c>
      <c r="D2029" s="1" t="s">
        <v>1706</v>
      </c>
      <c r="E2029" s="1" t="s">
        <v>11</v>
      </c>
    </row>
    <row r="2030">
      <c r="A2030" s="1">
        <v>4.90389726E8</v>
      </c>
      <c r="B2030" s="2">
        <v>11901.0</v>
      </c>
      <c r="C2030" s="1" t="s">
        <v>5</v>
      </c>
      <c r="D2030" s="1" t="s">
        <v>11</v>
      </c>
      <c r="E2030" s="1" t="s">
        <v>7</v>
      </c>
    </row>
    <row r="2031">
      <c r="A2031" s="1">
        <v>4.90389729E8</v>
      </c>
      <c r="B2031" s="3">
        <v>11820.0</v>
      </c>
      <c r="C2031" s="1" t="s">
        <v>5</v>
      </c>
      <c r="D2031" s="1" t="s">
        <v>1707</v>
      </c>
      <c r="E2031" s="1" t="s">
        <v>11</v>
      </c>
    </row>
    <row r="2032">
      <c r="A2032" s="1">
        <v>4.90389733E8</v>
      </c>
      <c r="B2032" s="3">
        <v>11818.0</v>
      </c>
      <c r="C2032" s="1" t="s">
        <v>5</v>
      </c>
      <c r="D2032" s="1" t="s">
        <v>1708</v>
      </c>
      <c r="E2032" s="1" t="s">
        <v>7</v>
      </c>
    </row>
    <row r="2033">
      <c r="A2033" s="1">
        <v>4.90389738E8</v>
      </c>
      <c r="B2033" s="2">
        <v>11850.0</v>
      </c>
      <c r="C2033" s="1" t="s">
        <v>5</v>
      </c>
      <c r="D2033" s="1" t="s">
        <v>1709</v>
      </c>
      <c r="E2033" s="1" t="s">
        <v>7</v>
      </c>
    </row>
    <row r="2034">
      <c r="A2034" s="1">
        <v>4.9038974E8</v>
      </c>
      <c r="B2034" s="3">
        <v>11814.0</v>
      </c>
      <c r="C2034" s="1" t="s">
        <v>5</v>
      </c>
      <c r="D2034" s="1" t="s">
        <v>1710</v>
      </c>
      <c r="E2034" s="1" t="s">
        <v>7</v>
      </c>
    </row>
    <row r="2035">
      <c r="A2035" s="1">
        <v>4.90389745E8</v>
      </c>
      <c r="B2035" s="2">
        <v>11892.0</v>
      </c>
      <c r="C2035" s="1" t="s">
        <v>5</v>
      </c>
      <c r="D2035" s="1" t="s">
        <v>11</v>
      </c>
      <c r="E2035" s="1" t="s">
        <v>7</v>
      </c>
    </row>
    <row r="2036">
      <c r="A2036" s="1">
        <v>4.90389746E8</v>
      </c>
      <c r="B2036" s="3">
        <v>11828.0</v>
      </c>
      <c r="C2036" s="1" t="s">
        <v>5</v>
      </c>
      <c r="D2036" s="1" t="s">
        <v>11</v>
      </c>
      <c r="E2036" s="1" t="s">
        <v>7</v>
      </c>
    </row>
    <row r="2037">
      <c r="A2037" s="1">
        <v>4.90389749E8</v>
      </c>
      <c r="B2037" s="3">
        <v>11817.0</v>
      </c>
      <c r="C2037" s="1" t="s">
        <v>5</v>
      </c>
      <c r="D2037" s="1" t="s">
        <v>1711</v>
      </c>
      <c r="E2037" s="1" t="s">
        <v>11</v>
      </c>
    </row>
    <row r="2038">
      <c r="A2038" s="1">
        <v>4.90389753E8</v>
      </c>
      <c r="B2038" s="2">
        <v>11850.0</v>
      </c>
      <c r="C2038" s="1" t="s">
        <v>5</v>
      </c>
      <c r="D2038" s="1" t="s">
        <v>1636</v>
      </c>
      <c r="E2038" s="1" t="s">
        <v>7</v>
      </c>
    </row>
    <row r="2039">
      <c r="A2039" s="1">
        <v>4.90389755E8</v>
      </c>
      <c r="B2039" s="2">
        <v>11850.0</v>
      </c>
      <c r="C2039" s="1" t="s">
        <v>5</v>
      </c>
      <c r="D2039" s="1" t="s">
        <v>1712</v>
      </c>
      <c r="E2039" s="1" t="s">
        <v>7</v>
      </c>
    </row>
    <row r="2040">
      <c r="A2040" s="1">
        <v>4.90389759E8</v>
      </c>
      <c r="B2040" s="3">
        <v>11818.0</v>
      </c>
      <c r="C2040" s="1" t="s">
        <v>5</v>
      </c>
      <c r="D2040" s="1" t="s">
        <v>1713</v>
      </c>
      <c r="E2040" s="1" t="s">
        <v>7</v>
      </c>
    </row>
    <row r="2041">
      <c r="A2041" s="1">
        <v>4.90389762E8</v>
      </c>
      <c r="B2041" s="3">
        <v>11814.0</v>
      </c>
      <c r="C2041" s="1" t="s">
        <v>5</v>
      </c>
      <c r="D2041" s="1" t="s">
        <v>11</v>
      </c>
      <c r="E2041" s="1" t="s">
        <v>7</v>
      </c>
    </row>
    <row r="2042">
      <c r="A2042" s="1">
        <v>4.90389766E8</v>
      </c>
      <c r="B2042" s="3">
        <v>11819.0</v>
      </c>
      <c r="C2042" s="1" t="s">
        <v>5</v>
      </c>
      <c r="D2042" s="1" t="s">
        <v>1714</v>
      </c>
      <c r="E2042" s="1" t="s">
        <v>11</v>
      </c>
    </row>
    <row r="2043">
      <c r="A2043" s="1">
        <v>4.90389769E8</v>
      </c>
      <c r="B2043" s="2">
        <v>11841.0</v>
      </c>
      <c r="C2043" s="1" t="s">
        <v>5</v>
      </c>
      <c r="D2043" s="1" t="s">
        <v>1715</v>
      </c>
      <c r="E2043" s="1" t="s">
        <v>1716</v>
      </c>
    </row>
    <row r="2044">
      <c r="A2044" s="1">
        <v>4.9038977E8</v>
      </c>
      <c r="B2044" s="2">
        <v>11901.0</v>
      </c>
      <c r="C2044" s="1" t="s">
        <v>5</v>
      </c>
      <c r="D2044" s="1" t="s">
        <v>1717</v>
      </c>
      <c r="E2044" s="1" t="s">
        <v>11</v>
      </c>
    </row>
    <row r="2045">
      <c r="A2045" s="1">
        <v>4.90389777E8</v>
      </c>
      <c r="B2045" s="2">
        <v>11901.0</v>
      </c>
      <c r="C2045" s="1" t="s">
        <v>5</v>
      </c>
      <c r="D2045" s="1" t="s">
        <v>7</v>
      </c>
      <c r="E2045" s="1" t="s">
        <v>7</v>
      </c>
    </row>
    <row r="2046">
      <c r="A2046" s="1">
        <v>4.90389782E8</v>
      </c>
      <c r="B2046" s="3">
        <v>11815.0</v>
      </c>
      <c r="C2046" s="1" t="s">
        <v>5</v>
      </c>
      <c r="D2046" s="1" t="s">
        <v>1718</v>
      </c>
      <c r="E2046" s="1" t="s">
        <v>1719</v>
      </c>
    </row>
    <row r="2047">
      <c r="A2047" s="1">
        <v>4.90389783E8</v>
      </c>
      <c r="B2047" s="3">
        <v>11817.0</v>
      </c>
      <c r="C2047" s="1" t="s">
        <v>5</v>
      </c>
      <c r="D2047" s="1" t="s">
        <v>1720</v>
      </c>
      <c r="E2047" s="1" t="s">
        <v>7</v>
      </c>
    </row>
    <row r="2048">
      <c r="A2048" s="1">
        <v>4.90389786E8</v>
      </c>
      <c r="B2048" s="2">
        <v>11901.0</v>
      </c>
      <c r="C2048" s="1" t="s">
        <v>5</v>
      </c>
      <c r="D2048" s="1" t="s">
        <v>1721</v>
      </c>
      <c r="E2048" s="1" t="s">
        <v>11</v>
      </c>
    </row>
    <row r="2049">
      <c r="A2049" s="1">
        <v>4.90389793E8</v>
      </c>
      <c r="B2049" s="3">
        <v>11820.0</v>
      </c>
      <c r="C2049" s="1" t="s">
        <v>5</v>
      </c>
      <c r="D2049" s="1" t="s">
        <v>1722</v>
      </c>
      <c r="E2049" s="1" t="s">
        <v>7</v>
      </c>
    </row>
    <row r="2050">
      <c r="A2050" s="1">
        <v>4.90389794E8</v>
      </c>
      <c r="B2050" s="2">
        <v>11892.0</v>
      </c>
      <c r="C2050" s="1" t="s">
        <v>5</v>
      </c>
      <c r="D2050" s="1" t="s">
        <v>11</v>
      </c>
      <c r="E2050" s="1" t="s">
        <v>7</v>
      </c>
    </row>
    <row r="2051">
      <c r="A2051" s="1">
        <v>4.90389798E8</v>
      </c>
      <c r="B2051" s="2">
        <v>11901.0</v>
      </c>
      <c r="C2051" s="1" t="s">
        <v>5</v>
      </c>
      <c r="D2051" s="1" t="s">
        <v>1723</v>
      </c>
      <c r="E2051" s="1" t="s">
        <v>7</v>
      </c>
    </row>
    <row r="2052">
      <c r="A2052" s="1">
        <v>4.90389808E8</v>
      </c>
      <c r="B2052" s="2">
        <v>11897.0</v>
      </c>
      <c r="C2052" s="1" t="s">
        <v>5</v>
      </c>
      <c r="D2052" s="1" t="s">
        <v>1724</v>
      </c>
      <c r="E2052" s="1" t="s">
        <v>11</v>
      </c>
    </row>
    <row r="2053">
      <c r="A2053" s="1">
        <v>4.9038981E8</v>
      </c>
      <c r="B2053" s="3">
        <v>11820.0</v>
      </c>
      <c r="C2053" s="1" t="s">
        <v>5</v>
      </c>
      <c r="D2053" s="1" t="s">
        <v>11</v>
      </c>
      <c r="E2053" s="1" t="s">
        <v>7</v>
      </c>
    </row>
    <row r="2054">
      <c r="A2054" s="1">
        <v>4.90389811E8</v>
      </c>
      <c r="B2054" s="2">
        <v>11841.0</v>
      </c>
      <c r="C2054" s="1" t="s">
        <v>5</v>
      </c>
      <c r="D2054" s="1" t="s">
        <v>11</v>
      </c>
      <c r="E2054" s="1" t="s">
        <v>7</v>
      </c>
    </row>
    <row r="2055">
      <c r="A2055" s="1">
        <v>4.90389812E8</v>
      </c>
      <c r="B2055" s="3">
        <v>11814.0</v>
      </c>
      <c r="C2055" s="1" t="s">
        <v>5</v>
      </c>
      <c r="D2055" s="1" t="s">
        <v>1725</v>
      </c>
      <c r="E2055" s="1" t="s">
        <v>7</v>
      </c>
    </row>
    <row r="2056">
      <c r="A2056" s="1">
        <v>4.90389815E8</v>
      </c>
      <c r="B2056" s="3">
        <v>11815.0</v>
      </c>
      <c r="C2056" s="1" t="s">
        <v>5</v>
      </c>
      <c r="D2056" s="1" t="s">
        <v>1726</v>
      </c>
      <c r="E2056" s="1" t="s">
        <v>7</v>
      </c>
    </row>
    <row r="2057">
      <c r="A2057" s="1">
        <v>4.90389819E8</v>
      </c>
      <c r="B2057" s="2">
        <v>11898.0</v>
      </c>
      <c r="C2057" s="1" t="s">
        <v>5</v>
      </c>
      <c r="D2057" s="1" t="s">
        <v>1727</v>
      </c>
      <c r="E2057" s="1" t="s">
        <v>1728</v>
      </c>
    </row>
    <row r="2058">
      <c r="A2058" s="1">
        <v>4.90389821E8</v>
      </c>
      <c r="B2058" s="2">
        <v>11892.0</v>
      </c>
      <c r="C2058" s="1" t="s">
        <v>5</v>
      </c>
      <c r="D2058" s="1" t="s">
        <v>1729</v>
      </c>
      <c r="E2058" s="1" t="s">
        <v>11</v>
      </c>
    </row>
    <row r="2059">
      <c r="A2059" s="1">
        <v>4.9038983E8</v>
      </c>
      <c r="B2059" s="3">
        <v>11814.0</v>
      </c>
      <c r="C2059" s="1" t="s">
        <v>5</v>
      </c>
      <c r="D2059" s="1" t="s">
        <v>1730</v>
      </c>
      <c r="E2059" s="1" t="s">
        <v>7</v>
      </c>
    </row>
    <row r="2060">
      <c r="A2060" s="1">
        <v>4.90389832E8</v>
      </c>
      <c r="B2060" s="3">
        <v>11815.0</v>
      </c>
      <c r="C2060" s="1" t="s">
        <v>5</v>
      </c>
      <c r="D2060" s="1" t="s">
        <v>1731</v>
      </c>
      <c r="E2060" s="1" t="s">
        <v>11</v>
      </c>
    </row>
    <row r="2061">
      <c r="A2061" s="1">
        <v>4.90389843E8</v>
      </c>
      <c r="B2061" s="2">
        <v>11857.0</v>
      </c>
      <c r="C2061" s="1" t="s">
        <v>5</v>
      </c>
      <c r="D2061" s="1" t="s">
        <v>1732</v>
      </c>
      <c r="E2061" s="1" t="s">
        <v>7</v>
      </c>
    </row>
    <row r="2062">
      <c r="A2062" s="1">
        <v>4.90389845E8</v>
      </c>
      <c r="B2062" s="3">
        <v>11819.0</v>
      </c>
      <c r="C2062" s="1" t="s">
        <v>5</v>
      </c>
      <c r="D2062" s="1" t="s">
        <v>1733</v>
      </c>
      <c r="E2062" s="1" t="s">
        <v>7</v>
      </c>
    </row>
    <row r="2063">
      <c r="A2063" s="1">
        <v>4.90389847E8</v>
      </c>
      <c r="B2063" s="2">
        <v>11892.0</v>
      </c>
      <c r="C2063" s="1" t="s">
        <v>5</v>
      </c>
      <c r="D2063" s="1" t="s">
        <v>1734</v>
      </c>
      <c r="E2063" s="1" t="s">
        <v>1735</v>
      </c>
    </row>
    <row r="2064">
      <c r="A2064" s="1">
        <v>4.90389848E8</v>
      </c>
      <c r="B2064" s="2">
        <v>11899.0</v>
      </c>
      <c r="C2064" s="1" t="s">
        <v>5</v>
      </c>
      <c r="D2064" s="1" t="s">
        <v>1736</v>
      </c>
      <c r="E2064" s="1" t="s">
        <v>7</v>
      </c>
    </row>
    <row r="2065">
      <c r="A2065" s="1">
        <v>4.90389849E8</v>
      </c>
      <c r="B2065" s="3">
        <v>11817.0</v>
      </c>
      <c r="C2065" s="1" t="s">
        <v>5</v>
      </c>
      <c r="D2065" s="1" t="s">
        <v>1737</v>
      </c>
      <c r="E2065" s="1" t="s">
        <v>11</v>
      </c>
    </row>
    <row r="2066">
      <c r="A2066" s="1">
        <v>4.9038985E8</v>
      </c>
      <c r="B2066" s="3">
        <v>11814.0</v>
      </c>
      <c r="C2066" s="1" t="s">
        <v>5</v>
      </c>
      <c r="D2066" s="1" t="s">
        <v>1738</v>
      </c>
      <c r="E2066" s="1" t="s">
        <v>7</v>
      </c>
    </row>
    <row r="2067">
      <c r="A2067" s="1">
        <v>4.90389851E8</v>
      </c>
      <c r="B2067" s="3">
        <v>11819.0</v>
      </c>
      <c r="C2067" s="1" t="s">
        <v>5</v>
      </c>
      <c r="D2067" s="1" t="s">
        <v>1739</v>
      </c>
      <c r="E2067" s="1" t="s">
        <v>7</v>
      </c>
    </row>
    <row r="2068">
      <c r="A2068" s="1">
        <v>4.90389852E8</v>
      </c>
      <c r="B2068" s="2">
        <v>11850.0</v>
      </c>
      <c r="C2068" s="1" t="s">
        <v>5</v>
      </c>
      <c r="D2068" s="1" t="s">
        <v>11</v>
      </c>
      <c r="E2068" s="1" t="s">
        <v>7</v>
      </c>
    </row>
    <row r="2069">
      <c r="A2069" s="1">
        <v>4.90389853E8</v>
      </c>
      <c r="B2069" s="2">
        <v>11892.0</v>
      </c>
      <c r="C2069" s="1" t="s">
        <v>5</v>
      </c>
      <c r="D2069" s="1" t="s">
        <v>1740</v>
      </c>
      <c r="E2069" s="1" t="s">
        <v>7</v>
      </c>
    </row>
    <row r="2070">
      <c r="A2070" s="1">
        <v>4.9038986E8</v>
      </c>
      <c r="B2070" s="2">
        <v>11841.0</v>
      </c>
      <c r="C2070" s="1" t="s">
        <v>5</v>
      </c>
      <c r="D2070" s="1" t="s">
        <v>1741</v>
      </c>
      <c r="E2070" s="1" t="s">
        <v>7</v>
      </c>
    </row>
    <row r="2071">
      <c r="A2071" s="1">
        <v>4.90389863E8</v>
      </c>
      <c r="B2071" s="2">
        <v>11900.0</v>
      </c>
      <c r="C2071" s="1" t="s">
        <v>5</v>
      </c>
      <c r="D2071" s="1" t="s">
        <v>1742</v>
      </c>
      <c r="E2071" s="1" t="s">
        <v>1743</v>
      </c>
    </row>
    <row r="2072">
      <c r="A2072" s="1">
        <v>4.90389866E8</v>
      </c>
      <c r="B2072" s="3">
        <v>11814.0</v>
      </c>
      <c r="C2072" s="1" t="s">
        <v>5</v>
      </c>
      <c r="D2072" s="1" t="s">
        <v>11</v>
      </c>
      <c r="E2072" s="1" t="s">
        <v>7</v>
      </c>
    </row>
    <row r="2073">
      <c r="A2073" s="1">
        <v>4.90389869E8</v>
      </c>
      <c r="B2073" s="3">
        <v>11819.0</v>
      </c>
      <c r="C2073" s="1" t="s">
        <v>5</v>
      </c>
      <c r="D2073" s="1" t="s">
        <v>1744</v>
      </c>
      <c r="E2073" s="1" t="s">
        <v>11</v>
      </c>
    </row>
    <row r="2074">
      <c r="A2074" s="1">
        <v>4.90389873E8</v>
      </c>
      <c r="B2074" s="2">
        <v>11896.0</v>
      </c>
      <c r="C2074" s="1" t="s">
        <v>5</v>
      </c>
      <c r="D2074" s="1" t="s">
        <v>1745</v>
      </c>
      <c r="E2074" s="1" t="s">
        <v>7</v>
      </c>
    </row>
    <row r="2075">
      <c r="A2075" s="1">
        <v>4.90389875E8</v>
      </c>
      <c r="B2075" s="2">
        <v>11892.0</v>
      </c>
      <c r="C2075" s="1" t="s">
        <v>5</v>
      </c>
      <c r="D2075" s="1" t="s">
        <v>1746</v>
      </c>
      <c r="E2075" s="1" t="s">
        <v>11</v>
      </c>
    </row>
    <row r="2076">
      <c r="A2076" s="1">
        <v>4.90389878E8</v>
      </c>
      <c r="B2076" s="3">
        <v>11817.0</v>
      </c>
      <c r="C2076" s="1" t="s">
        <v>5</v>
      </c>
      <c r="D2076" s="1" t="s">
        <v>11</v>
      </c>
      <c r="E2076" s="1" t="s">
        <v>7</v>
      </c>
    </row>
    <row r="2077">
      <c r="A2077" s="1">
        <v>4.9038988E8</v>
      </c>
      <c r="B2077" s="3">
        <v>11814.0</v>
      </c>
      <c r="C2077" s="1" t="s">
        <v>5</v>
      </c>
      <c r="D2077" s="1" t="s">
        <v>1747</v>
      </c>
      <c r="E2077" s="1" t="s">
        <v>11</v>
      </c>
    </row>
    <row r="2078">
      <c r="A2078" s="1">
        <v>4.90389882E8</v>
      </c>
      <c r="B2078" s="3">
        <v>11815.0</v>
      </c>
      <c r="C2078" s="1" t="s">
        <v>5</v>
      </c>
      <c r="D2078" s="1" t="s">
        <v>1748</v>
      </c>
      <c r="E2078" s="1" t="s">
        <v>11</v>
      </c>
    </row>
    <row r="2079">
      <c r="A2079" s="1">
        <v>4.90389884E8</v>
      </c>
      <c r="B2079" s="2">
        <v>11896.0</v>
      </c>
      <c r="C2079" s="1" t="s">
        <v>5</v>
      </c>
      <c r="D2079" s="1" t="s">
        <v>1749</v>
      </c>
      <c r="E2079" s="1" t="s">
        <v>7</v>
      </c>
    </row>
    <row r="2080">
      <c r="A2080" s="1">
        <v>4.90389887E8</v>
      </c>
      <c r="B2080" s="2">
        <v>11899.0</v>
      </c>
      <c r="C2080" s="1" t="s">
        <v>5</v>
      </c>
      <c r="D2080" s="1" t="s">
        <v>1750</v>
      </c>
      <c r="E2080" s="1" t="s">
        <v>11</v>
      </c>
    </row>
    <row r="2081">
      <c r="A2081" s="1">
        <v>4.90389889E8</v>
      </c>
      <c r="B2081" s="2">
        <v>11841.0</v>
      </c>
      <c r="C2081" s="1" t="s">
        <v>5</v>
      </c>
      <c r="D2081" s="1" t="s">
        <v>1751</v>
      </c>
      <c r="E2081" s="1" t="s">
        <v>7</v>
      </c>
    </row>
    <row r="2082">
      <c r="A2082" s="1">
        <v>4.90389896E8</v>
      </c>
      <c r="B2082" s="2">
        <v>11891.0</v>
      </c>
      <c r="C2082" s="1" t="s">
        <v>5</v>
      </c>
      <c r="D2082" s="1" t="s">
        <v>1752</v>
      </c>
      <c r="E2082" s="1" t="s">
        <v>1753</v>
      </c>
    </row>
    <row r="2083">
      <c r="A2083" s="1">
        <v>4.90389898E8</v>
      </c>
      <c r="B2083" s="3">
        <v>11819.0</v>
      </c>
      <c r="C2083" s="1" t="s">
        <v>5</v>
      </c>
      <c r="D2083" s="1" t="s">
        <v>1754</v>
      </c>
      <c r="E2083" s="1" t="s">
        <v>11</v>
      </c>
    </row>
    <row r="2084">
      <c r="A2084" s="1">
        <v>4.90389906E8</v>
      </c>
      <c r="B2084" s="3">
        <v>11819.0</v>
      </c>
      <c r="C2084" s="1" t="s">
        <v>5</v>
      </c>
      <c r="D2084" s="1" t="s">
        <v>11</v>
      </c>
      <c r="E2084" s="1" t="s">
        <v>7</v>
      </c>
    </row>
    <row r="2085">
      <c r="A2085" s="1">
        <v>4.90389907E8</v>
      </c>
      <c r="B2085" s="3">
        <v>11827.0</v>
      </c>
      <c r="C2085" s="1" t="s">
        <v>5</v>
      </c>
      <c r="D2085" s="1" t="s">
        <v>1755</v>
      </c>
      <c r="E2085" s="1" t="s">
        <v>7</v>
      </c>
    </row>
    <row r="2086">
      <c r="A2086" s="1">
        <v>4.90389908E8</v>
      </c>
      <c r="B2086" s="3">
        <v>11834.0</v>
      </c>
      <c r="C2086" s="1" t="s">
        <v>5</v>
      </c>
      <c r="D2086" s="1" t="s">
        <v>11</v>
      </c>
      <c r="E2086" s="1" t="s">
        <v>7</v>
      </c>
    </row>
    <row r="2087">
      <c r="A2087" s="1">
        <v>4.90389909E8</v>
      </c>
      <c r="B2087" s="2">
        <v>11899.0</v>
      </c>
      <c r="C2087" s="1" t="s">
        <v>5</v>
      </c>
      <c r="D2087" s="1" t="s">
        <v>11</v>
      </c>
      <c r="E2087" s="1" t="s">
        <v>7</v>
      </c>
    </row>
    <row r="2088">
      <c r="A2088" s="1">
        <v>4.9038991E8</v>
      </c>
      <c r="B2088" s="3">
        <v>11815.0</v>
      </c>
      <c r="C2088" s="1" t="s">
        <v>5</v>
      </c>
      <c r="D2088" s="1" t="s">
        <v>1756</v>
      </c>
      <c r="E2088" s="1" t="s">
        <v>7</v>
      </c>
    </row>
    <row r="2089">
      <c r="A2089" s="1">
        <v>4.90389912E8</v>
      </c>
      <c r="B2089" s="2">
        <v>11841.0</v>
      </c>
      <c r="C2089" s="1" t="s">
        <v>5</v>
      </c>
      <c r="D2089" s="1" t="s">
        <v>1757</v>
      </c>
      <c r="E2089" s="1" t="s">
        <v>7</v>
      </c>
    </row>
    <row r="2090">
      <c r="A2090" s="1">
        <v>4.90389916E8</v>
      </c>
      <c r="B2090" s="3">
        <v>11817.0</v>
      </c>
      <c r="C2090" s="1" t="s">
        <v>5</v>
      </c>
      <c r="D2090" s="1" t="s">
        <v>1758</v>
      </c>
      <c r="E2090" s="1" t="s">
        <v>11</v>
      </c>
    </row>
    <row r="2091">
      <c r="A2091" s="1">
        <v>4.90389919E8</v>
      </c>
      <c r="B2091" s="2">
        <v>11896.0</v>
      </c>
      <c r="C2091" s="1" t="s">
        <v>5</v>
      </c>
      <c r="D2091" s="1" t="s">
        <v>11</v>
      </c>
      <c r="E2091" s="1" t="s">
        <v>7</v>
      </c>
    </row>
    <row r="2092">
      <c r="A2092" s="1">
        <v>4.9038992E8</v>
      </c>
      <c r="B2092" s="3">
        <v>11818.0</v>
      </c>
      <c r="C2092" s="1" t="s">
        <v>5</v>
      </c>
      <c r="D2092" s="1" t="s">
        <v>1759</v>
      </c>
      <c r="E2092" s="1" t="s">
        <v>7</v>
      </c>
    </row>
    <row r="2093">
      <c r="A2093" s="1">
        <v>4.90389925E8</v>
      </c>
      <c r="B2093" s="2">
        <v>11899.0</v>
      </c>
      <c r="C2093" s="1" t="s">
        <v>5</v>
      </c>
      <c r="D2093" s="1" t="s">
        <v>1760</v>
      </c>
      <c r="E2093" s="1" t="s">
        <v>7</v>
      </c>
    </row>
    <row r="2094">
      <c r="A2094" s="1">
        <v>4.90389929E8</v>
      </c>
      <c r="B2094" s="2">
        <v>11841.0</v>
      </c>
      <c r="C2094" s="1" t="s">
        <v>5</v>
      </c>
      <c r="D2094" s="1" t="s">
        <v>1761</v>
      </c>
      <c r="E2094" s="1" t="s">
        <v>11</v>
      </c>
    </row>
    <row r="2095">
      <c r="A2095" s="1">
        <v>4.9038993E8</v>
      </c>
      <c r="B2095" s="2">
        <v>11900.0</v>
      </c>
      <c r="C2095" s="1" t="s">
        <v>5</v>
      </c>
      <c r="D2095" s="1" t="s">
        <v>1762</v>
      </c>
      <c r="E2095" s="1" t="s">
        <v>11</v>
      </c>
    </row>
    <row r="2096">
      <c r="A2096" s="1">
        <v>4.90389932E8</v>
      </c>
      <c r="B2096" s="2">
        <v>11891.0</v>
      </c>
      <c r="C2096" s="1" t="s">
        <v>5</v>
      </c>
      <c r="D2096" s="1" t="s">
        <v>1763</v>
      </c>
      <c r="E2096" s="1" t="s">
        <v>7</v>
      </c>
    </row>
    <row r="2097">
      <c r="A2097" s="1">
        <v>4.90389933E8</v>
      </c>
      <c r="B2097" s="2">
        <v>11900.0</v>
      </c>
      <c r="C2097" s="1" t="s">
        <v>5</v>
      </c>
      <c r="D2097" s="1" t="s">
        <v>1764</v>
      </c>
      <c r="E2097" s="1" t="s">
        <v>7</v>
      </c>
    </row>
    <row r="2098">
      <c r="A2098" s="1">
        <v>4.90389934E8</v>
      </c>
      <c r="B2098" s="3">
        <v>11834.0</v>
      </c>
      <c r="C2098" s="1" t="s">
        <v>5</v>
      </c>
      <c r="D2098" s="1" t="s">
        <v>1765</v>
      </c>
      <c r="E2098" s="1" t="s">
        <v>7</v>
      </c>
    </row>
    <row r="2099">
      <c r="A2099" s="1">
        <v>4.90389937E8</v>
      </c>
      <c r="B2099" s="3">
        <v>11818.0</v>
      </c>
      <c r="C2099" s="1" t="s">
        <v>5</v>
      </c>
      <c r="D2099" s="1" t="s">
        <v>1766</v>
      </c>
      <c r="E2099" s="1" t="s">
        <v>11</v>
      </c>
    </row>
    <row r="2100">
      <c r="A2100" s="1">
        <v>4.90389941E8</v>
      </c>
      <c r="B2100" s="3">
        <v>11819.0</v>
      </c>
      <c r="C2100" s="1" t="s">
        <v>5</v>
      </c>
      <c r="D2100" s="1" t="s">
        <v>1767</v>
      </c>
      <c r="E2100" s="1" t="s">
        <v>11</v>
      </c>
    </row>
    <row r="2101">
      <c r="A2101" s="1">
        <v>4.90389942E8</v>
      </c>
      <c r="B2101" s="3">
        <v>11817.0</v>
      </c>
      <c r="C2101" s="1" t="s">
        <v>5</v>
      </c>
      <c r="D2101" s="1" t="s">
        <v>1768</v>
      </c>
      <c r="E2101" s="1" t="s">
        <v>7</v>
      </c>
    </row>
    <row r="2102">
      <c r="A2102" s="1">
        <v>4.90389946E8</v>
      </c>
      <c r="B2102" s="2">
        <v>11899.0</v>
      </c>
      <c r="C2102" s="1" t="s">
        <v>5</v>
      </c>
      <c r="D2102" s="1" t="s">
        <v>1769</v>
      </c>
      <c r="E2102" s="1" t="s">
        <v>7</v>
      </c>
    </row>
    <row r="2103">
      <c r="A2103" s="1">
        <v>4.90389947E8</v>
      </c>
      <c r="B2103" s="3">
        <v>11819.0</v>
      </c>
      <c r="C2103" s="1" t="s">
        <v>5</v>
      </c>
      <c r="D2103" s="1" t="s">
        <v>1770</v>
      </c>
      <c r="E2103" s="1" t="s">
        <v>1771</v>
      </c>
    </row>
    <row r="2104">
      <c r="A2104" s="1">
        <v>4.9038995E8</v>
      </c>
      <c r="B2104" s="3">
        <v>11834.0</v>
      </c>
      <c r="C2104" s="1" t="s">
        <v>5</v>
      </c>
      <c r="D2104" s="1" t="s">
        <v>1772</v>
      </c>
      <c r="E2104" s="1" t="s">
        <v>11</v>
      </c>
    </row>
    <row r="2105">
      <c r="A2105" s="1">
        <v>4.90389951E8</v>
      </c>
      <c r="B2105" s="2">
        <v>11896.0</v>
      </c>
      <c r="C2105" s="1" t="s">
        <v>5</v>
      </c>
      <c r="D2105" s="1" t="s">
        <v>1773</v>
      </c>
      <c r="E2105" s="1" t="s">
        <v>11</v>
      </c>
    </row>
    <row r="2106">
      <c r="A2106" s="1">
        <v>4.90389952E8</v>
      </c>
      <c r="B2106" s="2">
        <v>11899.0</v>
      </c>
      <c r="C2106" s="1" t="s">
        <v>5</v>
      </c>
      <c r="D2106" s="1" t="s">
        <v>1774</v>
      </c>
      <c r="E2106" s="1" t="s">
        <v>7</v>
      </c>
    </row>
    <row r="2107">
      <c r="A2107" s="1">
        <v>4.90389953E8</v>
      </c>
      <c r="B2107" s="3">
        <v>11817.0</v>
      </c>
      <c r="C2107" s="1" t="s">
        <v>5</v>
      </c>
      <c r="D2107" s="1" t="s">
        <v>1775</v>
      </c>
      <c r="E2107" s="1" t="s">
        <v>7</v>
      </c>
    </row>
    <row r="2108">
      <c r="A2108" s="1">
        <v>4.90389954E8</v>
      </c>
      <c r="B2108" s="2">
        <v>11857.0</v>
      </c>
      <c r="C2108" s="1" t="s">
        <v>5</v>
      </c>
      <c r="D2108" s="1" t="s">
        <v>1776</v>
      </c>
      <c r="E2108" s="1" t="s">
        <v>1777</v>
      </c>
    </row>
    <row r="2109">
      <c r="A2109" s="1">
        <v>4.90389956E8</v>
      </c>
      <c r="B2109" s="2">
        <v>11891.0</v>
      </c>
      <c r="C2109" s="1" t="s">
        <v>5</v>
      </c>
      <c r="D2109" s="1" t="s">
        <v>1778</v>
      </c>
      <c r="E2109" s="1" t="s">
        <v>7</v>
      </c>
    </row>
    <row r="2110">
      <c r="A2110" s="1">
        <v>4.9038996E8</v>
      </c>
      <c r="B2110" s="2">
        <v>11898.0</v>
      </c>
      <c r="C2110" s="1" t="s">
        <v>5</v>
      </c>
      <c r="D2110" s="1" t="s">
        <v>1779</v>
      </c>
      <c r="E2110" s="1" t="s">
        <v>11</v>
      </c>
    </row>
    <row r="2111">
      <c r="A2111" s="1">
        <v>4.90389962E8</v>
      </c>
      <c r="B2111" s="3">
        <v>11815.0</v>
      </c>
      <c r="C2111" s="1" t="s">
        <v>5</v>
      </c>
      <c r="D2111" s="1" t="s">
        <v>1780</v>
      </c>
      <c r="E2111" s="1" t="s">
        <v>7</v>
      </c>
    </row>
    <row r="2112">
      <c r="A2112" s="1">
        <v>4.90389963E8</v>
      </c>
      <c r="B2112" s="3">
        <v>11817.0</v>
      </c>
      <c r="C2112" s="1" t="s">
        <v>5</v>
      </c>
      <c r="D2112" s="1" t="s">
        <v>1781</v>
      </c>
      <c r="E2112" s="1" t="s">
        <v>7</v>
      </c>
    </row>
    <row r="2113">
      <c r="A2113" s="1">
        <v>4.90389964E8</v>
      </c>
      <c r="B2113" s="2">
        <v>11900.0</v>
      </c>
      <c r="C2113" s="1" t="s">
        <v>5</v>
      </c>
      <c r="D2113" s="1" t="s">
        <v>11</v>
      </c>
      <c r="E2113" s="1" t="s">
        <v>7</v>
      </c>
    </row>
    <row r="2114">
      <c r="A2114" s="1">
        <v>4.90389965E8</v>
      </c>
      <c r="B2114" s="2">
        <v>11900.0</v>
      </c>
      <c r="C2114" s="1" t="s">
        <v>5</v>
      </c>
      <c r="D2114" s="1" t="s">
        <v>1782</v>
      </c>
      <c r="E2114" s="1" t="s">
        <v>11</v>
      </c>
    </row>
    <row r="2115">
      <c r="A2115" s="1">
        <v>4.90389966E8</v>
      </c>
      <c r="B2115" s="2">
        <v>11898.0</v>
      </c>
      <c r="C2115" s="1" t="s">
        <v>5</v>
      </c>
      <c r="D2115" s="1" t="s">
        <v>1783</v>
      </c>
      <c r="E2115" s="1" t="s">
        <v>7</v>
      </c>
    </row>
    <row r="2116">
      <c r="A2116" s="1">
        <v>4.90389967E8</v>
      </c>
      <c r="B2116" s="2">
        <v>11891.0</v>
      </c>
      <c r="C2116" s="1" t="s">
        <v>5</v>
      </c>
      <c r="D2116" s="1" t="s">
        <v>11</v>
      </c>
      <c r="E2116" s="1" t="s">
        <v>7</v>
      </c>
    </row>
    <row r="2117">
      <c r="A2117" s="1">
        <v>4.9038997E8</v>
      </c>
      <c r="B2117" s="2">
        <v>11894.0</v>
      </c>
      <c r="C2117" s="1" t="s">
        <v>5</v>
      </c>
      <c r="D2117" s="1" t="s">
        <v>1784</v>
      </c>
      <c r="E2117" s="1" t="s">
        <v>7</v>
      </c>
    </row>
    <row r="2118">
      <c r="A2118" s="1">
        <v>4.90389973E8</v>
      </c>
      <c r="B2118" s="3">
        <v>11814.0</v>
      </c>
      <c r="C2118" s="1" t="s">
        <v>5</v>
      </c>
      <c r="D2118" s="1" t="s">
        <v>11</v>
      </c>
      <c r="E2118" s="1" t="s">
        <v>7</v>
      </c>
    </row>
    <row r="2119">
      <c r="A2119" s="1">
        <v>4.90389974E8</v>
      </c>
      <c r="B2119" s="2">
        <v>11857.0</v>
      </c>
      <c r="C2119" s="1" t="s">
        <v>5</v>
      </c>
      <c r="D2119" s="1" t="s">
        <v>11</v>
      </c>
      <c r="E2119" s="1" t="s">
        <v>7</v>
      </c>
    </row>
    <row r="2120">
      <c r="A2120" s="1">
        <v>4.90389979E8</v>
      </c>
      <c r="B2120" s="2">
        <v>11891.0</v>
      </c>
      <c r="C2120" s="1" t="s">
        <v>5</v>
      </c>
      <c r="D2120" s="1" t="s">
        <v>1785</v>
      </c>
      <c r="E2120" s="1" t="s">
        <v>11</v>
      </c>
    </row>
    <row r="2121">
      <c r="A2121" s="1">
        <v>4.90389981E8</v>
      </c>
      <c r="B2121" s="3">
        <v>11819.0</v>
      </c>
      <c r="C2121" s="1" t="s">
        <v>5</v>
      </c>
      <c r="D2121" s="1" t="s">
        <v>11</v>
      </c>
      <c r="E2121" s="1" t="s">
        <v>7</v>
      </c>
    </row>
    <row r="2122">
      <c r="A2122" s="1">
        <v>4.90389984E8</v>
      </c>
      <c r="B2122" s="3">
        <v>11818.0</v>
      </c>
      <c r="C2122" s="1" t="s">
        <v>5</v>
      </c>
      <c r="D2122" s="1" t="s">
        <v>1786</v>
      </c>
      <c r="E2122" s="1" t="s">
        <v>7</v>
      </c>
    </row>
    <row r="2123">
      <c r="A2123" s="1">
        <v>4.90389987E8</v>
      </c>
      <c r="B2123" s="2">
        <v>11898.0</v>
      </c>
      <c r="C2123" s="1" t="s">
        <v>5</v>
      </c>
      <c r="D2123" s="1" t="s">
        <v>1787</v>
      </c>
      <c r="E2123" s="1" t="s">
        <v>7</v>
      </c>
    </row>
    <row r="2124">
      <c r="A2124" s="1">
        <v>4.90389993E8</v>
      </c>
      <c r="B2124" s="2">
        <v>11900.0</v>
      </c>
      <c r="C2124" s="1" t="s">
        <v>5</v>
      </c>
      <c r="D2124" s="1" t="s">
        <v>1788</v>
      </c>
      <c r="E2124" s="1" t="s">
        <v>11</v>
      </c>
    </row>
    <row r="2125">
      <c r="A2125" s="1">
        <v>4.90389996E8</v>
      </c>
      <c r="B2125" s="3">
        <v>11826.0</v>
      </c>
      <c r="C2125" s="1" t="s">
        <v>5</v>
      </c>
      <c r="D2125" s="1" t="s">
        <v>11</v>
      </c>
      <c r="E2125" s="1" t="s">
        <v>7</v>
      </c>
    </row>
    <row r="2126">
      <c r="A2126" s="1">
        <v>4.90389998E8</v>
      </c>
      <c r="B2126" s="2">
        <v>11894.0</v>
      </c>
      <c r="C2126" s="1" t="s">
        <v>5</v>
      </c>
      <c r="D2126" s="1" t="s">
        <v>1789</v>
      </c>
      <c r="E2126" s="1" t="s">
        <v>7</v>
      </c>
    </row>
    <row r="2127">
      <c r="A2127" s="1">
        <v>4.90390002E8</v>
      </c>
      <c r="B2127" s="2">
        <v>11891.0</v>
      </c>
      <c r="C2127" s="1" t="s">
        <v>5</v>
      </c>
      <c r="D2127" s="1" t="s">
        <v>1790</v>
      </c>
      <c r="E2127" s="1" t="s">
        <v>1791</v>
      </c>
    </row>
    <row r="2128">
      <c r="A2128" s="1">
        <v>4.90390003E8</v>
      </c>
      <c r="B2128" s="2">
        <v>11898.0</v>
      </c>
      <c r="C2128" s="1" t="s">
        <v>5</v>
      </c>
      <c r="D2128" s="1" t="s">
        <v>1792</v>
      </c>
      <c r="E2128" s="1" t="s">
        <v>11</v>
      </c>
    </row>
    <row r="2129">
      <c r="A2129" s="1">
        <v>4.90390006E8</v>
      </c>
      <c r="B2129" s="3">
        <v>11819.0</v>
      </c>
      <c r="C2129" s="1" t="s">
        <v>5</v>
      </c>
      <c r="D2129" s="1" t="s">
        <v>1793</v>
      </c>
      <c r="E2129" s="1" t="s">
        <v>7</v>
      </c>
    </row>
    <row r="2130">
      <c r="A2130" s="1">
        <v>4.90390008E8</v>
      </c>
      <c r="B2130" s="2">
        <v>11899.0</v>
      </c>
      <c r="C2130" s="1" t="s">
        <v>5</v>
      </c>
      <c r="D2130" s="1" t="s">
        <v>1794</v>
      </c>
      <c r="E2130" s="1" t="s">
        <v>11</v>
      </c>
    </row>
    <row r="2131">
      <c r="A2131" s="1">
        <v>4.9039001E8</v>
      </c>
      <c r="B2131" s="3">
        <v>11832.0</v>
      </c>
      <c r="C2131" s="1" t="s">
        <v>5</v>
      </c>
      <c r="D2131" s="1" t="s">
        <v>1795</v>
      </c>
      <c r="E2131" s="1" t="s">
        <v>7</v>
      </c>
    </row>
    <row r="2132">
      <c r="A2132" s="1">
        <v>4.90390012E8</v>
      </c>
      <c r="B2132" s="2">
        <v>11899.0</v>
      </c>
      <c r="C2132" s="1" t="s">
        <v>5</v>
      </c>
      <c r="D2132" s="1" t="s">
        <v>1796</v>
      </c>
      <c r="E2132" s="1" t="s">
        <v>7</v>
      </c>
    </row>
    <row r="2133">
      <c r="A2133" s="1">
        <v>4.90390013E8</v>
      </c>
      <c r="B2133" s="3">
        <v>11817.0</v>
      </c>
      <c r="C2133" s="1" t="s">
        <v>5</v>
      </c>
      <c r="D2133" s="1" t="s">
        <v>1797</v>
      </c>
      <c r="E2133" s="1" t="s">
        <v>7</v>
      </c>
    </row>
    <row r="2134">
      <c r="A2134" s="1">
        <v>4.90390016E8</v>
      </c>
      <c r="B2134" s="2">
        <v>11900.0</v>
      </c>
      <c r="C2134" s="1" t="s">
        <v>5</v>
      </c>
      <c r="D2134" s="1" t="s">
        <v>1798</v>
      </c>
      <c r="E2134" s="1" t="s">
        <v>7</v>
      </c>
    </row>
    <row r="2135">
      <c r="A2135" s="1">
        <v>4.90390017E8</v>
      </c>
      <c r="B2135" s="2">
        <v>11894.0</v>
      </c>
      <c r="C2135" s="1" t="s">
        <v>5</v>
      </c>
      <c r="D2135" s="1" t="s">
        <v>1799</v>
      </c>
      <c r="E2135" s="1" t="s">
        <v>11</v>
      </c>
    </row>
    <row r="2136">
      <c r="A2136" s="1">
        <v>4.9039002E8</v>
      </c>
      <c r="B2136" s="2">
        <v>11893.0</v>
      </c>
      <c r="C2136" s="1" t="s">
        <v>5</v>
      </c>
      <c r="D2136" s="1" t="s">
        <v>1800</v>
      </c>
      <c r="E2136" s="1" t="s">
        <v>11</v>
      </c>
    </row>
    <row r="2137">
      <c r="A2137" s="1">
        <v>4.90390024E8</v>
      </c>
      <c r="B2137" s="2">
        <v>11896.0</v>
      </c>
      <c r="C2137" s="1" t="s">
        <v>5</v>
      </c>
      <c r="D2137" s="1" t="s">
        <v>1801</v>
      </c>
      <c r="E2137" s="1" t="s">
        <v>7</v>
      </c>
    </row>
    <row r="2138">
      <c r="A2138" s="1">
        <v>4.90390026E8</v>
      </c>
      <c r="B2138" s="3">
        <v>11814.0</v>
      </c>
      <c r="C2138" s="1" t="s">
        <v>5</v>
      </c>
      <c r="D2138" s="1" t="s">
        <v>1802</v>
      </c>
      <c r="E2138" s="1" t="s">
        <v>7</v>
      </c>
    </row>
    <row r="2139">
      <c r="A2139" s="1">
        <v>4.90390031E8</v>
      </c>
      <c r="B2139" s="3">
        <v>11832.0</v>
      </c>
      <c r="C2139" s="1" t="s">
        <v>5</v>
      </c>
      <c r="D2139" s="1" t="s">
        <v>11</v>
      </c>
      <c r="E2139" s="1" t="s">
        <v>7</v>
      </c>
    </row>
    <row r="2140">
      <c r="A2140" s="1">
        <v>4.90390032E8</v>
      </c>
      <c r="B2140" s="3">
        <v>11815.0</v>
      </c>
      <c r="C2140" s="1" t="s">
        <v>5</v>
      </c>
      <c r="D2140" s="1" t="s">
        <v>1803</v>
      </c>
      <c r="E2140" s="1" t="s">
        <v>7</v>
      </c>
    </row>
    <row r="2141">
      <c r="A2141" s="1">
        <v>4.90390039E8</v>
      </c>
      <c r="B2141" s="2">
        <v>11896.0</v>
      </c>
      <c r="C2141" s="1" t="s">
        <v>5</v>
      </c>
      <c r="D2141" s="1" t="s">
        <v>1804</v>
      </c>
      <c r="E2141" s="1" t="s">
        <v>11</v>
      </c>
    </row>
    <row r="2142">
      <c r="A2142" s="1">
        <v>4.90390043E8</v>
      </c>
      <c r="B2142" s="2">
        <v>11857.0</v>
      </c>
      <c r="C2142" s="1" t="s">
        <v>5</v>
      </c>
      <c r="D2142" s="1" t="s">
        <v>1805</v>
      </c>
      <c r="E2142" s="1" t="s">
        <v>7</v>
      </c>
    </row>
    <row r="2143">
      <c r="A2143" s="1">
        <v>4.90390044E8</v>
      </c>
      <c r="B2143" s="2">
        <v>11899.0</v>
      </c>
      <c r="C2143" s="1" t="s">
        <v>5</v>
      </c>
      <c r="D2143" s="1" t="s">
        <v>11</v>
      </c>
      <c r="E2143" s="1" t="s">
        <v>7</v>
      </c>
    </row>
    <row r="2144">
      <c r="A2144" s="1">
        <v>4.90390046E8</v>
      </c>
      <c r="B2144" s="2">
        <v>11894.0</v>
      </c>
      <c r="C2144" s="1" t="s">
        <v>5</v>
      </c>
      <c r="D2144" s="1" t="s">
        <v>1806</v>
      </c>
      <c r="E2144" s="1" t="s">
        <v>7</v>
      </c>
    </row>
    <row r="2145">
      <c r="A2145" s="1">
        <v>4.90390051E8</v>
      </c>
      <c r="B2145" s="3">
        <v>11818.0</v>
      </c>
      <c r="C2145" s="1" t="s">
        <v>5</v>
      </c>
      <c r="D2145" s="1" t="s">
        <v>1807</v>
      </c>
      <c r="E2145" s="1" t="s">
        <v>7</v>
      </c>
    </row>
    <row r="2146">
      <c r="A2146" s="1">
        <v>4.90390054E8</v>
      </c>
      <c r="B2146" s="3">
        <v>11819.0</v>
      </c>
      <c r="C2146" s="1" t="s">
        <v>5</v>
      </c>
      <c r="D2146" s="1" t="s">
        <v>1808</v>
      </c>
      <c r="E2146" s="1" t="s">
        <v>7</v>
      </c>
    </row>
    <row r="2147">
      <c r="A2147" s="1">
        <v>4.90390059E8</v>
      </c>
      <c r="B2147" s="3">
        <v>11826.0</v>
      </c>
      <c r="C2147" s="1" t="s">
        <v>5</v>
      </c>
      <c r="D2147" s="1" t="s">
        <v>11</v>
      </c>
      <c r="E2147" s="1" t="s">
        <v>7</v>
      </c>
    </row>
    <row r="2148">
      <c r="A2148" s="1">
        <v>4.90390061E8</v>
      </c>
      <c r="B2148" s="3">
        <v>11811.0</v>
      </c>
      <c r="C2148" s="1" t="s">
        <v>5</v>
      </c>
      <c r="D2148" s="1" t="s">
        <v>11</v>
      </c>
      <c r="E2148" s="1" t="s">
        <v>7</v>
      </c>
    </row>
    <row r="2149">
      <c r="A2149" s="1">
        <v>4.90390063E8</v>
      </c>
      <c r="B2149" s="3">
        <v>11832.0</v>
      </c>
      <c r="C2149" s="1" t="s">
        <v>5</v>
      </c>
      <c r="D2149" s="1" t="s">
        <v>1809</v>
      </c>
      <c r="E2149" s="1" t="s">
        <v>7</v>
      </c>
    </row>
    <row r="2150">
      <c r="A2150" s="1">
        <v>4.90390066E8</v>
      </c>
      <c r="B2150" s="3">
        <v>11814.0</v>
      </c>
      <c r="C2150" s="1" t="s">
        <v>5</v>
      </c>
      <c r="D2150" s="1" t="s">
        <v>11</v>
      </c>
      <c r="E2150" s="1" t="s">
        <v>7</v>
      </c>
    </row>
    <row r="2151">
      <c r="A2151" s="1">
        <v>4.90390068E8</v>
      </c>
      <c r="B2151" s="2">
        <v>11898.0</v>
      </c>
      <c r="C2151" s="1" t="s">
        <v>5</v>
      </c>
      <c r="D2151" s="1" t="s">
        <v>42</v>
      </c>
      <c r="E2151" s="1" t="s">
        <v>7</v>
      </c>
    </row>
    <row r="2152">
      <c r="A2152" s="1">
        <v>4.9039007E8</v>
      </c>
      <c r="B2152" s="2">
        <v>11892.0</v>
      </c>
      <c r="C2152" s="1" t="s">
        <v>5</v>
      </c>
      <c r="D2152" s="1" t="s">
        <v>1810</v>
      </c>
      <c r="E2152" s="1" t="s">
        <v>11</v>
      </c>
    </row>
    <row r="2153">
      <c r="A2153" s="1">
        <v>4.90390071E8</v>
      </c>
      <c r="B2153" s="2">
        <v>11897.0</v>
      </c>
      <c r="C2153" s="1" t="s">
        <v>5</v>
      </c>
      <c r="D2153" s="1" t="s">
        <v>11</v>
      </c>
      <c r="E2153" s="1" t="s">
        <v>7</v>
      </c>
    </row>
    <row r="2154">
      <c r="A2154" s="1">
        <v>4.90390073E8</v>
      </c>
      <c r="B2154" s="2">
        <v>11857.0</v>
      </c>
      <c r="C2154" s="1" t="s">
        <v>5</v>
      </c>
      <c r="D2154" s="1" t="s">
        <v>1811</v>
      </c>
      <c r="E2154" s="1" t="s">
        <v>11</v>
      </c>
    </row>
    <row r="2155">
      <c r="A2155" s="1">
        <v>4.90390081E8</v>
      </c>
      <c r="B2155" s="3">
        <v>11811.0</v>
      </c>
      <c r="C2155" s="1" t="s">
        <v>5</v>
      </c>
      <c r="D2155" s="1" t="s">
        <v>1812</v>
      </c>
      <c r="E2155" s="1" t="s">
        <v>11</v>
      </c>
    </row>
    <row r="2156">
      <c r="A2156" s="1">
        <v>4.90390086E8</v>
      </c>
      <c r="B2156" s="2">
        <v>11896.0</v>
      </c>
      <c r="C2156" s="1" t="s">
        <v>5</v>
      </c>
      <c r="D2156" s="1" t="s">
        <v>1813</v>
      </c>
      <c r="E2156" s="1" t="s">
        <v>11</v>
      </c>
    </row>
    <row r="2157">
      <c r="A2157" s="1">
        <v>4.90390089E8</v>
      </c>
      <c r="B2157" s="2">
        <v>11894.0</v>
      </c>
      <c r="C2157" s="1" t="s">
        <v>5</v>
      </c>
      <c r="D2157" s="1" t="s">
        <v>1814</v>
      </c>
      <c r="E2157" s="1" t="s">
        <v>11</v>
      </c>
    </row>
    <row r="2158">
      <c r="A2158" s="1">
        <v>4.90390095E8</v>
      </c>
      <c r="B2158" s="2">
        <v>11899.0</v>
      </c>
      <c r="C2158" s="1" t="s">
        <v>5</v>
      </c>
      <c r="D2158" s="1" t="s">
        <v>1815</v>
      </c>
      <c r="E2158" s="1" t="s">
        <v>11</v>
      </c>
    </row>
    <row r="2159">
      <c r="A2159" s="1">
        <v>4.90390096E8</v>
      </c>
      <c r="B2159" s="3">
        <v>11813.0</v>
      </c>
      <c r="C2159" s="1" t="s">
        <v>5</v>
      </c>
      <c r="D2159" s="1" t="s">
        <v>1816</v>
      </c>
      <c r="E2159" s="1" t="s">
        <v>7</v>
      </c>
    </row>
    <row r="2160">
      <c r="A2160" s="1">
        <v>4.90390101E8</v>
      </c>
      <c r="B2160" s="3">
        <v>11825.0</v>
      </c>
      <c r="C2160" s="1" t="s">
        <v>5</v>
      </c>
      <c r="D2160" s="1" t="s">
        <v>1817</v>
      </c>
      <c r="E2160" s="1" t="s">
        <v>7</v>
      </c>
    </row>
    <row r="2161">
      <c r="A2161" s="1">
        <v>4.90390102E8</v>
      </c>
      <c r="B2161" s="2">
        <v>11896.0</v>
      </c>
      <c r="C2161" s="1" t="s">
        <v>5</v>
      </c>
      <c r="D2161" s="1" t="s">
        <v>11</v>
      </c>
      <c r="E2161" s="1" t="s">
        <v>7</v>
      </c>
    </row>
    <row r="2162">
      <c r="A2162" s="1">
        <v>4.90390103E8</v>
      </c>
      <c r="B2162" s="2">
        <v>11857.0</v>
      </c>
      <c r="C2162" s="1" t="s">
        <v>5</v>
      </c>
      <c r="D2162" s="1" t="s">
        <v>1818</v>
      </c>
      <c r="E2162" s="1" t="s">
        <v>7</v>
      </c>
    </row>
    <row r="2163">
      <c r="A2163" s="1">
        <v>4.90390107E8</v>
      </c>
      <c r="B2163" s="3">
        <v>11815.0</v>
      </c>
      <c r="C2163" s="1" t="s">
        <v>5</v>
      </c>
      <c r="D2163" s="1" t="s">
        <v>11</v>
      </c>
      <c r="E2163" s="1" t="s">
        <v>7</v>
      </c>
    </row>
    <row r="2164">
      <c r="A2164" s="1">
        <v>4.90390113E8</v>
      </c>
      <c r="B2164" s="3">
        <v>11818.0</v>
      </c>
      <c r="C2164" s="1" t="s">
        <v>5</v>
      </c>
      <c r="D2164" s="1" t="s">
        <v>1666</v>
      </c>
      <c r="E2164" s="1" t="s">
        <v>7</v>
      </c>
    </row>
    <row r="2165">
      <c r="A2165" s="1">
        <v>4.90390114E8</v>
      </c>
      <c r="B2165" s="2">
        <v>11891.0</v>
      </c>
      <c r="C2165" s="1" t="s">
        <v>5</v>
      </c>
      <c r="D2165" s="1" t="s">
        <v>11</v>
      </c>
      <c r="E2165" s="1" t="s">
        <v>7</v>
      </c>
    </row>
    <row r="2166">
      <c r="A2166" s="1">
        <v>4.90390117E8</v>
      </c>
      <c r="B2166" s="2">
        <v>11899.0</v>
      </c>
      <c r="C2166" s="1" t="s">
        <v>5</v>
      </c>
      <c r="D2166" s="1" t="s">
        <v>1819</v>
      </c>
      <c r="E2166" s="1" t="s">
        <v>7</v>
      </c>
    </row>
    <row r="2167">
      <c r="A2167" s="1">
        <v>4.90390118E8</v>
      </c>
      <c r="B2167" s="2">
        <v>11857.0</v>
      </c>
      <c r="C2167" s="1" t="s">
        <v>5</v>
      </c>
      <c r="D2167" s="1" t="s">
        <v>1820</v>
      </c>
      <c r="E2167" s="1" t="s">
        <v>11</v>
      </c>
    </row>
    <row r="2168">
      <c r="A2168" s="1">
        <v>4.90390128E8</v>
      </c>
      <c r="B2168" s="2">
        <v>11895.0</v>
      </c>
      <c r="C2168" s="1" t="s">
        <v>5</v>
      </c>
      <c r="D2168" s="1" t="s">
        <v>1821</v>
      </c>
      <c r="E2168" s="1" t="s">
        <v>7</v>
      </c>
    </row>
    <row r="2169">
      <c r="A2169" s="1">
        <v>4.90390129E8</v>
      </c>
      <c r="B2169" s="3">
        <v>11818.0</v>
      </c>
      <c r="C2169" s="1" t="s">
        <v>5</v>
      </c>
      <c r="D2169" s="1" t="s">
        <v>1822</v>
      </c>
      <c r="E2169" s="1" t="s">
        <v>7</v>
      </c>
    </row>
    <row r="2170">
      <c r="A2170" s="1">
        <v>4.90390133E8</v>
      </c>
      <c r="B2170" s="2">
        <v>11881.0</v>
      </c>
      <c r="C2170" s="1" t="s">
        <v>5</v>
      </c>
      <c r="D2170" s="1" t="s">
        <v>11</v>
      </c>
      <c r="E2170" s="1" t="s">
        <v>7</v>
      </c>
    </row>
    <row r="2171">
      <c r="A2171" s="1">
        <v>4.90390135E8</v>
      </c>
      <c r="B2171" s="2">
        <v>11899.0</v>
      </c>
      <c r="C2171" s="1" t="s">
        <v>5</v>
      </c>
      <c r="D2171" s="1" t="s">
        <v>11</v>
      </c>
      <c r="E2171" s="1" t="s">
        <v>7</v>
      </c>
    </row>
    <row r="2172">
      <c r="A2172" s="1">
        <v>4.90390138E8</v>
      </c>
      <c r="B2172" s="2">
        <v>11899.0</v>
      </c>
      <c r="C2172" s="1" t="s">
        <v>5</v>
      </c>
      <c r="D2172" s="1" t="s">
        <v>1823</v>
      </c>
      <c r="E2172" s="1" t="s">
        <v>11</v>
      </c>
    </row>
    <row r="2173">
      <c r="A2173" s="1">
        <v>4.90390139E8</v>
      </c>
      <c r="B2173" s="2">
        <v>11896.0</v>
      </c>
      <c r="C2173" s="1" t="s">
        <v>5</v>
      </c>
      <c r="D2173" s="1" t="s">
        <v>1824</v>
      </c>
      <c r="E2173" s="1" t="s">
        <v>11</v>
      </c>
    </row>
    <row r="2174">
      <c r="A2174" s="1">
        <v>4.90390141E8</v>
      </c>
      <c r="B2174" s="3">
        <v>11818.0</v>
      </c>
      <c r="C2174" s="1" t="s">
        <v>5</v>
      </c>
      <c r="D2174" s="1" t="s">
        <v>1825</v>
      </c>
      <c r="E2174" s="1" t="s">
        <v>7</v>
      </c>
    </row>
    <row r="2175">
      <c r="A2175" s="1">
        <v>4.90390142E8</v>
      </c>
      <c r="B2175" s="2">
        <v>11897.0</v>
      </c>
      <c r="C2175" s="1" t="s">
        <v>5</v>
      </c>
      <c r="D2175" s="1" t="s">
        <v>1826</v>
      </c>
      <c r="E2175" s="1" t="s">
        <v>11</v>
      </c>
    </row>
    <row r="2176">
      <c r="A2176" s="1">
        <v>4.90390143E8</v>
      </c>
      <c r="B2176" s="2">
        <v>11850.0</v>
      </c>
      <c r="C2176" s="1" t="s">
        <v>5</v>
      </c>
      <c r="D2176" s="1" t="s">
        <v>1827</v>
      </c>
      <c r="E2176" s="1" t="s">
        <v>7</v>
      </c>
    </row>
    <row r="2177">
      <c r="A2177" s="1">
        <v>4.90390145E8</v>
      </c>
      <c r="B2177" s="2">
        <v>11857.0</v>
      </c>
      <c r="C2177" s="1" t="s">
        <v>5</v>
      </c>
      <c r="D2177" s="1" t="s">
        <v>1828</v>
      </c>
      <c r="E2177" s="1" t="s">
        <v>11</v>
      </c>
    </row>
    <row r="2178">
      <c r="A2178" s="1">
        <v>4.90390147E8</v>
      </c>
      <c r="B2178" s="2">
        <v>11899.0</v>
      </c>
      <c r="C2178" s="1" t="s">
        <v>5</v>
      </c>
      <c r="D2178" s="1" t="s">
        <v>1829</v>
      </c>
      <c r="E2178" s="1" t="s">
        <v>7</v>
      </c>
    </row>
    <row r="2179">
      <c r="A2179" s="1">
        <v>4.90390149E8</v>
      </c>
      <c r="B2179" s="2">
        <v>11891.0</v>
      </c>
      <c r="C2179" s="1" t="s">
        <v>5</v>
      </c>
      <c r="D2179" s="1" t="s">
        <v>1830</v>
      </c>
      <c r="E2179" s="1" t="s">
        <v>11</v>
      </c>
    </row>
    <row r="2180">
      <c r="A2180" s="1">
        <v>4.90390151E8</v>
      </c>
      <c r="B2180" s="3">
        <v>11825.0</v>
      </c>
      <c r="C2180" s="1" t="s">
        <v>5</v>
      </c>
      <c r="D2180" s="1" t="s">
        <v>1831</v>
      </c>
      <c r="E2180" s="1" t="s">
        <v>11</v>
      </c>
    </row>
    <row r="2181">
      <c r="A2181" s="1">
        <v>4.90390153E8</v>
      </c>
      <c r="B2181" s="3">
        <v>11832.0</v>
      </c>
      <c r="C2181" s="1" t="s">
        <v>5</v>
      </c>
      <c r="D2181" s="1" t="s">
        <v>11</v>
      </c>
      <c r="E2181" s="1" t="s">
        <v>7</v>
      </c>
    </row>
    <row r="2182">
      <c r="A2182" s="1">
        <v>4.90390159E8</v>
      </c>
      <c r="B2182" s="3">
        <v>11815.0</v>
      </c>
      <c r="C2182" s="1" t="s">
        <v>5</v>
      </c>
      <c r="D2182" s="1" t="s">
        <v>1832</v>
      </c>
      <c r="E2182" s="1" t="s">
        <v>11</v>
      </c>
    </row>
    <row r="2183">
      <c r="A2183" s="1">
        <v>4.90390161E8</v>
      </c>
      <c r="B2183" s="2">
        <v>11899.0</v>
      </c>
      <c r="C2183" s="1" t="s">
        <v>5</v>
      </c>
      <c r="D2183" s="1" t="s">
        <v>11</v>
      </c>
      <c r="E2183" s="1" t="s">
        <v>7</v>
      </c>
    </row>
    <row r="2184">
      <c r="A2184" s="1">
        <v>4.90390162E8</v>
      </c>
      <c r="B2184" s="3">
        <v>11832.0</v>
      </c>
      <c r="C2184" s="1" t="s">
        <v>5</v>
      </c>
      <c r="D2184" s="1" t="s">
        <v>11</v>
      </c>
      <c r="E2184" s="1" t="s">
        <v>7</v>
      </c>
    </row>
    <row r="2185">
      <c r="A2185" s="1">
        <v>4.90390164E8</v>
      </c>
      <c r="B2185" s="2">
        <v>11855.0</v>
      </c>
      <c r="C2185" s="1" t="s">
        <v>5</v>
      </c>
      <c r="D2185" s="1" t="s">
        <v>1833</v>
      </c>
      <c r="E2185" s="1" t="s">
        <v>1834</v>
      </c>
    </row>
    <row r="2186">
      <c r="A2186" s="1">
        <v>4.90390165E8</v>
      </c>
      <c r="B2186" s="3">
        <v>11818.0</v>
      </c>
      <c r="C2186" s="1" t="s">
        <v>5</v>
      </c>
      <c r="D2186" s="1" t="s">
        <v>1835</v>
      </c>
      <c r="E2186" s="1" t="s">
        <v>7</v>
      </c>
    </row>
    <row r="2187">
      <c r="A2187" s="1">
        <v>4.90390174E8</v>
      </c>
      <c r="B2187" s="2">
        <v>11881.0</v>
      </c>
      <c r="C2187" s="1" t="s">
        <v>5</v>
      </c>
      <c r="D2187" s="1" t="s">
        <v>1836</v>
      </c>
      <c r="E2187" s="1" t="s">
        <v>7</v>
      </c>
    </row>
    <row r="2188">
      <c r="A2188" s="1">
        <v>4.90390175E8</v>
      </c>
      <c r="B2188" s="2">
        <v>11850.0</v>
      </c>
      <c r="C2188" s="1" t="s">
        <v>5</v>
      </c>
      <c r="D2188" s="1" t="s">
        <v>1837</v>
      </c>
      <c r="E2188" s="1" t="s">
        <v>7</v>
      </c>
    </row>
    <row r="2189">
      <c r="A2189" s="1">
        <v>4.90390177E8</v>
      </c>
      <c r="B2189" s="2">
        <v>11891.0</v>
      </c>
      <c r="C2189" s="1" t="s">
        <v>5</v>
      </c>
      <c r="D2189" s="1" t="s">
        <v>1838</v>
      </c>
      <c r="E2189" s="1" t="s">
        <v>7</v>
      </c>
    </row>
    <row r="2190">
      <c r="A2190" s="1">
        <v>4.90390179E8</v>
      </c>
      <c r="B2190" s="2">
        <v>11892.0</v>
      </c>
      <c r="C2190" s="1" t="s">
        <v>5</v>
      </c>
      <c r="D2190" s="1" t="s">
        <v>11</v>
      </c>
      <c r="E2190" s="1" t="s">
        <v>7</v>
      </c>
    </row>
    <row r="2191">
      <c r="A2191" s="1">
        <v>4.90390181E8</v>
      </c>
      <c r="B2191" s="2">
        <v>11897.0</v>
      </c>
      <c r="C2191" s="1" t="s">
        <v>5</v>
      </c>
      <c r="D2191" s="1" t="s">
        <v>1839</v>
      </c>
      <c r="E2191" s="1" t="s">
        <v>11</v>
      </c>
    </row>
    <row r="2192">
      <c r="A2192" s="1">
        <v>4.90390182E8</v>
      </c>
      <c r="B2192" s="3">
        <v>11815.0</v>
      </c>
      <c r="C2192" s="1" t="s">
        <v>5</v>
      </c>
      <c r="D2192" s="1" t="s">
        <v>1840</v>
      </c>
      <c r="E2192" s="1" t="s">
        <v>7</v>
      </c>
    </row>
    <row r="2193">
      <c r="A2193" s="1">
        <v>4.90390186E8</v>
      </c>
      <c r="B2193" s="3">
        <v>11817.0</v>
      </c>
      <c r="C2193" s="1" t="s">
        <v>5</v>
      </c>
      <c r="D2193" s="1" t="s">
        <v>11</v>
      </c>
      <c r="E2193" s="1" t="s">
        <v>7</v>
      </c>
    </row>
    <row r="2194">
      <c r="A2194" s="1">
        <v>4.90390188E8</v>
      </c>
      <c r="B2194" s="2">
        <v>11855.0</v>
      </c>
      <c r="C2194" s="1" t="s">
        <v>5</v>
      </c>
      <c r="D2194" s="1" t="s">
        <v>1841</v>
      </c>
      <c r="E2194" s="1" t="s">
        <v>7</v>
      </c>
    </row>
    <row r="2195">
      <c r="A2195" s="1">
        <v>4.90390189E8</v>
      </c>
      <c r="B2195" s="2">
        <v>11899.0</v>
      </c>
      <c r="C2195" s="1" t="s">
        <v>5</v>
      </c>
      <c r="D2195" s="1" t="s">
        <v>1842</v>
      </c>
      <c r="E2195" s="1" t="s">
        <v>7</v>
      </c>
    </row>
    <row r="2196">
      <c r="A2196" s="1">
        <v>4.90390193E8</v>
      </c>
      <c r="B2196" s="2">
        <v>11850.0</v>
      </c>
      <c r="C2196" s="1" t="s">
        <v>5</v>
      </c>
      <c r="D2196" s="1" t="s">
        <v>11</v>
      </c>
      <c r="E2196" s="1" t="s">
        <v>7</v>
      </c>
    </row>
    <row r="2197">
      <c r="A2197" s="1">
        <v>4.90390196E8</v>
      </c>
      <c r="B2197" s="3">
        <v>11813.0</v>
      </c>
      <c r="C2197" s="1" t="s">
        <v>5</v>
      </c>
      <c r="D2197" s="1" t="s">
        <v>1843</v>
      </c>
      <c r="E2197" s="1" t="s">
        <v>7</v>
      </c>
    </row>
    <row r="2198">
      <c r="A2198" s="1">
        <v>4.90390198E8</v>
      </c>
      <c r="B2198" s="3">
        <v>11817.0</v>
      </c>
      <c r="C2198" s="1" t="s">
        <v>5</v>
      </c>
      <c r="D2198" s="1" t="s">
        <v>1844</v>
      </c>
      <c r="E2198" s="1" t="s">
        <v>7</v>
      </c>
    </row>
    <row r="2199">
      <c r="A2199" s="1">
        <v>4.903902E8</v>
      </c>
      <c r="B2199" s="2">
        <v>11899.0</v>
      </c>
      <c r="C2199" s="1" t="s">
        <v>5</v>
      </c>
      <c r="D2199" s="1" t="s">
        <v>1845</v>
      </c>
      <c r="E2199" s="1" t="s">
        <v>11</v>
      </c>
    </row>
    <row r="2200">
      <c r="A2200" s="1">
        <v>4.90390201E8</v>
      </c>
      <c r="B2200" s="2">
        <v>11901.0</v>
      </c>
      <c r="C2200" s="1" t="s">
        <v>5</v>
      </c>
      <c r="D2200" s="1" t="s">
        <v>1846</v>
      </c>
      <c r="E2200" s="1" t="s">
        <v>11</v>
      </c>
    </row>
    <row r="2201">
      <c r="A2201" s="1">
        <v>4.90390204E8</v>
      </c>
      <c r="B2201" s="3">
        <v>11818.0</v>
      </c>
      <c r="C2201" s="1" t="s">
        <v>5</v>
      </c>
      <c r="D2201" s="1" t="s">
        <v>1847</v>
      </c>
      <c r="E2201" s="1" t="s">
        <v>7</v>
      </c>
    </row>
    <row r="2202">
      <c r="A2202" s="1">
        <v>4.90390213E8</v>
      </c>
      <c r="B2202" s="2">
        <v>11899.0</v>
      </c>
      <c r="C2202" s="1" t="s">
        <v>5</v>
      </c>
      <c r="D2202" s="1" t="s">
        <v>1848</v>
      </c>
      <c r="E2202" s="1" t="s">
        <v>7</v>
      </c>
    </row>
    <row r="2203">
      <c r="A2203" s="1">
        <v>4.90390214E8</v>
      </c>
      <c r="B2203" s="3">
        <v>11817.0</v>
      </c>
      <c r="C2203" s="1" t="s">
        <v>5</v>
      </c>
      <c r="D2203" s="1" t="s">
        <v>1849</v>
      </c>
      <c r="E2203" s="1" t="s">
        <v>11</v>
      </c>
    </row>
    <row r="2204">
      <c r="A2204" s="1">
        <v>4.90390216E8</v>
      </c>
      <c r="B2204" s="2">
        <v>11899.0</v>
      </c>
      <c r="C2204" s="1" t="s">
        <v>5</v>
      </c>
      <c r="D2204" s="1" t="s">
        <v>11</v>
      </c>
      <c r="E2204" s="1" t="s">
        <v>7</v>
      </c>
    </row>
    <row r="2205">
      <c r="A2205" s="1">
        <v>4.9039022E8</v>
      </c>
      <c r="B2205" s="2">
        <v>11898.0</v>
      </c>
      <c r="C2205" s="1" t="s">
        <v>5</v>
      </c>
      <c r="D2205" s="1" t="s">
        <v>11</v>
      </c>
      <c r="E2205" s="1" t="s">
        <v>7</v>
      </c>
    </row>
    <row r="2206">
      <c r="A2206" s="1">
        <v>4.90390222E8</v>
      </c>
      <c r="B2206" s="3">
        <v>11813.0</v>
      </c>
      <c r="C2206" s="1" t="s">
        <v>5</v>
      </c>
      <c r="D2206" s="1" t="s">
        <v>1850</v>
      </c>
      <c r="E2206" s="1" t="s">
        <v>7</v>
      </c>
    </row>
    <row r="2207">
      <c r="A2207" s="1">
        <v>4.90390224E8</v>
      </c>
      <c r="B2207" s="2">
        <v>11901.0</v>
      </c>
      <c r="C2207" s="1" t="s">
        <v>5</v>
      </c>
      <c r="D2207" s="1" t="s">
        <v>1851</v>
      </c>
      <c r="E2207" s="1" t="s">
        <v>11</v>
      </c>
    </row>
    <row r="2208">
      <c r="A2208" s="1">
        <v>4.90390225E8</v>
      </c>
      <c r="B2208" s="3">
        <v>11817.0</v>
      </c>
      <c r="C2208" s="1" t="s">
        <v>5</v>
      </c>
      <c r="D2208" s="1" t="s">
        <v>1852</v>
      </c>
      <c r="E2208" s="1" t="s">
        <v>7</v>
      </c>
    </row>
    <row r="2209">
      <c r="A2209" s="1">
        <v>4.90390227E8</v>
      </c>
      <c r="B2209" s="2">
        <v>11899.0</v>
      </c>
      <c r="C2209" s="1" t="s">
        <v>5</v>
      </c>
      <c r="D2209" s="1" t="s">
        <v>1853</v>
      </c>
      <c r="E2209" s="1" t="s">
        <v>7</v>
      </c>
    </row>
    <row r="2210">
      <c r="A2210" s="1">
        <v>4.90390231E8</v>
      </c>
      <c r="B2210" s="3">
        <v>11832.0</v>
      </c>
      <c r="C2210" s="1" t="s">
        <v>5</v>
      </c>
      <c r="D2210" s="1" t="s">
        <v>1854</v>
      </c>
      <c r="E2210" s="1" t="s">
        <v>11</v>
      </c>
    </row>
    <row r="2211">
      <c r="A2211" s="1">
        <v>4.90390239E8</v>
      </c>
      <c r="B2211" s="3">
        <v>11825.0</v>
      </c>
      <c r="C2211" s="1" t="s">
        <v>5</v>
      </c>
      <c r="D2211" s="1" t="s">
        <v>1855</v>
      </c>
      <c r="E2211" s="1" t="s">
        <v>7</v>
      </c>
    </row>
    <row r="2212">
      <c r="A2212" s="1">
        <v>4.90390249E8</v>
      </c>
      <c r="B2212" s="2">
        <v>11890.0</v>
      </c>
      <c r="C2212" s="1" t="s">
        <v>5</v>
      </c>
      <c r="D2212" s="1" t="s">
        <v>1856</v>
      </c>
      <c r="E2212" s="1" t="s">
        <v>7</v>
      </c>
    </row>
    <row r="2213">
      <c r="A2213" s="1">
        <v>4.9039025E8</v>
      </c>
      <c r="B2213" s="2">
        <v>11891.0</v>
      </c>
      <c r="C2213" s="1" t="s">
        <v>5</v>
      </c>
      <c r="D2213" s="1" t="s">
        <v>1857</v>
      </c>
      <c r="E2213" s="1" t="s">
        <v>11</v>
      </c>
    </row>
    <row r="2214">
      <c r="A2214" s="1">
        <v>4.90390252E8</v>
      </c>
      <c r="B2214" s="3">
        <v>11814.0</v>
      </c>
      <c r="C2214" s="1" t="s">
        <v>5</v>
      </c>
      <c r="D2214" s="1" t="s">
        <v>1858</v>
      </c>
      <c r="E2214" s="1" t="s">
        <v>7</v>
      </c>
    </row>
    <row r="2215">
      <c r="A2215" s="1">
        <v>4.90390254E8</v>
      </c>
      <c r="B2215" s="2">
        <v>11893.0</v>
      </c>
      <c r="C2215" s="1" t="s">
        <v>5</v>
      </c>
      <c r="D2215" s="1" t="s">
        <v>1859</v>
      </c>
      <c r="E2215" s="1" t="s">
        <v>7</v>
      </c>
    </row>
    <row r="2216">
      <c r="A2216" s="1">
        <v>4.90390256E8</v>
      </c>
      <c r="B2216" s="3">
        <v>11831.0</v>
      </c>
      <c r="C2216" s="1" t="s">
        <v>5</v>
      </c>
      <c r="D2216" s="1" t="s">
        <v>1860</v>
      </c>
      <c r="E2216" s="1" t="s">
        <v>11</v>
      </c>
    </row>
    <row r="2217">
      <c r="A2217" s="1">
        <v>4.90390266E8</v>
      </c>
      <c r="B2217" s="2">
        <v>11881.0</v>
      </c>
      <c r="C2217" s="1" t="s">
        <v>5</v>
      </c>
      <c r="D2217" s="1" t="s">
        <v>11</v>
      </c>
      <c r="E2217" s="1" t="s">
        <v>7</v>
      </c>
    </row>
    <row r="2218">
      <c r="A2218" s="1">
        <v>4.90390267E8</v>
      </c>
      <c r="B2218" s="2">
        <v>11855.0</v>
      </c>
      <c r="C2218" s="1" t="s">
        <v>5</v>
      </c>
      <c r="D2218" s="1" t="s">
        <v>11</v>
      </c>
      <c r="E2218" s="1" t="s">
        <v>7</v>
      </c>
    </row>
    <row r="2219">
      <c r="A2219" s="1">
        <v>4.90390275E8</v>
      </c>
      <c r="B2219" s="2">
        <v>11890.0</v>
      </c>
      <c r="C2219" s="1" t="s">
        <v>5</v>
      </c>
      <c r="D2219" s="1" t="s">
        <v>1861</v>
      </c>
      <c r="E2219" s="1" t="s">
        <v>11</v>
      </c>
    </row>
    <row r="2220">
      <c r="A2220" s="1">
        <v>4.90390278E8</v>
      </c>
      <c r="B2220" s="2">
        <v>11896.0</v>
      </c>
      <c r="C2220" s="1" t="s">
        <v>5</v>
      </c>
      <c r="D2220" s="1" t="s">
        <v>11</v>
      </c>
      <c r="E2220" s="1" t="s">
        <v>7</v>
      </c>
    </row>
    <row r="2221">
      <c r="A2221" s="1">
        <v>4.9039028E8</v>
      </c>
      <c r="B2221" s="2">
        <v>11855.0</v>
      </c>
      <c r="C2221" s="1" t="s">
        <v>5</v>
      </c>
      <c r="D2221" s="1" t="s">
        <v>1862</v>
      </c>
      <c r="E2221" s="1" t="s">
        <v>7</v>
      </c>
    </row>
    <row r="2222">
      <c r="A2222" s="1">
        <v>4.90390282E8</v>
      </c>
      <c r="B2222" s="2">
        <v>11901.0</v>
      </c>
      <c r="C2222" s="1" t="s">
        <v>5</v>
      </c>
      <c r="D2222" s="1" t="s">
        <v>1863</v>
      </c>
      <c r="E2222" s="1" t="s">
        <v>11</v>
      </c>
    </row>
    <row r="2223">
      <c r="A2223" s="1">
        <v>4.90390289E8</v>
      </c>
      <c r="B2223" s="2">
        <v>11890.0</v>
      </c>
      <c r="C2223" s="1" t="s">
        <v>5</v>
      </c>
      <c r="D2223" s="1" t="s">
        <v>1864</v>
      </c>
      <c r="E2223" s="1" t="s">
        <v>1865</v>
      </c>
    </row>
    <row r="2224">
      <c r="A2224" s="1">
        <v>4.9039029E8</v>
      </c>
      <c r="B2224" s="2">
        <v>11881.0</v>
      </c>
      <c r="C2224" s="1" t="s">
        <v>5</v>
      </c>
      <c r="D2224" s="1" t="s">
        <v>1866</v>
      </c>
      <c r="E2224" s="1" t="s">
        <v>7</v>
      </c>
    </row>
    <row r="2225">
      <c r="A2225" s="1">
        <v>4.90390303E8</v>
      </c>
      <c r="B2225" s="2">
        <v>11897.0</v>
      </c>
      <c r="C2225" s="1" t="s">
        <v>5</v>
      </c>
      <c r="D2225" s="1" t="s">
        <v>11</v>
      </c>
      <c r="E2225" s="1" t="s">
        <v>7</v>
      </c>
    </row>
    <row r="2226">
      <c r="A2226" s="1">
        <v>4.90390311E8</v>
      </c>
      <c r="B2226" s="2">
        <v>11896.0</v>
      </c>
      <c r="C2226" s="1" t="s">
        <v>5</v>
      </c>
      <c r="D2226" s="1" t="s">
        <v>1867</v>
      </c>
      <c r="E2226" s="1" t="s">
        <v>7</v>
      </c>
    </row>
    <row r="2227">
      <c r="A2227" s="1">
        <v>4.90390314E8</v>
      </c>
      <c r="B2227" s="2">
        <v>11901.0</v>
      </c>
      <c r="C2227" s="1" t="s">
        <v>5</v>
      </c>
      <c r="D2227" s="1" t="s">
        <v>1868</v>
      </c>
      <c r="E2227" s="1" t="s">
        <v>7</v>
      </c>
    </row>
    <row r="2228">
      <c r="A2228" s="1">
        <v>4.90390316E8</v>
      </c>
      <c r="B2228" s="3">
        <v>11817.0</v>
      </c>
      <c r="C2228" s="1" t="s">
        <v>5</v>
      </c>
      <c r="D2228" s="1" t="s">
        <v>1869</v>
      </c>
      <c r="E2228" s="1" t="s">
        <v>7</v>
      </c>
    </row>
    <row r="2229">
      <c r="A2229" s="1">
        <v>4.90390325E8</v>
      </c>
      <c r="B2229" s="2">
        <v>11896.0</v>
      </c>
      <c r="C2229" s="1" t="s">
        <v>5</v>
      </c>
      <c r="D2229" s="1" t="s">
        <v>1870</v>
      </c>
      <c r="E2229" s="1" t="s">
        <v>1871</v>
      </c>
    </row>
    <row r="2230">
      <c r="A2230" s="1">
        <v>4.90390332E8</v>
      </c>
      <c r="B2230" s="2">
        <v>11892.0</v>
      </c>
      <c r="C2230" s="1" t="s">
        <v>5</v>
      </c>
      <c r="D2230" s="1" t="s">
        <v>1872</v>
      </c>
      <c r="E2230" s="1" t="s">
        <v>11</v>
      </c>
    </row>
    <row r="2231">
      <c r="A2231" s="1">
        <v>4.90390333E8</v>
      </c>
      <c r="B2231" s="3">
        <v>11817.0</v>
      </c>
      <c r="C2231" s="1" t="s">
        <v>5</v>
      </c>
      <c r="D2231" s="1" t="s">
        <v>1873</v>
      </c>
      <c r="E2231" s="1" t="s">
        <v>7</v>
      </c>
    </row>
    <row r="2232">
      <c r="A2232" s="1">
        <v>4.90390334E8</v>
      </c>
      <c r="B2232" s="2">
        <v>11890.0</v>
      </c>
      <c r="C2232" s="1" t="s">
        <v>5</v>
      </c>
      <c r="D2232" s="1" t="s">
        <v>1874</v>
      </c>
      <c r="E2232" s="1" t="s">
        <v>11</v>
      </c>
    </row>
    <row r="2233">
      <c r="A2233" s="1">
        <v>4.90390336E8</v>
      </c>
      <c r="B2233" s="3">
        <v>11831.0</v>
      </c>
      <c r="C2233" s="1" t="s">
        <v>5</v>
      </c>
      <c r="D2233" s="1" t="s">
        <v>1875</v>
      </c>
      <c r="E2233" s="1" t="s">
        <v>7</v>
      </c>
    </row>
    <row r="2234">
      <c r="A2234" s="1">
        <v>4.90390338E8</v>
      </c>
      <c r="B2234" s="2">
        <v>11901.0</v>
      </c>
      <c r="C2234" s="1" t="s">
        <v>5</v>
      </c>
      <c r="D2234" s="1" t="s">
        <v>1876</v>
      </c>
      <c r="E2234" s="1" t="s">
        <v>11</v>
      </c>
    </row>
    <row r="2235">
      <c r="A2235" s="1">
        <v>4.9039034E8</v>
      </c>
      <c r="B2235" s="2">
        <v>11892.0</v>
      </c>
      <c r="C2235" s="1" t="s">
        <v>5</v>
      </c>
      <c r="D2235" s="1" t="s">
        <v>11</v>
      </c>
      <c r="E2235" s="1" t="s">
        <v>7</v>
      </c>
    </row>
    <row r="2236">
      <c r="A2236" s="1">
        <v>4.90390344E8</v>
      </c>
      <c r="B2236" s="3">
        <v>11817.0</v>
      </c>
      <c r="C2236" s="1" t="s">
        <v>5</v>
      </c>
      <c r="D2236" s="1" t="s">
        <v>1877</v>
      </c>
      <c r="E2236" s="1" t="s">
        <v>11</v>
      </c>
    </row>
    <row r="2237">
      <c r="A2237" s="1">
        <v>4.90390346E8</v>
      </c>
      <c r="B2237" s="2">
        <v>11857.0</v>
      </c>
      <c r="C2237" s="1" t="s">
        <v>5</v>
      </c>
      <c r="D2237" s="1" t="s">
        <v>1878</v>
      </c>
      <c r="E2237" s="1" t="s">
        <v>11</v>
      </c>
    </row>
    <row r="2238">
      <c r="A2238" s="1">
        <v>4.90390347E8</v>
      </c>
      <c r="B2238" s="2">
        <v>11881.0</v>
      </c>
      <c r="C2238" s="1" t="s">
        <v>5</v>
      </c>
      <c r="D2238" s="1" t="s">
        <v>1879</v>
      </c>
      <c r="E2238" s="1" t="s">
        <v>11</v>
      </c>
    </row>
    <row r="2239">
      <c r="A2239" s="1">
        <v>4.90390348E8</v>
      </c>
      <c r="B2239" s="2">
        <v>11898.0</v>
      </c>
      <c r="C2239" s="1" t="s">
        <v>5</v>
      </c>
      <c r="D2239" s="1" t="s">
        <v>1880</v>
      </c>
      <c r="E2239" s="1" t="s">
        <v>7</v>
      </c>
    </row>
    <row r="2240">
      <c r="A2240" s="1">
        <v>4.90390351E8</v>
      </c>
      <c r="B2240" s="2">
        <v>11890.0</v>
      </c>
      <c r="C2240" s="1" t="s">
        <v>5</v>
      </c>
      <c r="D2240" s="1" t="s">
        <v>11</v>
      </c>
      <c r="E2240" s="1" t="s">
        <v>7</v>
      </c>
    </row>
    <row r="2241">
      <c r="A2241" s="1">
        <v>4.90390353E8</v>
      </c>
      <c r="B2241" s="3">
        <v>11811.0</v>
      </c>
      <c r="C2241" s="1" t="s">
        <v>5</v>
      </c>
      <c r="D2241" s="1" t="s">
        <v>1881</v>
      </c>
      <c r="E2241" s="1" t="s">
        <v>7</v>
      </c>
    </row>
    <row r="2242">
      <c r="A2242" s="1">
        <v>4.90390355E8</v>
      </c>
      <c r="B2242" s="2">
        <v>11855.0</v>
      </c>
      <c r="C2242" s="1" t="s">
        <v>5</v>
      </c>
      <c r="D2242" s="1" t="s">
        <v>1882</v>
      </c>
      <c r="E2242" s="1" t="s">
        <v>1883</v>
      </c>
    </row>
    <row r="2243">
      <c r="A2243" s="1">
        <v>4.90390357E8</v>
      </c>
      <c r="B2243" s="2">
        <v>11898.0</v>
      </c>
      <c r="C2243" s="1" t="s">
        <v>5</v>
      </c>
      <c r="D2243" s="1" t="s">
        <v>11</v>
      </c>
      <c r="E2243" s="1" t="s">
        <v>7</v>
      </c>
    </row>
    <row r="2244">
      <c r="A2244" s="1">
        <v>4.90390361E8</v>
      </c>
      <c r="B2244" s="2">
        <v>11899.0</v>
      </c>
      <c r="C2244" s="1" t="s">
        <v>5</v>
      </c>
      <c r="D2244" s="1" t="s">
        <v>11</v>
      </c>
      <c r="E2244" s="1" t="s">
        <v>7</v>
      </c>
    </row>
    <row r="2245">
      <c r="A2245" s="1">
        <v>4.9039037E8</v>
      </c>
      <c r="B2245" s="3">
        <v>11811.0</v>
      </c>
      <c r="C2245" s="1" t="s">
        <v>5</v>
      </c>
      <c r="D2245" s="1" t="s">
        <v>1884</v>
      </c>
      <c r="E2245" s="1" t="s">
        <v>7</v>
      </c>
    </row>
    <row r="2246">
      <c r="A2246" s="1">
        <v>4.90390371E8</v>
      </c>
      <c r="B2246" s="2">
        <v>11901.0</v>
      </c>
      <c r="C2246" s="1" t="s">
        <v>5</v>
      </c>
      <c r="D2246" s="1" t="s">
        <v>11</v>
      </c>
      <c r="E2246" s="1" t="s">
        <v>7</v>
      </c>
    </row>
    <row r="2247">
      <c r="A2247" s="1">
        <v>4.90390375E8</v>
      </c>
      <c r="B2247" s="3">
        <v>11817.0</v>
      </c>
      <c r="C2247" s="1" t="s">
        <v>5</v>
      </c>
      <c r="D2247" s="1" t="s">
        <v>1885</v>
      </c>
      <c r="E2247" s="1" t="s">
        <v>7</v>
      </c>
    </row>
    <row r="2248">
      <c r="A2248" s="1">
        <v>4.90390383E8</v>
      </c>
      <c r="B2248" s="2">
        <v>11897.0</v>
      </c>
      <c r="C2248" s="1" t="s">
        <v>5</v>
      </c>
      <c r="D2248" s="1" t="s">
        <v>1886</v>
      </c>
      <c r="E2248" s="1" t="s">
        <v>11</v>
      </c>
    </row>
    <row r="2249">
      <c r="A2249" s="1">
        <v>4.90390386E8</v>
      </c>
      <c r="B2249" s="3">
        <v>11824.0</v>
      </c>
      <c r="C2249" s="1" t="s">
        <v>5</v>
      </c>
      <c r="D2249" s="1" t="s">
        <v>11</v>
      </c>
      <c r="E2249" s="1" t="s">
        <v>7</v>
      </c>
    </row>
    <row r="2250">
      <c r="A2250" s="1">
        <v>4.90390387E8</v>
      </c>
      <c r="B2250" s="2">
        <v>11890.0</v>
      </c>
      <c r="C2250" s="1" t="s">
        <v>5</v>
      </c>
      <c r="D2250" s="1" t="s">
        <v>1887</v>
      </c>
      <c r="E2250" s="1" t="s">
        <v>7</v>
      </c>
    </row>
    <row r="2251">
      <c r="A2251" s="1">
        <v>4.90390388E8</v>
      </c>
      <c r="B2251" s="2">
        <v>11899.0</v>
      </c>
      <c r="C2251" s="1" t="s">
        <v>5</v>
      </c>
      <c r="D2251" s="1" t="s">
        <v>1888</v>
      </c>
      <c r="E2251" s="1" t="s">
        <v>11</v>
      </c>
    </row>
    <row r="2252">
      <c r="A2252" s="1">
        <v>4.90390389E8</v>
      </c>
      <c r="B2252" s="2">
        <v>11896.0</v>
      </c>
      <c r="C2252" s="1" t="s">
        <v>5</v>
      </c>
      <c r="D2252" s="1" t="s">
        <v>1889</v>
      </c>
      <c r="E2252" s="1" t="s">
        <v>7</v>
      </c>
    </row>
    <row r="2253">
      <c r="A2253" s="1">
        <v>4.90390394E8</v>
      </c>
      <c r="B2253" s="2">
        <v>11881.0</v>
      </c>
      <c r="C2253" s="1" t="s">
        <v>5</v>
      </c>
      <c r="D2253" s="1" t="s">
        <v>11</v>
      </c>
      <c r="E2253" s="1" t="s">
        <v>7</v>
      </c>
    </row>
    <row r="2254">
      <c r="A2254" s="1">
        <v>4.90390395E8</v>
      </c>
      <c r="B2254" s="2">
        <v>11891.0</v>
      </c>
      <c r="C2254" s="1" t="s">
        <v>5</v>
      </c>
      <c r="D2254" s="1" t="s">
        <v>1890</v>
      </c>
      <c r="E2254" s="1" t="s">
        <v>7</v>
      </c>
    </row>
    <row r="2255">
      <c r="A2255" s="1">
        <v>4.90390399E8</v>
      </c>
      <c r="B2255" s="2">
        <v>11890.0</v>
      </c>
      <c r="C2255" s="1" t="s">
        <v>5</v>
      </c>
      <c r="D2255" s="1" t="s">
        <v>11</v>
      </c>
      <c r="E2255" s="1" t="s">
        <v>7</v>
      </c>
    </row>
    <row r="2256">
      <c r="A2256" s="1">
        <v>4.90390407E8</v>
      </c>
      <c r="B2256" s="2">
        <v>11897.0</v>
      </c>
      <c r="C2256" s="1" t="s">
        <v>5</v>
      </c>
      <c r="D2256" s="1" t="s">
        <v>11</v>
      </c>
      <c r="E2256" s="1" t="s">
        <v>7</v>
      </c>
    </row>
    <row r="2257">
      <c r="A2257" s="1">
        <v>4.9039041E8</v>
      </c>
      <c r="B2257" s="2">
        <v>11895.0</v>
      </c>
      <c r="C2257" s="1" t="s">
        <v>5</v>
      </c>
      <c r="D2257" s="1" t="s">
        <v>1891</v>
      </c>
      <c r="E2257" s="1" t="s">
        <v>7</v>
      </c>
    </row>
    <row r="2258">
      <c r="A2258" s="1">
        <v>4.90390411E8</v>
      </c>
      <c r="B2258" s="2">
        <v>11896.0</v>
      </c>
      <c r="C2258" s="1" t="s">
        <v>5</v>
      </c>
      <c r="D2258" s="1" t="s">
        <v>1892</v>
      </c>
      <c r="E2258" s="1" t="s">
        <v>7</v>
      </c>
    </row>
    <row r="2259">
      <c r="A2259" s="1">
        <v>4.90390415E8</v>
      </c>
      <c r="B2259" s="2">
        <v>11898.0</v>
      </c>
      <c r="C2259" s="1" t="s">
        <v>5</v>
      </c>
      <c r="D2259" s="1" t="s">
        <v>1893</v>
      </c>
      <c r="E2259" s="1" t="s">
        <v>7</v>
      </c>
    </row>
    <row r="2260">
      <c r="A2260" s="1">
        <v>4.90390416E8</v>
      </c>
      <c r="B2260" s="2">
        <v>11850.0</v>
      </c>
      <c r="C2260" s="1" t="s">
        <v>5</v>
      </c>
      <c r="D2260" s="1" t="s">
        <v>1894</v>
      </c>
      <c r="E2260" s="1" t="s">
        <v>7</v>
      </c>
    </row>
    <row r="2261">
      <c r="A2261" s="1">
        <v>4.90390418E8</v>
      </c>
      <c r="B2261" s="3">
        <v>11814.0</v>
      </c>
      <c r="C2261" s="1" t="s">
        <v>5</v>
      </c>
      <c r="D2261" s="1" t="s">
        <v>1895</v>
      </c>
      <c r="E2261" s="1" t="s">
        <v>11</v>
      </c>
    </row>
    <row r="2262">
      <c r="A2262" s="1">
        <v>4.90390422E8</v>
      </c>
      <c r="B2262" s="3">
        <v>11817.0</v>
      </c>
      <c r="C2262" s="1" t="s">
        <v>5</v>
      </c>
      <c r="D2262" s="1" t="s">
        <v>1896</v>
      </c>
      <c r="E2262" s="1" t="s">
        <v>7</v>
      </c>
    </row>
    <row r="2263">
      <c r="A2263" s="1">
        <v>4.90390425E8</v>
      </c>
      <c r="B2263" s="2">
        <v>11890.0</v>
      </c>
      <c r="C2263" s="1" t="s">
        <v>5</v>
      </c>
      <c r="D2263" s="1" t="s">
        <v>1897</v>
      </c>
      <c r="E2263" s="1" t="s">
        <v>7</v>
      </c>
    </row>
    <row r="2264">
      <c r="A2264" s="1">
        <v>4.90390427E8</v>
      </c>
      <c r="B2264" s="2">
        <v>11899.0</v>
      </c>
      <c r="C2264" s="1" t="s">
        <v>5</v>
      </c>
      <c r="D2264" s="1" t="s">
        <v>1898</v>
      </c>
      <c r="E2264" s="1" t="s">
        <v>7</v>
      </c>
    </row>
    <row r="2265">
      <c r="A2265" s="1">
        <v>4.90390434E8</v>
      </c>
      <c r="B2265" s="3">
        <v>11817.0</v>
      </c>
      <c r="C2265" s="1" t="s">
        <v>5</v>
      </c>
      <c r="D2265" s="1" t="s">
        <v>11</v>
      </c>
      <c r="E2265" s="1" t="s">
        <v>7</v>
      </c>
    </row>
    <row r="2266">
      <c r="A2266" s="1">
        <v>4.90390436E8</v>
      </c>
      <c r="B2266" s="2">
        <v>11896.0</v>
      </c>
      <c r="C2266" s="1" t="s">
        <v>5</v>
      </c>
      <c r="D2266" s="1" t="s">
        <v>1899</v>
      </c>
      <c r="E2266" s="1" t="s">
        <v>7</v>
      </c>
    </row>
    <row r="2267">
      <c r="A2267" s="1">
        <v>4.90390441E8</v>
      </c>
      <c r="B2267" s="2">
        <v>11850.0</v>
      </c>
      <c r="C2267" s="1" t="s">
        <v>5</v>
      </c>
      <c r="D2267" s="1" t="s">
        <v>7</v>
      </c>
      <c r="E2267" s="1" t="s">
        <v>7</v>
      </c>
    </row>
    <row r="2268">
      <c r="A2268" s="1">
        <v>4.90390443E8</v>
      </c>
      <c r="B2268" s="2">
        <v>11895.0</v>
      </c>
      <c r="C2268" s="1" t="s">
        <v>5</v>
      </c>
      <c r="D2268" s="1" t="s">
        <v>1900</v>
      </c>
      <c r="E2268" s="1" t="s">
        <v>11</v>
      </c>
    </row>
    <row r="2269">
      <c r="A2269" s="1">
        <v>4.90390446E8</v>
      </c>
      <c r="B2269" s="3">
        <v>11814.0</v>
      </c>
      <c r="C2269" s="1" t="s">
        <v>5</v>
      </c>
      <c r="D2269" s="1" t="s">
        <v>1901</v>
      </c>
      <c r="E2269" s="1" t="s">
        <v>7</v>
      </c>
    </row>
    <row r="2270">
      <c r="A2270" s="1">
        <v>4.90390447E8</v>
      </c>
      <c r="B2270" s="2">
        <v>11892.0</v>
      </c>
      <c r="C2270" s="1" t="s">
        <v>5</v>
      </c>
      <c r="D2270" s="1" t="s">
        <v>1902</v>
      </c>
      <c r="E2270" s="1" t="s">
        <v>11</v>
      </c>
    </row>
    <row r="2271">
      <c r="A2271" s="1">
        <v>4.90390449E8</v>
      </c>
      <c r="B2271" s="2">
        <v>11901.0</v>
      </c>
      <c r="C2271" s="1" t="s">
        <v>5</v>
      </c>
      <c r="D2271" s="1" t="s">
        <v>1903</v>
      </c>
      <c r="E2271" s="1" t="s">
        <v>11</v>
      </c>
    </row>
    <row r="2272">
      <c r="A2272" s="1">
        <v>4.90390453E8</v>
      </c>
      <c r="B2272" s="2">
        <v>11896.0</v>
      </c>
      <c r="C2272" s="1" t="s">
        <v>5</v>
      </c>
      <c r="D2272" s="1" t="s">
        <v>1904</v>
      </c>
      <c r="E2272" s="1" t="s">
        <v>11</v>
      </c>
    </row>
    <row r="2273">
      <c r="A2273" s="1">
        <v>4.90390454E8</v>
      </c>
      <c r="B2273" s="2">
        <v>11889.0</v>
      </c>
      <c r="C2273" s="1" t="s">
        <v>5</v>
      </c>
      <c r="D2273" s="1" t="s">
        <v>1905</v>
      </c>
      <c r="E2273" s="1" t="s">
        <v>7</v>
      </c>
    </row>
    <row r="2274">
      <c r="A2274" s="1">
        <v>4.90390456E8</v>
      </c>
      <c r="B2274" s="3">
        <v>11811.0</v>
      </c>
      <c r="C2274" s="1" t="s">
        <v>5</v>
      </c>
      <c r="D2274" s="1" t="s">
        <v>1906</v>
      </c>
      <c r="E2274" s="1" t="s">
        <v>11</v>
      </c>
    </row>
    <row r="2275">
      <c r="A2275" s="1">
        <v>4.90390457E8</v>
      </c>
      <c r="B2275" s="3">
        <v>11829.0</v>
      </c>
      <c r="C2275" s="1" t="s">
        <v>5</v>
      </c>
      <c r="D2275" s="1" t="s">
        <v>1907</v>
      </c>
      <c r="E2275" s="1" t="s">
        <v>1908</v>
      </c>
    </row>
    <row r="2276">
      <c r="A2276" s="1">
        <v>4.90390459E8</v>
      </c>
      <c r="B2276" s="3">
        <v>11824.0</v>
      </c>
      <c r="C2276" s="1" t="s">
        <v>5</v>
      </c>
      <c r="D2276" s="1" t="s">
        <v>1909</v>
      </c>
      <c r="E2276" s="1" t="s">
        <v>11</v>
      </c>
    </row>
    <row r="2277">
      <c r="A2277" s="1">
        <v>4.9039046E8</v>
      </c>
      <c r="B2277" s="2">
        <v>11857.0</v>
      </c>
      <c r="C2277" s="1" t="s">
        <v>5</v>
      </c>
      <c r="D2277" s="1" t="s">
        <v>1910</v>
      </c>
      <c r="E2277" s="1" t="s">
        <v>7</v>
      </c>
    </row>
    <row r="2278">
      <c r="A2278" s="1">
        <v>4.90390462E8</v>
      </c>
      <c r="B2278" s="3">
        <v>11817.0</v>
      </c>
      <c r="C2278" s="1" t="s">
        <v>5</v>
      </c>
      <c r="D2278" s="1" t="s">
        <v>11</v>
      </c>
      <c r="E2278" s="1" t="s">
        <v>7</v>
      </c>
    </row>
    <row r="2279">
      <c r="A2279" s="1">
        <v>4.90390464E8</v>
      </c>
      <c r="B2279" s="2">
        <v>11850.0</v>
      </c>
      <c r="C2279" s="1" t="s">
        <v>5</v>
      </c>
      <c r="D2279" s="1" t="s">
        <v>1911</v>
      </c>
      <c r="E2279" s="1" t="s">
        <v>11</v>
      </c>
    </row>
    <row r="2280">
      <c r="A2280" s="1">
        <v>4.90390467E8</v>
      </c>
      <c r="B2280" s="2">
        <v>11898.0</v>
      </c>
      <c r="C2280" s="1" t="s">
        <v>5</v>
      </c>
      <c r="D2280" s="1" t="s">
        <v>11</v>
      </c>
      <c r="E2280" s="1" t="s">
        <v>7</v>
      </c>
    </row>
    <row r="2281">
      <c r="A2281" s="1">
        <v>4.90390469E8</v>
      </c>
      <c r="B2281" s="2">
        <v>11901.0</v>
      </c>
      <c r="C2281" s="1" t="s">
        <v>5</v>
      </c>
      <c r="D2281" s="1" t="s">
        <v>1392</v>
      </c>
      <c r="E2281" s="1" t="s">
        <v>7</v>
      </c>
    </row>
    <row r="2282">
      <c r="A2282" s="1">
        <v>4.9039047E8</v>
      </c>
      <c r="B2282" s="2">
        <v>11851.0</v>
      </c>
      <c r="C2282" s="1" t="s">
        <v>5</v>
      </c>
      <c r="D2282" s="1" t="s">
        <v>1912</v>
      </c>
      <c r="E2282" s="1" t="s">
        <v>7</v>
      </c>
    </row>
    <row r="2283">
      <c r="A2283" s="1">
        <v>4.90390484E8</v>
      </c>
      <c r="B2283" s="3">
        <v>11813.0</v>
      </c>
      <c r="C2283" s="1" t="s">
        <v>5</v>
      </c>
      <c r="D2283" s="1" t="s">
        <v>1913</v>
      </c>
      <c r="E2283" s="1" t="s">
        <v>7</v>
      </c>
    </row>
    <row r="2284">
      <c r="A2284" s="1">
        <v>4.90390487E8</v>
      </c>
      <c r="B2284" s="2">
        <v>11892.0</v>
      </c>
      <c r="C2284" s="1" t="s">
        <v>5</v>
      </c>
      <c r="D2284" s="1" t="s">
        <v>1914</v>
      </c>
      <c r="E2284" s="1" t="s">
        <v>11</v>
      </c>
    </row>
    <row r="2285">
      <c r="A2285" s="1">
        <v>4.90390488E8</v>
      </c>
      <c r="B2285" s="3">
        <v>11831.0</v>
      </c>
      <c r="C2285" s="1" t="s">
        <v>5</v>
      </c>
      <c r="D2285" s="1" t="s">
        <v>11</v>
      </c>
      <c r="E2285" s="1" t="s">
        <v>7</v>
      </c>
    </row>
    <row r="2286">
      <c r="A2286" s="1">
        <v>4.90390493E8</v>
      </c>
      <c r="B2286" s="3">
        <v>11829.0</v>
      </c>
      <c r="C2286" s="1" t="s">
        <v>5</v>
      </c>
      <c r="D2286" s="1" t="s">
        <v>1915</v>
      </c>
      <c r="E2286" s="1" t="s">
        <v>11</v>
      </c>
    </row>
    <row r="2287">
      <c r="A2287" s="1">
        <v>4.90390494E8</v>
      </c>
      <c r="B2287" s="3">
        <v>11813.0</v>
      </c>
      <c r="C2287" s="1" t="s">
        <v>5</v>
      </c>
      <c r="D2287" s="1" t="s">
        <v>1916</v>
      </c>
      <c r="E2287" s="1" t="s">
        <v>7</v>
      </c>
    </row>
    <row r="2288">
      <c r="A2288" s="1">
        <v>4.90390495E8</v>
      </c>
      <c r="B2288" s="2">
        <v>11896.0</v>
      </c>
      <c r="C2288" s="1" t="s">
        <v>5</v>
      </c>
      <c r="D2288" s="1" t="s">
        <v>1917</v>
      </c>
      <c r="E2288" s="1" t="s">
        <v>7</v>
      </c>
    </row>
    <row r="2289">
      <c r="A2289" s="1">
        <v>4.90390496E8</v>
      </c>
      <c r="B2289" s="3">
        <v>11824.0</v>
      </c>
      <c r="C2289" s="1" t="s">
        <v>5</v>
      </c>
      <c r="D2289" s="1" t="s">
        <v>11</v>
      </c>
      <c r="E2289" s="1" t="s">
        <v>7</v>
      </c>
    </row>
    <row r="2290">
      <c r="A2290" s="1">
        <v>4.903905E8</v>
      </c>
      <c r="B2290" s="2">
        <v>11857.0</v>
      </c>
      <c r="C2290" s="1" t="s">
        <v>5</v>
      </c>
      <c r="D2290" s="1" t="s">
        <v>1918</v>
      </c>
      <c r="E2290" s="1" t="s">
        <v>11</v>
      </c>
    </row>
    <row r="2291">
      <c r="A2291" s="1">
        <v>4.90390502E8</v>
      </c>
      <c r="B2291" s="2">
        <v>11901.0</v>
      </c>
      <c r="C2291" s="1" t="s">
        <v>5</v>
      </c>
      <c r="D2291" s="1" t="s">
        <v>1919</v>
      </c>
      <c r="E2291" s="1" t="s">
        <v>11</v>
      </c>
    </row>
    <row r="2292">
      <c r="A2292" s="1">
        <v>4.90390503E8</v>
      </c>
      <c r="B2292" s="2">
        <v>11851.0</v>
      </c>
      <c r="C2292" s="1" t="s">
        <v>5</v>
      </c>
      <c r="D2292" s="1" t="s">
        <v>1920</v>
      </c>
      <c r="E2292" s="1" t="s">
        <v>7</v>
      </c>
    </row>
    <row r="2293">
      <c r="A2293" s="1">
        <v>4.90390507E8</v>
      </c>
      <c r="B2293" s="2">
        <v>11891.0</v>
      </c>
      <c r="C2293" s="1" t="s">
        <v>5</v>
      </c>
      <c r="D2293" s="1" t="s">
        <v>1921</v>
      </c>
      <c r="E2293" s="1" t="s">
        <v>1922</v>
      </c>
    </row>
    <row r="2294">
      <c r="A2294" s="1">
        <v>4.90390509E8</v>
      </c>
      <c r="B2294" s="3">
        <v>11829.0</v>
      </c>
      <c r="C2294" s="1" t="s">
        <v>5</v>
      </c>
      <c r="D2294" s="1" t="s">
        <v>1923</v>
      </c>
      <c r="E2294" s="1" t="s">
        <v>7</v>
      </c>
    </row>
    <row r="2295">
      <c r="A2295" s="1">
        <v>4.9039051E8</v>
      </c>
      <c r="B2295" s="2">
        <v>11897.0</v>
      </c>
      <c r="C2295" s="1" t="s">
        <v>5</v>
      </c>
      <c r="D2295" s="1" t="s">
        <v>11</v>
      </c>
      <c r="E2295" s="1" t="s">
        <v>7</v>
      </c>
    </row>
    <row r="2296">
      <c r="A2296" s="1">
        <v>4.90390511E8</v>
      </c>
      <c r="B2296" s="2">
        <v>11891.0</v>
      </c>
      <c r="C2296" s="1" t="s">
        <v>5</v>
      </c>
      <c r="D2296" s="1" t="s">
        <v>1924</v>
      </c>
      <c r="E2296" s="1" t="s">
        <v>7</v>
      </c>
    </row>
    <row r="2297">
      <c r="A2297" s="1">
        <v>4.90390512E8</v>
      </c>
      <c r="B2297" s="3">
        <v>11824.0</v>
      </c>
      <c r="C2297" s="1" t="s">
        <v>5</v>
      </c>
      <c r="D2297" s="1" t="s">
        <v>1925</v>
      </c>
      <c r="E2297" s="1" t="s">
        <v>11</v>
      </c>
    </row>
    <row r="2298">
      <c r="A2298" s="1">
        <v>4.90390513E8</v>
      </c>
      <c r="B2298" s="3">
        <v>11813.0</v>
      </c>
      <c r="C2298" s="1" t="s">
        <v>5</v>
      </c>
      <c r="D2298" s="1" t="s">
        <v>11</v>
      </c>
      <c r="E2298" s="1" t="s">
        <v>7</v>
      </c>
    </row>
    <row r="2299">
      <c r="A2299" s="1">
        <v>4.90390517E8</v>
      </c>
      <c r="B2299" s="2">
        <v>11889.0</v>
      </c>
      <c r="C2299" s="1" t="s">
        <v>5</v>
      </c>
      <c r="D2299" s="1" t="s">
        <v>1926</v>
      </c>
      <c r="E2299" s="1" t="s">
        <v>7</v>
      </c>
    </row>
    <row r="2300">
      <c r="A2300" s="1">
        <v>4.90390528E8</v>
      </c>
      <c r="B2300" s="2">
        <v>11851.0</v>
      </c>
      <c r="C2300" s="1" t="s">
        <v>5</v>
      </c>
      <c r="D2300" s="1" t="s">
        <v>1927</v>
      </c>
      <c r="E2300" s="1" t="s">
        <v>7</v>
      </c>
    </row>
    <row r="2301">
      <c r="A2301" s="1">
        <v>4.90390532E8</v>
      </c>
      <c r="B2301" s="2">
        <v>11855.0</v>
      </c>
      <c r="C2301" s="1" t="s">
        <v>5</v>
      </c>
      <c r="D2301" s="1" t="s">
        <v>1928</v>
      </c>
      <c r="E2301" s="1" t="s">
        <v>11</v>
      </c>
    </row>
    <row r="2302">
      <c r="A2302" s="1">
        <v>4.90390534E8</v>
      </c>
      <c r="B2302" s="2">
        <v>11897.0</v>
      </c>
      <c r="C2302" s="1" t="s">
        <v>5</v>
      </c>
      <c r="D2302" s="1" t="s">
        <v>1929</v>
      </c>
      <c r="E2302" s="1" t="s">
        <v>11</v>
      </c>
    </row>
    <row r="2303">
      <c r="A2303" s="1">
        <v>4.90390535E8</v>
      </c>
      <c r="B2303" s="2">
        <v>11890.0</v>
      </c>
      <c r="C2303" s="1" t="s">
        <v>5</v>
      </c>
      <c r="D2303" s="1" t="s">
        <v>1930</v>
      </c>
      <c r="E2303" s="1" t="s">
        <v>7</v>
      </c>
    </row>
    <row r="2304">
      <c r="A2304" s="1">
        <v>4.90390541E8</v>
      </c>
      <c r="B2304" s="2">
        <v>11889.0</v>
      </c>
      <c r="C2304" s="1" t="s">
        <v>5</v>
      </c>
      <c r="D2304" s="1" t="s">
        <v>11</v>
      </c>
      <c r="E2304" s="1" t="s">
        <v>7</v>
      </c>
    </row>
    <row r="2305">
      <c r="A2305" s="1">
        <v>4.90390542E8</v>
      </c>
      <c r="B2305" s="3">
        <v>11824.0</v>
      </c>
      <c r="C2305" s="1" t="s">
        <v>5</v>
      </c>
      <c r="D2305" s="1" t="s">
        <v>1931</v>
      </c>
      <c r="E2305" s="1" t="s">
        <v>7</v>
      </c>
    </row>
    <row r="2306">
      <c r="A2306" s="1">
        <v>4.90390544E8</v>
      </c>
      <c r="B2306" s="2">
        <v>11850.0</v>
      </c>
      <c r="C2306" s="1" t="s">
        <v>5</v>
      </c>
      <c r="D2306" s="1" t="s">
        <v>1932</v>
      </c>
      <c r="E2306" s="1" t="s">
        <v>11</v>
      </c>
    </row>
    <row r="2307">
      <c r="A2307" s="1">
        <v>4.90390547E8</v>
      </c>
      <c r="B2307" s="2">
        <v>11900.0</v>
      </c>
      <c r="C2307" s="1" t="s">
        <v>5</v>
      </c>
      <c r="D2307" s="1" t="s">
        <v>1933</v>
      </c>
      <c r="E2307" s="1" t="s">
        <v>11</v>
      </c>
    </row>
    <row r="2308">
      <c r="A2308" s="1">
        <v>4.90390548E8</v>
      </c>
      <c r="B2308" s="2">
        <v>11896.0</v>
      </c>
      <c r="C2308" s="1" t="s">
        <v>5</v>
      </c>
      <c r="D2308" s="1" t="s">
        <v>1934</v>
      </c>
      <c r="E2308" s="1" t="s">
        <v>7</v>
      </c>
    </row>
    <row r="2309">
      <c r="A2309" s="1">
        <v>4.90390549E8</v>
      </c>
      <c r="B2309" s="2">
        <v>11901.0</v>
      </c>
      <c r="C2309" s="1" t="s">
        <v>5</v>
      </c>
      <c r="D2309" s="1" t="s">
        <v>11</v>
      </c>
      <c r="E2309" s="1" t="s">
        <v>7</v>
      </c>
    </row>
    <row r="2310">
      <c r="A2310" s="1">
        <v>4.90390551E8</v>
      </c>
      <c r="B2310" s="3">
        <v>11813.0</v>
      </c>
      <c r="C2310" s="1" t="s">
        <v>5</v>
      </c>
      <c r="D2310" s="1" t="s">
        <v>11</v>
      </c>
      <c r="E2310" s="1" t="s">
        <v>7</v>
      </c>
    </row>
    <row r="2311">
      <c r="A2311" s="1">
        <v>4.90390553E8</v>
      </c>
      <c r="B2311" s="2">
        <v>11895.0</v>
      </c>
      <c r="C2311" s="1" t="s">
        <v>5</v>
      </c>
      <c r="D2311" s="1" t="s">
        <v>1935</v>
      </c>
      <c r="E2311" s="1" t="s">
        <v>7</v>
      </c>
    </row>
    <row r="2312">
      <c r="A2312" s="1">
        <v>4.90390555E8</v>
      </c>
      <c r="B2312" s="2">
        <v>11890.0</v>
      </c>
      <c r="C2312" s="1" t="s">
        <v>5</v>
      </c>
      <c r="D2312" s="1" t="s">
        <v>1936</v>
      </c>
      <c r="E2312" s="1" t="s">
        <v>7</v>
      </c>
    </row>
    <row r="2313">
      <c r="A2313" s="1">
        <v>4.90390557E8</v>
      </c>
      <c r="B2313" s="2">
        <v>11851.0</v>
      </c>
      <c r="C2313" s="1" t="s">
        <v>5</v>
      </c>
      <c r="D2313" s="1" t="s">
        <v>1937</v>
      </c>
      <c r="E2313" s="1" t="s">
        <v>7</v>
      </c>
    </row>
    <row r="2314">
      <c r="A2314" s="1">
        <v>4.90390558E8</v>
      </c>
      <c r="B2314" s="3">
        <v>11814.0</v>
      </c>
      <c r="C2314" s="1" t="s">
        <v>5</v>
      </c>
      <c r="D2314" s="1" t="s">
        <v>11</v>
      </c>
      <c r="E2314" s="1" t="s">
        <v>7</v>
      </c>
    </row>
    <row r="2315">
      <c r="A2315" s="1">
        <v>4.90390564E8</v>
      </c>
      <c r="B2315" s="2">
        <v>11898.0</v>
      </c>
      <c r="C2315" s="1" t="s">
        <v>5</v>
      </c>
      <c r="D2315" s="1" t="s">
        <v>1938</v>
      </c>
      <c r="E2315" s="1" t="s">
        <v>7</v>
      </c>
    </row>
    <row r="2316">
      <c r="A2316" s="1">
        <v>4.90390566E8</v>
      </c>
      <c r="B2316" s="2">
        <v>11897.0</v>
      </c>
      <c r="C2316" s="1" t="s">
        <v>5</v>
      </c>
      <c r="D2316" s="1" t="s">
        <v>11</v>
      </c>
      <c r="E2316" s="1" t="s">
        <v>7</v>
      </c>
    </row>
    <row r="2317">
      <c r="A2317" s="1">
        <v>4.90390568E8</v>
      </c>
      <c r="B2317" s="2">
        <v>11900.0</v>
      </c>
      <c r="C2317" s="1" t="s">
        <v>5</v>
      </c>
      <c r="D2317" s="1" t="s">
        <v>1939</v>
      </c>
      <c r="E2317" s="1" t="s">
        <v>7</v>
      </c>
    </row>
    <row r="2318">
      <c r="A2318" s="1">
        <v>4.9039057E8</v>
      </c>
      <c r="B2318" s="2">
        <v>11855.0</v>
      </c>
      <c r="C2318" s="1" t="s">
        <v>5</v>
      </c>
      <c r="D2318" s="1" t="s">
        <v>1940</v>
      </c>
      <c r="E2318" s="1" t="s">
        <v>7</v>
      </c>
    </row>
    <row r="2319">
      <c r="A2319" s="1">
        <v>4.90390582E8</v>
      </c>
      <c r="B2319" s="2">
        <v>11850.0</v>
      </c>
      <c r="C2319" s="1" t="s">
        <v>5</v>
      </c>
      <c r="D2319" s="1" t="s">
        <v>1941</v>
      </c>
      <c r="E2319" s="1" t="s">
        <v>7</v>
      </c>
    </row>
    <row r="2320">
      <c r="A2320" s="1">
        <v>4.90390584E8</v>
      </c>
      <c r="B2320" s="3">
        <v>11815.0</v>
      </c>
      <c r="C2320" s="1" t="s">
        <v>5</v>
      </c>
      <c r="D2320" s="1" t="s">
        <v>1942</v>
      </c>
      <c r="E2320" s="1" t="s">
        <v>1943</v>
      </c>
    </row>
    <row r="2321">
      <c r="A2321" s="1">
        <v>4.90390586E8</v>
      </c>
      <c r="B2321" s="2">
        <v>11898.0</v>
      </c>
      <c r="C2321" s="1" t="s">
        <v>5</v>
      </c>
      <c r="D2321" s="1" t="s">
        <v>11</v>
      </c>
      <c r="E2321" s="1" t="s">
        <v>7</v>
      </c>
    </row>
    <row r="2322">
      <c r="A2322" s="1">
        <v>4.90390587E8</v>
      </c>
      <c r="B2322" s="2">
        <v>11900.0</v>
      </c>
      <c r="C2322" s="1" t="s">
        <v>5</v>
      </c>
      <c r="D2322" s="1" t="s">
        <v>11</v>
      </c>
      <c r="E2322" s="1" t="s">
        <v>7</v>
      </c>
    </row>
    <row r="2323">
      <c r="A2323" s="1">
        <v>4.90390589E8</v>
      </c>
      <c r="B2323" s="3">
        <v>11814.0</v>
      </c>
      <c r="C2323" s="1" t="s">
        <v>5</v>
      </c>
      <c r="D2323" s="1" t="s">
        <v>1944</v>
      </c>
      <c r="E2323" s="1" t="s">
        <v>7</v>
      </c>
    </row>
    <row r="2324">
      <c r="A2324" s="1">
        <v>4.903906E8</v>
      </c>
      <c r="B2324" s="2">
        <v>11897.0</v>
      </c>
      <c r="C2324" s="1" t="s">
        <v>5</v>
      </c>
      <c r="D2324" s="1" t="s">
        <v>1945</v>
      </c>
      <c r="E2324" s="1" t="s">
        <v>7</v>
      </c>
    </row>
    <row r="2325">
      <c r="A2325" s="1">
        <v>4.90390601E8</v>
      </c>
      <c r="B2325" s="2">
        <v>11889.0</v>
      </c>
      <c r="C2325" s="1" t="s">
        <v>5</v>
      </c>
      <c r="D2325" s="1" t="s">
        <v>11</v>
      </c>
      <c r="E2325" s="1" t="s">
        <v>7</v>
      </c>
    </row>
    <row r="2326">
      <c r="A2326" s="1">
        <v>4.90390605E8</v>
      </c>
      <c r="B2326" s="3">
        <v>11815.0</v>
      </c>
      <c r="C2326" s="1" t="s">
        <v>5</v>
      </c>
      <c r="D2326" s="1" t="s">
        <v>1946</v>
      </c>
      <c r="E2326" s="1" t="s">
        <v>11</v>
      </c>
    </row>
    <row r="2327">
      <c r="A2327" s="1">
        <v>4.90390606E8</v>
      </c>
      <c r="B2327" s="2">
        <v>11897.0</v>
      </c>
      <c r="C2327" s="1" t="s">
        <v>5</v>
      </c>
      <c r="D2327" s="1" t="s">
        <v>1947</v>
      </c>
      <c r="E2327" s="1" t="s">
        <v>7</v>
      </c>
    </row>
    <row r="2328">
      <c r="A2328" s="1">
        <v>4.90390607E8</v>
      </c>
      <c r="B2328" s="2">
        <v>11896.0</v>
      </c>
      <c r="C2328" s="1" t="s">
        <v>5</v>
      </c>
      <c r="D2328" s="1" t="s">
        <v>1948</v>
      </c>
      <c r="E2328" s="1" t="s">
        <v>7</v>
      </c>
    </row>
    <row r="2329">
      <c r="A2329" s="1">
        <v>4.90390614E8</v>
      </c>
      <c r="B2329" s="2">
        <v>11897.0</v>
      </c>
      <c r="C2329" s="1" t="s">
        <v>5</v>
      </c>
      <c r="D2329" s="1" t="s">
        <v>169</v>
      </c>
      <c r="E2329" s="1" t="s">
        <v>7</v>
      </c>
    </row>
    <row r="2330">
      <c r="A2330" s="1">
        <v>4.90390616E8</v>
      </c>
      <c r="B2330" s="2">
        <v>11898.0</v>
      </c>
      <c r="C2330" s="1" t="s">
        <v>5</v>
      </c>
      <c r="D2330" s="1" t="s">
        <v>1949</v>
      </c>
      <c r="E2330" s="1" t="s">
        <v>11</v>
      </c>
    </row>
    <row r="2331">
      <c r="A2331" s="1">
        <v>4.90390617E8</v>
      </c>
      <c r="B2331" s="2">
        <v>11889.0</v>
      </c>
      <c r="C2331" s="1" t="s">
        <v>5</v>
      </c>
      <c r="D2331" s="1" t="s">
        <v>1950</v>
      </c>
      <c r="E2331" s="1" t="s">
        <v>7</v>
      </c>
    </row>
    <row r="2332">
      <c r="A2332" s="1">
        <v>4.90390619E8</v>
      </c>
      <c r="B2332" s="3">
        <v>11814.0</v>
      </c>
      <c r="C2332" s="1" t="s">
        <v>5</v>
      </c>
      <c r="D2332" s="1" t="s">
        <v>1951</v>
      </c>
      <c r="E2332" s="1" t="s">
        <v>11</v>
      </c>
    </row>
    <row r="2333">
      <c r="A2333" s="1">
        <v>4.9039062E8</v>
      </c>
      <c r="B2333" s="3">
        <v>11811.0</v>
      </c>
      <c r="C2333" s="1" t="s">
        <v>5</v>
      </c>
      <c r="D2333" s="1" t="s">
        <v>1952</v>
      </c>
      <c r="E2333" s="1" t="s">
        <v>7</v>
      </c>
    </row>
    <row r="2334">
      <c r="A2334" s="1">
        <v>4.90390622E8</v>
      </c>
      <c r="B2334" s="2">
        <v>11891.0</v>
      </c>
      <c r="C2334" s="1" t="s">
        <v>5</v>
      </c>
      <c r="D2334" s="1" t="s">
        <v>1953</v>
      </c>
      <c r="E2334" s="1" t="s">
        <v>11</v>
      </c>
    </row>
    <row r="2335">
      <c r="A2335" s="1">
        <v>4.90390627E8</v>
      </c>
      <c r="B2335" s="2">
        <v>11897.0</v>
      </c>
      <c r="C2335" s="1" t="s">
        <v>5</v>
      </c>
      <c r="D2335" s="1" t="s">
        <v>1954</v>
      </c>
      <c r="E2335" s="1" t="s">
        <v>7</v>
      </c>
    </row>
    <row r="2336">
      <c r="A2336" s="1">
        <v>4.90390631E8</v>
      </c>
      <c r="B2336" s="2">
        <v>11850.0</v>
      </c>
      <c r="C2336" s="1" t="s">
        <v>5</v>
      </c>
      <c r="D2336" s="1" t="s">
        <v>1955</v>
      </c>
      <c r="E2336" s="1" t="s">
        <v>11</v>
      </c>
    </row>
    <row r="2337">
      <c r="A2337" s="1">
        <v>4.90390638E8</v>
      </c>
      <c r="B2337" s="3">
        <v>11811.0</v>
      </c>
      <c r="C2337" s="1" t="s">
        <v>5</v>
      </c>
      <c r="D2337" s="1" t="s">
        <v>1956</v>
      </c>
      <c r="E2337" s="1" t="s">
        <v>7</v>
      </c>
    </row>
    <row r="2338">
      <c r="A2338" s="1">
        <v>4.90390642E8</v>
      </c>
      <c r="B2338" s="2">
        <v>11891.0</v>
      </c>
      <c r="C2338" s="1" t="s">
        <v>5</v>
      </c>
      <c r="D2338" s="1" t="s">
        <v>1957</v>
      </c>
      <c r="E2338" s="1" t="s">
        <v>7</v>
      </c>
    </row>
    <row r="2339">
      <c r="A2339" s="1">
        <v>4.90390649E8</v>
      </c>
      <c r="B2339" s="2">
        <v>11901.0</v>
      </c>
      <c r="C2339" s="1" t="s">
        <v>5</v>
      </c>
      <c r="D2339" s="1" t="s">
        <v>1958</v>
      </c>
      <c r="E2339" s="1" t="s">
        <v>7</v>
      </c>
    </row>
    <row r="2340">
      <c r="A2340" s="1">
        <v>4.90390653E8</v>
      </c>
      <c r="B2340" s="2">
        <v>11891.0</v>
      </c>
      <c r="C2340" s="1" t="s">
        <v>5</v>
      </c>
      <c r="D2340" s="1" t="s">
        <v>1959</v>
      </c>
      <c r="E2340" s="1" t="s">
        <v>11</v>
      </c>
    </row>
    <row r="2341">
      <c r="A2341" s="1">
        <v>4.90390655E8</v>
      </c>
      <c r="B2341" s="2">
        <v>11857.0</v>
      </c>
      <c r="C2341" s="1" t="s">
        <v>5</v>
      </c>
      <c r="D2341" s="1" t="s">
        <v>1960</v>
      </c>
      <c r="E2341" s="1" t="s">
        <v>7</v>
      </c>
    </row>
    <row r="2342">
      <c r="A2342" s="1">
        <v>4.90390658E8</v>
      </c>
      <c r="B2342" s="2">
        <v>11889.0</v>
      </c>
      <c r="C2342" s="1" t="s">
        <v>5</v>
      </c>
      <c r="D2342" s="1" t="s">
        <v>11</v>
      </c>
      <c r="E2342" s="1" t="s">
        <v>7</v>
      </c>
    </row>
    <row r="2343">
      <c r="A2343" s="1">
        <v>4.90390666E8</v>
      </c>
      <c r="B2343" s="2">
        <v>11896.0</v>
      </c>
      <c r="C2343" s="1" t="s">
        <v>5</v>
      </c>
      <c r="D2343" s="1" t="s">
        <v>1961</v>
      </c>
      <c r="E2343" s="1" t="s">
        <v>11</v>
      </c>
    </row>
    <row r="2344">
      <c r="A2344" s="1">
        <v>4.90390668E8</v>
      </c>
      <c r="B2344" s="2">
        <v>11891.0</v>
      </c>
      <c r="C2344" s="1" t="s">
        <v>5</v>
      </c>
      <c r="D2344" s="1" t="s">
        <v>1962</v>
      </c>
      <c r="E2344" s="1" t="s">
        <v>7</v>
      </c>
    </row>
    <row r="2345">
      <c r="A2345" s="1">
        <v>4.90390672E8</v>
      </c>
      <c r="B2345" s="2">
        <v>11895.0</v>
      </c>
      <c r="C2345" s="1" t="s">
        <v>5</v>
      </c>
      <c r="D2345" s="1" t="s">
        <v>1963</v>
      </c>
      <c r="E2345" s="1" t="s">
        <v>7</v>
      </c>
    </row>
    <row r="2346">
      <c r="A2346" s="1">
        <v>4.90390677E8</v>
      </c>
      <c r="B2346" s="3">
        <v>11815.0</v>
      </c>
      <c r="C2346" s="1" t="s">
        <v>5</v>
      </c>
      <c r="D2346" s="1" t="s">
        <v>1964</v>
      </c>
      <c r="E2346" s="1" t="s">
        <v>7</v>
      </c>
    </row>
    <row r="2347">
      <c r="A2347" s="1">
        <v>4.90390679E8</v>
      </c>
      <c r="B2347" s="2">
        <v>11897.0</v>
      </c>
      <c r="C2347" s="1" t="s">
        <v>5</v>
      </c>
      <c r="D2347" s="1" t="s">
        <v>1965</v>
      </c>
      <c r="E2347" s="1" t="s">
        <v>7</v>
      </c>
    </row>
    <row r="2348">
      <c r="A2348" s="1">
        <v>4.90390685E8</v>
      </c>
      <c r="B2348" s="2">
        <v>11891.0</v>
      </c>
      <c r="C2348" s="1" t="s">
        <v>5</v>
      </c>
      <c r="D2348" s="1" t="s">
        <v>1966</v>
      </c>
      <c r="E2348" s="1" t="s">
        <v>7</v>
      </c>
    </row>
    <row r="2349">
      <c r="A2349" s="1">
        <v>4.9039069E8</v>
      </c>
      <c r="B2349" s="3">
        <v>11814.0</v>
      </c>
      <c r="C2349" s="1" t="s">
        <v>5</v>
      </c>
      <c r="D2349" s="1" t="s">
        <v>1967</v>
      </c>
      <c r="E2349" s="1" t="s">
        <v>1968</v>
      </c>
    </row>
    <row r="2350">
      <c r="A2350" s="1">
        <v>4.90390692E8</v>
      </c>
      <c r="B2350" s="2">
        <v>11857.0</v>
      </c>
      <c r="C2350" s="1" t="s">
        <v>5</v>
      </c>
      <c r="D2350" s="1" t="s">
        <v>1969</v>
      </c>
      <c r="E2350" s="1" t="s">
        <v>11</v>
      </c>
    </row>
    <row r="2351">
      <c r="A2351" s="1">
        <v>4.90390695E8</v>
      </c>
      <c r="B2351" s="2">
        <v>11855.0</v>
      </c>
      <c r="C2351" s="1" t="s">
        <v>5</v>
      </c>
      <c r="D2351" s="1" t="s">
        <v>1970</v>
      </c>
      <c r="E2351" s="1" t="s">
        <v>11</v>
      </c>
    </row>
    <row r="2352">
      <c r="A2352" s="1">
        <v>4.90390696E8</v>
      </c>
      <c r="B2352" s="3">
        <v>11829.0</v>
      </c>
      <c r="C2352" s="1" t="s">
        <v>5</v>
      </c>
      <c r="D2352" s="1" t="s">
        <v>11</v>
      </c>
      <c r="E2352" s="1" t="s">
        <v>7</v>
      </c>
    </row>
    <row r="2353">
      <c r="A2353" s="1">
        <v>4.90390697E8</v>
      </c>
      <c r="B2353" s="2">
        <v>11889.0</v>
      </c>
      <c r="C2353" s="1" t="s">
        <v>5</v>
      </c>
      <c r="D2353" s="1" t="s">
        <v>11</v>
      </c>
      <c r="E2353" s="1" t="s">
        <v>7</v>
      </c>
    </row>
    <row r="2354">
      <c r="A2354" s="1">
        <v>4.90390699E8</v>
      </c>
      <c r="B2354" s="2">
        <v>11899.0</v>
      </c>
      <c r="C2354" s="1" t="s">
        <v>5</v>
      </c>
      <c r="D2354" s="1" t="s">
        <v>1971</v>
      </c>
      <c r="E2354" s="1" t="s">
        <v>7</v>
      </c>
    </row>
    <row r="2355">
      <c r="A2355" s="1">
        <v>4.90390703E8</v>
      </c>
      <c r="B2355" s="3">
        <v>11822.0</v>
      </c>
      <c r="C2355" s="1" t="s">
        <v>5</v>
      </c>
      <c r="D2355" s="1" t="s">
        <v>11</v>
      </c>
      <c r="E2355" s="1" t="s">
        <v>7</v>
      </c>
    </row>
    <row r="2356">
      <c r="A2356" s="1">
        <v>4.90390707E8</v>
      </c>
      <c r="B2356" s="2">
        <v>11897.0</v>
      </c>
      <c r="C2356" s="1" t="s">
        <v>5</v>
      </c>
      <c r="D2356" s="1" t="s">
        <v>1972</v>
      </c>
      <c r="E2356" s="1" t="s">
        <v>7</v>
      </c>
    </row>
    <row r="2357">
      <c r="A2357" s="1">
        <v>4.90390708E8</v>
      </c>
      <c r="B2357" s="2">
        <v>11857.0</v>
      </c>
      <c r="C2357" s="1" t="s">
        <v>5</v>
      </c>
      <c r="D2357" s="1" t="s">
        <v>1973</v>
      </c>
      <c r="E2357" s="1" t="s">
        <v>11</v>
      </c>
    </row>
    <row r="2358">
      <c r="A2358" s="1">
        <v>4.90390712E8</v>
      </c>
      <c r="B2358" s="2">
        <v>11857.0</v>
      </c>
      <c r="C2358" s="1" t="s">
        <v>5</v>
      </c>
      <c r="D2358" s="1" t="s">
        <v>1974</v>
      </c>
      <c r="E2358" s="1" t="s">
        <v>7</v>
      </c>
    </row>
    <row r="2359">
      <c r="A2359" s="1">
        <v>4.90390714E8</v>
      </c>
      <c r="B2359" s="2">
        <v>11889.0</v>
      </c>
      <c r="C2359" s="1" t="s">
        <v>5</v>
      </c>
      <c r="D2359" s="1" t="s">
        <v>1975</v>
      </c>
      <c r="E2359" s="1" t="s">
        <v>7</v>
      </c>
    </row>
    <row r="2360">
      <c r="A2360" s="1">
        <v>4.90390715E8</v>
      </c>
      <c r="B2360" s="2">
        <v>11896.0</v>
      </c>
      <c r="C2360" s="1" t="s">
        <v>5</v>
      </c>
      <c r="D2360" s="1" t="s">
        <v>1976</v>
      </c>
      <c r="E2360" s="1" t="s">
        <v>7</v>
      </c>
    </row>
    <row r="2361">
      <c r="A2361" s="1">
        <v>4.90390717E8</v>
      </c>
      <c r="B2361" s="2">
        <v>11899.0</v>
      </c>
      <c r="C2361" s="1" t="s">
        <v>5</v>
      </c>
      <c r="D2361" s="1" t="s">
        <v>1977</v>
      </c>
      <c r="E2361" s="1" t="s">
        <v>11</v>
      </c>
    </row>
    <row r="2362">
      <c r="A2362" s="1">
        <v>4.90390718E8</v>
      </c>
      <c r="B2362" s="3">
        <v>11815.0</v>
      </c>
      <c r="C2362" s="1" t="s">
        <v>5</v>
      </c>
      <c r="D2362" s="1" t="s">
        <v>1978</v>
      </c>
      <c r="E2362" s="1" t="s">
        <v>7</v>
      </c>
    </row>
    <row r="2363">
      <c r="A2363" s="1">
        <v>4.90390721E8</v>
      </c>
      <c r="B2363" s="2">
        <v>11851.0</v>
      </c>
      <c r="C2363" s="1" t="s">
        <v>5</v>
      </c>
      <c r="D2363" s="1" t="s">
        <v>1979</v>
      </c>
      <c r="E2363" s="1" t="s">
        <v>7</v>
      </c>
    </row>
    <row r="2364">
      <c r="A2364" s="1">
        <v>4.90390725E8</v>
      </c>
      <c r="B2364" s="2">
        <v>11891.0</v>
      </c>
      <c r="C2364" s="1" t="s">
        <v>5</v>
      </c>
      <c r="D2364" s="1" t="s">
        <v>1980</v>
      </c>
      <c r="E2364" s="1" t="s">
        <v>11</v>
      </c>
    </row>
    <row r="2365">
      <c r="A2365" s="1">
        <v>4.90390726E8</v>
      </c>
      <c r="B2365" s="3">
        <v>11829.0</v>
      </c>
      <c r="C2365" s="1" t="s">
        <v>5</v>
      </c>
      <c r="D2365" s="1" t="s">
        <v>1981</v>
      </c>
      <c r="E2365" s="1" t="s">
        <v>7</v>
      </c>
    </row>
    <row r="2366">
      <c r="A2366" s="1">
        <v>4.90390727E8</v>
      </c>
      <c r="B2366" s="2">
        <v>11896.0</v>
      </c>
      <c r="C2366" s="1" t="s">
        <v>5</v>
      </c>
      <c r="D2366" s="1" t="s">
        <v>11</v>
      </c>
      <c r="E2366" s="1" t="s">
        <v>7</v>
      </c>
    </row>
    <row r="2367">
      <c r="A2367" s="1">
        <v>4.90390731E8</v>
      </c>
      <c r="B2367" s="2">
        <v>11855.0</v>
      </c>
      <c r="C2367" s="1" t="s">
        <v>5</v>
      </c>
      <c r="D2367" s="1" t="s">
        <v>1982</v>
      </c>
      <c r="E2367" s="1" t="s">
        <v>7</v>
      </c>
    </row>
    <row r="2368">
      <c r="A2368" s="1">
        <v>4.90390733E8</v>
      </c>
      <c r="B2368" s="2">
        <v>11895.0</v>
      </c>
      <c r="C2368" s="1" t="s">
        <v>5</v>
      </c>
      <c r="D2368" s="1" t="s">
        <v>1983</v>
      </c>
      <c r="E2368" s="1" t="s">
        <v>11</v>
      </c>
    </row>
    <row r="2369">
      <c r="A2369" s="1">
        <v>4.90390736E8</v>
      </c>
      <c r="B2369" s="2">
        <v>11850.0</v>
      </c>
      <c r="C2369" s="1" t="s">
        <v>5</v>
      </c>
      <c r="D2369" s="1" t="s">
        <v>1984</v>
      </c>
      <c r="E2369" s="1" t="s">
        <v>1985</v>
      </c>
    </row>
    <row r="2370">
      <c r="A2370" s="1">
        <v>4.90390737E8</v>
      </c>
      <c r="B2370" s="3">
        <v>11814.0</v>
      </c>
      <c r="C2370" s="1" t="s">
        <v>5</v>
      </c>
      <c r="D2370" s="1" t="s">
        <v>169</v>
      </c>
      <c r="E2370" s="1" t="s">
        <v>7</v>
      </c>
    </row>
    <row r="2371">
      <c r="A2371" s="1">
        <v>4.90390739E8</v>
      </c>
      <c r="B2371" s="2">
        <v>11857.0</v>
      </c>
      <c r="C2371" s="1" t="s">
        <v>5</v>
      </c>
      <c r="D2371" s="1" t="s">
        <v>1986</v>
      </c>
      <c r="E2371" s="1" t="s">
        <v>11</v>
      </c>
    </row>
    <row r="2372">
      <c r="A2372" s="1">
        <v>4.90390741E8</v>
      </c>
      <c r="B2372" s="3">
        <v>11815.0</v>
      </c>
      <c r="C2372" s="1" t="s">
        <v>5</v>
      </c>
      <c r="D2372" s="1" t="s">
        <v>1987</v>
      </c>
      <c r="E2372" s="1" t="s">
        <v>11</v>
      </c>
    </row>
    <row r="2373">
      <c r="A2373" s="1">
        <v>4.90390742E8</v>
      </c>
      <c r="B2373" s="2">
        <v>11859.0</v>
      </c>
      <c r="C2373" s="1" t="s">
        <v>5</v>
      </c>
      <c r="D2373" s="1" t="s">
        <v>1988</v>
      </c>
      <c r="E2373" s="1" t="s">
        <v>11</v>
      </c>
    </row>
    <row r="2374">
      <c r="A2374" s="1">
        <v>4.90390744E8</v>
      </c>
      <c r="B2374" s="2">
        <v>11897.0</v>
      </c>
      <c r="C2374" s="1" t="s">
        <v>5</v>
      </c>
      <c r="D2374" s="1" t="s">
        <v>1989</v>
      </c>
      <c r="E2374" s="1" t="s">
        <v>1990</v>
      </c>
    </row>
    <row r="2375">
      <c r="A2375" s="1">
        <v>4.90390747E8</v>
      </c>
      <c r="B2375" s="2">
        <v>11891.0</v>
      </c>
      <c r="C2375" s="1" t="s">
        <v>5</v>
      </c>
      <c r="D2375" s="1" t="s">
        <v>1991</v>
      </c>
      <c r="E2375" s="1" t="s">
        <v>7</v>
      </c>
    </row>
    <row r="2376">
      <c r="A2376" s="1">
        <v>4.90390748E8</v>
      </c>
      <c r="B2376" s="2">
        <v>11897.0</v>
      </c>
      <c r="C2376" s="1" t="s">
        <v>5</v>
      </c>
      <c r="D2376" s="1" t="s">
        <v>1992</v>
      </c>
      <c r="E2376" s="1" t="s">
        <v>11</v>
      </c>
    </row>
    <row r="2377">
      <c r="A2377" s="1">
        <v>4.90390749E8</v>
      </c>
      <c r="B2377" s="2">
        <v>11857.0</v>
      </c>
      <c r="C2377" s="1" t="s">
        <v>5</v>
      </c>
      <c r="D2377" s="1" t="s">
        <v>11</v>
      </c>
      <c r="E2377" s="1" t="s">
        <v>7</v>
      </c>
    </row>
    <row r="2378">
      <c r="A2378" s="1">
        <v>4.90390751E8</v>
      </c>
      <c r="B2378" s="2">
        <v>11850.0</v>
      </c>
      <c r="C2378" s="1" t="s">
        <v>5</v>
      </c>
      <c r="D2378" s="1" t="s">
        <v>11</v>
      </c>
      <c r="E2378" s="1" t="s">
        <v>7</v>
      </c>
    </row>
    <row r="2379">
      <c r="A2379" s="1">
        <v>4.90390752E8</v>
      </c>
      <c r="B2379" s="2">
        <v>11900.0</v>
      </c>
      <c r="C2379" s="1" t="s">
        <v>5</v>
      </c>
      <c r="D2379" s="1" t="s">
        <v>1993</v>
      </c>
      <c r="E2379" s="1" t="s">
        <v>7</v>
      </c>
    </row>
    <row r="2380">
      <c r="A2380" s="1">
        <v>4.90390755E8</v>
      </c>
      <c r="B2380" s="3">
        <v>11821.0</v>
      </c>
      <c r="C2380" s="1" t="s">
        <v>5</v>
      </c>
      <c r="D2380" s="1" t="s">
        <v>1994</v>
      </c>
      <c r="E2380" s="1" t="s">
        <v>7</v>
      </c>
    </row>
    <row r="2381">
      <c r="A2381" s="1">
        <v>4.90390759E8</v>
      </c>
      <c r="B2381" s="2">
        <v>11859.0</v>
      </c>
      <c r="C2381" s="1" t="s">
        <v>5</v>
      </c>
      <c r="D2381" s="1" t="s">
        <v>11</v>
      </c>
      <c r="E2381" s="1" t="s">
        <v>7</v>
      </c>
    </row>
    <row r="2382">
      <c r="A2382" s="1">
        <v>4.90390764E8</v>
      </c>
      <c r="B2382" s="2">
        <v>11896.0</v>
      </c>
      <c r="C2382" s="1" t="s">
        <v>5</v>
      </c>
      <c r="D2382" s="1" t="s">
        <v>1995</v>
      </c>
      <c r="E2382" s="1" t="s">
        <v>7</v>
      </c>
    </row>
    <row r="2383">
      <c r="A2383" s="1">
        <v>4.90390767E8</v>
      </c>
      <c r="B2383" s="2">
        <v>11897.0</v>
      </c>
      <c r="C2383" s="1" t="s">
        <v>5</v>
      </c>
      <c r="D2383" s="1" t="s">
        <v>1996</v>
      </c>
      <c r="E2383" s="1" t="s">
        <v>11</v>
      </c>
    </row>
    <row r="2384">
      <c r="A2384" s="1">
        <v>4.90390769E8</v>
      </c>
      <c r="B2384" s="2">
        <v>11900.0</v>
      </c>
      <c r="C2384" s="1" t="s">
        <v>5</v>
      </c>
      <c r="D2384" s="1" t="s">
        <v>1997</v>
      </c>
      <c r="E2384" s="1" t="s">
        <v>11</v>
      </c>
    </row>
    <row r="2385">
      <c r="A2385" s="1">
        <v>4.90390781E8</v>
      </c>
      <c r="B2385" s="3">
        <v>11827.0</v>
      </c>
      <c r="C2385" s="1" t="s">
        <v>5</v>
      </c>
      <c r="D2385" s="1" t="s">
        <v>1998</v>
      </c>
      <c r="E2385" s="1" t="s">
        <v>11</v>
      </c>
    </row>
    <row r="2386">
      <c r="A2386" s="1">
        <v>4.90390784E8</v>
      </c>
      <c r="B2386" s="2">
        <v>11896.0</v>
      </c>
      <c r="C2386" s="1" t="s">
        <v>5</v>
      </c>
      <c r="D2386" s="1" t="s">
        <v>1999</v>
      </c>
      <c r="E2386" s="1" t="s">
        <v>11</v>
      </c>
    </row>
    <row r="2387">
      <c r="A2387" s="1">
        <v>4.90390788E8</v>
      </c>
      <c r="B2387" s="2">
        <v>11896.0</v>
      </c>
      <c r="C2387" s="1" t="s">
        <v>5</v>
      </c>
      <c r="D2387" s="1" t="s">
        <v>2000</v>
      </c>
      <c r="E2387" s="1" t="s">
        <v>7</v>
      </c>
    </row>
    <row r="2388">
      <c r="A2388" s="1">
        <v>4.9039079E8</v>
      </c>
      <c r="B2388" s="2">
        <v>11889.0</v>
      </c>
      <c r="C2388" s="1" t="s">
        <v>5</v>
      </c>
      <c r="D2388" s="1" t="s">
        <v>11</v>
      </c>
      <c r="E2388" s="1" t="s">
        <v>7</v>
      </c>
    </row>
    <row r="2389">
      <c r="A2389" s="1">
        <v>4.90390798E8</v>
      </c>
      <c r="B2389" s="3">
        <v>11814.0</v>
      </c>
      <c r="C2389" s="1" t="s">
        <v>5</v>
      </c>
      <c r="D2389" s="1" t="s">
        <v>2001</v>
      </c>
      <c r="E2389" s="1" t="s">
        <v>7</v>
      </c>
    </row>
    <row r="2390">
      <c r="A2390" s="1">
        <v>4.903908E8</v>
      </c>
      <c r="B2390" s="2">
        <v>11857.0</v>
      </c>
      <c r="C2390" s="1" t="s">
        <v>5</v>
      </c>
      <c r="D2390" s="1" t="s">
        <v>7</v>
      </c>
      <c r="E2390" s="1" t="s">
        <v>7</v>
      </c>
    </row>
    <row r="2391">
      <c r="A2391" s="1">
        <v>4.90390804E8</v>
      </c>
      <c r="B2391" s="2">
        <v>11896.0</v>
      </c>
      <c r="C2391" s="1" t="s">
        <v>5</v>
      </c>
      <c r="D2391" s="1" t="s">
        <v>2002</v>
      </c>
      <c r="E2391" s="1" t="s">
        <v>11</v>
      </c>
    </row>
    <row r="2392">
      <c r="A2392" s="1">
        <v>4.90390806E8</v>
      </c>
      <c r="B2392" s="2">
        <v>11899.0</v>
      </c>
      <c r="C2392" s="1" t="s">
        <v>5</v>
      </c>
      <c r="D2392" s="1" t="s">
        <v>11</v>
      </c>
      <c r="E2392" s="1" t="s">
        <v>7</v>
      </c>
    </row>
    <row r="2393">
      <c r="A2393" s="1">
        <v>4.90390807E8</v>
      </c>
      <c r="B2393" s="2">
        <v>11895.0</v>
      </c>
      <c r="C2393" s="1" t="s">
        <v>5</v>
      </c>
      <c r="D2393" s="1" t="s">
        <v>1838</v>
      </c>
      <c r="E2393" s="1" t="s">
        <v>7</v>
      </c>
    </row>
    <row r="2394">
      <c r="A2394" s="1">
        <v>4.9039081E8</v>
      </c>
      <c r="B2394" s="2">
        <v>11889.0</v>
      </c>
      <c r="C2394" s="1" t="s">
        <v>5</v>
      </c>
      <c r="D2394" s="1" t="s">
        <v>169</v>
      </c>
      <c r="E2394" s="1" t="s">
        <v>7</v>
      </c>
    </row>
    <row r="2395">
      <c r="A2395" s="1">
        <v>4.90390811E8</v>
      </c>
      <c r="B2395" s="3">
        <v>11811.0</v>
      </c>
      <c r="C2395" s="1" t="s">
        <v>5</v>
      </c>
      <c r="D2395" s="1" t="s">
        <v>11</v>
      </c>
      <c r="E2395" s="1" t="s">
        <v>7</v>
      </c>
    </row>
    <row r="2396">
      <c r="A2396" s="1">
        <v>4.90390816E8</v>
      </c>
      <c r="B2396" s="2">
        <v>11890.0</v>
      </c>
      <c r="C2396" s="1" t="s">
        <v>5</v>
      </c>
      <c r="D2396" s="1" t="s">
        <v>169</v>
      </c>
      <c r="E2396" s="1" t="s">
        <v>7</v>
      </c>
    </row>
    <row r="2397">
      <c r="A2397" s="1">
        <v>4.90390821E8</v>
      </c>
      <c r="B2397" s="2">
        <v>11892.0</v>
      </c>
      <c r="C2397" s="1" t="s">
        <v>5</v>
      </c>
      <c r="D2397" s="1" t="s">
        <v>2003</v>
      </c>
      <c r="E2397" s="1" t="s">
        <v>7</v>
      </c>
    </row>
    <row r="2398">
      <c r="A2398" s="1">
        <v>4.90390825E8</v>
      </c>
      <c r="B2398" s="2">
        <v>11896.0</v>
      </c>
      <c r="C2398" s="1" t="s">
        <v>5</v>
      </c>
      <c r="D2398" s="1" t="s">
        <v>2004</v>
      </c>
      <c r="E2398" s="1" t="s">
        <v>11</v>
      </c>
    </row>
    <row r="2399">
      <c r="A2399" s="1">
        <v>4.90390828E8</v>
      </c>
      <c r="B2399" s="2">
        <v>11899.0</v>
      </c>
      <c r="C2399" s="1" t="s">
        <v>5</v>
      </c>
      <c r="D2399" s="1" t="s">
        <v>2005</v>
      </c>
      <c r="E2399" s="1" t="s">
        <v>7</v>
      </c>
    </row>
    <row r="2400">
      <c r="A2400" s="1">
        <v>4.90390832E8</v>
      </c>
      <c r="B2400" s="2">
        <v>11859.0</v>
      </c>
      <c r="C2400" s="1" t="s">
        <v>5</v>
      </c>
      <c r="D2400" s="1" t="s">
        <v>2006</v>
      </c>
      <c r="E2400" s="1" t="s">
        <v>7</v>
      </c>
    </row>
    <row r="2401">
      <c r="A2401" s="1">
        <v>4.90390847E8</v>
      </c>
      <c r="B2401" s="3">
        <v>11828.0</v>
      </c>
      <c r="C2401" s="1" t="s">
        <v>5</v>
      </c>
      <c r="D2401" s="1" t="s">
        <v>11</v>
      </c>
      <c r="E2401" s="1" t="s">
        <v>7</v>
      </c>
    </row>
    <row r="2402">
      <c r="A2402" s="1">
        <v>4.90390848E8</v>
      </c>
      <c r="B2402" s="3">
        <v>11821.0</v>
      </c>
      <c r="C2402" s="1" t="s">
        <v>5</v>
      </c>
      <c r="D2402" s="1" t="s">
        <v>2007</v>
      </c>
      <c r="E2402" s="1" t="s">
        <v>7</v>
      </c>
    </row>
    <row r="2403">
      <c r="A2403" s="1">
        <v>4.90390849E8</v>
      </c>
      <c r="B2403" s="3">
        <v>11813.0</v>
      </c>
      <c r="C2403" s="1" t="s">
        <v>5</v>
      </c>
      <c r="D2403" s="1" t="s">
        <v>2008</v>
      </c>
      <c r="E2403" s="1" t="s">
        <v>7</v>
      </c>
    </row>
    <row r="2404">
      <c r="A2404" s="1">
        <v>4.90390856E8</v>
      </c>
      <c r="B2404" s="2">
        <v>11897.0</v>
      </c>
      <c r="C2404" s="1" t="s">
        <v>5</v>
      </c>
      <c r="D2404" s="1" t="s">
        <v>11</v>
      </c>
      <c r="E2404" s="1" t="s">
        <v>7</v>
      </c>
    </row>
    <row r="2405">
      <c r="A2405" s="1">
        <v>4.90390858E8</v>
      </c>
      <c r="B2405" s="2">
        <v>11857.0</v>
      </c>
      <c r="C2405" s="1" t="s">
        <v>5</v>
      </c>
      <c r="D2405" s="1" t="s">
        <v>2009</v>
      </c>
      <c r="E2405" s="1" t="s">
        <v>7</v>
      </c>
    </row>
    <row r="2406">
      <c r="A2406" s="1">
        <v>4.90390861E8</v>
      </c>
      <c r="B2406" s="3">
        <v>11827.0</v>
      </c>
      <c r="C2406" s="1" t="s">
        <v>5</v>
      </c>
      <c r="D2406" s="1" t="s">
        <v>2010</v>
      </c>
      <c r="E2406" s="1" t="s">
        <v>7</v>
      </c>
    </row>
    <row r="2407">
      <c r="A2407" s="1">
        <v>4.90390862E8</v>
      </c>
      <c r="B2407" s="2">
        <v>11859.0</v>
      </c>
      <c r="C2407" s="1" t="s">
        <v>5</v>
      </c>
      <c r="D2407" s="1" t="s">
        <v>169</v>
      </c>
      <c r="E2407" s="1" t="s">
        <v>7</v>
      </c>
    </row>
    <row r="2408">
      <c r="A2408" s="1">
        <v>4.90390867E8</v>
      </c>
      <c r="B2408" s="2">
        <v>11899.0</v>
      </c>
      <c r="C2408" s="1" t="s">
        <v>5</v>
      </c>
      <c r="D2408" s="1" t="s">
        <v>11</v>
      </c>
      <c r="E2408" s="1" t="s">
        <v>7</v>
      </c>
    </row>
    <row r="2409">
      <c r="A2409" s="1">
        <v>4.90390871E8</v>
      </c>
      <c r="B2409" s="2">
        <v>11859.0</v>
      </c>
      <c r="C2409" s="1" t="s">
        <v>5</v>
      </c>
      <c r="D2409" s="1" t="s">
        <v>11</v>
      </c>
      <c r="E2409" s="1" t="s">
        <v>7</v>
      </c>
    </row>
    <row r="2410">
      <c r="A2410" s="1">
        <v>4.90390876E8</v>
      </c>
      <c r="B2410" s="2">
        <v>11895.0</v>
      </c>
      <c r="C2410" s="1" t="s">
        <v>5</v>
      </c>
      <c r="D2410" s="1" t="s">
        <v>2011</v>
      </c>
      <c r="E2410" s="1" t="s">
        <v>11</v>
      </c>
    </row>
    <row r="2411">
      <c r="A2411" s="1">
        <v>4.90390878E8</v>
      </c>
      <c r="B2411" s="2">
        <v>11890.0</v>
      </c>
      <c r="C2411" s="1" t="s">
        <v>5</v>
      </c>
      <c r="D2411" s="1" t="s">
        <v>2012</v>
      </c>
      <c r="E2411" s="1" t="s">
        <v>2013</v>
      </c>
    </row>
    <row r="2412">
      <c r="A2412" s="1">
        <v>4.90390879E8</v>
      </c>
      <c r="B2412" s="2">
        <v>11889.0</v>
      </c>
      <c r="C2412" s="1" t="s">
        <v>5</v>
      </c>
      <c r="D2412" s="1" t="s">
        <v>11</v>
      </c>
      <c r="E2412" s="1" t="s">
        <v>7</v>
      </c>
    </row>
    <row r="2413">
      <c r="A2413" s="1">
        <v>4.90390885E8</v>
      </c>
      <c r="B2413" s="2">
        <v>11896.0</v>
      </c>
      <c r="C2413" s="1" t="s">
        <v>5</v>
      </c>
      <c r="D2413" s="1" t="s">
        <v>11</v>
      </c>
      <c r="E2413" s="1" t="s">
        <v>7</v>
      </c>
    </row>
    <row r="2414">
      <c r="A2414" s="1">
        <v>4.90390887E8</v>
      </c>
      <c r="B2414" s="2">
        <v>11855.0</v>
      </c>
      <c r="C2414" s="1" t="s">
        <v>5</v>
      </c>
      <c r="D2414" s="1" t="s">
        <v>11</v>
      </c>
      <c r="E2414" s="1" t="s">
        <v>7</v>
      </c>
    </row>
    <row r="2415">
      <c r="A2415" s="1">
        <v>4.90390888E8</v>
      </c>
      <c r="B2415" s="2">
        <v>11859.0</v>
      </c>
      <c r="C2415" s="1" t="s">
        <v>5</v>
      </c>
      <c r="D2415" s="1" t="s">
        <v>2014</v>
      </c>
      <c r="E2415" s="1" t="s">
        <v>11</v>
      </c>
    </row>
    <row r="2416">
      <c r="A2416" s="1">
        <v>4.90390889E8</v>
      </c>
      <c r="B2416" s="3">
        <v>11821.0</v>
      </c>
      <c r="C2416" s="1" t="s">
        <v>5</v>
      </c>
      <c r="D2416" s="1" t="s">
        <v>11</v>
      </c>
      <c r="E2416" s="1" t="s">
        <v>7</v>
      </c>
    </row>
    <row r="2417">
      <c r="A2417" s="1">
        <v>4.90390891E8</v>
      </c>
      <c r="B2417" s="2">
        <v>11850.0</v>
      </c>
      <c r="C2417" s="1" t="s">
        <v>5</v>
      </c>
      <c r="D2417" s="1" t="s">
        <v>2015</v>
      </c>
      <c r="E2417" s="1" t="s">
        <v>11</v>
      </c>
    </row>
    <row r="2418">
      <c r="A2418" s="1">
        <v>4.90390894E8</v>
      </c>
      <c r="B2418" s="3">
        <v>11814.0</v>
      </c>
      <c r="C2418" s="1" t="s">
        <v>5</v>
      </c>
      <c r="D2418" s="1" t="s">
        <v>2016</v>
      </c>
      <c r="E2418" s="1" t="s">
        <v>11</v>
      </c>
    </row>
    <row r="2419">
      <c r="A2419" s="1">
        <v>4.90390896E8</v>
      </c>
      <c r="B2419" s="3">
        <v>11814.0</v>
      </c>
      <c r="C2419" s="1" t="s">
        <v>5</v>
      </c>
      <c r="D2419" s="1" t="s">
        <v>2017</v>
      </c>
      <c r="E2419" s="1" t="s">
        <v>7</v>
      </c>
    </row>
    <row r="2420">
      <c r="A2420" s="1">
        <v>4.90390897E8</v>
      </c>
      <c r="B2420" s="2">
        <v>11859.0</v>
      </c>
      <c r="C2420" s="1" t="s">
        <v>5</v>
      </c>
      <c r="D2420" s="1" t="s">
        <v>11</v>
      </c>
      <c r="E2420" s="1" t="s">
        <v>7</v>
      </c>
    </row>
    <row r="2421">
      <c r="A2421" s="1">
        <v>4.90390901E8</v>
      </c>
      <c r="B2421" s="2">
        <v>11899.0</v>
      </c>
      <c r="C2421" s="1" t="s">
        <v>5</v>
      </c>
      <c r="D2421" s="1" t="s">
        <v>2018</v>
      </c>
      <c r="E2421" s="1" t="s">
        <v>7</v>
      </c>
    </row>
    <row r="2422">
      <c r="A2422" s="1">
        <v>4.90390908E8</v>
      </c>
      <c r="B2422" s="2">
        <v>11897.0</v>
      </c>
      <c r="C2422" s="1" t="s">
        <v>5</v>
      </c>
      <c r="D2422" s="1" t="s">
        <v>2019</v>
      </c>
      <c r="E2422" s="1" t="s">
        <v>7</v>
      </c>
    </row>
    <row r="2423">
      <c r="A2423" s="1">
        <v>4.9039091E8</v>
      </c>
      <c r="B2423" s="2">
        <v>11855.0</v>
      </c>
      <c r="C2423" s="1" t="s">
        <v>5</v>
      </c>
      <c r="D2423" s="1" t="s">
        <v>11</v>
      </c>
      <c r="E2423" s="1" t="s">
        <v>7</v>
      </c>
    </row>
    <row r="2424">
      <c r="A2424" s="1">
        <v>4.90390911E8</v>
      </c>
      <c r="B2424" s="3">
        <v>11813.0</v>
      </c>
      <c r="C2424" s="1" t="s">
        <v>5</v>
      </c>
      <c r="D2424" s="1" t="s">
        <v>11</v>
      </c>
      <c r="E2424" s="1" t="s">
        <v>7</v>
      </c>
    </row>
    <row r="2425">
      <c r="A2425" s="1">
        <v>4.90390912E8</v>
      </c>
      <c r="B2425" s="3">
        <v>11821.0</v>
      </c>
      <c r="C2425" s="1" t="s">
        <v>5</v>
      </c>
      <c r="D2425" s="1" t="s">
        <v>2020</v>
      </c>
      <c r="E2425" s="1" t="s">
        <v>7</v>
      </c>
    </row>
    <row r="2426">
      <c r="A2426" s="1">
        <v>4.90390916E8</v>
      </c>
      <c r="B2426" s="3">
        <v>11828.0</v>
      </c>
      <c r="C2426" s="1" t="s">
        <v>5</v>
      </c>
      <c r="D2426" s="1" t="s">
        <v>2021</v>
      </c>
      <c r="E2426" s="1" t="s">
        <v>7</v>
      </c>
    </row>
    <row r="2427">
      <c r="A2427" s="1">
        <v>4.90390917E8</v>
      </c>
      <c r="B2427" s="2">
        <v>11896.0</v>
      </c>
      <c r="C2427" s="1" t="s">
        <v>5</v>
      </c>
      <c r="D2427" s="1" t="s">
        <v>11</v>
      </c>
      <c r="E2427" s="1" t="s">
        <v>7</v>
      </c>
    </row>
    <row r="2428">
      <c r="A2428" s="1">
        <v>4.90390918E8</v>
      </c>
      <c r="B2428" s="2">
        <v>11896.0</v>
      </c>
      <c r="C2428" s="1" t="s">
        <v>5</v>
      </c>
      <c r="D2428" s="1" t="s">
        <v>11</v>
      </c>
      <c r="E2428" s="1" t="s">
        <v>7</v>
      </c>
    </row>
    <row r="2429">
      <c r="A2429" s="1">
        <v>4.90390922E8</v>
      </c>
      <c r="B2429" s="2">
        <v>11899.0</v>
      </c>
      <c r="C2429" s="1" t="s">
        <v>5</v>
      </c>
      <c r="D2429" s="1" t="s">
        <v>2022</v>
      </c>
      <c r="E2429" s="1" t="s">
        <v>7</v>
      </c>
    </row>
    <row r="2430">
      <c r="A2430" s="1">
        <v>4.90390927E8</v>
      </c>
      <c r="B2430" s="2">
        <v>11851.0</v>
      </c>
      <c r="C2430" s="1" t="s">
        <v>5</v>
      </c>
      <c r="D2430" s="1" t="s">
        <v>11</v>
      </c>
      <c r="E2430" s="1" t="s">
        <v>7</v>
      </c>
    </row>
    <row r="2431">
      <c r="A2431" s="1">
        <v>4.90390938E8</v>
      </c>
      <c r="B2431" s="2">
        <v>11895.0</v>
      </c>
      <c r="C2431" s="1" t="s">
        <v>5</v>
      </c>
      <c r="D2431" s="1" t="s">
        <v>2023</v>
      </c>
      <c r="E2431" s="1" t="s">
        <v>7</v>
      </c>
    </row>
    <row r="2432">
      <c r="A2432" s="1">
        <v>4.90390946E8</v>
      </c>
      <c r="B2432" s="3">
        <v>11813.0</v>
      </c>
      <c r="C2432" s="1" t="s">
        <v>5</v>
      </c>
      <c r="D2432" s="1" t="s">
        <v>2024</v>
      </c>
      <c r="E2432" s="1" t="s">
        <v>2025</v>
      </c>
    </row>
    <row r="2433">
      <c r="A2433" s="1">
        <v>4.90390951E8</v>
      </c>
      <c r="B2433" s="2">
        <v>11857.0</v>
      </c>
      <c r="C2433" s="1" t="s">
        <v>5</v>
      </c>
      <c r="D2433" s="1" t="s">
        <v>2026</v>
      </c>
      <c r="E2433" s="1" t="s">
        <v>7</v>
      </c>
    </row>
    <row r="2434">
      <c r="A2434" s="1">
        <v>4.90390954E8</v>
      </c>
      <c r="B2434" s="2">
        <v>11888.0</v>
      </c>
      <c r="C2434" s="1" t="s">
        <v>5</v>
      </c>
      <c r="D2434" s="1" t="s">
        <v>2027</v>
      </c>
      <c r="E2434" s="1" t="s">
        <v>2028</v>
      </c>
    </row>
    <row r="2435">
      <c r="A2435" s="1">
        <v>4.90390955E8</v>
      </c>
      <c r="B2435" s="2">
        <v>11890.0</v>
      </c>
      <c r="C2435" s="1" t="s">
        <v>5</v>
      </c>
      <c r="D2435" s="1" t="s">
        <v>2029</v>
      </c>
      <c r="E2435" s="1" t="s">
        <v>11</v>
      </c>
    </row>
    <row r="2436">
      <c r="A2436" s="1">
        <v>4.90390958E8</v>
      </c>
      <c r="B2436" s="2">
        <v>11899.0</v>
      </c>
      <c r="C2436" s="1" t="s">
        <v>5</v>
      </c>
      <c r="D2436" s="1" t="s">
        <v>2030</v>
      </c>
      <c r="E2436" s="1" t="s">
        <v>7</v>
      </c>
    </row>
    <row r="2437">
      <c r="A2437" s="1">
        <v>4.9039096E8</v>
      </c>
      <c r="B2437" s="2">
        <v>11855.0</v>
      </c>
      <c r="C2437" s="1" t="s">
        <v>5</v>
      </c>
      <c r="D2437" s="1" t="s">
        <v>2031</v>
      </c>
      <c r="E2437" s="1" t="s">
        <v>7</v>
      </c>
    </row>
    <row r="2438">
      <c r="A2438" s="1">
        <v>4.90390962E8</v>
      </c>
      <c r="B2438" s="2">
        <v>11859.0</v>
      </c>
      <c r="C2438" s="1" t="s">
        <v>5</v>
      </c>
      <c r="D2438" s="1" t="s">
        <v>2032</v>
      </c>
      <c r="E2438" s="1" t="s">
        <v>7</v>
      </c>
    </row>
    <row r="2439">
      <c r="A2439" s="1">
        <v>4.90390963E8</v>
      </c>
      <c r="B2439" s="2">
        <v>11850.0</v>
      </c>
      <c r="C2439" s="1" t="s">
        <v>5</v>
      </c>
      <c r="D2439" s="1" t="s">
        <v>2033</v>
      </c>
      <c r="E2439" s="1" t="s">
        <v>7</v>
      </c>
    </row>
    <row r="2440">
      <c r="A2440" s="1">
        <v>4.90390965E8</v>
      </c>
      <c r="B2440" s="3">
        <v>11814.0</v>
      </c>
      <c r="C2440" s="1" t="s">
        <v>5</v>
      </c>
      <c r="D2440" s="1" t="s">
        <v>2034</v>
      </c>
      <c r="E2440" s="1" t="s">
        <v>7</v>
      </c>
    </row>
    <row r="2441">
      <c r="A2441" s="1">
        <v>4.90390968E8</v>
      </c>
      <c r="B2441" s="2">
        <v>11870.0</v>
      </c>
      <c r="C2441" s="1" t="s">
        <v>5</v>
      </c>
      <c r="D2441" s="1" t="s">
        <v>2035</v>
      </c>
      <c r="E2441" s="1" t="s">
        <v>2036</v>
      </c>
    </row>
    <row r="2442">
      <c r="A2442" s="1">
        <v>4.90390969E8</v>
      </c>
      <c r="B2442" s="2">
        <v>11899.0</v>
      </c>
      <c r="C2442" s="1" t="s">
        <v>5</v>
      </c>
      <c r="D2442" s="1" t="s">
        <v>2037</v>
      </c>
      <c r="E2442" s="1" t="s">
        <v>11</v>
      </c>
    </row>
    <row r="2443">
      <c r="A2443" s="1">
        <v>4.9039097E8</v>
      </c>
      <c r="B2443" s="2">
        <v>11897.0</v>
      </c>
      <c r="C2443" s="1" t="s">
        <v>5</v>
      </c>
      <c r="D2443" s="1" t="s">
        <v>11</v>
      </c>
      <c r="E2443" s="1" t="s">
        <v>7</v>
      </c>
    </row>
    <row r="2444">
      <c r="A2444" s="1">
        <v>4.90390971E8</v>
      </c>
      <c r="B2444" s="2">
        <v>11895.0</v>
      </c>
      <c r="C2444" s="1" t="s">
        <v>5</v>
      </c>
      <c r="D2444" s="1" t="s">
        <v>2038</v>
      </c>
      <c r="E2444" s="1" t="s">
        <v>11</v>
      </c>
    </row>
    <row r="2445">
      <c r="A2445" s="1">
        <v>4.90390973E8</v>
      </c>
      <c r="B2445" s="3">
        <v>11813.0</v>
      </c>
      <c r="C2445" s="1" t="s">
        <v>5</v>
      </c>
      <c r="D2445" s="1" t="s">
        <v>11</v>
      </c>
      <c r="E2445" s="1" t="s">
        <v>7</v>
      </c>
    </row>
    <row r="2446">
      <c r="A2446" s="1">
        <v>4.90390977E8</v>
      </c>
      <c r="B2446" s="3">
        <v>11814.0</v>
      </c>
      <c r="C2446" s="1" t="s">
        <v>5</v>
      </c>
      <c r="D2446" s="1" t="s">
        <v>11</v>
      </c>
      <c r="E2446" s="1" t="s">
        <v>7</v>
      </c>
    </row>
    <row r="2447">
      <c r="A2447" s="1">
        <v>4.90390978E8</v>
      </c>
      <c r="B2447" s="2">
        <v>11893.0</v>
      </c>
      <c r="C2447" s="1" t="s">
        <v>5</v>
      </c>
      <c r="D2447" s="1" t="s">
        <v>2039</v>
      </c>
      <c r="E2447" s="1" t="s">
        <v>7</v>
      </c>
    </row>
    <row r="2448">
      <c r="A2448" s="1">
        <v>4.9039098E8</v>
      </c>
      <c r="B2448" s="2">
        <v>11857.0</v>
      </c>
      <c r="C2448" s="1" t="s">
        <v>5</v>
      </c>
      <c r="D2448" s="1" t="s">
        <v>2040</v>
      </c>
      <c r="E2448" s="1" t="s">
        <v>7</v>
      </c>
    </row>
    <row r="2449">
      <c r="A2449" s="1">
        <v>4.90390986E8</v>
      </c>
      <c r="B2449" s="2">
        <v>11857.0</v>
      </c>
      <c r="C2449" s="1" t="s">
        <v>5</v>
      </c>
      <c r="D2449" s="1" t="s">
        <v>2041</v>
      </c>
      <c r="E2449" s="1" t="s">
        <v>11</v>
      </c>
    </row>
    <row r="2450">
      <c r="A2450" s="1">
        <v>4.90390989E8</v>
      </c>
      <c r="B2450" s="2">
        <v>11859.0</v>
      </c>
      <c r="C2450" s="1" t="s">
        <v>5</v>
      </c>
      <c r="D2450" s="1" t="s">
        <v>1636</v>
      </c>
      <c r="E2450" s="1" t="s">
        <v>7</v>
      </c>
    </row>
    <row r="2451">
      <c r="A2451" s="1">
        <v>4.90390992E8</v>
      </c>
      <c r="B2451" s="2">
        <v>11888.0</v>
      </c>
      <c r="C2451" s="1" t="s">
        <v>5</v>
      </c>
      <c r="D2451" s="1" t="s">
        <v>2042</v>
      </c>
      <c r="E2451" s="1" t="s">
        <v>2043</v>
      </c>
    </row>
    <row r="2452">
      <c r="A2452" s="1">
        <v>4.90390993E8</v>
      </c>
      <c r="B2452" s="2">
        <v>11870.0</v>
      </c>
      <c r="C2452" s="1" t="s">
        <v>5</v>
      </c>
      <c r="D2452" s="1" t="s">
        <v>2044</v>
      </c>
      <c r="E2452" s="1" t="s">
        <v>2045</v>
      </c>
    </row>
    <row r="2453">
      <c r="A2453" s="1">
        <v>4.90390997E8</v>
      </c>
      <c r="B2453" s="2">
        <v>11859.0</v>
      </c>
      <c r="C2453" s="1" t="s">
        <v>5</v>
      </c>
      <c r="D2453" s="1" t="s">
        <v>2046</v>
      </c>
      <c r="E2453" s="1" t="s">
        <v>11</v>
      </c>
    </row>
    <row r="2454">
      <c r="A2454" s="1">
        <v>4.90391002E8</v>
      </c>
      <c r="B2454" s="3">
        <v>11814.0</v>
      </c>
      <c r="C2454" s="1" t="s">
        <v>5</v>
      </c>
      <c r="D2454" s="1" t="s">
        <v>2047</v>
      </c>
      <c r="E2454" s="1" t="s">
        <v>7</v>
      </c>
    </row>
    <row r="2455">
      <c r="A2455" s="1">
        <v>4.90391003E8</v>
      </c>
      <c r="B2455" s="2">
        <v>11895.0</v>
      </c>
      <c r="C2455" s="1" t="s">
        <v>5</v>
      </c>
      <c r="D2455" s="1" t="s">
        <v>11</v>
      </c>
      <c r="E2455" s="1" t="s">
        <v>7</v>
      </c>
    </row>
    <row r="2456">
      <c r="A2456" s="1">
        <v>4.90391006E8</v>
      </c>
      <c r="B2456" s="2">
        <v>11857.0</v>
      </c>
      <c r="C2456" s="1" t="s">
        <v>5</v>
      </c>
      <c r="D2456" s="1" t="s">
        <v>2048</v>
      </c>
      <c r="E2456" s="1" t="s">
        <v>11</v>
      </c>
    </row>
    <row r="2457">
      <c r="A2457" s="1">
        <v>4.90391007E8</v>
      </c>
      <c r="B2457" s="2">
        <v>11857.0</v>
      </c>
      <c r="C2457" s="1" t="s">
        <v>5</v>
      </c>
      <c r="D2457" s="1" t="s">
        <v>7</v>
      </c>
      <c r="E2457" s="1" t="s">
        <v>7</v>
      </c>
    </row>
    <row r="2458">
      <c r="A2458" s="1">
        <v>4.9039101E8</v>
      </c>
      <c r="B2458" s="2">
        <v>11893.0</v>
      </c>
      <c r="C2458" s="1" t="s">
        <v>5</v>
      </c>
      <c r="D2458" s="1" t="s">
        <v>2049</v>
      </c>
      <c r="E2458" s="1" t="s">
        <v>7</v>
      </c>
    </row>
    <row r="2459">
      <c r="A2459" s="1">
        <v>4.90391011E8</v>
      </c>
      <c r="B2459" s="2">
        <v>11890.0</v>
      </c>
      <c r="C2459" s="1" t="s">
        <v>5</v>
      </c>
      <c r="D2459" s="1" t="s">
        <v>169</v>
      </c>
      <c r="E2459" s="1" t="s">
        <v>7</v>
      </c>
    </row>
    <row r="2460">
      <c r="A2460" s="1">
        <v>4.90391012E8</v>
      </c>
      <c r="B2460" s="2">
        <v>11855.0</v>
      </c>
      <c r="C2460" s="1" t="s">
        <v>5</v>
      </c>
      <c r="D2460" s="1" t="s">
        <v>2050</v>
      </c>
      <c r="E2460" s="1" t="s">
        <v>2051</v>
      </c>
    </row>
    <row r="2461">
      <c r="A2461" s="1">
        <v>4.90391014E8</v>
      </c>
      <c r="B2461" s="2">
        <v>11888.0</v>
      </c>
      <c r="C2461" s="1" t="s">
        <v>5</v>
      </c>
      <c r="D2461" s="1" t="s">
        <v>2052</v>
      </c>
      <c r="E2461" s="1" t="s">
        <v>7</v>
      </c>
    </row>
    <row r="2462">
      <c r="A2462" s="1">
        <v>4.90391016E8</v>
      </c>
      <c r="B2462" s="2">
        <v>11887.0</v>
      </c>
      <c r="C2462" s="1" t="s">
        <v>5</v>
      </c>
      <c r="D2462" s="1" t="s">
        <v>2053</v>
      </c>
      <c r="E2462" s="1" t="s">
        <v>7</v>
      </c>
    </row>
    <row r="2463">
      <c r="A2463" s="1">
        <v>4.9039102E8</v>
      </c>
      <c r="B2463" s="2">
        <v>11855.0</v>
      </c>
      <c r="C2463" s="1" t="s">
        <v>5</v>
      </c>
      <c r="D2463" s="1" t="s">
        <v>2054</v>
      </c>
      <c r="E2463" s="1" t="s">
        <v>7</v>
      </c>
    </row>
    <row r="2464">
      <c r="A2464" s="1">
        <v>4.90391021E8</v>
      </c>
      <c r="B2464" s="3">
        <v>11813.0</v>
      </c>
      <c r="C2464" s="1" t="s">
        <v>5</v>
      </c>
      <c r="D2464" s="1" t="s">
        <v>2055</v>
      </c>
      <c r="E2464" s="1" t="s">
        <v>11</v>
      </c>
    </row>
    <row r="2465">
      <c r="A2465" s="1">
        <v>4.90391024E8</v>
      </c>
      <c r="B2465" s="2">
        <v>11892.0</v>
      </c>
      <c r="C2465" s="1" t="s">
        <v>5</v>
      </c>
      <c r="D2465" s="1" t="s">
        <v>2056</v>
      </c>
      <c r="E2465" s="1" t="s">
        <v>11</v>
      </c>
    </row>
    <row r="2466">
      <c r="A2466" s="1">
        <v>4.90391026E8</v>
      </c>
      <c r="B2466" s="2">
        <v>11893.0</v>
      </c>
      <c r="C2466" s="1" t="s">
        <v>5</v>
      </c>
      <c r="D2466" s="1" t="s">
        <v>2057</v>
      </c>
      <c r="E2466" s="1" t="s">
        <v>11</v>
      </c>
    </row>
    <row r="2467">
      <c r="A2467" s="1">
        <v>4.90391031E8</v>
      </c>
      <c r="B2467" s="2">
        <v>11899.0</v>
      </c>
      <c r="C2467" s="1" t="s">
        <v>5</v>
      </c>
      <c r="D2467" s="1" t="s">
        <v>11</v>
      </c>
      <c r="E2467" s="1" t="s">
        <v>7</v>
      </c>
    </row>
    <row r="2468">
      <c r="A2468" s="1">
        <v>4.90391034E8</v>
      </c>
      <c r="B2468" s="2">
        <v>11857.0</v>
      </c>
      <c r="C2468" s="1" t="s">
        <v>5</v>
      </c>
      <c r="D2468" s="1" t="s">
        <v>11</v>
      </c>
      <c r="E2468" s="1" t="s">
        <v>7</v>
      </c>
    </row>
    <row r="2469">
      <c r="A2469" s="1">
        <v>4.90391035E8</v>
      </c>
      <c r="B2469" s="3">
        <v>11820.0</v>
      </c>
      <c r="C2469" s="1" t="s">
        <v>5</v>
      </c>
      <c r="D2469" s="1" t="s">
        <v>2058</v>
      </c>
      <c r="E2469" s="1" t="s">
        <v>11</v>
      </c>
    </row>
    <row r="2470">
      <c r="A2470" s="1">
        <v>4.90391037E8</v>
      </c>
      <c r="B2470" s="2">
        <v>11887.0</v>
      </c>
      <c r="C2470" s="1" t="s">
        <v>5</v>
      </c>
      <c r="D2470" s="1" t="s">
        <v>2059</v>
      </c>
      <c r="E2470" s="1" t="s">
        <v>7</v>
      </c>
    </row>
    <row r="2471">
      <c r="A2471" s="1">
        <v>4.90391038E8</v>
      </c>
      <c r="B2471" s="2">
        <v>11859.0</v>
      </c>
      <c r="C2471" s="1" t="s">
        <v>5</v>
      </c>
      <c r="D2471" s="1" t="s">
        <v>11</v>
      </c>
      <c r="E2471" s="1" t="s">
        <v>7</v>
      </c>
    </row>
    <row r="2472">
      <c r="A2472" s="1">
        <v>4.90391039E8</v>
      </c>
      <c r="B2472" s="2">
        <v>11888.0</v>
      </c>
      <c r="C2472" s="1" t="s">
        <v>5</v>
      </c>
      <c r="D2472" s="1" t="s">
        <v>2060</v>
      </c>
      <c r="E2472" s="1" t="s">
        <v>7</v>
      </c>
    </row>
    <row r="2473">
      <c r="A2473" s="1">
        <v>4.90391042E8</v>
      </c>
      <c r="B2473" s="3">
        <v>11811.0</v>
      </c>
      <c r="C2473" s="1" t="s">
        <v>5</v>
      </c>
      <c r="D2473" s="1" t="s">
        <v>2061</v>
      </c>
      <c r="E2473" s="1" t="s">
        <v>7</v>
      </c>
    </row>
    <row r="2474">
      <c r="A2474" s="1">
        <v>4.90391043E8</v>
      </c>
      <c r="B2474" s="3">
        <v>11813.0</v>
      </c>
      <c r="C2474" s="1" t="s">
        <v>5</v>
      </c>
      <c r="D2474" s="1" t="s">
        <v>2062</v>
      </c>
      <c r="E2474" s="1" t="s">
        <v>7</v>
      </c>
    </row>
    <row r="2475">
      <c r="A2475" s="1">
        <v>4.90391047E8</v>
      </c>
      <c r="B2475" s="2">
        <v>11855.0</v>
      </c>
      <c r="C2475" s="1" t="s">
        <v>5</v>
      </c>
      <c r="D2475" s="1" t="s">
        <v>2063</v>
      </c>
      <c r="E2475" s="1" t="s">
        <v>7</v>
      </c>
    </row>
    <row r="2476">
      <c r="A2476" s="1">
        <v>4.90391048E8</v>
      </c>
      <c r="B2476" s="3">
        <v>11813.0</v>
      </c>
      <c r="C2476" s="1" t="s">
        <v>5</v>
      </c>
      <c r="D2476" s="1" t="s">
        <v>2064</v>
      </c>
      <c r="E2476" s="1" t="s">
        <v>7</v>
      </c>
    </row>
    <row r="2477">
      <c r="A2477" s="1">
        <v>4.90391052E8</v>
      </c>
      <c r="B2477" s="2">
        <v>11890.0</v>
      </c>
      <c r="C2477" s="1" t="s">
        <v>5</v>
      </c>
      <c r="D2477" s="1" t="s">
        <v>2065</v>
      </c>
      <c r="E2477" s="1" t="s">
        <v>7</v>
      </c>
    </row>
    <row r="2478">
      <c r="A2478" s="1">
        <v>4.90391054E8</v>
      </c>
      <c r="B2478" s="2">
        <v>11857.0</v>
      </c>
      <c r="C2478" s="1" t="s">
        <v>5</v>
      </c>
      <c r="D2478" s="1" t="s">
        <v>2066</v>
      </c>
      <c r="E2478" s="1" t="s">
        <v>7</v>
      </c>
    </row>
    <row r="2479">
      <c r="A2479" s="1">
        <v>4.90391056E8</v>
      </c>
      <c r="B2479" s="2">
        <v>11892.0</v>
      </c>
      <c r="C2479" s="1" t="s">
        <v>5</v>
      </c>
      <c r="D2479" s="1" t="s">
        <v>2067</v>
      </c>
      <c r="E2479" s="1" t="s">
        <v>7</v>
      </c>
    </row>
    <row r="2480">
      <c r="A2480" s="1">
        <v>4.90391059E8</v>
      </c>
      <c r="B2480" s="2">
        <v>11887.0</v>
      </c>
      <c r="C2480" s="1" t="s">
        <v>5</v>
      </c>
      <c r="D2480" s="1" t="s">
        <v>2068</v>
      </c>
      <c r="E2480" s="1" t="s">
        <v>7</v>
      </c>
    </row>
    <row r="2481">
      <c r="A2481" s="1">
        <v>4.9039106E8</v>
      </c>
      <c r="B2481" s="2">
        <v>11897.0</v>
      </c>
      <c r="C2481" s="1" t="s">
        <v>5</v>
      </c>
      <c r="D2481" s="1" t="s">
        <v>2069</v>
      </c>
      <c r="E2481" s="1" t="s">
        <v>2070</v>
      </c>
    </row>
    <row r="2482">
      <c r="A2482" s="1">
        <v>4.90391061E8</v>
      </c>
      <c r="B2482" s="2">
        <v>11896.0</v>
      </c>
      <c r="C2482" s="1" t="s">
        <v>5</v>
      </c>
      <c r="D2482" s="1" t="s">
        <v>2071</v>
      </c>
      <c r="E2482" s="1" t="s">
        <v>7</v>
      </c>
    </row>
    <row r="2483">
      <c r="A2483" s="1">
        <v>4.90391063E8</v>
      </c>
      <c r="B2483" s="2">
        <v>11899.0</v>
      </c>
      <c r="C2483" s="1" t="s">
        <v>5</v>
      </c>
      <c r="D2483" s="1" t="s">
        <v>2072</v>
      </c>
      <c r="E2483" s="1" t="s">
        <v>7</v>
      </c>
    </row>
    <row r="2484">
      <c r="A2484" s="1">
        <v>4.90391068E8</v>
      </c>
      <c r="B2484" s="2">
        <v>11855.0</v>
      </c>
      <c r="C2484" s="1" t="s">
        <v>5</v>
      </c>
      <c r="D2484" s="1" t="s">
        <v>2073</v>
      </c>
      <c r="E2484" s="1" t="s">
        <v>2074</v>
      </c>
    </row>
    <row r="2485">
      <c r="A2485" s="1">
        <v>4.90391069E8</v>
      </c>
      <c r="B2485" s="2">
        <v>11893.0</v>
      </c>
      <c r="C2485" s="1" t="s">
        <v>5</v>
      </c>
      <c r="D2485" s="1" t="s">
        <v>2075</v>
      </c>
      <c r="E2485" s="1" t="s">
        <v>11</v>
      </c>
    </row>
    <row r="2486">
      <c r="A2486" s="1">
        <v>4.9039107E8</v>
      </c>
      <c r="B2486" s="3">
        <v>11813.0</v>
      </c>
      <c r="C2486" s="1" t="s">
        <v>5</v>
      </c>
      <c r="D2486" s="1" t="s">
        <v>2076</v>
      </c>
      <c r="E2486" s="1" t="s">
        <v>11</v>
      </c>
    </row>
    <row r="2487">
      <c r="A2487" s="1">
        <v>4.90391073E8</v>
      </c>
      <c r="B2487" s="3">
        <v>11827.0</v>
      </c>
      <c r="C2487" s="1" t="s">
        <v>5</v>
      </c>
      <c r="D2487" s="1" t="s">
        <v>2077</v>
      </c>
      <c r="E2487" s="1" t="s">
        <v>7</v>
      </c>
    </row>
    <row r="2488">
      <c r="A2488" s="1">
        <v>4.90391078E8</v>
      </c>
      <c r="B2488" s="2">
        <v>11892.0</v>
      </c>
      <c r="C2488" s="1" t="s">
        <v>5</v>
      </c>
      <c r="D2488" s="1" t="s">
        <v>2078</v>
      </c>
      <c r="E2488" s="1" t="s">
        <v>7</v>
      </c>
    </row>
    <row r="2489">
      <c r="A2489" s="1">
        <v>4.90391083E8</v>
      </c>
      <c r="B2489" s="2">
        <v>11889.0</v>
      </c>
      <c r="C2489" s="1" t="s">
        <v>5</v>
      </c>
      <c r="D2489" s="1" t="s">
        <v>2079</v>
      </c>
      <c r="E2489" s="1" t="s">
        <v>11</v>
      </c>
    </row>
    <row r="2490">
      <c r="A2490" s="1">
        <v>4.90391087E8</v>
      </c>
      <c r="B2490" s="2">
        <v>11887.0</v>
      </c>
      <c r="C2490" s="1" t="s">
        <v>5</v>
      </c>
      <c r="D2490" s="1" t="s">
        <v>2080</v>
      </c>
      <c r="E2490" s="1" t="s">
        <v>2081</v>
      </c>
    </row>
    <row r="2491">
      <c r="A2491" s="1">
        <v>4.90391091E8</v>
      </c>
      <c r="B2491" s="2">
        <v>11896.0</v>
      </c>
      <c r="C2491" s="1" t="s">
        <v>5</v>
      </c>
      <c r="D2491" s="1" t="s">
        <v>2082</v>
      </c>
      <c r="E2491" s="1" t="s">
        <v>7</v>
      </c>
    </row>
    <row r="2492">
      <c r="A2492" s="1">
        <v>4.90391092E8</v>
      </c>
      <c r="B2492" s="2">
        <v>11857.0</v>
      </c>
      <c r="C2492" s="1" t="s">
        <v>5</v>
      </c>
      <c r="D2492" s="1" t="s">
        <v>11</v>
      </c>
      <c r="E2492" s="1" t="s">
        <v>7</v>
      </c>
    </row>
    <row r="2493">
      <c r="A2493" s="1">
        <v>4.90391096E8</v>
      </c>
      <c r="B2493" s="2">
        <v>11890.0</v>
      </c>
      <c r="C2493" s="1" t="s">
        <v>5</v>
      </c>
      <c r="D2493" s="1" t="s">
        <v>2083</v>
      </c>
      <c r="E2493" s="1" t="s">
        <v>11</v>
      </c>
    </row>
    <row r="2494">
      <c r="A2494" s="1">
        <v>4.90391097E8</v>
      </c>
      <c r="B2494" s="2">
        <v>11899.0</v>
      </c>
      <c r="C2494" s="1" t="s">
        <v>5</v>
      </c>
      <c r="D2494" s="1" t="s">
        <v>11</v>
      </c>
      <c r="E2494" s="1" t="s">
        <v>7</v>
      </c>
    </row>
    <row r="2495">
      <c r="A2495" s="1">
        <v>4.90391099E8</v>
      </c>
      <c r="B2495" s="2">
        <v>11855.0</v>
      </c>
      <c r="C2495" s="1" t="s">
        <v>5</v>
      </c>
      <c r="D2495" s="1" t="s">
        <v>2084</v>
      </c>
      <c r="E2495" s="1" t="s">
        <v>11</v>
      </c>
    </row>
    <row r="2496">
      <c r="A2496" s="1">
        <v>4.90391102E8</v>
      </c>
      <c r="B2496" s="2">
        <v>11859.0</v>
      </c>
      <c r="C2496" s="1" t="s">
        <v>5</v>
      </c>
      <c r="D2496" s="1" t="s">
        <v>2085</v>
      </c>
      <c r="E2496" s="1" t="s">
        <v>7</v>
      </c>
    </row>
    <row r="2497">
      <c r="A2497" s="1">
        <v>4.90391103E8</v>
      </c>
      <c r="B2497" s="2">
        <v>11892.0</v>
      </c>
      <c r="C2497" s="1" t="s">
        <v>5</v>
      </c>
      <c r="D2497" s="1" t="s">
        <v>2086</v>
      </c>
      <c r="E2497" s="1" t="s">
        <v>7</v>
      </c>
    </row>
    <row r="2498">
      <c r="A2498" s="1">
        <v>4.90391106E8</v>
      </c>
      <c r="B2498" s="2">
        <v>11893.0</v>
      </c>
      <c r="C2498" s="1" t="s">
        <v>5</v>
      </c>
      <c r="D2498" s="1" t="s">
        <v>2087</v>
      </c>
      <c r="E2498" s="1" t="s">
        <v>7</v>
      </c>
    </row>
    <row r="2499">
      <c r="A2499" s="1">
        <v>4.9039111E8</v>
      </c>
      <c r="B2499" s="2">
        <v>11887.0</v>
      </c>
      <c r="C2499" s="1" t="s">
        <v>5</v>
      </c>
      <c r="D2499" s="1" t="s">
        <v>2088</v>
      </c>
      <c r="E2499" s="1" t="s">
        <v>11</v>
      </c>
    </row>
    <row r="2500">
      <c r="A2500" s="1">
        <v>4.90391114E8</v>
      </c>
      <c r="B2500" s="3">
        <v>11813.0</v>
      </c>
      <c r="C2500" s="1" t="s">
        <v>5</v>
      </c>
      <c r="D2500" s="1" t="s">
        <v>2089</v>
      </c>
      <c r="E2500" s="1" t="s">
        <v>11</v>
      </c>
    </row>
    <row r="2501">
      <c r="A2501" s="1">
        <v>4.90391118E8</v>
      </c>
      <c r="B2501" s="2">
        <v>11892.0</v>
      </c>
      <c r="C2501" s="1" t="s">
        <v>5</v>
      </c>
      <c r="D2501" s="1" t="s">
        <v>2090</v>
      </c>
      <c r="E2501" s="1" t="s">
        <v>7</v>
      </c>
    </row>
    <row r="2502">
      <c r="A2502" s="1">
        <v>4.9039112E8</v>
      </c>
      <c r="B2502" s="2">
        <v>11898.0</v>
      </c>
      <c r="C2502" s="1" t="s">
        <v>5</v>
      </c>
      <c r="D2502" s="1" t="s">
        <v>11</v>
      </c>
      <c r="E2502" s="1" t="s">
        <v>7</v>
      </c>
    </row>
    <row r="2503">
      <c r="A2503" s="1">
        <v>4.90391121E8</v>
      </c>
      <c r="B2503" s="2">
        <v>11859.0</v>
      </c>
      <c r="C2503" s="1" t="s">
        <v>5</v>
      </c>
      <c r="D2503" s="1" t="s">
        <v>2091</v>
      </c>
      <c r="E2503" s="1" t="s">
        <v>7</v>
      </c>
    </row>
    <row r="2504">
      <c r="A2504" s="1">
        <v>4.90391128E8</v>
      </c>
      <c r="B2504" s="2">
        <v>11896.0</v>
      </c>
      <c r="C2504" s="1" t="s">
        <v>5</v>
      </c>
      <c r="D2504" s="1" t="s">
        <v>1392</v>
      </c>
      <c r="E2504" s="1" t="s">
        <v>7</v>
      </c>
    </row>
    <row r="2505">
      <c r="A2505" s="1">
        <v>4.90391133E8</v>
      </c>
      <c r="B2505" s="2">
        <v>11887.0</v>
      </c>
      <c r="C2505" s="1" t="s">
        <v>5</v>
      </c>
      <c r="D2505" s="1" t="s">
        <v>2092</v>
      </c>
      <c r="E2505" s="1" t="s">
        <v>7</v>
      </c>
    </row>
    <row r="2506">
      <c r="A2506" s="1">
        <v>4.90391134E8</v>
      </c>
      <c r="B2506" s="3">
        <v>11826.0</v>
      </c>
      <c r="C2506" s="1" t="s">
        <v>5</v>
      </c>
      <c r="D2506" s="1" t="s">
        <v>2093</v>
      </c>
      <c r="E2506" s="1" t="s">
        <v>11</v>
      </c>
    </row>
    <row r="2507">
      <c r="A2507" s="1">
        <v>4.90391139E8</v>
      </c>
      <c r="B2507" s="3">
        <v>11811.0</v>
      </c>
      <c r="C2507" s="1" t="s">
        <v>5</v>
      </c>
      <c r="D2507" s="1" t="s">
        <v>2094</v>
      </c>
      <c r="E2507" s="1" t="s">
        <v>7</v>
      </c>
    </row>
    <row r="2508">
      <c r="A2508" s="1">
        <v>4.90391141E8</v>
      </c>
      <c r="B2508" s="2">
        <v>11888.0</v>
      </c>
      <c r="C2508" s="1" t="s">
        <v>5</v>
      </c>
      <c r="D2508" s="1" t="s">
        <v>2095</v>
      </c>
      <c r="E2508" s="1" t="s">
        <v>11</v>
      </c>
    </row>
    <row r="2509">
      <c r="A2509" s="1">
        <v>4.90391148E8</v>
      </c>
      <c r="B2509" s="2">
        <v>11889.0</v>
      </c>
      <c r="C2509" s="1" t="s">
        <v>5</v>
      </c>
      <c r="D2509" s="1" t="s">
        <v>2096</v>
      </c>
      <c r="E2509" s="1" t="s">
        <v>11</v>
      </c>
    </row>
    <row r="2510">
      <c r="A2510" s="1">
        <v>4.9039115E8</v>
      </c>
      <c r="B2510" s="2">
        <v>11898.0</v>
      </c>
      <c r="C2510" s="1" t="s">
        <v>5</v>
      </c>
      <c r="D2510" s="1" t="s">
        <v>11</v>
      </c>
      <c r="E2510" s="1" t="s">
        <v>7</v>
      </c>
    </row>
    <row r="2511">
      <c r="A2511" s="1">
        <v>4.90391151E8</v>
      </c>
      <c r="B2511" s="2">
        <v>11896.0</v>
      </c>
      <c r="C2511" s="1" t="s">
        <v>5</v>
      </c>
      <c r="D2511" s="1" t="s">
        <v>2097</v>
      </c>
      <c r="E2511" s="1" t="s">
        <v>11</v>
      </c>
    </row>
    <row r="2512">
      <c r="A2512" s="1">
        <v>4.90391154E8</v>
      </c>
      <c r="B2512" s="3">
        <v>11826.0</v>
      </c>
      <c r="C2512" s="1" t="s">
        <v>5</v>
      </c>
      <c r="D2512" s="1" t="s">
        <v>2098</v>
      </c>
      <c r="E2512" s="1" t="s">
        <v>11</v>
      </c>
    </row>
    <row r="2513">
      <c r="A2513" s="1">
        <v>4.90391155E8</v>
      </c>
      <c r="B2513" s="2">
        <v>11895.0</v>
      </c>
      <c r="C2513" s="1" t="s">
        <v>5</v>
      </c>
      <c r="D2513" s="1" t="s">
        <v>2099</v>
      </c>
      <c r="E2513" s="1" t="s">
        <v>7</v>
      </c>
    </row>
    <row r="2514">
      <c r="A2514" s="1">
        <v>4.90391156E8</v>
      </c>
      <c r="B2514" s="3">
        <v>11813.0</v>
      </c>
      <c r="C2514" s="1" t="s">
        <v>5</v>
      </c>
      <c r="D2514" s="1" t="s">
        <v>2100</v>
      </c>
      <c r="E2514" s="1" t="s">
        <v>11</v>
      </c>
    </row>
    <row r="2515">
      <c r="A2515" s="1">
        <v>4.9039116E8</v>
      </c>
      <c r="B2515" s="2">
        <v>11850.0</v>
      </c>
      <c r="C2515" s="1" t="s">
        <v>5</v>
      </c>
      <c r="D2515" s="1" t="s">
        <v>2101</v>
      </c>
      <c r="E2515" s="1" t="s">
        <v>2102</v>
      </c>
    </row>
    <row r="2516">
      <c r="A2516" s="1">
        <v>4.90391162E8</v>
      </c>
      <c r="B2516" s="2">
        <v>11891.0</v>
      </c>
      <c r="C2516" s="1" t="s">
        <v>5</v>
      </c>
      <c r="D2516" s="1" t="s">
        <v>2103</v>
      </c>
      <c r="E2516" s="1" t="s">
        <v>2029</v>
      </c>
    </row>
    <row r="2517">
      <c r="A2517" s="1">
        <v>4.90391165E8</v>
      </c>
      <c r="B2517" s="2">
        <v>11869.0</v>
      </c>
      <c r="C2517" s="1" t="s">
        <v>5</v>
      </c>
      <c r="D2517" s="1" t="s">
        <v>2104</v>
      </c>
      <c r="E2517" s="1" t="s">
        <v>7</v>
      </c>
    </row>
    <row r="2518">
      <c r="A2518" s="1">
        <v>4.90391177E8</v>
      </c>
      <c r="B2518" s="3">
        <v>11811.0</v>
      </c>
      <c r="C2518" s="1" t="s">
        <v>5</v>
      </c>
      <c r="D2518" s="1" t="s">
        <v>2105</v>
      </c>
      <c r="E2518" s="1" t="s">
        <v>7</v>
      </c>
    </row>
    <row r="2519">
      <c r="A2519" s="1">
        <v>4.90391183E8</v>
      </c>
      <c r="B2519" s="2">
        <v>11859.0</v>
      </c>
      <c r="C2519" s="1" t="s">
        <v>5</v>
      </c>
      <c r="D2519" s="1" t="s">
        <v>11</v>
      </c>
      <c r="E2519" s="1" t="s">
        <v>7</v>
      </c>
    </row>
    <row r="2520">
      <c r="A2520" s="1">
        <v>4.90391184E8</v>
      </c>
      <c r="B2520" s="2">
        <v>11851.0</v>
      </c>
      <c r="C2520" s="1" t="s">
        <v>5</v>
      </c>
      <c r="D2520" s="1" t="s">
        <v>2106</v>
      </c>
      <c r="E2520" s="1" t="s">
        <v>11</v>
      </c>
    </row>
    <row r="2521">
      <c r="A2521" s="1">
        <v>4.90391191E8</v>
      </c>
      <c r="B2521" s="3">
        <v>11811.0</v>
      </c>
      <c r="C2521" s="1" t="s">
        <v>5</v>
      </c>
      <c r="D2521" s="1" t="s">
        <v>2107</v>
      </c>
      <c r="E2521" s="1" t="s">
        <v>7</v>
      </c>
    </row>
    <row r="2522">
      <c r="A2522" s="1">
        <v>4.90391198E8</v>
      </c>
      <c r="B2522" s="2">
        <v>11898.0</v>
      </c>
      <c r="C2522" s="1" t="s">
        <v>5</v>
      </c>
      <c r="D2522" s="1" t="s">
        <v>2108</v>
      </c>
      <c r="E2522" s="1" t="s">
        <v>7</v>
      </c>
    </row>
    <row r="2523">
      <c r="A2523" s="1">
        <v>4.90391199E8</v>
      </c>
      <c r="B2523" s="2">
        <v>11896.0</v>
      </c>
      <c r="C2523" s="1" t="s">
        <v>5</v>
      </c>
      <c r="D2523" s="1" t="s">
        <v>2109</v>
      </c>
      <c r="E2523" s="1" t="s">
        <v>7</v>
      </c>
    </row>
    <row r="2524">
      <c r="A2524" s="1">
        <v>4.903912E8</v>
      </c>
      <c r="B2524" s="2">
        <v>11898.0</v>
      </c>
      <c r="C2524" s="1" t="s">
        <v>5</v>
      </c>
      <c r="D2524" s="1" t="s">
        <v>2110</v>
      </c>
      <c r="E2524" s="1" t="s">
        <v>11</v>
      </c>
    </row>
    <row r="2525">
      <c r="A2525" s="1">
        <v>4.90391201E8</v>
      </c>
      <c r="B2525" s="3">
        <v>11811.0</v>
      </c>
      <c r="C2525" s="1" t="s">
        <v>5</v>
      </c>
      <c r="D2525" s="1" t="s">
        <v>2111</v>
      </c>
      <c r="E2525" s="1" t="s">
        <v>2112</v>
      </c>
    </row>
    <row r="2526">
      <c r="A2526" s="1">
        <v>4.90391202E8</v>
      </c>
      <c r="B2526" s="2">
        <v>11851.0</v>
      </c>
      <c r="C2526" s="1" t="s">
        <v>5</v>
      </c>
      <c r="D2526" s="1" t="s">
        <v>2113</v>
      </c>
      <c r="E2526" s="1" t="s">
        <v>7</v>
      </c>
    </row>
    <row r="2527">
      <c r="A2527" s="1">
        <v>4.90391203E8</v>
      </c>
      <c r="B2527" s="3">
        <v>11825.0</v>
      </c>
      <c r="C2527" s="1" t="s">
        <v>5</v>
      </c>
      <c r="D2527" s="1" t="s">
        <v>2114</v>
      </c>
      <c r="E2527" s="1" t="s">
        <v>2115</v>
      </c>
    </row>
    <row r="2528">
      <c r="A2528" s="1">
        <v>4.90391205E8</v>
      </c>
      <c r="B2528" s="2">
        <v>11888.0</v>
      </c>
      <c r="C2528" s="1" t="s">
        <v>5</v>
      </c>
      <c r="D2528" s="1" t="s">
        <v>11</v>
      </c>
      <c r="E2528" s="1" t="s">
        <v>7</v>
      </c>
    </row>
    <row r="2529">
      <c r="A2529" s="1">
        <v>4.90391207E8</v>
      </c>
      <c r="B2529" s="2">
        <v>11889.0</v>
      </c>
      <c r="C2529" s="1" t="s">
        <v>5</v>
      </c>
      <c r="D2529" s="1" t="s">
        <v>2116</v>
      </c>
      <c r="E2529" s="1" t="s">
        <v>11</v>
      </c>
    </row>
    <row r="2530">
      <c r="A2530" s="1">
        <v>4.90391209E8</v>
      </c>
      <c r="B2530" s="2">
        <v>11891.0</v>
      </c>
      <c r="C2530" s="1" t="s">
        <v>5</v>
      </c>
      <c r="D2530" s="1" t="s">
        <v>2117</v>
      </c>
      <c r="E2530" s="1" t="s">
        <v>7</v>
      </c>
    </row>
    <row r="2531">
      <c r="A2531" s="1">
        <v>4.90391214E8</v>
      </c>
      <c r="B2531" s="2">
        <v>11893.0</v>
      </c>
      <c r="C2531" s="1" t="s">
        <v>5</v>
      </c>
      <c r="D2531" s="1" t="s">
        <v>2118</v>
      </c>
      <c r="E2531" s="1" t="s">
        <v>11</v>
      </c>
    </row>
    <row r="2532">
      <c r="A2532" s="1">
        <v>4.90391216E8</v>
      </c>
      <c r="B2532" s="2">
        <v>11892.0</v>
      </c>
      <c r="C2532" s="1" t="s">
        <v>5</v>
      </c>
      <c r="D2532" s="1" t="s">
        <v>2119</v>
      </c>
      <c r="E2532" s="1" t="s">
        <v>11</v>
      </c>
    </row>
    <row r="2533">
      <c r="A2533" s="1">
        <v>4.90391219E8</v>
      </c>
      <c r="B2533" s="2">
        <v>11855.0</v>
      </c>
      <c r="C2533" s="1" t="s">
        <v>5</v>
      </c>
      <c r="D2533" s="1" t="s">
        <v>2120</v>
      </c>
      <c r="E2533" s="1" t="s">
        <v>11</v>
      </c>
    </row>
    <row r="2534">
      <c r="A2534" s="1">
        <v>4.90391221E8</v>
      </c>
      <c r="B2534" s="2">
        <v>11851.0</v>
      </c>
      <c r="C2534" s="1" t="s">
        <v>5</v>
      </c>
      <c r="D2534" s="1" t="s">
        <v>2121</v>
      </c>
      <c r="E2534" s="1" t="s">
        <v>11</v>
      </c>
    </row>
    <row r="2535">
      <c r="A2535" s="1">
        <v>4.90391222E8</v>
      </c>
      <c r="B2535" s="2">
        <v>11889.0</v>
      </c>
      <c r="C2535" s="1" t="s">
        <v>5</v>
      </c>
      <c r="D2535" s="1" t="s">
        <v>2122</v>
      </c>
      <c r="E2535" s="1" t="s">
        <v>11</v>
      </c>
    </row>
    <row r="2536">
      <c r="A2536" s="1">
        <v>4.90391223E8</v>
      </c>
      <c r="B2536" s="2">
        <v>11888.0</v>
      </c>
      <c r="C2536" s="1" t="s">
        <v>5</v>
      </c>
      <c r="D2536" s="1" t="s">
        <v>11</v>
      </c>
      <c r="E2536" s="1" t="s">
        <v>7</v>
      </c>
    </row>
    <row r="2537">
      <c r="A2537" s="1">
        <v>4.90391228E8</v>
      </c>
      <c r="B2537" s="2">
        <v>11898.0</v>
      </c>
      <c r="C2537" s="1" t="s">
        <v>5</v>
      </c>
      <c r="D2537" s="1" t="s">
        <v>2123</v>
      </c>
      <c r="E2537" s="1" t="s">
        <v>7</v>
      </c>
    </row>
    <row r="2538">
      <c r="A2538" s="1">
        <v>4.9039123E8</v>
      </c>
      <c r="B2538" s="3">
        <v>11811.0</v>
      </c>
      <c r="C2538" s="1" t="s">
        <v>5</v>
      </c>
      <c r="D2538" s="1" t="s">
        <v>11</v>
      </c>
      <c r="E2538" s="1" t="s">
        <v>7</v>
      </c>
    </row>
    <row r="2539">
      <c r="A2539" s="1">
        <v>4.90391231E8</v>
      </c>
      <c r="B2539" s="3">
        <v>11819.0</v>
      </c>
      <c r="C2539" s="1" t="s">
        <v>5</v>
      </c>
      <c r="D2539" s="1" t="s">
        <v>2124</v>
      </c>
      <c r="E2539" s="1" t="s">
        <v>7</v>
      </c>
    </row>
    <row r="2540">
      <c r="A2540" s="1">
        <v>4.90391232E8</v>
      </c>
      <c r="B2540" s="2">
        <v>11859.0</v>
      </c>
      <c r="C2540" s="1" t="s">
        <v>5</v>
      </c>
      <c r="D2540" s="1" t="s">
        <v>2125</v>
      </c>
      <c r="E2540" s="1" t="s">
        <v>7</v>
      </c>
    </row>
    <row r="2541">
      <c r="A2541" s="1">
        <v>4.90391237E8</v>
      </c>
      <c r="B2541" s="2">
        <v>11895.0</v>
      </c>
      <c r="C2541" s="1" t="s">
        <v>5</v>
      </c>
      <c r="D2541" s="1" t="s">
        <v>2126</v>
      </c>
      <c r="E2541" s="1" t="s">
        <v>11</v>
      </c>
    </row>
    <row r="2542">
      <c r="A2542" s="1">
        <v>4.9039124E8</v>
      </c>
      <c r="B2542" s="2">
        <v>11889.0</v>
      </c>
      <c r="C2542" s="1" t="s">
        <v>5</v>
      </c>
      <c r="D2542" s="1" t="s">
        <v>2127</v>
      </c>
      <c r="E2542" s="1" t="s">
        <v>11</v>
      </c>
    </row>
    <row r="2543">
      <c r="A2543" s="1">
        <v>4.90391241E8</v>
      </c>
      <c r="B2543" s="2">
        <v>11888.0</v>
      </c>
      <c r="C2543" s="1" t="s">
        <v>5</v>
      </c>
      <c r="D2543" s="1" t="s">
        <v>11</v>
      </c>
      <c r="E2543" s="1" t="s">
        <v>7</v>
      </c>
    </row>
    <row r="2544">
      <c r="A2544" s="1">
        <v>4.90391242E8</v>
      </c>
      <c r="B2544" s="2">
        <v>11896.0</v>
      </c>
      <c r="C2544" s="1" t="s">
        <v>5</v>
      </c>
      <c r="D2544" s="1" t="s">
        <v>2128</v>
      </c>
      <c r="E2544" s="1" t="s">
        <v>11</v>
      </c>
    </row>
    <row r="2545">
      <c r="A2545" s="1">
        <v>4.90391244E8</v>
      </c>
      <c r="B2545" s="2">
        <v>11889.0</v>
      </c>
      <c r="C2545" s="1" t="s">
        <v>5</v>
      </c>
      <c r="D2545" s="1" t="s">
        <v>2129</v>
      </c>
      <c r="E2545" s="1" t="s">
        <v>11</v>
      </c>
    </row>
    <row r="2546">
      <c r="A2546" s="1">
        <v>4.90391247E8</v>
      </c>
      <c r="B2546" s="3">
        <v>11825.0</v>
      </c>
      <c r="C2546" s="1" t="s">
        <v>5</v>
      </c>
      <c r="D2546" s="1" t="s">
        <v>2130</v>
      </c>
      <c r="E2546" s="1" t="s">
        <v>7</v>
      </c>
    </row>
    <row r="2547">
      <c r="A2547" s="1">
        <v>4.90391251E8</v>
      </c>
      <c r="B2547" s="2">
        <v>11896.0</v>
      </c>
      <c r="C2547" s="1" t="s">
        <v>5</v>
      </c>
      <c r="D2547" s="1" t="s">
        <v>42</v>
      </c>
      <c r="E2547" s="1" t="s">
        <v>7</v>
      </c>
    </row>
    <row r="2548">
      <c r="A2548" s="1">
        <v>4.90391256E8</v>
      </c>
      <c r="B2548" s="2">
        <v>11889.0</v>
      </c>
      <c r="C2548" s="1" t="s">
        <v>5</v>
      </c>
      <c r="D2548" s="1" t="s">
        <v>2131</v>
      </c>
      <c r="E2548" s="1" t="s">
        <v>7</v>
      </c>
    </row>
    <row r="2549">
      <c r="A2549" s="1">
        <v>4.90391257E8</v>
      </c>
      <c r="B2549" s="2">
        <v>11887.0</v>
      </c>
      <c r="C2549" s="1" t="s">
        <v>5</v>
      </c>
      <c r="D2549" s="1" t="s">
        <v>2132</v>
      </c>
      <c r="E2549" s="1" t="s">
        <v>7</v>
      </c>
    </row>
    <row r="2550">
      <c r="A2550" s="1">
        <v>4.90391263E8</v>
      </c>
      <c r="B2550" s="2">
        <v>11895.0</v>
      </c>
      <c r="C2550" s="1" t="s">
        <v>5</v>
      </c>
      <c r="D2550" s="1" t="s">
        <v>2133</v>
      </c>
      <c r="E2550" s="1" t="s">
        <v>7</v>
      </c>
    </row>
    <row r="2551">
      <c r="A2551" s="1">
        <v>4.90391264E8</v>
      </c>
      <c r="B2551" s="2">
        <v>11896.0</v>
      </c>
      <c r="C2551" s="1" t="s">
        <v>5</v>
      </c>
      <c r="D2551" s="1" t="s">
        <v>2134</v>
      </c>
      <c r="E2551" s="1" t="s">
        <v>7</v>
      </c>
    </row>
    <row r="2552">
      <c r="A2552" s="1">
        <v>4.90391275E8</v>
      </c>
      <c r="B2552" s="2">
        <v>11891.0</v>
      </c>
      <c r="C2552" s="1" t="s">
        <v>5</v>
      </c>
      <c r="D2552" s="1" t="s">
        <v>2135</v>
      </c>
      <c r="E2552" s="1" t="s">
        <v>7</v>
      </c>
    </row>
    <row r="2553">
      <c r="A2553" s="1">
        <v>4.90391277E8</v>
      </c>
      <c r="B2553" s="3">
        <v>11811.0</v>
      </c>
      <c r="C2553" s="1" t="s">
        <v>5</v>
      </c>
      <c r="D2553" s="1" t="s">
        <v>67</v>
      </c>
      <c r="E2553" s="1" t="s">
        <v>7</v>
      </c>
    </row>
    <row r="2554">
      <c r="A2554" s="1">
        <v>4.90391282E8</v>
      </c>
      <c r="B2554" s="2">
        <v>11898.0</v>
      </c>
      <c r="C2554" s="1" t="s">
        <v>5</v>
      </c>
      <c r="D2554" s="1" t="s">
        <v>2136</v>
      </c>
      <c r="E2554" s="1" t="s">
        <v>11</v>
      </c>
    </row>
    <row r="2555">
      <c r="A2555" s="1">
        <v>4.90391284E8</v>
      </c>
      <c r="B2555" s="2">
        <v>11857.0</v>
      </c>
      <c r="C2555" s="1" t="s">
        <v>5</v>
      </c>
      <c r="D2555" s="1" t="s">
        <v>2137</v>
      </c>
      <c r="E2555" s="1" t="s">
        <v>11</v>
      </c>
    </row>
    <row r="2556">
      <c r="A2556" s="1">
        <v>4.90391287E8</v>
      </c>
      <c r="B2556" s="2">
        <v>11859.0</v>
      </c>
      <c r="C2556" s="1" t="s">
        <v>5</v>
      </c>
      <c r="D2556" s="1" t="s">
        <v>2138</v>
      </c>
      <c r="E2556" s="1" t="s">
        <v>11</v>
      </c>
    </row>
    <row r="2557">
      <c r="A2557" s="1">
        <v>4.90391288E8</v>
      </c>
      <c r="B2557" s="2">
        <v>11859.0</v>
      </c>
      <c r="C2557" s="1" t="s">
        <v>5</v>
      </c>
      <c r="D2557" s="1" t="s">
        <v>169</v>
      </c>
      <c r="E2557" s="1" t="s">
        <v>7</v>
      </c>
    </row>
    <row r="2558">
      <c r="A2558" s="1">
        <v>4.90391294E8</v>
      </c>
      <c r="B2558" s="2">
        <v>11891.0</v>
      </c>
      <c r="C2558" s="1" t="s">
        <v>5</v>
      </c>
      <c r="D2558" s="1" t="s">
        <v>2139</v>
      </c>
      <c r="E2558" s="1" t="s">
        <v>11</v>
      </c>
    </row>
    <row r="2559">
      <c r="A2559" s="1">
        <v>4.90391297E8</v>
      </c>
      <c r="B2559" s="2">
        <v>11898.0</v>
      </c>
      <c r="C2559" s="1" t="s">
        <v>5</v>
      </c>
      <c r="D2559" s="1" t="s">
        <v>2140</v>
      </c>
      <c r="E2559" s="1" t="s">
        <v>7</v>
      </c>
    </row>
    <row r="2560">
      <c r="A2560" s="1">
        <v>4.90391301E8</v>
      </c>
      <c r="B2560" s="2">
        <v>11898.0</v>
      </c>
      <c r="C2560" s="1" t="s">
        <v>5</v>
      </c>
      <c r="D2560" s="1" t="s">
        <v>2141</v>
      </c>
      <c r="E2560" s="1" t="s">
        <v>11</v>
      </c>
    </row>
    <row r="2561">
      <c r="A2561" s="1">
        <v>4.90391305E8</v>
      </c>
      <c r="B2561" s="2">
        <v>11859.0</v>
      </c>
      <c r="C2561" s="1" t="s">
        <v>5</v>
      </c>
      <c r="D2561" s="1" t="s">
        <v>2142</v>
      </c>
      <c r="E2561" s="1" t="s">
        <v>11</v>
      </c>
    </row>
    <row r="2562">
      <c r="A2562" s="1">
        <v>4.90391321E8</v>
      </c>
      <c r="B2562" s="2">
        <v>11859.0</v>
      </c>
      <c r="C2562" s="1" t="s">
        <v>5</v>
      </c>
      <c r="D2562" s="1" t="s">
        <v>2143</v>
      </c>
      <c r="E2562" s="1" t="s">
        <v>7</v>
      </c>
    </row>
    <row r="2563">
      <c r="A2563" s="1">
        <v>4.90391325E8</v>
      </c>
      <c r="B2563" s="2">
        <v>11870.0</v>
      </c>
      <c r="C2563" s="1" t="s">
        <v>5</v>
      </c>
      <c r="D2563" s="1" t="s">
        <v>2144</v>
      </c>
      <c r="E2563" s="1" t="s">
        <v>7</v>
      </c>
    </row>
    <row r="2564">
      <c r="A2564" s="1">
        <v>4.90391329E8</v>
      </c>
      <c r="B2564" s="3">
        <v>11811.0</v>
      </c>
      <c r="C2564" s="1" t="s">
        <v>5</v>
      </c>
      <c r="D2564" s="1" t="s">
        <v>11</v>
      </c>
      <c r="E2564" s="1" t="s">
        <v>7</v>
      </c>
    </row>
    <row r="2565">
      <c r="A2565" s="1">
        <v>4.9039133E8</v>
      </c>
      <c r="B2565" s="2">
        <v>11855.0</v>
      </c>
      <c r="C2565" s="1" t="s">
        <v>5</v>
      </c>
      <c r="D2565" s="1" t="s">
        <v>2145</v>
      </c>
      <c r="E2565" s="1" t="s">
        <v>7</v>
      </c>
    </row>
    <row r="2566">
      <c r="A2566" s="1">
        <v>4.90391332E8</v>
      </c>
      <c r="B2566" s="3">
        <v>11818.0</v>
      </c>
      <c r="C2566" s="1" t="s">
        <v>5</v>
      </c>
      <c r="D2566" s="1" t="s">
        <v>2146</v>
      </c>
      <c r="E2566" s="1" t="s">
        <v>11</v>
      </c>
    </row>
    <row r="2567">
      <c r="A2567" s="1">
        <v>4.90391333E8</v>
      </c>
      <c r="B2567" s="3">
        <v>11825.0</v>
      </c>
      <c r="C2567" s="1" t="s">
        <v>5</v>
      </c>
      <c r="D2567" s="1" t="s">
        <v>2147</v>
      </c>
      <c r="E2567" s="1" t="s">
        <v>7</v>
      </c>
    </row>
    <row r="2568">
      <c r="A2568" s="1">
        <v>4.90391336E8</v>
      </c>
      <c r="B2568" s="2">
        <v>11887.0</v>
      </c>
      <c r="C2568" s="1" t="s">
        <v>5</v>
      </c>
      <c r="D2568" s="1" t="s">
        <v>2148</v>
      </c>
      <c r="E2568" s="1" t="s">
        <v>11</v>
      </c>
    </row>
    <row r="2569">
      <c r="A2569" s="1">
        <v>4.90391337E8</v>
      </c>
      <c r="B2569" s="2">
        <v>11898.0</v>
      </c>
      <c r="C2569" s="1" t="s">
        <v>5</v>
      </c>
      <c r="D2569" s="1" t="s">
        <v>2149</v>
      </c>
      <c r="E2569" s="1" t="s">
        <v>11</v>
      </c>
    </row>
    <row r="2570">
      <c r="A2570" s="1">
        <v>4.90391338E8</v>
      </c>
      <c r="B2570" s="3">
        <v>11824.0</v>
      </c>
      <c r="C2570" s="1" t="s">
        <v>5</v>
      </c>
      <c r="D2570" s="1" t="s">
        <v>2150</v>
      </c>
      <c r="E2570" s="1" t="s">
        <v>7</v>
      </c>
    </row>
    <row r="2571">
      <c r="A2571" s="1">
        <v>4.9039134E8</v>
      </c>
      <c r="B2571" s="2">
        <v>11892.0</v>
      </c>
      <c r="C2571" s="1" t="s">
        <v>5</v>
      </c>
      <c r="D2571" s="1" t="s">
        <v>1799</v>
      </c>
      <c r="E2571" s="1" t="s">
        <v>11</v>
      </c>
    </row>
    <row r="2572">
      <c r="A2572" s="1">
        <v>4.90391347E8</v>
      </c>
      <c r="B2572" s="2">
        <v>11889.0</v>
      </c>
      <c r="C2572" s="1" t="s">
        <v>5</v>
      </c>
      <c r="D2572" s="1" t="s">
        <v>2151</v>
      </c>
      <c r="E2572" s="1" t="s">
        <v>11</v>
      </c>
    </row>
    <row r="2573">
      <c r="A2573" s="1">
        <v>4.90391348E8</v>
      </c>
      <c r="B2573" s="2">
        <v>11850.0</v>
      </c>
      <c r="C2573" s="1" t="s">
        <v>5</v>
      </c>
      <c r="D2573" s="1" t="s">
        <v>11</v>
      </c>
      <c r="E2573" s="1" t="s">
        <v>7</v>
      </c>
    </row>
    <row r="2574">
      <c r="A2574" s="1">
        <v>4.90391352E8</v>
      </c>
      <c r="B2574" s="2">
        <v>11893.0</v>
      </c>
      <c r="C2574" s="1" t="s">
        <v>5</v>
      </c>
      <c r="D2574" s="1" t="s">
        <v>2152</v>
      </c>
      <c r="E2574" s="1" t="s">
        <v>7</v>
      </c>
    </row>
    <row r="2575">
      <c r="A2575" s="1">
        <v>4.90391355E8</v>
      </c>
      <c r="B2575" s="2">
        <v>11855.0</v>
      </c>
      <c r="C2575" s="1" t="s">
        <v>5</v>
      </c>
      <c r="D2575" s="1" t="s">
        <v>2153</v>
      </c>
      <c r="E2575" s="1" t="s">
        <v>7</v>
      </c>
    </row>
    <row r="2576">
      <c r="A2576" s="1">
        <v>4.9039136E8</v>
      </c>
      <c r="B2576" s="2">
        <v>11869.0</v>
      </c>
      <c r="C2576" s="1" t="s">
        <v>5</v>
      </c>
      <c r="D2576" s="1" t="s">
        <v>11</v>
      </c>
      <c r="E2576" s="1" t="s">
        <v>7</v>
      </c>
    </row>
    <row r="2577">
      <c r="A2577" s="1">
        <v>4.90391367E8</v>
      </c>
      <c r="B2577" s="2">
        <v>11889.0</v>
      </c>
      <c r="C2577" s="1" t="s">
        <v>5</v>
      </c>
      <c r="D2577" s="1" t="s">
        <v>2154</v>
      </c>
      <c r="E2577" s="1" t="s">
        <v>11</v>
      </c>
    </row>
    <row r="2578">
      <c r="A2578" s="1">
        <v>4.90391369E8</v>
      </c>
      <c r="B2578" s="2">
        <v>11850.0</v>
      </c>
      <c r="C2578" s="1" t="s">
        <v>5</v>
      </c>
      <c r="D2578" s="1" t="s">
        <v>2155</v>
      </c>
      <c r="E2578" s="1" t="s">
        <v>7</v>
      </c>
    </row>
    <row r="2579">
      <c r="A2579" s="1">
        <v>4.90391377E8</v>
      </c>
      <c r="B2579" s="2">
        <v>11897.0</v>
      </c>
      <c r="C2579" s="1" t="s">
        <v>5</v>
      </c>
      <c r="D2579" s="1" t="s">
        <v>11</v>
      </c>
      <c r="E2579" s="1" t="s">
        <v>7</v>
      </c>
    </row>
    <row r="2580">
      <c r="A2580" s="1">
        <v>4.90391382E8</v>
      </c>
      <c r="B2580" s="2">
        <v>11891.0</v>
      </c>
      <c r="C2580" s="1" t="s">
        <v>5</v>
      </c>
      <c r="D2580" s="1" t="s">
        <v>2156</v>
      </c>
      <c r="E2580" s="1" t="s">
        <v>11</v>
      </c>
    </row>
    <row r="2581">
      <c r="A2581" s="1">
        <v>4.90391386E8</v>
      </c>
      <c r="B2581" s="2">
        <v>11895.0</v>
      </c>
      <c r="C2581" s="1" t="s">
        <v>5</v>
      </c>
      <c r="D2581" s="1" t="s">
        <v>2157</v>
      </c>
      <c r="E2581" s="1" t="s">
        <v>2158</v>
      </c>
    </row>
    <row r="2582">
      <c r="A2582" s="1">
        <v>4.90391388E8</v>
      </c>
      <c r="B2582" s="2">
        <v>11892.0</v>
      </c>
      <c r="C2582" s="1" t="s">
        <v>5</v>
      </c>
      <c r="D2582" s="1" t="s">
        <v>11</v>
      </c>
      <c r="E2582" s="1" t="s">
        <v>7</v>
      </c>
    </row>
    <row r="2583">
      <c r="A2583" s="1">
        <v>4.9039139E8</v>
      </c>
      <c r="B2583" s="3">
        <v>11825.0</v>
      </c>
      <c r="C2583" s="1" t="s">
        <v>5</v>
      </c>
      <c r="D2583" s="1" t="s">
        <v>2159</v>
      </c>
      <c r="E2583" s="1" t="s">
        <v>2160</v>
      </c>
    </row>
    <row r="2584">
      <c r="A2584" s="1">
        <v>4.90391392E8</v>
      </c>
      <c r="B2584" s="2">
        <v>11898.0</v>
      </c>
      <c r="C2584" s="1" t="s">
        <v>5</v>
      </c>
      <c r="D2584" s="1" t="s">
        <v>11</v>
      </c>
      <c r="E2584" s="1" t="s">
        <v>7</v>
      </c>
    </row>
    <row r="2585">
      <c r="A2585" s="1">
        <v>4.90391396E8</v>
      </c>
      <c r="B2585" s="2">
        <v>11855.0</v>
      </c>
      <c r="C2585" s="1" t="s">
        <v>5</v>
      </c>
      <c r="D2585" s="1" t="s">
        <v>2161</v>
      </c>
      <c r="E2585" s="1" t="s">
        <v>11</v>
      </c>
    </row>
    <row r="2586">
      <c r="A2586" s="1">
        <v>4.90391399E8</v>
      </c>
      <c r="B2586" s="2">
        <v>11855.0</v>
      </c>
      <c r="C2586" s="1" t="s">
        <v>5</v>
      </c>
      <c r="D2586" s="1" t="s">
        <v>2162</v>
      </c>
      <c r="E2586" s="1" t="s">
        <v>2163</v>
      </c>
    </row>
    <row r="2587">
      <c r="A2587" s="1">
        <v>4.90391403E8</v>
      </c>
      <c r="B2587" s="2">
        <v>11893.0</v>
      </c>
      <c r="C2587" s="1" t="s">
        <v>5</v>
      </c>
      <c r="D2587" s="1" t="s">
        <v>2164</v>
      </c>
      <c r="E2587" s="1" t="s">
        <v>7</v>
      </c>
    </row>
    <row r="2588">
      <c r="A2588" s="1">
        <v>4.90391407E8</v>
      </c>
      <c r="B2588" s="2">
        <v>11850.0</v>
      </c>
      <c r="C2588" s="1" t="s">
        <v>5</v>
      </c>
      <c r="D2588" s="1" t="s">
        <v>2165</v>
      </c>
      <c r="E2588" s="1" t="s">
        <v>7</v>
      </c>
    </row>
    <row r="2589">
      <c r="A2589" s="1">
        <v>4.90391413E8</v>
      </c>
      <c r="B2589" s="2">
        <v>11891.0</v>
      </c>
      <c r="C2589" s="1" t="s">
        <v>5</v>
      </c>
      <c r="D2589" s="1" t="s">
        <v>11</v>
      </c>
      <c r="E2589" s="1" t="s">
        <v>7</v>
      </c>
    </row>
    <row r="2590">
      <c r="A2590" s="1">
        <v>4.90391414E8</v>
      </c>
      <c r="B2590" s="3">
        <v>11824.0</v>
      </c>
      <c r="C2590" s="1" t="s">
        <v>5</v>
      </c>
      <c r="D2590" s="1" t="s">
        <v>2166</v>
      </c>
      <c r="E2590" s="1" t="s">
        <v>11</v>
      </c>
    </row>
    <row r="2591">
      <c r="A2591" s="1">
        <v>4.90391416E8</v>
      </c>
      <c r="B2591" s="2">
        <v>11892.0</v>
      </c>
      <c r="C2591" s="1" t="s">
        <v>5</v>
      </c>
      <c r="D2591" s="1" t="s">
        <v>2167</v>
      </c>
      <c r="E2591" s="1" t="s">
        <v>11</v>
      </c>
    </row>
    <row r="2592">
      <c r="A2592" s="1">
        <v>4.90391424E8</v>
      </c>
      <c r="B2592" s="2">
        <v>11857.0</v>
      </c>
      <c r="C2592" s="1" t="s">
        <v>5</v>
      </c>
      <c r="D2592" s="1" t="s">
        <v>2168</v>
      </c>
      <c r="E2592" s="1" t="s">
        <v>7</v>
      </c>
    </row>
    <row r="2593">
      <c r="A2593" s="1">
        <v>4.90391427E8</v>
      </c>
      <c r="B2593" s="2">
        <v>11893.0</v>
      </c>
      <c r="C2593" s="1" t="s">
        <v>5</v>
      </c>
      <c r="D2593" s="1" t="s">
        <v>2169</v>
      </c>
      <c r="E2593" s="1" t="s">
        <v>11</v>
      </c>
    </row>
    <row r="2594">
      <c r="A2594" s="1">
        <v>4.90391431E8</v>
      </c>
      <c r="B2594" s="2">
        <v>11891.0</v>
      </c>
      <c r="C2594" s="1" t="s">
        <v>5</v>
      </c>
      <c r="D2594" s="1" t="s">
        <v>2170</v>
      </c>
      <c r="E2594" s="1" t="s">
        <v>7</v>
      </c>
    </row>
    <row r="2595">
      <c r="A2595" s="1">
        <v>4.90391435E8</v>
      </c>
      <c r="B2595" s="2">
        <v>11887.0</v>
      </c>
      <c r="C2595" s="1" t="s">
        <v>5</v>
      </c>
      <c r="D2595" s="1" t="s">
        <v>2171</v>
      </c>
      <c r="E2595" s="1" t="s">
        <v>11</v>
      </c>
    </row>
    <row r="2596">
      <c r="A2596" s="1">
        <v>4.90391436E8</v>
      </c>
      <c r="B2596" s="3">
        <v>11824.0</v>
      </c>
      <c r="C2596" s="1" t="s">
        <v>5</v>
      </c>
      <c r="D2596" s="1" t="s">
        <v>11</v>
      </c>
      <c r="E2596" s="1" t="s">
        <v>7</v>
      </c>
    </row>
    <row r="2597">
      <c r="A2597" s="1">
        <v>4.90391442E8</v>
      </c>
      <c r="B2597" s="2">
        <v>11850.0</v>
      </c>
      <c r="C2597" s="1" t="s">
        <v>5</v>
      </c>
      <c r="D2597" s="1" t="s">
        <v>2172</v>
      </c>
      <c r="E2597" s="1" t="s">
        <v>7</v>
      </c>
    </row>
    <row r="2598">
      <c r="A2598" s="1">
        <v>4.90391443E8</v>
      </c>
      <c r="B2598" s="2">
        <v>11891.0</v>
      </c>
      <c r="C2598" s="1" t="s">
        <v>5</v>
      </c>
      <c r="D2598" s="1" t="s">
        <v>2173</v>
      </c>
      <c r="E2598" s="1" t="s">
        <v>7</v>
      </c>
    </row>
    <row r="2599">
      <c r="A2599" s="1">
        <v>4.90391444E8</v>
      </c>
      <c r="B2599" s="3">
        <v>11824.0</v>
      </c>
      <c r="C2599" s="1" t="s">
        <v>5</v>
      </c>
      <c r="D2599" s="1" t="s">
        <v>2174</v>
      </c>
      <c r="E2599" s="1" t="s">
        <v>7</v>
      </c>
    </row>
    <row r="2600">
      <c r="A2600" s="1">
        <v>4.90391445E8</v>
      </c>
      <c r="B2600" s="2">
        <v>11850.0</v>
      </c>
      <c r="C2600" s="1" t="s">
        <v>5</v>
      </c>
      <c r="D2600" s="1" t="s">
        <v>2175</v>
      </c>
      <c r="E2600" s="1" t="s">
        <v>11</v>
      </c>
    </row>
    <row r="2601">
      <c r="A2601" s="1">
        <v>4.90391446E8</v>
      </c>
      <c r="B2601" s="2">
        <v>11891.0</v>
      </c>
      <c r="C2601" s="1" t="s">
        <v>5</v>
      </c>
      <c r="D2601" s="1" t="s">
        <v>2176</v>
      </c>
      <c r="E2601" s="1" t="s">
        <v>11</v>
      </c>
    </row>
    <row r="2602">
      <c r="A2602" s="1">
        <v>4.90391453E8</v>
      </c>
      <c r="B2602" s="2">
        <v>11869.0</v>
      </c>
      <c r="C2602" s="1" t="s">
        <v>5</v>
      </c>
      <c r="D2602" s="1" t="s">
        <v>2177</v>
      </c>
      <c r="E2602" s="1" t="s">
        <v>11</v>
      </c>
    </row>
    <row r="2603">
      <c r="A2603" s="1">
        <v>4.90391455E8</v>
      </c>
      <c r="B2603" s="2">
        <v>11889.0</v>
      </c>
      <c r="C2603" s="1" t="s">
        <v>5</v>
      </c>
      <c r="D2603" s="1" t="s">
        <v>2178</v>
      </c>
      <c r="E2603" s="1" t="s">
        <v>7</v>
      </c>
    </row>
    <row r="2604">
      <c r="A2604" s="1">
        <v>4.90391458E8</v>
      </c>
      <c r="B2604" s="3">
        <v>11817.0</v>
      </c>
      <c r="C2604" s="1" t="s">
        <v>5</v>
      </c>
      <c r="D2604" s="1" t="s">
        <v>11</v>
      </c>
      <c r="E2604" s="1" t="s">
        <v>7</v>
      </c>
    </row>
    <row r="2605">
      <c r="A2605" s="1">
        <v>4.9039146E8</v>
      </c>
      <c r="B2605" s="2">
        <v>11886.0</v>
      </c>
      <c r="C2605" s="1" t="s">
        <v>5</v>
      </c>
      <c r="D2605" s="1" t="s">
        <v>2179</v>
      </c>
      <c r="E2605" s="1" t="s">
        <v>7</v>
      </c>
    </row>
    <row r="2606">
      <c r="A2606" s="1">
        <v>4.90391461E8</v>
      </c>
      <c r="B2606" s="2">
        <v>11855.0</v>
      </c>
      <c r="C2606" s="1" t="s">
        <v>5</v>
      </c>
      <c r="D2606" s="1" t="s">
        <v>2180</v>
      </c>
      <c r="E2606" s="1" t="s">
        <v>7</v>
      </c>
    </row>
    <row r="2607">
      <c r="A2607" s="1">
        <v>4.90391462E8</v>
      </c>
      <c r="B2607" s="2">
        <v>11892.0</v>
      </c>
      <c r="C2607" s="1" t="s">
        <v>5</v>
      </c>
      <c r="D2607" s="1" t="s">
        <v>2181</v>
      </c>
      <c r="E2607" s="1" t="s">
        <v>2182</v>
      </c>
    </row>
    <row r="2608">
      <c r="A2608" s="1">
        <v>4.90391464E8</v>
      </c>
      <c r="B2608" s="2">
        <v>11855.0</v>
      </c>
      <c r="C2608" s="1" t="s">
        <v>5</v>
      </c>
      <c r="D2608" s="1" t="s">
        <v>2183</v>
      </c>
      <c r="E2608" s="1" t="s">
        <v>11</v>
      </c>
    </row>
    <row r="2609">
      <c r="A2609" s="1">
        <v>4.90391467E8</v>
      </c>
      <c r="B2609" s="2">
        <v>11889.0</v>
      </c>
      <c r="C2609" s="1" t="s">
        <v>5</v>
      </c>
      <c r="D2609" s="1" t="s">
        <v>2184</v>
      </c>
      <c r="E2609" s="1" t="s">
        <v>7</v>
      </c>
    </row>
    <row r="2610">
      <c r="A2610" s="1">
        <v>4.9039147E8</v>
      </c>
      <c r="B2610" s="2">
        <v>11897.0</v>
      </c>
      <c r="C2610" s="1" t="s">
        <v>5</v>
      </c>
      <c r="D2610" s="1" t="s">
        <v>11</v>
      </c>
      <c r="E2610" s="1" t="s">
        <v>7</v>
      </c>
    </row>
    <row r="2611">
      <c r="A2611" s="1">
        <v>4.90391472E8</v>
      </c>
      <c r="B2611" s="2">
        <v>11891.0</v>
      </c>
      <c r="C2611" s="1" t="s">
        <v>5</v>
      </c>
      <c r="D2611" s="1" t="s">
        <v>1619</v>
      </c>
      <c r="E2611" s="1" t="s">
        <v>7</v>
      </c>
    </row>
    <row r="2612">
      <c r="A2612" s="1">
        <v>4.90391474E8</v>
      </c>
      <c r="B2612" s="2">
        <v>11850.0</v>
      </c>
      <c r="C2612" s="1" t="s">
        <v>5</v>
      </c>
      <c r="D2612" s="1" t="s">
        <v>2185</v>
      </c>
      <c r="E2612" s="1" t="s">
        <v>11</v>
      </c>
    </row>
    <row r="2613">
      <c r="A2613" s="1">
        <v>4.90391477E8</v>
      </c>
      <c r="B2613" s="2">
        <v>11870.0</v>
      </c>
      <c r="C2613" s="1" t="s">
        <v>5</v>
      </c>
      <c r="D2613" s="1" t="s">
        <v>2186</v>
      </c>
      <c r="E2613" s="1" t="s">
        <v>11</v>
      </c>
    </row>
    <row r="2614">
      <c r="A2614" s="1">
        <v>4.90391479E8</v>
      </c>
      <c r="B2614" s="3">
        <v>11824.0</v>
      </c>
      <c r="C2614" s="1" t="s">
        <v>5</v>
      </c>
      <c r="D2614" s="1" t="s">
        <v>2187</v>
      </c>
      <c r="E2614" s="1" t="s">
        <v>11</v>
      </c>
    </row>
    <row r="2615">
      <c r="A2615" s="1">
        <v>4.90391484E8</v>
      </c>
      <c r="B2615" s="2">
        <v>11886.0</v>
      </c>
      <c r="C2615" s="1" t="s">
        <v>5</v>
      </c>
      <c r="D2615" s="1" t="s">
        <v>2188</v>
      </c>
      <c r="E2615" s="1" t="s">
        <v>7</v>
      </c>
    </row>
    <row r="2616">
      <c r="A2616" s="1">
        <v>4.90391487E8</v>
      </c>
      <c r="B2616" s="2">
        <v>11897.0</v>
      </c>
      <c r="C2616" s="1" t="s">
        <v>5</v>
      </c>
      <c r="D2616" s="1" t="s">
        <v>42</v>
      </c>
      <c r="E2616" s="1" t="s">
        <v>7</v>
      </c>
    </row>
    <row r="2617">
      <c r="A2617" s="1">
        <v>4.90391488E8</v>
      </c>
      <c r="B2617" s="2">
        <v>11859.0</v>
      </c>
      <c r="C2617" s="1" t="s">
        <v>5</v>
      </c>
      <c r="D2617" s="1" t="s">
        <v>2189</v>
      </c>
      <c r="E2617" s="1" t="s">
        <v>7</v>
      </c>
    </row>
    <row r="2618">
      <c r="A2618" s="1">
        <v>4.90391489E8</v>
      </c>
      <c r="B2618" s="2">
        <v>11897.0</v>
      </c>
      <c r="C2618" s="1" t="s">
        <v>5</v>
      </c>
      <c r="D2618" s="1" t="s">
        <v>2190</v>
      </c>
      <c r="E2618" s="1" t="s">
        <v>11</v>
      </c>
    </row>
    <row r="2619">
      <c r="A2619" s="1">
        <v>4.90391497E8</v>
      </c>
      <c r="B2619" s="2">
        <v>11892.0</v>
      </c>
      <c r="C2619" s="1" t="s">
        <v>5</v>
      </c>
      <c r="D2619" s="1" t="s">
        <v>11</v>
      </c>
      <c r="E2619" s="1" t="s">
        <v>7</v>
      </c>
    </row>
    <row r="2620">
      <c r="A2620" s="1">
        <v>4.90391498E8</v>
      </c>
      <c r="B2620" s="2">
        <v>11857.0</v>
      </c>
      <c r="C2620" s="1" t="s">
        <v>5</v>
      </c>
      <c r="D2620" s="1" t="s">
        <v>11</v>
      </c>
      <c r="E2620" s="1" t="s">
        <v>7</v>
      </c>
    </row>
    <row r="2621">
      <c r="A2621" s="1">
        <v>4.903915E8</v>
      </c>
      <c r="B2621" s="2">
        <v>11850.0</v>
      </c>
      <c r="C2621" s="1" t="s">
        <v>5</v>
      </c>
      <c r="D2621" s="1" t="s">
        <v>2191</v>
      </c>
      <c r="E2621" s="1" t="s">
        <v>11</v>
      </c>
    </row>
    <row r="2622">
      <c r="A2622" s="1">
        <v>4.90391502E8</v>
      </c>
      <c r="B2622" s="2">
        <v>11870.0</v>
      </c>
      <c r="C2622" s="1" t="s">
        <v>5</v>
      </c>
      <c r="D2622" s="1" t="s">
        <v>872</v>
      </c>
      <c r="E2622" s="1" t="s">
        <v>7</v>
      </c>
    </row>
    <row r="2623">
      <c r="A2623" s="1">
        <v>4.90391512E8</v>
      </c>
      <c r="B2623" s="2">
        <v>11851.0</v>
      </c>
      <c r="C2623" s="1" t="s">
        <v>5</v>
      </c>
      <c r="D2623" s="1" t="s">
        <v>11</v>
      </c>
      <c r="E2623" s="1" t="s">
        <v>7</v>
      </c>
    </row>
    <row r="2624">
      <c r="A2624" s="1">
        <v>4.90391513E8</v>
      </c>
      <c r="B2624" s="2">
        <v>11886.0</v>
      </c>
      <c r="C2624" s="1" t="s">
        <v>5</v>
      </c>
      <c r="D2624" s="1" t="s">
        <v>11</v>
      </c>
      <c r="E2624" s="1" t="s">
        <v>7</v>
      </c>
    </row>
    <row r="2625">
      <c r="A2625" s="1">
        <v>4.90391517E8</v>
      </c>
      <c r="B2625" s="2">
        <v>11855.0</v>
      </c>
      <c r="C2625" s="1" t="s">
        <v>5</v>
      </c>
      <c r="D2625" s="1" t="s">
        <v>2192</v>
      </c>
      <c r="E2625" s="1" t="s">
        <v>7</v>
      </c>
    </row>
    <row r="2626">
      <c r="A2626" s="1">
        <v>4.9039152E8</v>
      </c>
      <c r="B2626" s="2">
        <v>11857.0</v>
      </c>
      <c r="C2626" s="1" t="s">
        <v>5</v>
      </c>
      <c r="D2626" s="1" t="s">
        <v>11</v>
      </c>
      <c r="E2626" s="1" t="s">
        <v>7</v>
      </c>
    </row>
    <row r="2627">
      <c r="A2627" s="1">
        <v>4.90391526E8</v>
      </c>
      <c r="B2627" s="2">
        <v>11886.0</v>
      </c>
      <c r="C2627" s="1" t="s">
        <v>5</v>
      </c>
      <c r="D2627" s="1" t="s">
        <v>11</v>
      </c>
      <c r="E2627" s="1" t="s">
        <v>7</v>
      </c>
    </row>
    <row r="2628">
      <c r="A2628" s="1">
        <v>4.90391528E8</v>
      </c>
      <c r="B2628" s="2">
        <v>11897.0</v>
      </c>
      <c r="C2628" s="1" t="s">
        <v>5</v>
      </c>
      <c r="D2628" s="1" t="s">
        <v>2193</v>
      </c>
      <c r="E2628" s="1" t="s">
        <v>7</v>
      </c>
    </row>
    <row r="2629">
      <c r="A2629" s="1">
        <v>4.90391533E8</v>
      </c>
      <c r="B2629" s="2">
        <v>11892.0</v>
      </c>
      <c r="C2629" s="1" t="s">
        <v>5</v>
      </c>
      <c r="D2629" s="1" t="s">
        <v>11</v>
      </c>
      <c r="E2629" s="1" t="s">
        <v>7</v>
      </c>
    </row>
    <row r="2630">
      <c r="A2630" s="1">
        <v>4.90391534E8</v>
      </c>
      <c r="B2630" s="3">
        <v>11815.0</v>
      </c>
      <c r="C2630" s="1" t="s">
        <v>5</v>
      </c>
      <c r="D2630" s="1" t="s">
        <v>2194</v>
      </c>
      <c r="E2630" s="1" t="s">
        <v>7</v>
      </c>
    </row>
    <row r="2631">
      <c r="A2631" s="1">
        <v>4.90391535E8</v>
      </c>
      <c r="B2631" s="3">
        <v>11822.0</v>
      </c>
      <c r="C2631" s="1" t="s">
        <v>5</v>
      </c>
      <c r="D2631" s="1" t="s">
        <v>2195</v>
      </c>
      <c r="E2631" s="1" t="s">
        <v>7</v>
      </c>
    </row>
    <row r="2632">
      <c r="A2632" s="1">
        <v>4.90391536E8</v>
      </c>
      <c r="B2632" s="2">
        <v>11869.0</v>
      </c>
      <c r="C2632" s="1" t="s">
        <v>5</v>
      </c>
      <c r="D2632" s="1" t="s">
        <v>2196</v>
      </c>
      <c r="E2632" s="1" t="s">
        <v>11</v>
      </c>
    </row>
    <row r="2633">
      <c r="A2633" s="1">
        <v>4.90391537E8</v>
      </c>
      <c r="B2633" s="2">
        <v>11855.0</v>
      </c>
      <c r="C2633" s="1" t="s">
        <v>5</v>
      </c>
      <c r="D2633" s="1" t="s">
        <v>169</v>
      </c>
      <c r="E2633" s="1" t="s">
        <v>7</v>
      </c>
    </row>
    <row r="2634">
      <c r="A2634" s="1">
        <v>4.90391538E8</v>
      </c>
      <c r="B2634" s="2">
        <v>11859.0</v>
      </c>
      <c r="C2634" s="1" t="s">
        <v>5</v>
      </c>
      <c r="D2634" s="1" t="s">
        <v>11</v>
      </c>
      <c r="E2634" s="1" t="s">
        <v>7</v>
      </c>
    </row>
    <row r="2635">
      <c r="A2635" s="1">
        <v>4.90391544E8</v>
      </c>
      <c r="B2635" s="2">
        <v>11892.0</v>
      </c>
      <c r="C2635" s="1" t="s">
        <v>5</v>
      </c>
      <c r="D2635" s="1" t="s">
        <v>2197</v>
      </c>
      <c r="E2635" s="1" t="s">
        <v>7</v>
      </c>
    </row>
    <row r="2636">
      <c r="A2636" s="1">
        <v>4.90391546E8</v>
      </c>
      <c r="B2636" s="3">
        <v>11822.0</v>
      </c>
      <c r="C2636" s="1" t="s">
        <v>5</v>
      </c>
      <c r="D2636" s="1" t="s">
        <v>2198</v>
      </c>
      <c r="E2636" s="1" t="s">
        <v>7</v>
      </c>
    </row>
    <row r="2637">
      <c r="A2637" s="1">
        <v>4.90391551E8</v>
      </c>
      <c r="B2637" s="2">
        <v>11895.0</v>
      </c>
      <c r="C2637" s="1" t="s">
        <v>5</v>
      </c>
      <c r="D2637" s="1" t="s">
        <v>2199</v>
      </c>
      <c r="E2637" s="1" t="s">
        <v>7</v>
      </c>
    </row>
    <row r="2638">
      <c r="A2638" s="1">
        <v>4.90391557E8</v>
      </c>
      <c r="B2638" s="2">
        <v>11897.0</v>
      </c>
      <c r="C2638" s="1" t="s">
        <v>5</v>
      </c>
      <c r="D2638" s="1" t="s">
        <v>2200</v>
      </c>
      <c r="E2638" s="1" t="s">
        <v>7</v>
      </c>
    </row>
    <row r="2639">
      <c r="A2639" s="1">
        <v>4.9039157E8</v>
      </c>
      <c r="B2639" s="2">
        <v>11888.0</v>
      </c>
      <c r="C2639" s="1" t="s">
        <v>5</v>
      </c>
      <c r="D2639" s="1" t="s">
        <v>11</v>
      </c>
      <c r="E2639" s="1" t="s">
        <v>7</v>
      </c>
    </row>
    <row r="2640">
      <c r="A2640" s="1">
        <v>4.90391572E8</v>
      </c>
      <c r="B2640" s="2">
        <v>11892.0</v>
      </c>
      <c r="C2640" s="1" t="s">
        <v>5</v>
      </c>
      <c r="D2640" s="1" t="s">
        <v>11</v>
      </c>
      <c r="E2640" s="1" t="s">
        <v>7</v>
      </c>
    </row>
    <row r="2641">
      <c r="A2641" s="1">
        <v>4.90391574E8</v>
      </c>
      <c r="B2641" s="2">
        <v>11897.0</v>
      </c>
      <c r="C2641" s="1" t="s">
        <v>5</v>
      </c>
      <c r="D2641" s="1" t="s">
        <v>2201</v>
      </c>
      <c r="E2641" s="1" t="s">
        <v>11</v>
      </c>
    </row>
    <row r="2642">
      <c r="A2642" s="1">
        <v>4.90391582E8</v>
      </c>
      <c r="B2642" s="2">
        <v>11892.0</v>
      </c>
      <c r="C2642" s="1" t="s">
        <v>5</v>
      </c>
      <c r="D2642" s="1" t="s">
        <v>11</v>
      </c>
      <c r="E2642" s="1" t="s">
        <v>7</v>
      </c>
    </row>
    <row r="2643">
      <c r="A2643" s="1">
        <v>4.90391588E8</v>
      </c>
      <c r="B2643" s="3">
        <v>11815.0</v>
      </c>
      <c r="C2643" s="1" t="s">
        <v>5</v>
      </c>
      <c r="D2643" s="1" t="s">
        <v>2202</v>
      </c>
      <c r="E2643" s="1" t="s">
        <v>7</v>
      </c>
    </row>
    <row r="2644">
      <c r="A2644" s="1">
        <v>4.90391589E8</v>
      </c>
      <c r="B2644" s="2">
        <v>11892.0</v>
      </c>
      <c r="C2644" s="1" t="s">
        <v>5</v>
      </c>
      <c r="D2644" s="1" t="s">
        <v>2203</v>
      </c>
      <c r="E2644" s="1" t="s">
        <v>11</v>
      </c>
    </row>
    <row r="2645">
      <c r="A2645" s="1">
        <v>4.90391596E8</v>
      </c>
      <c r="B2645" s="2">
        <v>11891.0</v>
      </c>
      <c r="C2645" s="1" t="s">
        <v>5</v>
      </c>
      <c r="D2645" s="1" t="s">
        <v>2204</v>
      </c>
      <c r="E2645" s="1" t="s">
        <v>7</v>
      </c>
    </row>
    <row r="2646">
      <c r="A2646" s="1">
        <v>4.903916E8</v>
      </c>
      <c r="B2646" s="2">
        <v>11892.0</v>
      </c>
      <c r="C2646" s="1" t="s">
        <v>5</v>
      </c>
      <c r="D2646" s="1" t="s">
        <v>2205</v>
      </c>
      <c r="E2646" s="1" t="s">
        <v>11</v>
      </c>
    </row>
    <row r="2647">
      <c r="A2647" s="1">
        <v>4.90391612E8</v>
      </c>
      <c r="B2647" s="2">
        <v>11891.0</v>
      </c>
      <c r="C2647" s="1" t="s">
        <v>5</v>
      </c>
      <c r="D2647" s="1" t="s">
        <v>11</v>
      </c>
      <c r="E2647" s="1" t="s">
        <v>7</v>
      </c>
    </row>
    <row r="2648">
      <c r="A2648" s="1">
        <v>4.90391616E8</v>
      </c>
      <c r="B2648" s="2">
        <v>11855.0</v>
      </c>
      <c r="C2648" s="1" t="s">
        <v>5</v>
      </c>
      <c r="D2648" s="1" t="s">
        <v>11</v>
      </c>
      <c r="E2648" s="1" t="s">
        <v>7</v>
      </c>
    </row>
    <row r="2649">
      <c r="A2649" s="1">
        <v>4.90391619E8</v>
      </c>
      <c r="B2649" s="2">
        <v>11892.0</v>
      </c>
      <c r="C2649" s="1" t="s">
        <v>5</v>
      </c>
      <c r="D2649" s="1" t="s">
        <v>2206</v>
      </c>
      <c r="E2649" s="1" t="s">
        <v>7</v>
      </c>
    </row>
    <row r="2650">
      <c r="A2650" s="1">
        <v>4.90391621E8</v>
      </c>
      <c r="B2650" s="2">
        <v>11869.0</v>
      </c>
      <c r="C2650" s="1" t="s">
        <v>5</v>
      </c>
      <c r="D2650" s="1" t="s">
        <v>2207</v>
      </c>
      <c r="E2650" s="1" t="s">
        <v>11</v>
      </c>
    </row>
    <row r="2651">
      <c r="A2651" s="1">
        <v>4.90391624E8</v>
      </c>
      <c r="B2651" s="2">
        <v>11859.0</v>
      </c>
      <c r="C2651" s="1" t="s">
        <v>5</v>
      </c>
      <c r="D2651" s="1" t="s">
        <v>2208</v>
      </c>
      <c r="E2651" s="1" t="s">
        <v>11</v>
      </c>
    </row>
    <row r="2652">
      <c r="A2652" s="1">
        <v>4.90391627E8</v>
      </c>
      <c r="B2652" s="2">
        <v>11897.0</v>
      </c>
      <c r="C2652" s="1" t="s">
        <v>5</v>
      </c>
      <c r="D2652" s="1" t="s">
        <v>2209</v>
      </c>
      <c r="E2652" s="1" t="s">
        <v>11</v>
      </c>
    </row>
    <row r="2653">
      <c r="A2653" s="1">
        <v>4.90391628E8</v>
      </c>
      <c r="B2653" s="2">
        <v>11891.0</v>
      </c>
      <c r="C2653" s="1" t="s">
        <v>5</v>
      </c>
      <c r="D2653" s="1" t="s">
        <v>2210</v>
      </c>
      <c r="E2653" s="1" t="s">
        <v>11</v>
      </c>
    </row>
    <row r="2654">
      <c r="A2654" s="1">
        <v>4.90391632E8</v>
      </c>
      <c r="B2654" s="3">
        <v>11821.0</v>
      </c>
      <c r="C2654" s="1" t="s">
        <v>5</v>
      </c>
      <c r="D2654" s="1" t="s">
        <v>2211</v>
      </c>
      <c r="E2654" s="1" t="s">
        <v>7</v>
      </c>
    </row>
    <row r="2655">
      <c r="A2655" s="1">
        <v>4.90391635E8</v>
      </c>
      <c r="B2655" s="2">
        <v>11870.0</v>
      </c>
      <c r="C2655" s="1" t="s">
        <v>5</v>
      </c>
      <c r="D2655" s="1" t="s">
        <v>2212</v>
      </c>
      <c r="E2655" s="1" t="s">
        <v>7</v>
      </c>
    </row>
    <row r="2656">
      <c r="A2656" s="1">
        <v>4.90391644E8</v>
      </c>
      <c r="B2656" s="2">
        <v>11869.0</v>
      </c>
      <c r="C2656" s="1" t="s">
        <v>5</v>
      </c>
      <c r="D2656" s="1" t="s">
        <v>2213</v>
      </c>
      <c r="E2656" s="1" t="s">
        <v>11</v>
      </c>
    </row>
    <row r="2657">
      <c r="A2657" s="1">
        <v>4.90391645E8</v>
      </c>
      <c r="B2657" s="2">
        <v>11890.0</v>
      </c>
      <c r="C2657" s="1" t="s">
        <v>5</v>
      </c>
      <c r="D2657" s="1" t="s">
        <v>2214</v>
      </c>
      <c r="E2657" s="1" t="s">
        <v>11</v>
      </c>
    </row>
    <row r="2658">
      <c r="A2658" s="1">
        <v>4.90391649E8</v>
      </c>
      <c r="B2658" s="2">
        <v>11888.0</v>
      </c>
      <c r="C2658" s="1" t="s">
        <v>5</v>
      </c>
      <c r="D2658" s="1" t="s">
        <v>2215</v>
      </c>
      <c r="E2658" s="1" t="s">
        <v>7</v>
      </c>
    </row>
    <row r="2659">
      <c r="A2659" s="1">
        <v>4.90391652E8</v>
      </c>
      <c r="B2659" s="2">
        <v>11897.0</v>
      </c>
      <c r="C2659" s="1" t="s">
        <v>5</v>
      </c>
      <c r="D2659" s="1" t="s">
        <v>11</v>
      </c>
      <c r="E2659" s="1" t="s">
        <v>7</v>
      </c>
    </row>
    <row r="2660">
      <c r="A2660" s="1">
        <v>4.90391654E8</v>
      </c>
      <c r="B2660" s="3">
        <v>11821.0</v>
      </c>
      <c r="C2660" s="1" t="s">
        <v>5</v>
      </c>
      <c r="D2660" s="1" t="s">
        <v>2216</v>
      </c>
      <c r="E2660" s="1" t="s">
        <v>11</v>
      </c>
    </row>
    <row r="2661">
      <c r="A2661" s="1">
        <v>4.90391656E8</v>
      </c>
      <c r="B2661" s="3">
        <v>11815.0</v>
      </c>
      <c r="C2661" s="1" t="s">
        <v>5</v>
      </c>
      <c r="D2661" s="1" t="s">
        <v>2217</v>
      </c>
      <c r="E2661" s="1" t="s">
        <v>7</v>
      </c>
    </row>
    <row r="2662">
      <c r="A2662" s="1">
        <v>4.90391659E8</v>
      </c>
      <c r="B2662" s="2">
        <v>11891.0</v>
      </c>
      <c r="C2662" s="1" t="s">
        <v>5</v>
      </c>
      <c r="D2662" s="1" t="s">
        <v>11</v>
      </c>
      <c r="E2662" s="1" t="s">
        <v>7</v>
      </c>
    </row>
    <row r="2663">
      <c r="A2663" s="1">
        <v>4.90391661E8</v>
      </c>
      <c r="B2663" s="2">
        <v>11870.0</v>
      </c>
      <c r="C2663" s="1" t="s">
        <v>5</v>
      </c>
      <c r="D2663" s="1" t="s">
        <v>2218</v>
      </c>
      <c r="E2663" s="1" t="s">
        <v>11</v>
      </c>
    </row>
    <row r="2664">
      <c r="A2664" s="1">
        <v>4.90391667E8</v>
      </c>
      <c r="B2664" s="2">
        <v>11888.0</v>
      </c>
      <c r="C2664" s="1" t="s">
        <v>5</v>
      </c>
      <c r="D2664" s="1" t="s">
        <v>2219</v>
      </c>
      <c r="E2664" s="1" t="s">
        <v>11</v>
      </c>
    </row>
    <row r="2665">
      <c r="A2665" s="1">
        <v>4.90391672E8</v>
      </c>
      <c r="B2665" s="2">
        <v>11859.0</v>
      </c>
      <c r="C2665" s="1" t="s">
        <v>5</v>
      </c>
      <c r="D2665" s="1" t="s">
        <v>11</v>
      </c>
      <c r="E2665" s="1" t="s">
        <v>7</v>
      </c>
    </row>
    <row r="2666">
      <c r="A2666" s="1">
        <v>4.90391683E8</v>
      </c>
      <c r="B2666" s="2">
        <v>11857.0</v>
      </c>
      <c r="C2666" s="1" t="s">
        <v>5</v>
      </c>
      <c r="D2666" s="1" t="s">
        <v>11</v>
      </c>
      <c r="E2666" s="1" t="s">
        <v>7</v>
      </c>
    </row>
    <row r="2667">
      <c r="A2667" s="1">
        <v>4.90391686E8</v>
      </c>
      <c r="B2667" s="2">
        <v>11895.0</v>
      </c>
      <c r="C2667" s="1" t="s">
        <v>5</v>
      </c>
      <c r="D2667" s="1" t="s">
        <v>11</v>
      </c>
      <c r="E2667" s="1" t="s">
        <v>7</v>
      </c>
    </row>
    <row r="2668">
      <c r="A2668" s="1">
        <v>4.90391687E8</v>
      </c>
      <c r="B2668" s="3">
        <v>11821.0</v>
      </c>
      <c r="C2668" s="1" t="s">
        <v>5</v>
      </c>
      <c r="D2668" s="1" t="s">
        <v>2220</v>
      </c>
      <c r="E2668" s="1" t="s">
        <v>7</v>
      </c>
    </row>
    <row r="2669">
      <c r="A2669" s="1">
        <v>4.90391688E8</v>
      </c>
      <c r="B2669" s="2">
        <v>11870.0</v>
      </c>
      <c r="C2669" s="1" t="s">
        <v>5</v>
      </c>
      <c r="D2669" s="1" t="s">
        <v>2221</v>
      </c>
      <c r="E2669" s="1" t="s">
        <v>7</v>
      </c>
    </row>
    <row r="2670">
      <c r="A2670" s="1">
        <v>4.90391691E8</v>
      </c>
      <c r="B2670" s="2">
        <v>11888.0</v>
      </c>
      <c r="C2670" s="1" t="s">
        <v>5</v>
      </c>
      <c r="D2670" s="1" t="s">
        <v>11</v>
      </c>
      <c r="E2670" s="1" t="s">
        <v>7</v>
      </c>
    </row>
    <row r="2671">
      <c r="A2671" s="1">
        <v>4.90391694E8</v>
      </c>
      <c r="B2671" s="2">
        <v>11885.0</v>
      </c>
      <c r="C2671" s="1" t="s">
        <v>5</v>
      </c>
      <c r="D2671" s="1" t="s">
        <v>2222</v>
      </c>
      <c r="E2671" s="1" t="s">
        <v>7</v>
      </c>
    </row>
    <row r="2672">
      <c r="A2672" s="1">
        <v>4.903917E8</v>
      </c>
      <c r="B2672" s="3">
        <v>11821.0</v>
      </c>
      <c r="C2672" s="1" t="s">
        <v>5</v>
      </c>
      <c r="D2672" s="1" t="s">
        <v>2223</v>
      </c>
      <c r="E2672" s="1" t="s">
        <v>7</v>
      </c>
    </row>
    <row r="2673">
      <c r="A2673" s="1">
        <v>4.90391701E8</v>
      </c>
      <c r="B2673" s="3">
        <v>11821.0</v>
      </c>
      <c r="C2673" s="1" t="s">
        <v>5</v>
      </c>
      <c r="D2673" s="1" t="s">
        <v>2224</v>
      </c>
      <c r="E2673" s="1" t="s">
        <v>11</v>
      </c>
    </row>
    <row r="2674">
      <c r="A2674" s="1">
        <v>4.90391703E8</v>
      </c>
      <c r="B2674" s="2">
        <v>11890.0</v>
      </c>
      <c r="C2674" s="1" t="s">
        <v>5</v>
      </c>
      <c r="D2674" s="1" t="s">
        <v>2225</v>
      </c>
      <c r="E2674" s="1" t="s">
        <v>7</v>
      </c>
    </row>
    <row r="2675">
      <c r="A2675" s="1">
        <v>4.90391704E8</v>
      </c>
      <c r="B2675" s="2">
        <v>11887.0</v>
      </c>
      <c r="C2675" s="1" t="s">
        <v>5</v>
      </c>
      <c r="D2675" s="1" t="s">
        <v>2226</v>
      </c>
      <c r="E2675" s="1" t="s">
        <v>7</v>
      </c>
    </row>
    <row r="2676">
      <c r="A2676" s="1">
        <v>4.90391705E8</v>
      </c>
      <c r="B2676" s="2">
        <v>11855.0</v>
      </c>
      <c r="C2676" s="1" t="s">
        <v>5</v>
      </c>
      <c r="D2676" s="1" t="s">
        <v>2227</v>
      </c>
      <c r="E2676" s="1" t="s">
        <v>11</v>
      </c>
    </row>
    <row r="2677">
      <c r="A2677" s="1">
        <v>4.90391706E8</v>
      </c>
      <c r="B2677" s="2">
        <v>11870.0</v>
      </c>
      <c r="C2677" s="1" t="s">
        <v>5</v>
      </c>
      <c r="D2677" s="1" t="s">
        <v>2228</v>
      </c>
      <c r="E2677" s="1" t="s">
        <v>11</v>
      </c>
    </row>
    <row r="2678">
      <c r="A2678" s="1">
        <v>4.90391707E8</v>
      </c>
      <c r="B2678" s="2">
        <v>11888.0</v>
      </c>
      <c r="C2678" s="1" t="s">
        <v>5</v>
      </c>
      <c r="D2678" s="1" t="s">
        <v>2229</v>
      </c>
      <c r="E2678" s="1" t="s">
        <v>7</v>
      </c>
    </row>
    <row r="2679">
      <c r="A2679" s="1">
        <v>4.90391708E8</v>
      </c>
      <c r="B2679" s="3">
        <v>11815.0</v>
      </c>
      <c r="C2679" s="1" t="s">
        <v>5</v>
      </c>
      <c r="D2679" s="1" t="s">
        <v>2230</v>
      </c>
      <c r="E2679" s="1" t="s">
        <v>7</v>
      </c>
    </row>
    <row r="2680">
      <c r="A2680" s="1">
        <v>4.90391722E8</v>
      </c>
      <c r="B2680" s="2">
        <v>11857.0</v>
      </c>
      <c r="C2680" s="1" t="s">
        <v>5</v>
      </c>
      <c r="D2680" s="1" t="s">
        <v>2231</v>
      </c>
      <c r="E2680" s="1" t="s">
        <v>11</v>
      </c>
    </row>
    <row r="2681">
      <c r="A2681" s="1">
        <v>4.90391723E8</v>
      </c>
      <c r="B2681" s="2">
        <v>11887.0</v>
      </c>
      <c r="C2681" s="1" t="s">
        <v>5</v>
      </c>
      <c r="D2681" s="1" t="s">
        <v>2232</v>
      </c>
      <c r="E2681" s="1" t="s">
        <v>11</v>
      </c>
    </row>
    <row r="2682">
      <c r="A2682" s="1">
        <v>4.90391727E8</v>
      </c>
      <c r="B2682" s="2">
        <v>11890.0</v>
      </c>
      <c r="C2682" s="1" t="s">
        <v>5</v>
      </c>
      <c r="D2682" s="1" t="s">
        <v>2233</v>
      </c>
      <c r="E2682" s="1" t="s">
        <v>11</v>
      </c>
    </row>
    <row r="2683">
      <c r="A2683" s="1">
        <v>4.90391729E8</v>
      </c>
      <c r="B2683" s="2">
        <v>11870.0</v>
      </c>
      <c r="C2683" s="1" t="s">
        <v>5</v>
      </c>
      <c r="D2683" s="1" t="s">
        <v>11</v>
      </c>
      <c r="E2683" s="1" t="s">
        <v>7</v>
      </c>
    </row>
    <row r="2684">
      <c r="A2684" s="1">
        <v>4.9039173E8</v>
      </c>
      <c r="B2684" s="2">
        <v>11851.0</v>
      </c>
      <c r="C2684" s="1" t="s">
        <v>5</v>
      </c>
      <c r="D2684" s="1" t="s">
        <v>2234</v>
      </c>
      <c r="E2684" s="1" t="s">
        <v>7</v>
      </c>
    </row>
    <row r="2685">
      <c r="A2685" s="1">
        <v>4.90391731E8</v>
      </c>
      <c r="B2685" s="2">
        <v>11859.0</v>
      </c>
      <c r="C2685" s="1" t="s">
        <v>5</v>
      </c>
      <c r="D2685" s="1" t="s">
        <v>2235</v>
      </c>
      <c r="E2685" s="1" t="s">
        <v>7</v>
      </c>
    </row>
    <row r="2686">
      <c r="A2686" s="1">
        <v>4.90391733E8</v>
      </c>
      <c r="B2686" s="2">
        <v>11891.0</v>
      </c>
      <c r="C2686" s="1" t="s">
        <v>5</v>
      </c>
      <c r="D2686" s="1" t="s">
        <v>11</v>
      </c>
      <c r="E2686" s="1" t="s">
        <v>7</v>
      </c>
    </row>
    <row r="2687">
      <c r="A2687" s="1">
        <v>4.90391736E8</v>
      </c>
      <c r="B2687" s="2">
        <v>11891.0</v>
      </c>
      <c r="C2687" s="1" t="s">
        <v>5</v>
      </c>
      <c r="D2687" s="1" t="s">
        <v>2236</v>
      </c>
      <c r="E2687" s="1" t="s">
        <v>2237</v>
      </c>
    </row>
    <row r="2688">
      <c r="A2688" s="1">
        <v>4.90391738E8</v>
      </c>
      <c r="B2688" s="2">
        <v>11885.0</v>
      </c>
      <c r="C2688" s="1" t="s">
        <v>5</v>
      </c>
      <c r="D2688" s="1" t="s">
        <v>2238</v>
      </c>
      <c r="E2688" s="1" t="s">
        <v>7</v>
      </c>
    </row>
    <row r="2689">
      <c r="A2689" s="1">
        <v>4.90391742E8</v>
      </c>
      <c r="B2689" s="2">
        <v>11891.0</v>
      </c>
      <c r="C2689" s="1" t="s">
        <v>5</v>
      </c>
      <c r="D2689" s="1" t="s">
        <v>2239</v>
      </c>
      <c r="E2689" s="1" t="s">
        <v>7</v>
      </c>
    </row>
    <row r="2690">
      <c r="A2690" s="1">
        <v>4.90391747E8</v>
      </c>
      <c r="B2690" s="2">
        <v>11851.0</v>
      </c>
      <c r="C2690" s="1" t="s">
        <v>5</v>
      </c>
      <c r="D2690" s="1" t="s">
        <v>2240</v>
      </c>
      <c r="E2690" s="1" t="s">
        <v>11</v>
      </c>
    </row>
    <row r="2691">
      <c r="A2691" s="1">
        <v>4.90391752E8</v>
      </c>
      <c r="B2691" s="2">
        <v>11891.0</v>
      </c>
      <c r="C2691" s="1" t="s">
        <v>5</v>
      </c>
      <c r="D2691" s="1" t="s">
        <v>11</v>
      </c>
      <c r="E2691" s="1" t="s">
        <v>7</v>
      </c>
    </row>
    <row r="2692">
      <c r="A2692" s="1">
        <v>4.90391754E8</v>
      </c>
      <c r="B2692" s="2">
        <v>11897.0</v>
      </c>
      <c r="C2692" s="1" t="s">
        <v>5</v>
      </c>
      <c r="D2692" s="1" t="s">
        <v>2241</v>
      </c>
      <c r="E2692" s="1" t="s">
        <v>7</v>
      </c>
    </row>
    <row r="2693">
      <c r="A2693" s="1">
        <v>4.90391755E8</v>
      </c>
      <c r="B2693" s="2">
        <v>11870.0</v>
      </c>
      <c r="C2693" s="1" t="s">
        <v>5</v>
      </c>
      <c r="D2693" s="1" t="s">
        <v>11</v>
      </c>
      <c r="E2693" s="1" t="s">
        <v>7</v>
      </c>
    </row>
    <row r="2694">
      <c r="A2694" s="1">
        <v>4.90391756E8</v>
      </c>
      <c r="B2694" s="2">
        <v>11855.0</v>
      </c>
      <c r="C2694" s="1" t="s">
        <v>5</v>
      </c>
      <c r="D2694" s="1" t="s">
        <v>2242</v>
      </c>
      <c r="E2694" s="1" t="s">
        <v>7</v>
      </c>
    </row>
    <row r="2695">
      <c r="A2695" s="1">
        <v>4.90391758E8</v>
      </c>
      <c r="B2695" s="2">
        <v>11857.0</v>
      </c>
      <c r="C2695" s="1" t="s">
        <v>5</v>
      </c>
      <c r="D2695" s="1" t="s">
        <v>2243</v>
      </c>
      <c r="E2695" s="1" t="s">
        <v>7</v>
      </c>
    </row>
    <row r="2696">
      <c r="A2696" s="1">
        <v>4.90391768E8</v>
      </c>
      <c r="B2696" s="2">
        <v>11895.0</v>
      </c>
      <c r="C2696" s="1" t="s">
        <v>5</v>
      </c>
      <c r="D2696" s="1" t="s">
        <v>11</v>
      </c>
      <c r="E2696" s="1" t="s">
        <v>7</v>
      </c>
    </row>
    <row r="2697">
      <c r="A2697" s="1">
        <v>4.90391771E8</v>
      </c>
      <c r="B2697" s="3">
        <v>11821.0</v>
      </c>
      <c r="C2697" s="1" t="s">
        <v>5</v>
      </c>
      <c r="D2697" s="1" t="s">
        <v>2244</v>
      </c>
      <c r="E2697" s="1" t="s">
        <v>11</v>
      </c>
    </row>
    <row r="2698">
      <c r="A2698" s="1">
        <v>4.90391777E8</v>
      </c>
      <c r="B2698" s="2">
        <v>11855.0</v>
      </c>
      <c r="C2698" s="1" t="s">
        <v>5</v>
      </c>
      <c r="D2698" s="1" t="s">
        <v>2245</v>
      </c>
      <c r="E2698" s="1" t="s">
        <v>7</v>
      </c>
    </row>
    <row r="2699">
      <c r="A2699" s="1">
        <v>4.90391778E8</v>
      </c>
      <c r="B2699" s="2">
        <v>11888.0</v>
      </c>
      <c r="C2699" s="1" t="s">
        <v>5</v>
      </c>
      <c r="D2699" s="1" t="s">
        <v>2246</v>
      </c>
      <c r="E2699" s="1" t="s">
        <v>11</v>
      </c>
    </row>
    <row r="2700">
      <c r="A2700" s="1">
        <v>4.9039178E8</v>
      </c>
      <c r="B2700" s="2">
        <v>11869.0</v>
      </c>
      <c r="C2700" s="1" t="s">
        <v>5</v>
      </c>
      <c r="D2700" s="1" t="s">
        <v>2247</v>
      </c>
      <c r="E2700" s="1" t="s">
        <v>7</v>
      </c>
    </row>
    <row r="2701">
      <c r="A2701" s="1">
        <v>4.90391787E8</v>
      </c>
      <c r="B2701" s="2">
        <v>11890.0</v>
      </c>
      <c r="C2701" s="1" t="s">
        <v>5</v>
      </c>
      <c r="D2701" s="1" t="s">
        <v>11</v>
      </c>
      <c r="E2701" s="1" t="s">
        <v>7</v>
      </c>
    </row>
    <row r="2702">
      <c r="A2702" s="1">
        <v>4.90391789E8</v>
      </c>
      <c r="B2702" s="2">
        <v>11857.0</v>
      </c>
      <c r="C2702" s="1" t="s">
        <v>5</v>
      </c>
      <c r="D2702" s="1" t="s">
        <v>2248</v>
      </c>
      <c r="E2702" s="1" t="s">
        <v>7</v>
      </c>
    </row>
    <row r="2703">
      <c r="A2703" s="1">
        <v>4.90391791E8</v>
      </c>
      <c r="B2703" s="2">
        <v>11893.0</v>
      </c>
      <c r="C2703" s="1" t="s">
        <v>5</v>
      </c>
      <c r="D2703" s="1" t="s">
        <v>2249</v>
      </c>
      <c r="E2703" s="1" t="s">
        <v>7</v>
      </c>
    </row>
    <row r="2704">
      <c r="A2704" s="1">
        <v>4.90391792E8</v>
      </c>
      <c r="B2704" s="3">
        <v>11814.0</v>
      </c>
      <c r="C2704" s="1" t="s">
        <v>5</v>
      </c>
      <c r="D2704" s="1" t="s">
        <v>11</v>
      </c>
      <c r="E2704" s="1" t="s">
        <v>7</v>
      </c>
    </row>
    <row r="2705">
      <c r="A2705" s="1">
        <v>4.90391794E8</v>
      </c>
      <c r="B2705" s="2">
        <v>11859.0</v>
      </c>
      <c r="C2705" s="1" t="s">
        <v>5</v>
      </c>
      <c r="D2705" s="1" t="s">
        <v>2250</v>
      </c>
      <c r="E2705" s="1" t="s">
        <v>11</v>
      </c>
    </row>
    <row r="2706">
      <c r="A2706" s="1">
        <v>4.90391795E8</v>
      </c>
      <c r="B2706" s="2">
        <v>11870.0</v>
      </c>
      <c r="C2706" s="1" t="s">
        <v>5</v>
      </c>
      <c r="D2706" s="1" t="s">
        <v>11</v>
      </c>
      <c r="E2706" s="1" t="s">
        <v>7</v>
      </c>
    </row>
    <row r="2707">
      <c r="A2707" s="1">
        <v>4.90391796E8</v>
      </c>
      <c r="B2707" s="2">
        <v>11895.0</v>
      </c>
      <c r="C2707" s="1" t="s">
        <v>5</v>
      </c>
      <c r="D2707" s="1" t="s">
        <v>2251</v>
      </c>
      <c r="E2707" s="1" t="s">
        <v>11</v>
      </c>
    </row>
    <row r="2708">
      <c r="A2708" s="1">
        <v>4.90391802E8</v>
      </c>
      <c r="B2708" s="2">
        <v>11891.0</v>
      </c>
      <c r="C2708" s="1" t="s">
        <v>5</v>
      </c>
      <c r="D2708" s="1" t="s">
        <v>11</v>
      </c>
      <c r="E2708" s="1" t="s">
        <v>7</v>
      </c>
    </row>
    <row r="2709">
      <c r="A2709" s="1">
        <v>4.90391805E8</v>
      </c>
      <c r="B2709" s="2">
        <v>11888.0</v>
      </c>
      <c r="C2709" s="1" t="s">
        <v>5</v>
      </c>
      <c r="D2709" s="1" t="s">
        <v>11</v>
      </c>
      <c r="E2709" s="1" t="s">
        <v>7</v>
      </c>
    </row>
    <row r="2710">
      <c r="A2710" s="1">
        <v>4.90391807E8</v>
      </c>
      <c r="B2710" s="2">
        <v>11891.0</v>
      </c>
      <c r="C2710" s="1" t="s">
        <v>5</v>
      </c>
      <c r="D2710" s="1" t="s">
        <v>11</v>
      </c>
      <c r="E2710" s="1" t="s">
        <v>7</v>
      </c>
    </row>
    <row r="2711">
      <c r="A2711" s="1">
        <v>4.90391812E8</v>
      </c>
      <c r="B2711" s="2">
        <v>11851.0</v>
      </c>
      <c r="C2711" s="1" t="s">
        <v>5</v>
      </c>
      <c r="D2711" s="1" t="s">
        <v>2252</v>
      </c>
      <c r="E2711" s="1" t="s">
        <v>7</v>
      </c>
    </row>
    <row r="2712">
      <c r="A2712" s="1">
        <v>4.90391816E8</v>
      </c>
      <c r="B2712" s="2">
        <v>11855.0</v>
      </c>
      <c r="C2712" s="1" t="s">
        <v>5</v>
      </c>
      <c r="D2712" s="1" t="s">
        <v>2253</v>
      </c>
      <c r="E2712" s="1" t="s">
        <v>11</v>
      </c>
    </row>
    <row r="2713">
      <c r="A2713" s="1">
        <v>4.90391824E8</v>
      </c>
      <c r="B2713" s="2">
        <v>11895.0</v>
      </c>
      <c r="C2713" s="1" t="s">
        <v>5</v>
      </c>
      <c r="D2713" s="1" t="s">
        <v>2254</v>
      </c>
      <c r="E2713" s="1" t="s">
        <v>11</v>
      </c>
    </row>
    <row r="2714">
      <c r="A2714" s="1">
        <v>4.90391825E8</v>
      </c>
      <c r="B2714" s="2">
        <v>11870.0</v>
      </c>
      <c r="C2714" s="1" t="s">
        <v>5</v>
      </c>
      <c r="D2714" s="1" t="s">
        <v>2255</v>
      </c>
      <c r="E2714" s="1" t="s">
        <v>11</v>
      </c>
    </row>
    <row r="2715">
      <c r="A2715" s="1">
        <v>4.90391827E8</v>
      </c>
      <c r="B2715" s="2">
        <v>11887.0</v>
      </c>
      <c r="C2715" s="1" t="s">
        <v>5</v>
      </c>
      <c r="D2715" s="1" t="s">
        <v>2256</v>
      </c>
      <c r="E2715" s="1" t="s">
        <v>7</v>
      </c>
    </row>
    <row r="2716">
      <c r="A2716" s="1">
        <v>4.90391828E8</v>
      </c>
      <c r="B2716" s="2">
        <v>11891.0</v>
      </c>
      <c r="C2716" s="1" t="s">
        <v>5</v>
      </c>
      <c r="D2716" s="1" t="s">
        <v>11</v>
      </c>
      <c r="E2716" s="1" t="s">
        <v>7</v>
      </c>
    </row>
    <row r="2717">
      <c r="A2717" s="1">
        <v>4.90391834E8</v>
      </c>
      <c r="B2717" s="2">
        <v>11869.0</v>
      </c>
      <c r="C2717" s="1" t="s">
        <v>5</v>
      </c>
      <c r="D2717" s="1" t="s">
        <v>2257</v>
      </c>
      <c r="E2717" s="1" t="s">
        <v>7</v>
      </c>
    </row>
    <row r="2718">
      <c r="A2718" s="1">
        <v>4.90391835E8</v>
      </c>
      <c r="B2718" s="3">
        <v>11821.0</v>
      </c>
      <c r="C2718" s="1" t="s">
        <v>5</v>
      </c>
      <c r="D2718" s="1" t="s">
        <v>2258</v>
      </c>
      <c r="E2718" s="1" t="s">
        <v>7</v>
      </c>
    </row>
    <row r="2719">
      <c r="A2719" s="1">
        <v>4.90391839E8</v>
      </c>
      <c r="B2719" s="2">
        <v>11855.0</v>
      </c>
      <c r="C2719" s="1" t="s">
        <v>5</v>
      </c>
      <c r="D2719" s="1" t="s">
        <v>2259</v>
      </c>
      <c r="E2719" s="1" t="s">
        <v>11</v>
      </c>
    </row>
    <row r="2720">
      <c r="A2720" s="1">
        <v>4.9039184E8</v>
      </c>
      <c r="B2720" s="2">
        <v>11891.0</v>
      </c>
      <c r="C2720" s="1" t="s">
        <v>5</v>
      </c>
      <c r="D2720" s="1" t="s">
        <v>2260</v>
      </c>
      <c r="E2720" s="1" t="s">
        <v>7</v>
      </c>
    </row>
    <row r="2721">
      <c r="A2721" s="1">
        <v>4.90391844E8</v>
      </c>
      <c r="B2721" s="2">
        <v>11855.0</v>
      </c>
      <c r="C2721" s="1" t="s">
        <v>5</v>
      </c>
      <c r="D2721" s="1" t="s">
        <v>2261</v>
      </c>
      <c r="E2721" s="1" t="s">
        <v>7</v>
      </c>
    </row>
    <row r="2722">
      <c r="A2722" s="1">
        <v>4.90391847E8</v>
      </c>
      <c r="B2722" s="2">
        <v>11886.0</v>
      </c>
      <c r="C2722" s="1" t="s">
        <v>5</v>
      </c>
      <c r="D2722" s="1" t="s">
        <v>11</v>
      </c>
      <c r="E2722" s="1" t="s">
        <v>7</v>
      </c>
    </row>
    <row r="2723">
      <c r="A2723" s="1">
        <v>4.90391851E8</v>
      </c>
      <c r="B2723" s="2">
        <v>11888.0</v>
      </c>
      <c r="C2723" s="1" t="s">
        <v>5</v>
      </c>
      <c r="D2723" s="1" t="s">
        <v>2262</v>
      </c>
      <c r="E2723" s="1" t="s">
        <v>7</v>
      </c>
    </row>
    <row r="2724">
      <c r="A2724" s="1">
        <v>4.90391854E8</v>
      </c>
      <c r="B2724" s="2">
        <v>11867.0</v>
      </c>
      <c r="C2724" s="1" t="s">
        <v>5</v>
      </c>
      <c r="D2724" s="1" t="s">
        <v>2263</v>
      </c>
      <c r="E2724" s="1" t="s">
        <v>7</v>
      </c>
    </row>
    <row r="2725">
      <c r="A2725" s="1">
        <v>4.9039186E8</v>
      </c>
      <c r="B2725" s="2">
        <v>11890.0</v>
      </c>
      <c r="C2725" s="1" t="s">
        <v>5</v>
      </c>
      <c r="D2725" s="1" t="s">
        <v>2264</v>
      </c>
      <c r="E2725" s="1" t="s">
        <v>7</v>
      </c>
    </row>
    <row r="2726">
      <c r="A2726" s="1">
        <v>4.90391866E8</v>
      </c>
      <c r="B2726" s="3">
        <v>11821.0</v>
      </c>
      <c r="C2726" s="1" t="s">
        <v>5</v>
      </c>
      <c r="D2726" s="1" t="s">
        <v>11</v>
      </c>
      <c r="E2726" s="1" t="s">
        <v>7</v>
      </c>
    </row>
    <row r="2727">
      <c r="A2727" s="1">
        <v>4.90391868E8</v>
      </c>
      <c r="B2727" s="2">
        <v>11886.0</v>
      </c>
      <c r="C2727" s="1" t="s">
        <v>5</v>
      </c>
      <c r="D2727" s="1" t="s">
        <v>11</v>
      </c>
      <c r="E2727" s="1" t="s">
        <v>7</v>
      </c>
    </row>
    <row r="2728">
      <c r="A2728" s="1">
        <v>4.90391877E8</v>
      </c>
      <c r="B2728" s="2">
        <v>11869.0</v>
      </c>
      <c r="C2728" s="1" t="s">
        <v>5</v>
      </c>
      <c r="D2728" s="1" t="s">
        <v>2265</v>
      </c>
      <c r="E2728" s="1" t="s">
        <v>11</v>
      </c>
    </row>
    <row r="2729">
      <c r="A2729" s="1">
        <v>4.90391881E8</v>
      </c>
      <c r="B2729" s="2">
        <v>11897.0</v>
      </c>
      <c r="C2729" s="1" t="s">
        <v>5</v>
      </c>
      <c r="D2729" s="1" t="s">
        <v>2266</v>
      </c>
      <c r="E2729" s="1" t="s">
        <v>7</v>
      </c>
    </row>
    <row r="2730">
      <c r="A2730" s="1">
        <v>4.90391882E8</v>
      </c>
      <c r="B2730" s="3">
        <v>11820.0</v>
      </c>
      <c r="C2730" s="1" t="s">
        <v>5</v>
      </c>
      <c r="D2730" s="1" t="s">
        <v>2267</v>
      </c>
      <c r="E2730" s="1" t="s">
        <v>7</v>
      </c>
    </row>
    <row r="2731">
      <c r="A2731" s="1">
        <v>4.90391885E8</v>
      </c>
      <c r="B2731" s="2">
        <v>11884.0</v>
      </c>
      <c r="C2731" s="1" t="s">
        <v>5</v>
      </c>
      <c r="D2731" s="1" t="s">
        <v>2268</v>
      </c>
      <c r="E2731" s="1" t="s">
        <v>7</v>
      </c>
    </row>
    <row r="2732">
      <c r="A2732" s="1">
        <v>4.90391889E8</v>
      </c>
      <c r="B2732" s="2">
        <v>11869.0</v>
      </c>
      <c r="C2732" s="1" t="s">
        <v>5</v>
      </c>
      <c r="D2732" s="1" t="s">
        <v>2269</v>
      </c>
      <c r="E2732" s="1" t="s">
        <v>7</v>
      </c>
    </row>
    <row r="2733">
      <c r="A2733" s="1">
        <v>4.9039189E8</v>
      </c>
      <c r="B2733" s="2">
        <v>11855.0</v>
      </c>
      <c r="C2733" s="1" t="s">
        <v>5</v>
      </c>
      <c r="D2733" s="1" t="s">
        <v>2270</v>
      </c>
      <c r="E2733" s="1" t="s">
        <v>7</v>
      </c>
    </row>
    <row r="2734">
      <c r="A2734" s="1">
        <v>4.90391895E8</v>
      </c>
      <c r="B2734" s="2">
        <v>11870.0</v>
      </c>
      <c r="C2734" s="1" t="s">
        <v>5</v>
      </c>
      <c r="D2734" s="1" t="s">
        <v>11</v>
      </c>
      <c r="E2734" s="1" t="s">
        <v>7</v>
      </c>
    </row>
    <row r="2735">
      <c r="A2735" s="1">
        <v>4.90391896E8</v>
      </c>
      <c r="B2735" s="2">
        <v>11887.0</v>
      </c>
      <c r="C2735" s="1" t="s">
        <v>5</v>
      </c>
      <c r="D2735" s="1" t="s">
        <v>11</v>
      </c>
      <c r="E2735" s="1" t="s">
        <v>7</v>
      </c>
    </row>
    <row r="2736">
      <c r="A2736" s="1">
        <v>4.90391897E8</v>
      </c>
      <c r="B2736" s="3">
        <v>11813.0</v>
      </c>
      <c r="C2736" s="1" t="s">
        <v>5</v>
      </c>
      <c r="D2736" s="1" t="s">
        <v>2271</v>
      </c>
      <c r="E2736" s="1" t="s">
        <v>7</v>
      </c>
    </row>
    <row r="2737">
      <c r="A2737" s="1">
        <v>4.90391898E8</v>
      </c>
      <c r="B2737" s="2">
        <v>11859.0</v>
      </c>
      <c r="C2737" s="1" t="s">
        <v>5</v>
      </c>
      <c r="D2737" s="1" t="s">
        <v>2272</v>
      </c>
      <c r="E2737" s="1" t="s">
        <v>11</v>
      </c>
    </row>
    <row r="2738">
      <c r="A2738" s="1">
        <v>4.90391911E8</v>
      </c>
      <c r="B2738" s="2">
        <v>11870.0</v>
      </c>
      <c r="C2738" s="1" t="s">
        <v>5</v>
      </c>
      <c r="D2738" s="1" t="s">
        <v>11</v>
      </c>
      <c r="E2738" s="1" t="s">
        <v>7</v>
      </c>
    </row>
    <row r="2739">
      <c r="A2739" s="1">
        <v>4.90391918E8</v>
      </c>
      <c r="B2739" s="2">
        <v>11887.0</v>
      </c>
      <c r="C2739" s="1" t="s">
        <v>5</v>
      </c>
      <c r="D2739" s="1" t="s">
        <v>2273</v>
      </c>
      <c r="E2739" s="1" t="s">
        <v>7</v>
      </c>
    </row>
    <row r="2740">
      <c r="A2740" s="1">
        <v>4.90391921E8</v>
      </c>
      <c r="B2740" s="2">
        <v>11891.0</v>
      </c>
      <c r="C2740" s="1" t="s">
        <v>5</v>
      </c>
      <c r="D2740" s="1" t="s">
        <v>2274</v>
      </c>
      <c r="E2740" s="1" t="s">
        <v>7</v>
      </c>
    </row>
    <row r="2741">
      <c r="A2741" s="1">
        <v>4.90391925E8</v>
      </c>
      <c r="B2741" s="2">
        <v>11890.0</v>
      </c>
      <c r="C2741" s="1" t="s">
        <v>5</v>
      </c>
      <c r="D2741" s="1" t="s">
        <v>7</v>
      </c>
      <c r="E2741" s="1" t="s">
        <v>7</v>
      </c>
    </row>
    <row r="2742">
      <c r="A2742" s="1">
        <v>4.90391929E8</v>
      </c>
      <c r="B2742" s="2">
        <v>11897.0</v>
      </c>
      <c r="C2742" s="1" t="s">
        <v>5</v>
      </c>
      <c r="D2742" s="1" t="s">
        <v>11</v>
      </c>
      <c r="E2742" s="1" t="s">
        <v>7</v>
      </c>
    </row>
    <row r="2743">
      <c r="A2743" s="1">
        <v>4.9039193E8</v>
      </c>
      <c r="B2743" s="2">
        <v>11893.0</v>
      </c>
      <c r="C2743" s="1" t="s">
        <v>5</v>
      </c>
      <c r="D2743" s="1" t="s">
        <v>2275</v>
      </c>
      <c r="E2743" s="1" t="s">
        <v>11</v>
      </c>
    </row>
    <row r="2744">
      <c r="A2744" s="1">
        <v>4.90391931E8</v>
      </c>
      <c r="B2744" s="2">
        <v>11867.0</v>
      </c>
      <c r="C2744" s="1" t="s">
        <v>5</v>
      </c>
      <c r="D2744" s="1" t="s">
        <v>2276</v>
      </c>
      <c r="E2744" s="1" t="s">
        <v>7</v>
      </c>
    </row>
    <row r="2745">
      <c r="A2745" s="1">
        <v>4.90391932E8</v>
      </c>
      <c r="B2745" s="2">
        <v>11868.0</v>
      </c>
      <c r="C2745" s="1" t="s">
        <v>5</v>
      </c>
      <c r="D2745" s="1" t="s">
        <v>2277</v>
      </c>
      <c r="E2745" s="1" t="s">
        <v>7</v>
      </c>
    </row>
    <row r="2746">
      <c r="A2746" s="1">
        <v>4.90391937E8</v>
      </c>
      <c r="B2746" s="2">
        <v>11859.0</v>
      </c>
      <c r="C2746" s="1" t="s">
        <v>5</v>
      </c>
      <c r="D2746" s="1" t="s">
        <v>2278</v>
      </c>
      <c r="E2746" s="1" t="s">
        <v>11</v>
      </c>
    </row>
    <row r="2747">
      <c r="A2747" s="1">
        <v>4.90391938E8</v>
      </c>
      <c r="B2747" s="2">
        <v>11855.0</v>
      </c>
      <c r="C2747" s="1" t="s">
        <v>5</v>
      </c>
      <c r="D2747" s="1" t="s">
        <v>11</v>
      </c>
      <c r="E2747" s="1" t="s">
        <v>7</v>
      </c>
    </row>
    <row r="2748">
      <c r="A2748" s="1">
        <v>4.9039194E8</v>
      </c>
      <c r="B2748" s="2">
        <v>11886.0</v>
      </c>
      <c r="C2748" s="1" t="s">
        <v>5</v>
      </c>
      <c r="D2748" s="1" t="s">
        <v>2279</v>
      </c>
      <c r="E2748" s="1" t="s">
        <v>11</v>
      </c>
    </row>
    <row r="2749">
      <c r="A2749" s="1">
        <v>4.90391941E8</v>
      </c>
      <c r="B2749" s="2">
        <v>11884.0</v>
      </c>
      <c r="C2749" s="1" t="s">
        <v>5</v>
      </c>
      <c r="D2749" s="1" t="s">
        <v>2280</v>
      </c>
      <c r="E2749" s="1" t="s">
        <v>7</v>
      </c>
    </row>
    <row r="2750">
      <c r="A2750" s="1">
        <v>4.90391942E8</v>
      </c>
      <c r="B2750" s="2">
        <v>11890.0</v>
      </c>
      <c r="C2750" s="1" t="s">
        <v>5</v>
      </c>
      <c r="D2750" s="1" t="s">
        <v>2281</v>
      </c>
      <c r="E2750" s="1" t="s">
        <v>2282</v>
      </c>
    </row>
    <row r="2751">
      <c r="A2751" s="1">
        <v>4.90391946E8</v>
      </c>
      <c r="B2751" s="3">
        <v>11813.0</v>
      </c>
      <c r="C2751" s="1" t="s">
        <v>5</v>
      </c>
      <c r="D2751" s="1" t="s">
        <v>2283</v>
      </c>
      <c r="E2751" s="1" t="s">
        <v>11</v>
      </c>
    </row>
    <row r="2752">
      <c r="A2752" s="1">
        <v>4.90391947E8</v>
      </c>
      <c r="B2752" s="2">
        <v>11890.0</v>
      </c>
      <c r="C2752" s="1" t="s">
        <v>5</v>
      </c>
      <c r="D2752" s="1" t="s">
        <v>2284</v>
      </c>
      <c r="E2752" s="1" t="s">
        <v>7</v>
      </c>
    </row>
    <row r="2753">
      <c r="A2753" s="1">
        <v>4.90391952E8</v>
      </c>
      <c r="B2753" s="2">
        <v>11891.0</v>
      </c>
      <c r="C2753" s="1" t="s">
        <v>5</v>
      </c>
      <c r="D2753" s="1" t="s">
        <v>169</v>
      </c>
      <c r="E2753" s="1" t="s">
        <v>7</v>
      </c>
    </row>
    <row r="2754">
      <c r="A2754" s="1">
        <v>4.90391954E8</v>
      </c>
      <c r="B2754" s="2">
        <v>11859.0</v>
      </c>
      <c r="C2754" s="1" t="s">
        <v>5</v>
      </c>
      <c r="D2754" s="1" t="s">
        <v>11</v>
      </c>
      <c r="E2754" s="1" t="s">
        <v>7</v>
      </c>
    </row>
    <row r="2755">
      <c r="A2755" s="1">
        <v>4.90391956E8</v>
      </c>
      <c r="B2755" s="3">
        <v>11820.0</v>
      </c>
      <c r="C2755" s="1" t="s">
        <v>5</v>
      </c>
      <c r="D2755" s="1" t="s">
        <v>2285</v>
      </c>
      <c r="E2755" s="1" t="s">
        <v>11</v>
      </c>
    </row>
    <row r="2756">
      <c r="A2756" s="1">
        <v>4.90391958E8</v>
      </c>
      <c r="B2756" s="3">
        <v>11820.0</v>
      </c>
      <c r="C2756" s="1" t="s">
        <v>5</v>
      </c>
      <c r="D2756" s="1" t="s">
        <v>11</v>
      </c>
      <c r="E2756" s="1" t="s">
        <v>7</v>
      </c>
    </row>
    <row r="2757">
      <c r="A2757" s="1">
        <v>4.90391959E8</v>
      </c>
      <c r="B2757" s="2">
        <v>11887.0</v>
      </c>
      <c r="C2757" s="1" t="s">
        <v>5</v>
      </c>
      <c r="D2757" s="1" t="s">
        <v>11</v>
      </c>
      <c r="E2757" s="1" t="s">
        <v>7</v>
      </c>
    </row>
    <row r="2758">
      <c r="A2758" s="1">
        <v>4.90391962E8</v>
      </c>
      <c r="B2758" s="2">
        <v>11855.0</v>
      </c>
      <c r="C2758" s="1" t="s">
        <v>5</v>
      </c>
      <c r="D2758" s="1" t="s">
        <v>2286</v>
      </c>
      <c r="E2758" s="1" t="s">
        <v>11</v>
      </c>
    </row>
    <row r="2759">
      <c r="A2759" s="1">
        <v>4.90391965E8</v>
      </c>
      <c r="B2759" s="2">
        <v>11855.0</v>
      </c>
      <c r="C2759" s="1" t="s">
        <v>5</v>
      </c>
      <c r="D2759" s="1" t="s">
        <v>2287</v>
      </c>
      <c r="E2759" s="1" t="s">
        <v>11</v>
      </c>
    </row>
    <row r="2760">
      <c r="A2760" s="1">
        <v>4.90391968E8</v>
      </c>
      <c r="B2760" s="3">
        <v>11813.0</v>
      </c>
      <c r="C2760" s="1" t="s">
        <v>5</v>
      </c>
      <c r="D2760" s="1" t="s">
        <v>11</v>
      </c>
      <c r="E2760" s="1" t="s">
        <v>7</v>
      </c>
    </row>
    <row r="2761">
      <c r="A2761" s="1">
        <v>4.90391973E8</v>
      </c>
      <c r="B2761" s="2">
        <v>11867.0</v>
      </c>
      <c r="C2761" s="1" t="s">
        <v>5</v>
      </c>
      <c r="D2761" s="1" t="s">
        <v>2288</v>
      </c>
      <c r="E2761" s="1" t="s">
        <v>11</v>
      </c>
    </row>
    <row r="2762">
      <c r="A2762" s="1">
        <v>4.90391977E8</v>
      </c>
      <c r="B2762" s="2">
        <v>11890.0</v>
      </c>
      <c r="C2762" s="1" t="s">
        <v>5</v>
      </c>
      <c r="D2762" s="1" t="s">
        <v>2289</v>
      </c>
      <c r="E2762" s="1" t="s">
        <v>7</v>
      </c>
    </row>
    <row r="2763">
      <c r="A2763" s="1">
        <v>4.90391978E8</v>
      </c>
      <c r="B2763" s="2">
        <v>11859.0</v>
      </c>
      <c r="C2763" s="1" t="s">
        <v>5</v>
      </c>
      <c r="D2763" s="1" t="s">
        <v>2290</v>
      </c>
      <c r="E2763" s="1" t="s">
        <v>7</v>
      </c>
    </row>
    <row r="2764">
      <c r="A2764" s="1">
        <v>4.9039198E8</v>
      </c>
      <c r="B2764" s="2">
        <v>11893.0</v>
      </c>
      <c r="C2764" s="1" t="s">
        <v>5</v>
      </c>
      <c r="D2764" s="1" t="s">
        <v>2291</v>
      </c>
      <c r="E2764" s="1" t="s">
        <v>7</v>
      </c>
    </row>
    <row r="2765">
      <c r="A2765" s="1">
        <v>4.90391981E8</v>
      </c>
      <c r="B2765" s="2">
        <v>11855.0</v>
      </c>
      <c r="C2765" s="1" t="s">
        <v>5</v>
      </c>
      <c r="D2765" s="1" t="s">
        <v>169</v>
      </c>
      <c r="E2765" s="1" t="s">
        <v>7</v>
      </c>
    </row>
    <row r="2766">
      <c r="A2766" s="1">
        <v>4.90391982E8</v>
      </c>
      <c r="B2766" s="2">
        <v>11859.0</v>
      </c>
      <c r="C2766" s="1" t="s">
        <v>5</v>
      </c>
      <c r="D2766" s="1" t="s">
        <v>2292</v>
      </c>
      <c r="E2766" s="1" t="s">
        <v>11</v>
      </c>
    </row>
    <row r="2767">
      <c r="A2767" s="1">
        <v>4.90391983E8</v>
      </c>
      <c r="B2767" s="2">
        <v>11884.0</v>
      </c>
      <c r="C2767" s="1" t="s">
        <v>5</v>
      </c>
      <c r="D2767" s="1" t="s">
        <v>2293</v>
      </c>
      <c r="E2767" s="1" t="s">
        <v>11</v>
      </c>
    </row>
    <row r="2768">
      <c r="A2768" s="1">
        <v>4.90391985E8</v>
      </c>
      <c r="B2768" s="3">
        <v>11813.0</v>
      </c>
      <c r="C2768" s="1" t="s">
        <v>5</v>
      </c>
      <c r="D2768" s="1" t="s">
        <v>2294</v>
      </c>
      <c r="E2768" s="1" t="s">
        <v>7</v>
      </c>
    </row>
    <row r="2769">
      <c r="A2769" s="1">
        <v>4.90391988E8</v>
      </c>
      <c r="B2769" s="2">
        <v>11891.0</v>
      </c>
      <c r="C2769" s="1" t="s">
        <v>5</v>
      </c>
      <c r="D2769" s="1" t="s">
        <v>2295</v>
      </c>
      <c r="E2769" s="1" t="s">
        <v>11</v>
      </c>
    </row>
    <row r="2770">
      <c r="A2770" s="1">
        <v>4.90391991E8</v>
      </c>
      <c r="B2770" s="2">
        <v>11895.0</v>
      </c>
      <c r="C2770" s="1" t="s">
        <v>5</v>
      </c>
      <c r="D2770" s="1" t="s">
        <v>2296</v>
      </c>
      <c r="E2770" s="1" t="s">
        <v>7</v>
      </c>
    </row>
    <row r="2771">
      <c r="A2771" s="1">
        <v>4.90391993E8</v>
      </c>
      <c r="B2771" s="2">
        <v>11897.0</v>
      </c>
      <c r="C2771" s="1" t="s">
        <v>5</v>
      </c>
      <c r="D2771" s="1" t="s">
        <v>2297</v>
      </c>
      <c r="E2771" s="1" t="s">
        <v>7</v>
      </c>
    </row>
    <row r="2772">
      <c r="A2772" s="1">
        <v>4.90391996E8</v>
      </c>
      <c r="B2772" s="2">
        <v>11890.0</v>
      </c>
      <c r="C2772" s="1" t="s">
        <v>5</v>
      </c>
      <c r="D2772" s="1" t="s">
        <v>2298</v>
      </c>
      <c r="E2772" s="1" t="s">
        <v>11</v>
      </c>
    </row>
    <row r="2773">
      <c r="A2773" s="1">
        <v>4.90392003E8</v>
      </c>
      <c r="B2773" s="2">
        <v>11893.0</v>
      </c>
      <c r="C2773" s="1" t="s">
        <v>5</v>
      </c>
      <c r="D2773" s="1" t="s">
        <v>11</v>
      </c>
      <c r="E2773" s="1" t="s">
        <v>7</v>
      </c>
    </row>
    <row r="2774">
      <c r="A2774" s="1">
        <v>4.90392007E8</v>
      </c>
      <c r="B2774" s="2">
        <v>11851.0</v>
      </c>
      <c r="C2774" s="1" t="s">
        <v>5</v>
      </c>
      <c r="D2774" s="1" t="s">
        <v>2299</v>
      </c>
      <c r="E2774" s="1" t="s">
        <v>7</v>
      </c>
    </row>
    <row r="2775">
      <c r="A2775" s="1">
        <v>4.9039201E8</v>
      </c>
      <c r="B2775" s="2">
        <v>11891.0</v>
      </c>
      <c r="C2775" s="1" t="s">
        <v>5</v>
      </c>
      <c r="D2775" s="1" t="s">
        <v>2300</v>
      </c>
      <c r="E2775" s="1" t="s">
        <v>11</v>
      </c>
    </row>
    <row r="2776">
      <c r="A2776" s="1">
        <v>4.90392014E8</v>
      </c>
      <c r="B2776" s="2">
        <v>11887.0</v>
      </c>
      <c r="C2776" s="1" t="s">
        <v>5</v>
      </c>
      <c r="D2776" s="1" t="s">
        <v>2301</v>
      </c>
      <c r="E2776" s="1" t="s">
        <v>11</v>
      </c>
    </row>
    <row r="2777">
      <c r="A2777" s="1">
        <v>4.90392016E8</v>
      </c>
      <c r="B2777" s="2">
        <v>11897.0</v>
      </c>
      <c r="C2777" s="1" t="s">
        <v>5</v>
      </c>
      <c r="D2777" s="1" t="s">
        <v>2302</v>
      </c>
      <c r="E2777" s="1" t="s">
        <v>11</v>
      </c>
    </row>
    <row r="2778">
      <c r="A2778" s="1">
        <v>4.90392017E8</v>
      </c>
      <c r="B2778" s="2">
        <v>11859.0</v>
      </c>
      <c r="C2778" s="1" t="s">
        <v>5</v>
      </c>
      <c r="D2778" s="1" t="s">
        <v>2303</v>
      </c>
      <c r="E2778" s="1" t="s">
        <v>11</v>
      </c>
    </row>
    <row r="2779">
      <c r="A2779" s="1">
        <v>4.90392018E8</v>
      </c>
      <c r="B2779" s="2">
        <v>11869.0</v>
      </c>
      <c r="C2779" s="1" t="s">
        <v>5</v>
      </c>
      <c r="D2779" s="1" t="s">
        <v>2304</v>
      </c>
      <c r="E2779" s="1" t="s">
        <v>7</v>
      </c>
    </row>
    <row r="2780">
      <c r="A2780" s="1">
        <v>4.90392021E8</v>
      </c>
      <c r="B2780" s="2">
        <v>11890.0</v>
      </c>
      <c r="C2780" s="1" t="s">
        <v>5</v>
      </c>
      <c r="D2780" s="1" t="s">
        <v>2305</v>
      </c>
      <c r="E2780" s="1" t="s">
        <v>7</v>
      </c>
    </row>
    <row r="2781">
      <c r="A2781" s="1">
        <v>4.90392023E8</v>
      </c>
      <c r="B2781" s="2">
        <v>11855.0</v>
      </c>
      <c r="C2781" s="1" t="s">
        <v>5</v>
      </c>
      <c r="D2781" s="1" t="s">
        <v>2306</v>
      </c>
      <c r="E2781" s="1" t="s">
        <v>11</v>
      </c>
    </row>
    <row r="2782">
      <c r="A2782" s="1">
        <v>4.90392024E8</v>
      </c>
      <c r="B2782" s="2">
        <v>11851.0</v>
      </c>
      <c r="C2782" s="1" t="s">
        <v>5</v>
      </c>
      <c r="D2782" s="1" t="s">
        <v>2307</v>
      </c>
      <c r="E2782" s="1" t="s">
        <v>7</v>
      </c>
    </row>
    <row r="2783">
      <c r="A2783" s="1">
        <v>4.9039203E8</v>
      </c>
      <c r="B2783" s="3">
        <v>11820.0</v>
      </c>
      <c r="C2783" s="1" t="s">
        <v>5</v>
      </c>
      <c r="D2783" s="1" t="s">
        <v>2308</v>
      </c>
      <c r="E2783" s="1" t="s">
        <v>11</v>
      </c>
    </row>
    <row r="2784">
      <c r="A2784" s="1">
        <v>4.90392032E8</v>
      </c>
      <c r="B2784" s="3">
        <v>11813.0</v>
      </c>
      <c r="C2784" s="1" t="s">
        <v>5</v>
      </c>
      <c r="D2784" s="1" t="s">
        <v>2309</v>
      </c>
      <c r="E2784" s="1" t="s">
        <v>11</v>
      </c>
    </row>
    <row r="2785">
      <c r="A2785" s="1">
        <v>4.90392033E8</v>
      </c>
      <c r="B2785" s="2">
        <v>11867.0</v>
      </c>
      <c r="C2785" s="1" t="s">
        <v>5</v>
      </c>
      <c r="D2785" s="1" t="s">
        <v>2310</v>
      </c>
      <c r="E2785" s="1" t="s">
        <v>7</v>
      </c>
    </row>
    <row r="2786">
      <c r="A2786" s="1">
        <v>4.90392036E8</v>
      </c>
      <c r="B2786" s="2">
        <v>11851.0</v>
      </c>
      <c r="C2786" s="1" t="s">
        <v>5</v>
      </c>
      <c r="D2786" s="1" t="s">
        <v>11</v>
      </c>
      <c r="E2786" s="1" t="s">
        <v>7</v>
      </c>
    </row>
    <row r="2787">
      <c r="A2787" s="1">
        <v>4.90392037E8</v>
      </c>
      <c r="B2787" s="2">
        <v>11889.0</v>
      </c>
      <c r="C2787" s="1" t="s">
        <v>5</v>
      </c>
      <c r="D2787" s="1" t="s">
        <v>11</v>
      </c>
      <c r="E2787" s="1" t="s">
        <v>7</v>
      </c>
    </row>
    <row r="2788">
      <c r="A2788" s="1">
        <v>4.90392038E8</v>
      </c>
      <c r="B2788" s="2">
        <v>11897.0</v>
      </c>
      <c r="C2788" s="1" t="s">
        <v>5</v>
      </c>
      <c r="D2788" s="1" t="s">
        <v>2311</v>
      </c>
      <c r="E2788" s="1" t="s">
        <v>2312</v>
      </c>
    </row>
    <row r="2789">
      <c r="A2789" s="1">
        <v>4.9039204E8</v>
      </c>
      <c r="B2789" s="2">
        <v>11884.0</v>
      </c>
      <c r="C2789" s="1" t="s">
        <v>5</v>
      </c>
      <c r="D2789" s="1" t="s">
        <v>2313</v>
      </c>
      <c r="E2789" s="1" t="s">
        <v>7</v>
      </c>
    </row>
    <row r="2790">
      <c r="A2790" s="1">
        <v>4.90392041E8</v>
      </c>
      <c r="B2790" s="2">
        <v>11890.0</v>
      </c>
      <c r="C2790" s="1" t="s">
        <v>5</v>
      </c>
      <c r="D2790" s="1" t="s">
        <v>2314</v>
      </c>
      <c r="E2790" s="1" t="s">
        <v>7</v>
      </c>
    </row>
    <row r="2791">
      <c r="A2791" s="1">
        <v>4.90392047E8</v>
      </c>
      <c r="B2791" s="3">
        <v>11818.0</v>
      </c>
      <c r="C2791" s="1" t="s">
        <v>5</v>
      </c>
      <c r="D2791" s="1" t="s">
        <v>2315</v>
      </c>
      <c r="E2791" s="1" t="s">
        <v>7</v>
      </c>
    </row>
    <row r="2792">
      <c r="A2792" s="1">
        <v>4.90392048E8</v>
      </c>
      <c r="B2792" s="2">
        <v>11851.0</v>
      </c>
      <c r="C2792" s="1" t="s">
        <v>5</v>
      </c>
      <c r="D2792" s="1" t="s">
        <v>2316</v>
      </c>
      <c r="E2792" s="1" t="s">
        <v>11</v>
      </c>
    </row>
    <row r="2793">
      <c r="A2793" s="1">
        <v>4.90392051E8</v>
      </c>
      <c r="B2793" s="2">
        <v>11887.0</v>
      </c>
      <c r="C2793" s="1" t="s">
        <v>5</v>
      </c>
      <c r="D2793" s="1" t="s">
        <v>11</v>
      </c>
      <c r="E2793" s="1" t="s">
        <v>7</v>
      </c>
    </row>
    <row r="2794">
      <c r="A2794" s="1">
        <v>4.90392052E8</v>
      </c>
      <c r="B2794" s="2">
        <v>11885.0</v>
      </c>
      <c r="C2794" s="1" t="s">
        <v>5</v>
      </c>
      <c r="D2794" s="1" t="s">
        <v>169</v>
      </c>
      <c r="E2794" s="1" t="s">
        <v>7</v>
      </c>
    </row>
    <row r="2795">
      <c r="A2795" s="1">
        <v>4.90392055E8</v>
      </c>
      <c r="B2795" s="2">
        <v>11884.0</v>
      </c>
      <c r="C2795" s="1" t="s">
        <v>5</v>
      </c>
      <c r="D2795" s="1" t="s">
        <v>2317</v>
      </c>
      <c r="E2795" s="1" t="s">
        <v>7</v>
      </c>
    </row>
    <row r="2796">
      <c r="A2796" s="1">
        <v>4.90392057E8</v>
      </c>
      <c r="B2796" s="2">
        <v>11855.0</v>
      </c>
      <c r="C2796" s="1" t="s">
        <v>5</v>
      </c>
      <c r="D2796" s="1" t="s">
        <v>1636</v>
      </c>
      <c r="E2796" s="1" t="s">
        <v>7</v>
      </c>
    </row>
    <row r="2797">
      <c r="A2797" s="1">
        <v>4.90392061E8</v>
      </c>
      <c r="B2797" s="2">
        <v>11859.0</v>
      </c>
      <c r="C2797" s="1" t="s">
        <v>5</v>
      </c>
      <c r="D2797" s="1" t="s">
        <v>2318</v>
      </c>
      <c r="E2797" s="1" t="s">
        <v>7</v>
      </c>
    </row>
    <row r="2798">
      <c r="A2798" s="1">
        <v>4.90392062E8</v>
      </c>
      <c r="B2798" s="2">
        <v>11866.0</v>
      </c>
      <c r="C2798" s="1" t="s">
        <v>5</v>
      </c>
      <c r="D2798" s="1" t="s">
        <v>2319</v>
      </c>
      <c r="E2798" s="1" t="s">
        <v>7</v>
      </c>
    </row>
    <row r="2799">
      <c r="A2799" s="1">
        <v>4.90392066E8</v>
      </c>
      <c r="B2799" s="2">
        <v>11868.0</v>
      </c>
      <c r="C2799" s="1" t="s">
        <v>5</v>
      </c>
      <c r="D2799" s="1" t="s">
        <v>11</v>
      </c>
      <c r="E2799" s="1" t="s">
        <v>7</v>
      </c>
    </row>
    <row r="2800">
      <c r="A2800" s="1">
        <v>4.90392068E8</v>
      </c>
      <c r="B2800" s="2">
        <v>11890.0</v>
      </c>
      <c r="C2800" s="1" t="s">
        <v>5</v>
      </c>
      <c r="D2800" s="1" t="s">
        <v>2320</v>
      </c>
      <c r="E2800" s="1" t="s">
        <v>11</v>
      </c>
    </row>
    <row r="2801">
      <c r="A2801" s="1">
        <v>4.90392073E8</v>
      </c>
      <c r="B2801" s="2">
        <v>11890.0</v>
      </c>
      <c r="C2801" s="1" t="s">
        <v>5</v>
      </c>
      <c r="D2801" s="1" t="s">
        <v>2321</v>
      </c>
      <c r="E2801" s="1" t="s">
        <v>11</v>
      </c>
    </row>
    <row r="2802">
      <c r="A2802" s="1">
        <v>4.90392074E8</v>
      </c>
      <c r="B2802" s="2">
        <v>11897.0</v>
      </c>
      <c r="C2802" s="1" t="s">
        <v>5</v>
      </c>
      <c r="D2802" s="1" t="s">
        <v>11</v>
      </c>
      <c r="E2802" s="1" t="s">
        <v>7</v>
      </c>
    </row>
    <row r="2803">
      <c r="A2803" s="1">
        <v>4.90392076E8</v>
      </c>
      <c r="B2803" s="2">
        <v>11890.0</v>
      </c>
      <c r="C2803" s="1" t="s">
        <v>5</v>
      </c>
      <c r="D2803" s="1" t="s">
        <v>2322</v>
      </c>
      <c r="E2803" s="1" t="s">
        <v>11</v>
      </c>
    </row>
    <row r="2804">
      <c r="A2804" s="1">
        <v>4.90392079E8</v>
      </c>
      <c r="B2804" s="2">
        <v>11855.0</v>
      </c>
      <c r="C2804" s="1" t="s">
        <v>5</v>
      </c>
      <c r="D2804" s="1" t="s">
        <v>2323</v>
      </c>
      <c r="E2804" s="1" t="s">
        <v>7</v>
      </c>
    </row>
    <row r="2805">
      <c r="A2805" s="1">
        <v>4.90392084E8</v>
      </c>
      <c r="B2805" s="2">
        <v>11866.0</v>
      </c>
      <c r="C2805" s="1" t="s">
        <v>5</v>
      </c>
      <c r="D2805" s="1" t="s">
        <v>2324</v>
      </c>
      <c r="E2805" s="1" t="s">
        <v>11</v>
      </c>
    </row>
    <row r="2806">
      <c r="A2806" s="1">
        <v>4.90392085E8</v>
      </c>
      <c r="B2806" s="2">
        <v>11885.0</v>
      </c>
      <c r="C2806" s="1" t="s">
        <v>5</v>
      </c>
      <c r="D2806" s="1" t="s">
        <v>2325</v>
      </c>
      <c r="E2806" s="1" t="s">
        <v>7</v>
      </c>
    </row>
    <row r="2807">
      <c r="A2807" s="1">
        <v>4.90392086E8</v>
      </c>
      <c r="B2807" s="2">
        <v>11859.0</v>
      </c>
      <c r="C2807" s="1" t="s">
        <v>5</v>
      </c>
      <c r="D2807" s="1" t="s">
        <v>2326</v>
      </c>
      <c r="E2807" s="1" t="s">
        <v>11</v>
      </c>
    </row>
    <row r="2808">
      <c r="A2808" s="1">
        <v>4.90392091E8</v>
      </c>
      <c r="B2808" s="2">
        <v>11893.0</v>
      </c>
      <c r="C2808" s="1" t="s">
        <v>5</v>
      </c>
      <c r="D2808" s="1" t="s">
        <v>2327</v>
      </c>
      <c r="E2808" s="1" t="s">
        <v>2328</v>
      </c>
    </row>
    <row r="2809">
      <c r="A2809" s="1">
        <v>4.90392092E8</v>
      </c>
      <c r="B2809" s="3">
        <v>11811.0</v>
      </c>
      <c r="C2809" s="1" t="s">
        <v>5</v>
      </c>
      <c r="D2809" s="1" t="s">
        <v>42</v>
      </c>
      <c r="E2809" s="1" t="s">
        <v>7</v>
      </c>
    </row>
    <row r="2810">
      <c r="A2810" s="1">
        <v>4.90392094E8</v>
      </c>
      <c r="B2810" s="2">
        <v>11887.0</v>
      </c>
      <c r="C2810" s="1" t="s">
        <v>5</v>
      </c>
      <c r="D2810" s="1" t="s">
        <v>2329</v>
      </c>
      <c r="E2810" s="1" t="s">
        <v>7</v>
      </c>
    </row>
    <row r="2811">
      <c r="A2811" s="1">
        <v>4.90392099E8</v>
      </c>
      <c r="B2811" s="2">
        <v>11889.0</v>
      </c>
      <c r="C2811" s="1" t="s">
        <v>5</v>
      </c>
      <c r="D2811" s="1" t="s">
        <v>2330</v>
      </c>
      <c r="E2811" s="1" t="s">
        <v>7</v>
      </c>
    </row>
    <row r="2812">
      <c r="A2812" s="1">
        <v>4.903921E8</v>
      </c>
      <c r="B2812" s="2">
        <v>11889.0</v>
      </c>
      <c r="C2812" s="1" t="s">
        <v>5</v>
      </c>
      <c r="D2812" s="1" t="s">
        <v>2331</v>
      </c>
      <c r="E2812" s="1" t="s">
        <v>7</v>
      </c>
    </row>
    <row r="2813">
      <c r="A2813" s="1">
        <v>4.90392107E8</v>
      </c>
      <c r="B2813" s="2">
        <v>11859.0</v>
      </c>
      <c r="C2813" s="1" t="s">
        <v>5</v>
      </c>
      <c r="D2813" s="1" t="s">
        <v>2332</v>
      </c>
      <c r="E2813" s="1" t="s">
        <v>2333</v>
      </c>
    </row>
    <row r="2814">
      <c r="A2814" s="1">
        <v>4.90392109E8</v>
      </c>
      <c r="B2814" s="2">
        <v>11869.0</v>
      </c>
      <c r="C2814" s="1" t="s">
        <v>5</v>
      </c>
      <c r="D2814" s="1" t="s">
        <v>11</v>
      </c>
      <c r="E2814" s="1" t="s">
        <v>7</v>
      </c>
    </row>
    <row r="2815">
      <c r="A2815" s="1">
        <v>4.90392111E8</v>
      </c>
      <c r="B2815" s="2">
        <v>11870.0</v>
      </c>
      <c r="C2815" s="1" t="s">
        <v>5</v>
      </c>
      <c r="D2815" s="1" t="s">
        <v>11</v>
      </c>
      <c r="E2815" s="1" t="s">
        <v>7</v>
      </c>
    </row>
    <row r="2816">
      <c r="A2816" s="1">
        <v>4.90392112E8</v>
      </c>
      <c r="B2816" s="3">
        <v>11811.0</v>
      </c>
      <c r="C2816" s="1" t="s">
        <v>5</v>
      </c>
      <c r="D2816" s="1" t="s">
        <v>2334</v>
      </c>
      <c r="E2816" s="1" t="s">
        <v>11</v>
      </c>
    </row>
    <row r="2817">
      <c r="A2817" s="1">
        <v>4.90392113E8</v>
      </c>
      <c r="B2817" s="2">
        <v>11887.0</v>
      </c>
      <c r="C2817" s="1" t="s">
        <v>5</v>
      </c>
      <c r="D2817" s="1" t="s">
        <v>2335</v>
      </c>
      <c r="E2817" s="1" t="s">
        <v>11</v>
      </c>
    </row>
    <row r="2818">
      <c r="A2818" s="1">
        <v>4.90392116E8</v>
      </c>
      <c r="B2818" s="2">
        <v>11851.0</v>
      </c>
      <c r="C2818" s="1" t="s">
        <v>5</v>
      </c>
      <c r="D2818" s="1" t="s">
        <v>2336</v>
      </c>
      <c r="E2818" s="1" t="s">
        <v>7</v>
      </c>
    </row>
    <row r="2819">
      <c r="A2819" s="1">
        <v>4.9039212E8</v>
      </c>
      <c r="B2819" s="3">
        <v>11819.0</v>
      </c>
      <c r="C2819" s="1" t="s">
        <v>5</v>
      </c>
      <c r="D2819" s="1" t="s">
        <v>11</v>
      </c>
      <c r="E2819" s="1" t="s">
        <v>7</v>
      </c>
    </row>
    <row r="2820">
      <c r="A2820" s="1">
        <v>4.90392121E8</v>
      </c>
      <c r="B2820" s="2">
        <v>11889.0</v>
      </c>
      <c r="C2820" s="1" t="s">
        <v>5</v>
      </c>
      <c r="D2820" s="1" t="s">
        <v>2337</v>
      </c>
      <c r="E2820" s="1" t="s">
        <v>11</v>
      </c>
    </row>
    <row r="2821">
      <c r="A2821" s="1">
        <v>4.90392122E8</v>
      </c>
      <c r="B2821" s="2">
        <v>11887.0</v>
      </c>
      <c r="C2821" s="1" t="s">
        <v>5</v>
      </c>
      <c r="D2821" s="1" t="s">
        <v>11</v>
      </c>
      <c r="E2821" s="1" t="s">
        <v>7</v>
      </c>
    </row>
    <row r="2822">
      <c r="A2822" s="1">
        <v>4.90392123E8</v>
      </c>
      <c r="B2822" s="2">
        <v>11866.0</v>
      </c>
      <c r="C2822" s="1" t="s">
        <v>5</v>
      </c>
      <c r="D2822" s="1" t="s">
        <v>11</v>
      </c>
      <c r="E2822" s="1" t="s">
        <v>7</v>
      </c>
    </row>
    <row r="2823">
      <c r="A2823" s="1">
        <v>4.90392129E8</v>
      </c>
      <c r="B2823" s="2">
        <v>11870.0</v>
      </c>
      <c r="C2823" s="1" t="s">
        <v>5</v>
      </c>
      <c r="D2823" s="1" t="s">
        <v>2338</v>
      </c>
      <c r="E2823" s="1" t="s">
        <v>11</v>
      </c>
    </row>
    <row r="2824">
      <c r="A2824" s="1">
        <v>4.90392133E8</v>
      </c>
      <c r="B2824" s="2">
        <v>11851.0</v>
      </c>
      <c r="C2824" s="1" t="s">
        <v>5</v>
      </c>
      <c r="D2824" s="1" t="s">
        <v>2339</v>
      </c>
      <c r="E2824" s="1" t="s">
        <v>7</v>
      </c>
    </row>
    <row r="2825">
      <c r="A2825" s="1">
        <v>4.90392141E8</v>
      </c>
      <c r="B2825" s="2">
        <v>11859.0</v>
      </c>
      <c r="C2825" s="1" t="s">
        <v>5</v>
      </c>
      <c r="D2825" s="1" t="s">
        <v>2340</v>
      </c>
      <c r="E2825" s="1" t="s">
        <v>11</v>
      </c>
    </row>
    <row r="2826">
      <c r="A2826" s="1">
        <v>4.90392144E8</v>
      </c>
      <c r="B2826" s="2">
        <v>11884.0</v>
      </c>
      <c r="C2826" s="1" t="s">
        <v>5</v>
      </c>
      <c r="D2826" s="1" t="s">
        <v>2341</v>
      </c>
      <c r="E2826" s="1" t="s">
        <v>7</v>
      </c>
    </row>
    <row r="2827">
      <c r="A2827" s="1">
        <v>4.90392148E8</v>
      </c>
      <c r="B2827" s="2">
        <v>11889.0</v>
      </c>
      <c r="C2827" s="1" t="s">
        <v>5</v>
      </c>
      <c r="D2827" s="1" t="s">
        <v>11</v>
      </c>
      <c r="E2827" s="1" t="s">
        <v>7</v>
      </c>
    </row>
    <row r="2828">
      <c r="A2828" s="1">
        <v>4.9039215E8</v>
      </c>
      <c r="B2828" s="2">
        <v>11887.0</v>
      </c>
      <c r="C2828" s="1" t="s">
        <v>5</v>
      </c>
      <c r="D2828" s="1" t="s">
        <v>2342</v>
      </c>
      <c r="E2828" s="1" t="s">
        <v>7</v>
      </c>
    </row>
    <row r="2829">
      <c r="A2829" s="1">
        <v>4.90392151E8</v>
      </c>
      <c r="B2829" s="2">
        <v>11869.0</v>
      </c>
      <c r="C2829" s="1" t="s">
        <v>5</v>
      </c>
      <c r="D2829" s="1" t="s">
        <v>2343</v>
      </c>
      <c r="E2829" s="1" t="s">
        <v>7</v>
      </c>
    </row>
    <row r="2830">
      <c r="A2830" s="1">
        <v>4.90392154E8</v>
      </c>
      <c r="B2830" s="2">
        <v>11896.0</v>
      </c>
      <c r="C2830" s="1" t="s">
        <v>5</v>
      </c>
      <c r="D2830" s="1" t="s">
        <v>2344</v>
      </c>
      <c r="E2830" s="1" t="s">
        <v>2345</v>
      </c>
    </row>
    <row r="2831">
      <c r="A2831" s="1">
        <v>4.90392157E8</v>
      </c>
      <c r="B2831" s="2">
        <v>11885.0</v>
      </c>
      <c r="C2831" s="1" t="s">
        <v>5</v>
      </c>
      <c r="D2831" s="1" t="s">
        <v>2346</v>
      </c>
      <c r="E2831" s="1" t="s">
        <v>7</v>
      </c>
    </row>
    <row r="2832">
      <c r="A2832" s="1">
        <v>4.90392164E8</v>
      </c>
      <c r="B2832" s="3">
        <v>11817.0</v>
      </c>
      <c r="C2832" s="1" t="s">
        <v>5</v>
      </c>
      <c r="D2832" s="1" t="s">
        <v>2347</v>
      </c>
      <c r="E2832" s="1" t="s">
        <v>2348</v>
      </c>
    </row>
    <row r="2833">
      <c r="A2833" s="1">
        <v>4.90392165E8</v>
      </c>
      <c r="B2833" s="2">
        <v>11887.0</v>
      </c>
      <c r="C2833" s="1" t="s">
        <v>5</v>
      </c>
      <c r="D2833" s="1" t="s">
        <v>2349</v>
      </c>
      <c r="E2833" s="1" t="s">
        <v>7</v>
      </c>
    </row>
    <row r="2834">
      <c r="A2834" s="1">
        <v>4.90392167E8</v>
      </c>
      <c r="B2834" s="2">
        <v>11859.0</v>
      </c>
      <c r="C2834" s="1" t="s">
        <v>5</v>
      </c>
      <c r="D2834" s="1" t="s">
        <v>7</v>
      </c>
      <c r="E2834" s="1" t="s">
        <v>7</v>
      </c>
    </row>
    <row r="2835">
      <c r="A2835" s="1">
        <v>4.90392168E8</v>
      </c>
      <c r="B2835" s="2">
        <v>11859.0</v>
      </c>
      <c r="C2835" s="1" t="s">
        <v>5</v>
      </c>
      <c r="D2835" s="1" t="s">
        <v>2350</v>
      </c>
      <c r="E2835" s="1" t="s">
        <v>7</v>
      </c>
    </row>
    <row r="2836">
      <c r="A2836" s="1">
        <v>4.90392169E8</v>
      </c>
      <c r="B2836" s="2">
        <v>11850.0</v>
      </c>
      <c r="C2836" s="1" t="s">
        <v>5</v>
      </c>
      <c r="D2836" s="1" t="s">
        <v>2351</v>
      </c>
      <c r="E2836" s="1" t="s">
        <v>7</v>
      </c>
    </row>
    <row r="2837">
      <c r="A2837" s="1">
        <v>4.90392172E8</v>
      </c>
      <c r="B2837" s="2">
        <v>11869.0</v>
      </c>
      <c r="C2837" s="1" t="s">
        <v>5</v>
      </c>
      <c r="D2837" s="1" t="s">
        <v>2352</v>
      </c>
      <c r="E2837" s="1" t="s">
        <v>7</v>
      </c>
    </row>
    <row r="2838">
      <c r="A2838" s="1">
        <v>4.90392179E8</v>
      </c>
      <c r="B2838" s="2">
        <v>11896.0</v>
      </c>
      <c r="C2838" s="1" t="s">
        <v>5</v>
      </c>
      <c r="D2838" s="1" t="s">
        <v>2353</v>
      </c>
      <c r="E2838" s="1" t="s">
        <v>7</v>
      </c>
    </row>
    <row r="2839">
      <c r="A2839" s="1">
        <v>4.9039218E8</v>
      </c>
      <c r="B2839" s="2">
        <v>11869.0</v>
      </c>
      <c r="C2839" s="1" t="s">
        <v>5</v>
      </c>
      <c r="D2839" s="1" t="s">
        <v>2354</v>
      </c>
      <c r="E2839" s="1" t="s">
        <v>7</v>
      </c>
    </row>
    <row r="2840">
      <c r="A2840" s="1">
        <v>4.90392181E8</v>
      </c>
      <c r="B2840" s="2">
        <v>11887.0</v>
      </c>
      <c r="C2840" s="1" t="s">
        <v>5</v>
      </c>
      <c r="D2840" s="1" t="s">
        <v>11</v>
      </c>
      <c r="E2840" s="1" t="s">
        <v>7</v>
      </c>
    </row>
    <row r="2841">
      <c r="A2841" s="1">
        <v>4.90392183E8</v>
      </c>
      <c r="B2841" s="2">
        <v>11870.0</v>
      </c>
      <c r="C2841" s="1" t="s">
        <v>5</v>
      </c>
      <c r="D2841" s="1" t="s">
        <v>2355</v>
      </c>
      <c r="E2841" s="1" t="s">
        <v>7</v>
      </c>
    </row>
    <row r="2842">
      <c r="A2842" s="1">
        <v>4.90392187E8</v>
      </c>
      <c r="B2842" s="3">
        <v>11817.0</v>
      </c>
      <c r="C2842" s="1" t="s">
        <v>5</v>
      </c>
      <c r="D2842" s="1" t="s">
        <v>2356</v>
      </c>
      <c r="E2842" s="1" t="s">
        <v>7</v>
      </c>
    </row>
    <row r="2843">
      <c r="A2843" s="1">
        <v>4.9039219E8</v>
      </c>
      <c r="B2843" s="2">
        <v>11889.0</v>
      </c>
      <c r="C2843" s="1" t="s">
        <v>5</v>
      </c>
      <c r="D2843" s="1" t="s">
        <v>11</v>
      </c>
      <c r="E2843" s="1" t="s">
        <v>7</v>
      </c>
    </row>
    <row r="2844">
      <c r="A2844" s="1">
        <v>4.90392191E8</v>
      </c>
      <c r="B2844" s="2">
        <v>11890.0</v>
      </c>
      <c r="C2844" s="1" t="s">
        <v>5</v>
      </c>
      <c r="D2844" s="1" t="s">
        <v>11</v>
      </c>
      <c r="E2844" s="1" t="s">
        <v>7</v>
      </c>
    </row>
    <row r="2845">
      <c r="A2845" s="1">
        <v>4.90392192E8</v>
      </c>
      <c r="B2845" s="2">
        <v>11885.0</v>
      </c>
      <c r="C2845" s="1" t="s">
        <v>5</v>
      </c>
      <c r="D2845" s="1" t="s">
        <v>2357</v>
      </c>
      <c r="E2845" s="1" t="s">
        <v>11</v>
      </c>
    </row>
    <row r="2846">
      <c r="A2846" s="1">
        <v>4.90392201E8</v>
      </c>
      <c r="B2846" s="2">
        <v>11869.0</v>
      </c>
      <c r="C2846" s="1" t="s">
        <v>5</v>
      </c>
      <c r="D2846" s="1" t="s">
        <v>11</v>
      </c>
      <c r="E2846" s="1" t="s">
        <v>7</v>
      </c>
    </row>
    <row r="2847">
      <c r="A2847" s="1">
        <v>4.90392204E8</v>
      </c>
      <c r="B2847" s="2">
        <v>11890.0</v>
      </c>
      <c r="C2847" s="1" t="s">
        <v>5</v>
      </c>
      <c r="D2847" s="1" t="s">
        <v>2358</v>
      </c>
      <c r="E2847" s="1" t="s">
        <v>11</v>
      </c>
    </row>
    <row r="2848">
      <c r="A2848" s="1">
        <v>4.90392206E8</v>
      </c>
      <c r="B2848" s="2">
        <v>11887.0</v>
      </c>
      <c r="C2848" s="1" t="s">
        <v>5</v>
      </c>
      <c r="D2848" s="1" t="s">
        <v>11</v>
      </c>
      <c r="E2848" s="1" t="s">
        <v>7</v>
      </c>
    </row>
    <row r="2849">
      <c r="A2849" s="1">
        <v>4.9039221E8</v>
      </c>
      <c r="B2849" s="2">
        <v>11866.0</v>
      </c>
      <c r="C2849" s="1" t="s">
        <v>5</v>
      </c>
      <c r="D2849" s="1" t="s">
        <v>73</v>
      </c>
      <c r="E2849" s="1" t="s">
        <v>7</v>
      </c>
    </row>
    <row r="2850">
      <c r="A2850" s="1">
        <v>4.90392212E8</v>
      </c>
      <c r="B2850" s="2">
        <v>11885.0</v>
      </c>
      <c r="C2850" s="1" t="s">
        <v>5</v>
      </c>
      <c r="D2850" s="1" t="s">
        <v>2359</v>
      </c>
      <c r="E2850" s="1" t="s">
        <v>2360</v>
      </c>
    </row>
    <row r="2851">
      <c r="A2851" s="1">
        <v>4.90392217E8</v>
      </c>
      <c r="B2851" s="2">
        <v>11870.0</v>
      </c>
      <c r="C2851" s="1" t="s">
        <v>5</v>
      </c>
      <c r="D2851" s="1" t="s">
        <v>2361</v>
      </c>
      <c r="E2851" s="1" t="s">
        <v>11</v>
      </c>
    </row>
    <row r="2852">
      <c r="A2852" s="1">
        <v>4.90392218E8</v>
      </c>
      <c r="B2852" s="2">
        <v>11870.0</v>
      </c>
      <c r="C2852" s="1" t="s">
        <v>5</v>
      </c>
      <c r="D2852" s="1" t="s">
        <v>2362</v>
      </c>
      <c r="E2852" s="1" t="s">
        <v>11</v>
      </c>
    </row>
    <row r="2853">
      <c r="A2853" s="1">
        <v>4.90392221E8</v>
      </c>
      <c r="B2853" s="2">
        <v>11869.0</v>
      </c>
      <c r="C2853" s="1" t="s">
        <v>5</v>
      </c>
      <c r="D2853" s="1" t="s">
        <v>2363</v>
      </c>
      <c r="E2853" s="1" t="s">
        <v>7</v>
      </c>
    </row>
    <row r="2854">
      <c r="A2854" s="1">
        <v>4.90392222E8</v>
      </c>
      <c r="B2854" s="2">
        <v>11869.0</v>
      </c>
      <c r="C2854" s="1" t="s">
        <v>5</v>
      </c>
      <c r="D2854" s="1" t="s">
        <v>2364</v>
      </c>
      <c r="E2854" s="1" t="s">
        <v>2365</v>
      </c>
    </row>
    <row r="2855">
      <c r="A2855" s="1">
        <v>4.90392225E8</v>
      </c>
      <c r="B2855" s="2">
        <v>11893.0</v>
      </c>
      <c r="C2855" s="1" t="s">
        <v>5</v>
      </c>
      <c r="D2855" s="1" t="s">
        <v>2366</v>
      </c>
      <c r="E2855" s="1" t="s">
        <v>11</v>
      </c>
    </row>
    <row r="2856">
      <c r="A2856" s="1">
        <v>4.90392231E8</v>
      </c>
      <c r="B2856" s="2">
        <v>11885.0</v>
      </c>
      <c r="C2856" s="1" t="s">
        <v>5</v>
      </c>
      <c r="D2856" s="1" t="s">
        <v>11</v>
      </c>
      <c r="E2856" s="1" t="s">
        <v>7</v>
      </c>
    </row>
    <row r="2857">
      <c r="A2857" s="1">
        <v>4.90392232E8</v>
      </c>
      <c r="B2857" s="2">
        <v>11884.0</v>
      </c>
      <c r="C2857" s="1" t="s">
        <v>5</v>
      </c>
      <c r="D2857" s="1" t="s">
        <v>11</v>
      </c>
      <c r="E2857" s="1" t="s">
        <v>7</v>
      </c>
    </row>
    <row r="2858">
      <c r="A2858" s="1">
        <v>4.90392234E8</v>
      </c>
      <c r="B2858" s="3">
        <v>11817.0</v>
      </c>
      <c r="C2858" s="1" t="s">
        <v>5</v>
      </c>
      <c r="D2858" s="1" t="s">
        <v>2367</v>
      </c>
      <c r="E2858" s="1" t="s">
        <v>7</v>
      </c>
    </row>
    <row r="2859">
      <c r="A2859" s="1">
        <v>4.90392235E8</v>
      </c>
      <c r="B2859" s="2">
        <v>11859.0</v>
      </c>
      <c r="C2859" s="1" t="s">
        <v>5</v>
      </c>
      <c r="D2859" s="1" t="s">
        <v>2368</v>
      </c>
      <c r="E2859" s="1" t="s">
        <v>11</v>
      </c>
    </row>
    <row r="2860">
      <c r="A2860" s="1">
        <v>4.90392237E8</v>
      </c>
      <c r="B2860" s="2">
        <v>11866.0</v>
      </c>
      <c r="C2860" s="1" t="s">
        <v>5</v>
      </c>
      <c r="D2860" s="1" t="s">
        <v>2369</v>
      </c>
      <c r="E2860" s="1" t="s">
        <v>11</v>
      </c>
    </row>
    <row r="2861">
      <c r="A2861" s="1">
        <v>4.90392238E8</v>
      </c>
      <c r="B2861" s="2">
        <v>11897.0</v>
      </c>
      <c r="C2861" s="1" t="s">
        <v>5</v>
      </c>
      <c r="D2861" s="1" t="s">
        <v>11</v>
      </c>
      <c r="E2861" s="1" t="s">
        <v>7</v>
      </c>
    </row>
    <row r="2862">
      <c r="A2862" s="1">
        <v>4.90392239E8</v>
      </c>
      <c r="B2862" s="2">
        <v>11870.0</v>
      </c>
      <c r="C2862" s="1" t="s">
        <v>5</v>
      </c>
      <c r="D2862" s="1" t="s">
        <v>2370</v>
      </c>
      <c r="E2862" s="1" t="s">
        <v>7</v>
      </c>
    </row>
    <row r="2863">
      <c r="A2863" s="1">
        <v>4.90392246E8</v>
      </c>
      <c r="B2863" s="2">
        <v>11890.0</v>
      </c>
      <c r="C2863" s="1" t="s">
        <v>5</v>
      </c>
      <c r="D2863" s="1" t="s">
        <v>2371</v>
      </c>
      <c r="E2863" s="1" t="s">
        <v>7</v>
      </c>
    </row>
    <row r="2864">
      <c r="A2864" s="1">
        <v>4.90392253E8</v>
      </c>
      <c r="B2864" s="2">
        <v>11886.0</v>
      </c>
      <c r="C2864" s="1" t="s">
        <v>5</v>
      </c>
      <c r="D2864" s="1" t="s">
        <v>11</v>
      </c>
      <c r="E2864" s="1" t="s">
        <v>7</v>
      </c>
    </row>
    <row r="2865">
      <c r="A2865" s="1">
        <v>4.90392255E8</v>
      </c>
      <c r="B2865" s="2">
        <v>11870.0</v>
      </c>
      <c r="C2865" s="1" t="s">
        <v>5</v>
      </c>
      <c r="D2865" s="1" t="s">
        <v>2372</v>
      </c>
      <c r="E2865" s="1" t="s">
        <v>7</v>
      </c>
    </row>
    <row r="2866">
      <c r="A2866" s="1">
        <v>4.90392257E8</v>
      </c>
      <c r="B2866" s="2">
        <v>11890.0</v>
      </c>
      <c r="C2866" s="1" t="s">
        <v>5</v>
      </c>
      <c r="D2866" s="1" t="s">
        <v>1619</v>
      </c>
      <c r="E2866" s="1" t="s">
        <v>7</v>
      </c>
    </row>
    <row r="2867">
      <c r="A2867" s="1">
        <v>4.90392263E8</v>
      </c>
      <c r="B2867" s="2">
        <v>11897.0</v>
      </c>
      <c r="C2867" s="1" t="s">
        <v>5</v>
      </c>
      <c r="D2867" s="1" t="s">
        <v>2373</v>
      </c>
      <c r="E2867" s="1" t="s">
        <v>11</v>
      </c>
    </row>
    <row r="2868">
      <c r="A2868" s="1">
        <v>4.90392266E8</v>
      </c>
      <c r="B2868" s="2">
        <v>11887.0</v>
      </c>
      <c r="C2868" s="1" t="s">
        <v>5</v>
      </c>
      <c r="D2868" s="1" t="s">
        <v>2374</v>
      </c>
      <c r="E2868" s="1" t="s">
        <v>7</v>
      </c>
    </row>
    <row r="2869">
      <c r="A2869" s="1">
        <v>4.90392267E8</v>
      </c>
      <c r="B2869" s="2">
        <v>11859.0</v>
      </c>
      <c r="C2869" s="1" t="s">
        <v>5</v>
      </c>
      <c r="D2869" s="1" t="s">
        <v>2375</v>
      </c>
      <c r="E2869" s="1" t="s">
        <v>7</v>
      </c>
    </row>
    <row r="2870">
      <c r="A2870" s="1">
        <v>4.90392273E8</v>
      </c>
      <c r="B2870" s="2">
        <v>11851.0</v>
      </c>
      <c r="C2870" s="1" t="s">
        <v>5</v>
      </c>
      <c r="D2870" s="1" t="s">
        <v>11</v>
      </c>
      <c r="E2870" s="1" t="s">
        <v>7</v>
      </c>
    </row>
    <row r="2871">
      <c r="A2871" s="1">
        <v>4.90392278E8</v>
      </c>
      <c r="B2871" s="2">
        <v>11892.0</v>
      </c>
      <c r="C2871" s="1" t="s">
        <v>5</v>
      </c>
      <c r="D2871" s="1" t="s">
        <v>2376</v>
      </c>
      <c r="E2871" s="1" t="s">
        <v>7</v>
      </c>
    </row>
    <row r="2872">
      <c r="A2872" s="1">
        <v>4.90392281E8</v>
      </c>
      <c r="B2872" s="2">
        <v>11870.0</v>
      </c>
      <c r="C2872" s="1" t="s">
        <v>5</v>
      </c>
      <c r="D2872" s="1" t="s">
        <v>2377</v>
      </c>
      <c r="E2872" s="1" t="s">
        <v>7</v>
      </c>
    </row>
    <row r="2873">
      <c r="A2873" s="1">
        <v>4.90392284E8</v>
      </c>
      <c r="B2873" s="2">
        <v>11897.0</v>
      </c>
      <c r="C2873" s="1" t="s">
        <v>5</v>
      </c>
      <c r="D2873" s="1" t="s">
        <v>11</v>
      </c>
      <c r="E2873" s="1" t="s">
        <v>7</v>
      </c>
    </row>
    <row r="2874">
      <c r="A2874" s="1">
        <v>4.90392287E8</v>
      </c>
      <c r="B2874" s="2">
        <v>11859.0</v>
      </c>
      <c r="C2874" s="1" t="s">
        <v>5</v>
      </c>
      <c r="D2874" s="1" t="s">
        <v>2378</v>
      </c>
      <c r="E2874" s="1" t="s">
        <v>7</v>
      </c>
    </row>
    <row r="2875">
      <c r="A2875" s="1">
        <v>4.90392293E8</v>
      </c>
      <c r="B2875" s="2">
        <v>11869.0</v>
      </c>
      <c r="C2875" s="1" t="s">
        <v>5</v>
      </c>
      <c r="D2875" s="1" t="s">
        <v>2379</v>
      </c>
      <c r="E2875" s="1" t="s">
        <v>7</v>
      </c>
    </row>
    <row r="2876">
      <c r="A2876" s="1">
        <v>4.90392296E8</v>
      </c>
      <c r="B2876" s="2">
        <v>11870.0</v>
      </c>
      <c r="C2876" s="1" t="s">
        <v>5</v>
      </c>
      <c r="D2876" s="1" t="s">
        <v>11</v>
      </c>
      <c r="E2876" s="1" t="s">
        <v>7</v>
      </c>
    </row>
    <row r="2877">
      <c r="A2877" s="1">
        <v>4.90392299E8</v>
      </c>
      <c r="B2877" s="2">
        <v>11867.0</v>
      </c>
      <c r="C2877" s="1" t="s">
        <v>5</v>
      </c>
      <c r="D2877" s="1" t="s">
        <v>2380</v>
      </c>
      <c r="E2877" s="1" t="s">
        <v>11</v>
      </c>
    </row>
    <row r="2878">
      <c r="A2878" s="1">
        <v>4.90392302E8</v>
      </c>
      <c r="B2878" s="2">
        <v>11857.0</v>
      </c>
      <c r="C2878" s="1" t="s">
        <v>5</v>
      </c>
      <c r="D2878" s="1" t="s">
        <v>2381</v>
      </c>
      <c r="E2878" s="1" t="s">
        <v>7</v>
      </c>
    </row>
    <row r="2879">
      <c r="A2879" s="1">
        <v>4.90392307E8</v>
      </c>
      <c r="B2879" s="2">
        <v>11892.0</v>
      </c>
      <c r="C2879" s="1" t="s">
        <v>5</v>
      </c>
      <c r="D2879" s="1" t="s">
        <v>2382</v>
      </c>
      <c r="E2879" s="1" t="s">
        <v>11</v>
      </c>
    </row>
    <row r="2880">
      <c r="A2880" s="1">
        <v>4.90392309E8</v>
      </c>
      <c r="B2880" s="2">
        <v>11890.0</v>
      </c>
      <c r="C2880" s="1" t="s">
        <v>5</v>
      </c>
      <c r="D2880" s="1" t="s">
        <v>11</v>
      </c>
      <c r="E2880" s="1" t="s">
        <v>7</v>
      </c>
    </row>
    <row r="2881">
      <c r="A2881" s="1">
        <v>4.9039231E8</v>
      </c>
      <c r="B2881" s="2">
        <v>11896.0</v>
      </c>
      <c r="C2881" s="1" t="s">
        <v>5</v>
      </c>
      <c r="D2881" s="1" t="s">
        <v>2383</v>
      </c>
      <c r="E2881" s="1" t="s">
        <v>11</v>
      </c>
    </row>
    <row r="2882">
      <c r="A2882" s="1">
        <v>4.90392311E8</v>
      </c>
      <c r="B2882" s="2">
        <v>11897.0</v>
      </c>
      <c r="C2882" s="1" t="s">
        <v>5</v>
      </c>
      <c r="D2882" s="1" t="s">
        <v>11</v>
      </c>
      <c r="E2882" s="1" t="s">
        <v>7</v>
      </c>
    </row>
    <row r="2883">
      <c r="A2883" s="1">
        <v>4.90392316E8</v>
      </c>
      <c r="B2883" s="2">
        <v>11886.0</v>
      </c>
      <c r="C2883" s="1" t="s">
        <v>5</v>
      </c>
      <c r="D2883" s="1" t="s">
        <v>2384</v>
      </c>
      <c r="E2883" s="1" t="s">
        <v>11</v>
      </c>
    </row>
    <row r="2884">
      <c r="A2884" s="1">
        <v>4.90392318E8</v>
      </c>
      <c r="B2884" s="2">
        <v>11889.0</v>
      </c>
      <c r="C2884" s="1" t="s">
        <v>5</v>
      </c>
      <c r="D2884" s="1" t="s">
        <v>2385</v>
      </c>
      <c r="E2884" s="1" t="s">
        <v>11</v>
      </c>
    </row>
    <row r="2885">
      <c r="A2885" s="1">
        <v>4.90392322E8</v>
      </c>
      <c r="B2885" s="2">
        <v>11857.0</v>
      </c>
      <c r="C2885" s="1" t="s">
        <v>5</v>
      </c>
      <c r="D2885" s="1" t="s">
        <v>2386</v>
      </c>
      <c r="E2885" s="1" t="s">
        <v>7</v>
      </c>
    </row>
    <row r="2886">
      <c r="A2886" s="1">
        <v>4.90392323E8</v>
      </c>
      <c r="B2886" s="2">
        <v>11870.0</v>
      </c>
      <c r="C2886" s="1" t="s">
        <v>5</v>
      </c>
      <c r="D2886" s="1" t="s">
        <v>2387</v>
      </c>
      <c r="E2886" s="1" t="s">
        <v>7</v>
      </c>
    </row>
    <row r="2887">
      <c r="A2887" s="1">
        <v>4.9039233E8</v>
      </c>
      <c r="B2887" s="2">
        <v>11859.0</v>
      </c>
      <c r="C2887" s="1" t="s">
        <v>5</v>
      </c>
      <c r="D2887" s="1" t="s">
        <v>2388</v>
      </c>
      <c r="E2887" s="1" t="s">
        <v>11</v>
      </c>
    </row>
    <row r="2888">
      <c r="A2888" s="1">
        <v>4.90392331E8</v>
      </c>
      <c r="B2888" s="2">
        <v>11888.0</v>
      </c>
      <c r="C2888" s="1" t="s">
        <v>5</v>
      </c>
      <c r="D2888" s="1" t="s">
        <v>2389</v>
      </c>
      <c r="E2888" s="1" t="s">
        <v>11</v>
      </c>
    </row>
    <row r="2889">
      <c r="A2889" s="1">
        <v>4.90392336E8</v>
      </c>
      <c r="B2889" s="2">
        <v>11867.0</v>
      </c>
      <c r="C2889" s="1" t="s">
        <v>5</v>
      </c>
      <c r="D2889" s="1" t="s">
        <v>11</v>
      </c>
      <c r="E2889" s="1" t="s">
        <v>7</v>
      </c>
    </row>
    <row r="2890">
      <c r="A2890" s="1">
        <v>4.90392338E8</v>
      </c>
      <c r="B2890" s="2">
        <v>11886.0</v>
      </c>
      <c r="C2890" s="1" t="s">
        <v>5</v>
      </c>
      <c r="D2890" s="1" t="s">
        <v>2390</v>
      </c>
      <c r="E2890" s="1" t="s">
        <v>11</v>
      </c>
    </row>
    <row r="2891">
      <c r="A2891" s="1">
        <v>4.90392339E8</v>
      </c>
      <c r="B2891" s="2">
        <v>11889.0</v>
      </c>
      <c r="C2891" s="1" t="s">
        <v>5</v>
      </c>
      <c r="D2891" s="1" t="s">
        <v>11</v>
      </c>
      <c r="E2891" s="1" t="s">
        <v>7</v>
      </c>
    </row>
    <row r="2892">
      <c r="A2892" s="1">
        <v>4.90392344E8</v>
      </c>
      <c r="B2892" s="2">
        <v>11869.0</v>
      </c>
      <c r="C2892" s="1" t="s">
        <v>5</v>
      </c>
      <c r="D2892" s="1" t="s">
        <v>11</v>
      </c>
      <c r="E2892" s="1" t="s">
        <v>7</v>
      </c>
    </row>
    <row r="2893">
      <c r="A2893" s="1">
        <v>4.90392351E8</v>
      </c>
      <c r="B2893" s="2">
        <v>11870.0</v>
      </c>
      <c r="C2893" s="1" t="s">
        <v>5</v>
      </c>
      <c r="D2893" s="1" t="s">
        <v>11</v>
      </c>
      <c r="E2893" s="1" t="s">
        <v>7</v>
      </c>
    </row>
    <row r="2894">
      <c r="A2894" s="1">
        <v>4.90392352E8</v>
      </c>
      <c r="B2894" s="2">
        <v>11882.0</v>
      </c>
      <c r="C2894" s="1" t="s">
        <v>5</v>
      </c>
      <c r="D2894" s="1" t="s">
        <v>2391</v>
      </c>
      <c r="E2894" s="1" t="s">
        <v>7</v>
      </c>
    </row>
    <row r="2895">
      <c r="A2895" s="1">
        <v>4.90392353E8</v>
      </c>
      <c r="B2895" s="2">
        <v>11889.0</v>
      </c>
      <c r="C2895" s="1" t="s">
        <v>5</v>
      </c>
      <c r="D2895" s="1" t="s">
        <v>7</v>
      </c>
      <c r="E2895" s="1" t="s">
        <v>7</v>
      </c>
    </row>
    <row r="2896">
      <c r="A2896" s="1">
        <v>4.90392354E8</v>
      </c>
      <c r="B2896" s="2">
        <v>11866.0</v>
      </c>
      <c r="C2896" s="1" t="s">
        <v>5</v>
      </c>
      <c r="D2896" s="1" t="s">
        <v>2392</v>
      </c>
      <c r="E2896" s="1" t="s">
        <v>11</v>
      </c>
    </row>
    <row r="2897">
      <c r="A2897" s="1">
        <v>4.9039236E8</v>
      </c>
      <c r="B2897" s="2">
        <v>11859.0</v>
      </c>
      <c r="C2897" s="1" t="s">
        <v>5</v>
      </c>
      <c r="D2897" s="1" t="s">
        <v>2393</v>
      </c>
      <c r="E2897" s="1" t="s">
        <v>7</v>
      </c>
    </row>
    <row r="2898">
      <c r="A2898" s="1">
        <v>4.90392361E8</v>
      </c>
      <c r="B2898" s="2">
        <v>11869.0</v>
      </c>
      <c r="C2898" s="1" t="s">
        <v>5</v>
      </c>
      <c r="D2898" s="1" t="s">
        <v>2394</v>
      </c>
      <c r="E2898" s="1" t="s">
        <v>7</v>
      </c>
    </row>
    <row r="2899">
      <c r="A2899" s="1">
        <v>4.90392364E8</v>
      </c>
      <c r="B2899" s="2">
        <v>11889.0</v>
      </c>
      <c r="C2899" s="1" t="s">
        <v>5</v>
      </c>
      <c r="D2899" s="1" t="s">
        <v>2395</v>
      </c>
      <c r="E2899" s="1" t="s">
        <v>7</v>
      </c>
    </row>
    <row r="2900">
      <c r="A2900" s="1">
        <v>4.90392366E8</v>
      </c>
      <c r="B2900" s="2">
        <v>11866.0</v>
      </c>
      <c r="C2900" s="1" t="s">
        <v>5</v>
      </c>
      <c r="D2900" s="1" t="s">
        <v>2396</v>
      </c>
      <c r="E2900" s="1" t="s">
        <v>2397</v>
      </c>
    </row>
    <row r="2901">
      <c r="A2901" s="1">
        <v>4.90392367E8</v>
      </c>
      <c r="B2901" s="2">
        <v>11897.0</v>
      </c>
      <c r="C2901" s="1" t="s">
        <v>5</v>
      </c>
      <c r="D2901" s="1" t="s">
        <v>2398</v>
      </c>
      <c r="E2901" s="1" t="s">
        <v>11</v>
      </c>
    </row>
    <row r="2902">
      <c r="A2902" s="1">
        <v>4.90392368E8</v>
      </c>
      <c r="B2902" s="2">
        <v>11889.0</v>
      </c>
      <c r="C2902" s="1" t="s">
        <v>5</v>
      </c>
      <c r="D2902" s="1" t="s">
        <v>11</v>
      </c>
      <c r="E2902" s="1" t="s">
        <v>7</v>
      </c>
    </row>
    <row r="2903">
      <c r="A2903" s="1">
        <v>4.90392375E8</v>
      </c>
      <c r="B2903" s="2">
        <v>11893.0</v>
      </c>
      <c r="C2903" s="1" t="s">
        <v>5</v>
      </c>
      <c r="D2903" s="1" t="s">
        <v>2399</v>
      </c>
      <c r="E2903" s="1" t="s">
        <v>11</v>
      </c>
    </row>
    <row r="2904">
      <c r="A2904" s="1">
        <v>4.90392378E8</v>
      </c>
      <c r="B2904" s="3">
        <v>11815.0</v>
      </c>
      <c r="C2904" s="1" t="s">
        <v>5</v>
      </c>
      <c r="D2904" s="1" t="s">
        <v>2400</v>
      </c>
      <c r="E2904" s="1" t="s">
        <v>2401</v>
      </c>
    </row>
    <row r="2905">
      <c r="A2905" s="1">
        <v>4.9039238E8</v>
      </c>
      <c r="B2905" s="2">
        <v>11868.0</v>
      </c>
      <c r="C2905" s="1" t="s">
        <v>5</v>
      </c>
      <c r="D2905" s="1" t="s">
        <v>2402</v>
      </c>
      <c r="E2905" s="1" t="s">
        <v>7</v>
      </c>
    </row>
    <row r="2906">
      <c r="A2906" s="1">
        <v>4.90392386E8</v>
      </c>
      <c r="B2906" s="2">
        <v>11870.0</v>
      </c>
      <c r="C2906" s="1" t="s">
        <v>5</v>
      </c>
      <c r="D2906" s="1" t="s">
        <v>11</v>
      </c>
      <c r="E2906" s="1" t="s">
        <v>7</v>
      </c>
    </row>
    <row r="2907">
      <c r="A2907" s="1">
        <v>4.90392389E8</v>
      </c>
      <c r="B2907" s="2">
        <v>11889.0</v>
      </c>
      <c r="C2907" s="1" t="s">
        <v>5</v>
      </c>
      <c r="D2907" s="1" t="s">
        <v>2403</v>
      </c>
      <c r="E2907" s="1" t="s">
        <v>7</v>
      </c>
    </row>
    <row r="2908">
      <c r="A2908" s="1">
        <v>4.9039239E8</v>
      </c>
      <c r="B2908" s="2">
        <v>11887.0</v>
      </c>
      <c r="C2908" s="1" t="s">
        <v>5</v>
      </c>
      <c r="D2908" s="1" t="s">
        <v>2404</v>
      </c>
      <c r="E2908" s="1" t="s">
        <v>11</v>
      </c>
    </row>
    <row r="2909">
      <c r="A2909" s="1">
        <v>4.90392392E8</v>
      </c>
      <c r="B2909" s="2">
        <v>11859.0</v>
      </c>
      <c r="C2909" s="1" t="s">
        <v>5</v>
      </c>
      <c r="D2909" s="1" t="s">
        <v>2405</v>
      </c>
      <c r="E2909" s="1" t="s">
        <v>7</v>
      </c>
    </row>
    <row r="2910">
      <c r="A2910" s="1">
        <v>4.90392394E8</v>
      </c>
      <c r="B2910" s="2">
        <v>11867.0</v>
      </c>
      <c r="C2910" s="1" t="s">
        <v>5</v>
      </c>
      <c r="D2910" s="1" t="s">
        <v>2406</v>
      </c>
      <c r="E2910" s="1" t="s">
        <v>7</v>
      </c>
    </row>
    <row r="2911">
      <c r="A2911" s="1">
        <v>4.90392398E8</v>
      </c>
      <c r="B2911" s="2">
        <v>11889.0</v>
      </c>
      <c r="C2911" s="1" t="s">
        <v>5</v>
      </c>
      <c r="D2911" s="1" t="s">
        <v>2407</v>
      </c>
      <c r="E2911" s="1" t="s">
        <v>7</v>
      </c>
    </row>
    <row r="2912">
      <c r="A2912" s="1">
        <v>4.90392401E8</v>
      </c>
      <c r="B2912" s="2">
        <v>11868.0</v>
      </c>
      <c r="C2912" s="1" t="s">
        <v>5</v>
      </c>
      <c r="D2912" s="1" t="s">
        <v>2408</v>
      </c>
      <c r="E2912" s="1" t="s">
        <v>7</v>
      </c>
    </row>
    <row r="2913">
      <c r="A2913" s="1">
        <v>4.90392403E8</v>
      </c>
      <c r="B2913" s="2">
        <v>11889.0</v>
      </c>
      <c r="C2913" s="1" t="s">
        <v>5</v>
      </c>
      <c r="D2913" s="1" t="s">
        <v>2409</v>
      </c>
      <c r="E2913" s="1" t="s">
        <v>7</v>
      </c>
    </row>
    <row r="2914">
      <c r="A2914" s="1">
        <v>4.90392407E8</v>
      </c>
      <c r="B2914" s="2">
        <v>11870.0</v>
      </c>
      <c r="C2914" s="1" t="s">
        <v>5</v>
      </c>
      <c r="D2914" s="1" t="s">
        <v>2410</v>
      </c>
      <c r="E2914" s="1" t="s">
        <v>7</v>
      </c>
    </row>
    <row r="2915">
      <c r="A2915" s="1">
        <v>4.90392414E8</v>
      </c>
      <c r="B2915" s="2">
        <v>11888.0</v>
      </c>
      <c r="C2915" s="1" t="s">
        <v>5</v>
      </c>
      <c r="D2915" s="1" t="s">
        <v>1619</v>
      </c>
      <c r="E2915" s="1" t="s">
        <v>7</v>
      </c>
    </row>
    <row r="2916">
      <c r="A2916" s="1">
        <v>4.90392417E8</v>
      </c>
      <c r="B2916" s="2">
        <v>11895.0</v>
      </c>
      <c r="C2916" s="1" t="s">
        <v>5</v>
      </c>
      <c r="D2916" s="1" t="s">
        <v>2411</v>
      </c>
      <c r="E2916" s="1" t="s">
        <v>11</v>
      </c>
    </row>
    <row r="2917">
      <c r="A2917" s="1">
        <v>4.9039242E8</v>
      </c>
      <c r="B2917" s="2">
        <v>11889.0</v>
      </c>
      <c r="C2917" s="1" t="s">
        <v>5</v>
      </c>
      <c r="D2917" s="1" t="s">
        <v>2412</v>
      </c>
      <c r="E2917" s="1" t="s">
        <v>11</v>
      </c>
    </row>
    <row r="2918">
      <c r="A2918" s="1">
        <v>4.90392422E8</v>
      </c>
      <c r="B2918" s="2">
        <v>11859.0</v>
      </c>
      <c r="C2918" s="1" t="s">
        <v>5</v>
      </c>
      <c r="D2918" s="1" t="s">
        <v>2413</v>
      </c>
      <c r="E2918" s="1" t="s">
        <v>7</v>
      </c>
    </row>
    <row r="2919">
      <c r="A2919" s="1">
        <v>4.90392424E8</v>
      </c>
      <c r="B2919" s="2">
        <v>11857.0</v>
      </c>
      <c r="C2919" s="1" t="s">
        <v>5</v>
      </c>
      <c r="D2919" s="1" t="s">
        <v>2414</v>
      </c>
      <c r="E2919" s="1" t="s">
        <v>11</v>
      </c>
    </row>
    <row r="2920">
      <c r="A2920" s="1">
        <v>4.9039244E8</v>
      </c>
      <c r="B2920" s="3">
        <v>11815.0</v>
      </c>
      <c r="C2920" s="1" t="s">
        <v>5</v>
      </c>
      <c r="D2920" s="1" t="s">
        <v>7</v>
      </c>
      <c r="E2920" s="1" t="s">
        <v>7</v>
      </c>
    </row>
    <row r="2921">
      <c r="A2921" s="1">
        <v>4.90392445E8</v>
      </c>
      <c r="B2921" s="2">
        <v>11859.0</v>
      </c>
      <c r="C2921" s="1" t="s">
        <v>5</v>
      </c>
      <c r="D2921" s="1" t="s">
        <v>2415</v>
      </c>
      <c r="E2921" s="1" t="s">
        <v>11</v>
      </c>
    </row>
    <row r="2922">
      <c r="A2922" s="1">
        <v>4.90392449E8</v>
      </c>
      <c r="B2922" s="2">
        <v>11888.0</v>
      </c>
      <c r="C2922" s="1" t="s">
        <v>5</v>
      </c>
      <c r="D2922" s="1" t="s">
        <v>2416</v>
      </c>
      <c r="E2922" s="1" t="s">
        <v>7</v>
      </c>
    </row>
    <row r="2923">
      <c r="A2923" s="1">
        <v>4.90392451E8</v>
      </c>
      <c r="B2923" s="2">
        <v>11889.0</v>
      </c>
      <c r="C2923" s="1" t="s">
        <v>5</v>
      </c>
      <c r="D2923" s="1" t="s">
        <v>2417</v>
      </c>
      <c r="E2923" s="1" t="s">
        <v>11</v>
      </c>
    </row>
    <row r="2924">
      <c r="A2924" s="1">
        <v>4.90392453E8</v>
      </c>
      <c r="B2924" s="2">
        <v>11865.0</v>
      </c>
      <c r="C2924" s="1" t="s">
        <v>5</v>
      </c>
      <c r="D2924" s="1" t="s">
        <v>2418</v>
      </c>
      <c r="E2924" s="1" t="s">
        <v>11</v>
      </c>
    </row>
    <row r="2925">
      <c r="A2925" s="1">
        <v>4.90392455E8</v>
      </c>
      <c r="B2925" s="2">
        <v>11870.0</v>
      </c>
      <c r="C2925" s="1" t="s">
        <v>5</v>
      </c>
      <c r="D2925" s="1" t="s">
        <v>11</v>
      </c>
      <c r="E2925" s="1" t="s">
        <v>7</v>
      </c>
    </row>
    <row r="2926">
      <c r="A2926" s="1">
        <v>4.90392464E8</v>
      </c>
      <c r="B2926" s="2">
        <v>11888.0</v>
      </c>
      <c r="C2926" s="1" t="s">
        <v>5</v>
      </c>
      <c r="D2926" s="1" t="s">
        <v>2419</v>
      </c>
      <c r="E2926" s="1" t="s">
        <v>11</v>
      </c>
    </row>
    <row r="2927">
      <c r="A2927" s="1">
        <v>4.90392465E8</v>
      </c>
      <c r="B2927" s="2">
        <v>11888.0</v>
      </c>
      <c r="C2927" s="1" t="s">
        <v>5</v>
      </c>
      <c r="D2927" s="1" t="s">
        <v>2420</v>
      </c>
      <c r="E2927" s="1" t="s">
        <v>11</v>
      </c>
    </row>
    <row r="2928">
      <c r="A2928" s="1">
        <v>4.90392467E8</v>
      </c>
      <c r="B2928" s="2">
        <v>11870.0</v>
      </c>
      <c r="C2928" s="1" t="s">
        <v>5</v>
      </c>
      <c r="D2928" s="1" t="s">
        <v>2421</v>
      </c>
      <c r="E2928" s="1" t="s">
        <v>7</v>
      </c>
    </row>
    <row r="2929">
      <c r="A2929" s="1">
        <v>4.90392474E8</v>
      </c>
      <c r="B2929" s="3">
        <v>11817.0</v>
      </c>
      <c r="C2929" s="1" t="s">
        <v>5</v>
      </c>
      <c r="D2929" s="1" t="s">
        <v>2422</v>
      </c>
      <c r="E2929" s="1" t="s">
        <v>7</v>
      </c>
    </row>
    <row r="2930">
      <c r="A2930" s="1">
        <v>4.90392476E8</v>
      </c>
      <c r="B2930" s="2">
        <v>11884.0</v>
      </c>
      <c r="C2930" s="1" t="s">
        <v>5</v>
      </c>
      <c r="D2930" s="1" t="s">
        <v>2423</v>
      </c>
      <c r="E2930" s="1" t="s">
        <v>11</v>
      </c>
    </row>
    <row r="2931">
      <c r="A2931" s="1">
        <v>4.90392478E8</v>
      </c>
      <c r="B2931" s="2">
        <v>11870.0</v>
      </c>
      <c r="C2931" s="1" t="s">
        <v>5</v>
      </c>
      <c r="D2931" s="1" t="s">
        <v>2424</v>
      </c>
      <c r="E2931" s="1" t="s">
        <v>11</v>
      </c>
    </row>
    <row r="2932">
      <c r="A2932" s="1">
        <v>4.90392479E8</v>
      </c>
      <c r="B2932" s="2">
        <v>11889.0</v>
      </c>
      <c r="C2932" s="1" t="s">
        <v>5</v>
      </c>
      <c r="D2932" s="1" t="s">
        <v>2425</v>
      </c>
      <c r="E2932" s="1" t="s">
        <v>7</v>
      </c>
    </row>
    <row r="2933">
      <c r="A2933" s="1">
        <v>4.9039248E8</v>
      </c>
      <c r="B2933" s="2">
        <v>11859.0</v>
      </c>
      <c r="C2933" s="1" t="s">
        <v>5</v>
      </c>
      <c r="D2933" s="1" t="s">
        <v>11</v>
      </c>
      <c r="E2933" s="1" t="s">
        <v>7</v>
      </c>
    </row>
    <row r="2934">
      <c r="A2934" s="1">
        <v>4.90392482E8</v>
      </c>
      <c r="B2934" s="2">
        <v>11865.0</v>
      </c>
      <c r="C2934" s="1" t="s">
        <v>5</v>
      </c>
      <c r="D2934" s="1" t="s">
        <v>11</v>
      </c>
      <c r="E2934" s="1" t="s">
        <v>7</v>
      </c>
    </row>
    <row r="2935">
      <c r="A2935" s="1">
        <v>4.90392483E8</v>
      </c>
      <c r="B2935" s="2">
        <v>11859.0</v>
      </c>
      <c r="C2935" s="1" t="s">
        <v>5</v>
      </c>
      <c r="D2935" s="1" t="s">
        <v>2426</v>
      </c>
      <c r="E2935" s="1" t="s">
        <v>11</v>
      </c>
    </row>
    <row r="2936">
      <c r="A2936" s="1">
        <v>4.90392484E8</v>
      </c>
      <c r="B2936" s="2">
        <v>11889.0</v>
      </c>
      <c r="C2936" s="1" t="s">
        <v>5</v>
      </c>
      <c r="D2936" s="1" t="s">
        <v>11</v>
      </c>
      <c r="E2936" s="1" t="s">
        <v>7</v>
      </c>
    </row>
    <row r="2937">
      <c r="A2937" s="1">
        <v>4.90392491E8</v>
      </c>
      <c r="B2937" s="2">
        <v>11869.0</v>
      </c>
      <c r="C2937" s="1" t="s">
        <v>5</v>
      </c>
      <c r="D2937" s="1" t="s">
        <v>2427</v>
      </c>
      <c r="E2937" s="1" t="s">
        <v>2428</v>
      </c>
    </row>
    <row r="2938">
      <c r="A2938" s="1">
        <v>4.90392492E8</v>
      </c>
      <c r="B2938" s="2">
        <v>11859.0</v>
      </c>
      <c r="C2938" s="1" t="s">
        <v>5</v>
      </c>
      <c r="D2938" s="1" t="s">
        <v>2429</v>
      </c>
      <c r="E2938" s="1" t="s">
        <v>7</v>
      </c>
    </row>
    <row r="2939">
      <c r="A2939" s="1">
        <v>4.90392499E8</v>
      </c>
      <c r="B2939" s="2">
        <v>11888.0</v>
      </c>
      <c r="C2939" s="1" t="s">
        <v>5</v>
      </c>
      <c r="D2939" s="1" t="s">
        <v>2430</v>
      </c>
      <c r="E2939" s="1" t="s">
        <v>11</v>
      </c>
    </row>
    <row r="2940">
      <c r="A2940" s="1">
        <v>4.90392501E8</v>
      </c>
      <c r="B2940" s="2">
        <v>11884.0</v>
      </c>
      <c r="C2940" s="1" t="s">
        <v>5</v>
      </c>
      <c r="D2940" s="1" t="s">
        <v>2431</v>
      </c>
      <c r="E2940" s="1" t="s">
        <v>7</v>
      </c>
    </row>
    <row r="2941">
      <c r="A2941" s="1">
        <v>4.90392506E8</v>
      </c>
      <c r="B2941" s="2">
        <v>11895.0</v>
      </c>
      <c r="C2941" s="1" t="s">
        <v>5</v>
      </c>
      <c r="D2941" s="1" t="s">
        <v>2432</v>
      </c>
      <c r="E2941" s="1" t="s">
        <v>7</v>
      </c>
    </row>
    <row r="2942">
      <c r="A2942" s="1">
        <v>4.90392507E8</v>
      </c>
      <c r="B2942" s="2">
        <v>11866.0</v>
      </c>
      <c r="C2942" s="1" t="s">
        <v>5</v>
      </c>
      <c r="D2942" s="1" t="s">
        <v>2433</v>
      </c>
      <c r="E2942" s="1" t="s">
        <v>7</v>
      </c>
    </row>
    <row r="2943">
      <c r="A2943" s="1">
        <v>4.90392519E8</v>
      </c>
      <c r="B2943" s="2">
        <v>11859.0</v>
      </c>
      <c r="C2943" s="1" t="s">
        <v>5</v>
      </c>
      <c r="D2943" s="1" t="s">
        <v>11</v>
      </c>
      <c r="E2943" s="1" t="s">
        <v>7</v>
      </c>
    </row>
    <row r="2944">
      <c r="A2944" s="1">
        <v>4.90392522E8</v>
      </c>
      <c r="B2944" s="2">
        <v>11866.0</v>
      </c>
      <c r="C2944" s="1" t="s">
        <v>5</v>
      </c>
      <c r="D2944" s="1" t="s">
        <v>2434</v>
      </c>
      <c r="E2944" s="1" t="s">
        <v>7</v>
      </c>
    </row>
    <row r="2945">
      <c r="A2945" s="1">
        <v>4.90392524E8</v>
      </c>
      <c r="B2945" s="2">
        <v>11868.0</v>
      </c>
      <c r="C2945" s="1" t="s">
        <v>5</v>
      </c>
      <c r="D2945" s="1" t="s">
        <v>2435</v>
      </c>
      <c r="E2945" s="1" t="s">
        <v>2436</v>
      </c>
    </row>
    <row r="2946">
      <c r="A2946" s="1">
        <v>4.90392527E8</v>
      </c>
      <c r="B2946" s="2">
        <v>11895.0</v>
      </c>
      <c r="C2946" s="1" t="s">
        <v>5</v>
      </c>
      <c r="D2946" s="1" t="s">
        <v>2437</v>
      </c>
      <c r="E2946" s="1" t="s">
        <v>7</v>
      </c>
    </row>
    <row r="2947">
      <c r="A2947" s="1">
        <v>4.9039253E8</v>
      </c>
      <c r="B2947" s="2">
        <v>11866.0</v>
      </c>
      <c r="C2947" s="1" t="s">
        <v>5</v>
      </c>
      <c r="D2947" s="1" t="s">
        <v>11</v>
      </c>
      <c r="E2947" s="1" t="s">
        <v>7</v>
      </c>
    </row>
    <row r="2948">
      <c r="A2948" s="1">
        <v>4.90392534E8</v>
      </c>
      <c r="B2948" s="2">
        <v>11859.0</v>
      </c>
      <c r="C2948" s="1" t="s">
        <v>5</v>
      </c>
      <c r="D2948" s="1" t="s">
        <v>11</v>
      </c>
      <c r="E2948" s="1" t="s">
        <v>7</v>
      </c>
    </row>
    <row r="2949">
      <c r="A2949" s="1">
        <v>4.90392535E8</v>
      </c>
      <c r="B2949" s="2">
        <v>11887.0</v>
      </c>
      <c r="C2949" s="1" t="s">
        <v>5</v>
      </c>
      <c r="D2949" s="1" t="s">
        <v>2438</v>
      </c>
      <c r="E2949" s="1" t="s">
        <v>7</v>
      </c>
    </row>
    <row r="2950">
      <c r="A2950" s="1">
        <v>4.90392542E8</v>
      </c>
      <c r="B2950" s="2">
        <v>11859.0</v>
      </c>
      <c r="C2950" s="1" t="s">
        <v>5</v>
      </c>
      <c r="D2950" s="1" t="s">
        <v>2439</v>
      </c>
      <c r="E2950" s="1" t="s">
        <v>11</v>
      </c>
    </row>
    <row r="2951">
      <c r="A2951" s="1">
        <v>4.90392543E8</v>
      </c>
      <c r="B2951" s="2">
        <v>11855.0</v>
      </c>
      <c r="C2951" s="1" t="s">
        <v>5</v>
      </c>
      <c r="D2951" s="1" t="s">
        <v>2440</v>
      </c>
      <c r="E2951" s="1" t="s">
        <v>2441</v>
      </c>
    </row>
    <row r="2952">
      <c r="A2952" s="1">
        <v>4.90392544E8</v>
      </c>
      <c r="B2952" s="2">
        <v>11892.0</v>
      </c>
      <c r="C2952" s="1" t="s">
        <v>5</v>
      </c>
      <c r="D2952" s="1" t="s">
        <v>2442</v>
      </c>
      <c r="E2952" s="1" t="s">
        <v>7</v>
      </c>
    </row>
    <row r="2953">
      <c r="A2953" s="1">
        <v>4.90392547E8</v>
      </c>
      <c r="B2953" s="2">
        <v>11866.0</v>
      </c>
      <c r="C2953" s="1" t="s">
        <v>5</v>
      </c>
      <c r="D2953" s="1" t="s">
        <v>11</v>
      </c>
      <c r="E2953" s="1" t="s">
        <v>7</v>
      </c>
    </row>
    <row r="2954">
      <c r="A2954" s="1">
        <v>4.9039255E8</v>
      </c>
      <c r="B2954" s="2">
        <v>11889.0</v>
      </c>
      <c r="C2954" s="1" t="s">
        <v>5</v>
      </c>
      <c r="D2954" s="1" t="s">
        <v>2443</v>
      </c>
      <c r="E2954" s="1" t="s">
        <v>11</v>
      </c>
    </row>
    <row r="2955">
      <c r="A2955" s="1">
        <v>4.90392551E8</v>
      </c>
      <c r="B2955" s="2">
        <v>11869.0</v>
      </c>
      <c r="C2955" s="1" t="s">
        <v>5</v>
      </c>
      <c r="D2955" s="1" t="s">
        <v>2444</v>
      </c>
      <c r="E2955" s="1" t="s">
        <v>7</v>
      </c>
    </row>
    <row r="2956">
      <c r="A2956" s="1">
        <v>4.90392556E8</v>
      </c>
      <c r="B2956" s="2">
        <v>11895.0</v>
      </c>
      <c r="C2956" s="1" t="s">
        <v>5</v>
      </c>
      <c r="D2956" s="1" t="s">
        <v>2445</v>
      </c>
      <c r="E2956" s="1" t="s">
        <v>7</v>
      </c>
    </row>
    <row r="2957">
      <c r="A2957" s="1">
        <v>4.90392557E8</v>
      </c>
      <c r="B2957" s="2">
        <v>11889.0</v>
      </c>
      <c r="C2957" s="1" t="s">
        <v>5</v>
      </c>
      <c r="D2957" s="1" t="s">
        <v>2446</v>
      </c>
      <c r="E2957" s="1" t="s">
        <v>7</v>
      </c>
    </row>
    <row r="2958">
      <c r="A2958" s="1">
        <v>4.90392559E8</v>
      </c>
      <c r="B2958" s="2">
        <v>11869.0</v>
      </c>
      <c r="C2958" s="1" t="s">
        <v>5</v>
      </c>
      <c r="D2958" s="1" t="s">
        <v>2447</v>
      </c>
      <c r="E2958" s="1" t="s">
        <v>7</v>
      </c>
    </row>
    <row r="2959">
      <c r="A2959" s="1">
        <v>4.90392561E8</v>
      </c>
      <c r="B2959" s="2">
        <v>11869.0</v>
      </c>
      <c r="C2959" s="1" t="s">
        <v>5</v>
      </c>
      <c r="D2959" s="1" t="s">
        <v>11</v>
      </c>
      <c r="E2959" s="1" t="s">
        <v>7</v>
      </c>
    </row>
    <row r="2960">
      <c r="A2960" s="1">
        <v>4.90392562E8</v>
      </c>
      <c r="B2960" s="2">
        <v>11892.0</v>
      </c>
      <c r="C2960" s="1" t="s">
        <v>5</v>
      </c>
      <c r="D2960" s="1" t="s">
        <v>2448</v>
      </c>
      <c r="E2960" s="1" t="s">
        <v>2449</v>
      </c>
    </row>
    <row r="2961">
      <c r="A2961" s="1">
        <v>4.90392563E8</v>
      </c>
      <c r="B2961" s="2">
        <v>11864.0</v>
      </c>
      <c r="C2961" s="1" t="s">
        <v>5</v>
      </c>
      <c r="D2961" s="1" t="s">
        <v>2450</v>
      </c>
      <c r="E2961" s="1" t="s">
        <v>7</v>
      </c>
    </row>
    <row r="2962">
      <c r="A2962" s="1">
        <v>4.90392564E8</v>
      </c>
      <c r="B2962" s="2">
        <v>11887.0</v>
      </c>
      <c r="C2962" s="1" t="s">
        <v>5</v>
      </c>
      <c r="D2962" s="1" t="s">
        <v>2451</v>
      </c>
      <c r="E2962" s="1" t="s">
        <v>7</v>
      </c>
    </row>
    <row r="2963">
      <c r="A2963" s="1">
        <v>4.90392565E8</v>
      </c>
      <c r="B2963" s="2">
        <v>11896.0</v>
      </c>
      <c r="C2963" s="1" t="s">
        <v>5</v>
      </c>
      <c r="D2963" s="1" t="s">
        <v>2452</v>
      </c>
      <c r="E2963" s="1" t="s">
        <v>7</v>
      </c>
    </row>
    <row r="2964">
      <c r="A2964" s="1">
        <v>4.90392566E8</v>
      </c>
      <c r="B2964" s="2">
        <v>11866.0</v>
      </c>
      <c r="C2964" s="1" t="s">
        <v>5</v>
      </c>
      <c r="D2964" s="1" t="s">
        <v>2453</v>
      </c>
      <c r="E2964" s="1" t="s">
        <v>11</v>
      </c>
    </row>
    <row r="2965">
      <c r="A2965" s="1">
        <v>4.90392567E8</v>
      </c>
      <c r="B2965" s="2">
        <v>11859.0</v>
      </c>
      <c r="C2965" s="1" t="s">
        <v>5</v>
      </c>
      <c r="D2965" s="1" t="s">
        <v>2454</v>
      </c>
      <c r="E2965" s="1" t="s">
        <v>11</v>
      </c>
    </row>
    <row r="2966">
      <c r="A2966" s="1">
        <v>4.90392568E8</v>
      </c>
      <c r="B2966" s="2">
        <v>11855.0</v>
      </c>
      <c r="C2966" s="1" t="s">
        <v>5</v>
      </c>
      <c r="D2966" s="1" t="s">
        <v>2455</v>
      </c>
      <c r="E2966" s="1" t="s">
        <v>7</v>
      </c>
    </row>
    <row r="2967">
      <c r="A2967" s="1">
        <v>4.90392574E8</v>
      </c>
      <c r="B2967" s="2">
        <v>11889.0</v>
      </c>
      <c r="C2967" s="1" t="s">
        <v>5</v>
      </c>
      <c r="D2967" s="1" t="s">
        <v>11</v>
      </c>
      <c r="E2967" s="1" t="s">
        <v>7</v>
      </c>
    </row>
    <row r="2968">
      <c r="A2968" s="1">
        <v>4.90392575E8</v>
      </c>
      <c r="B2968" s="2">
        <v>11888.0</v>
      </c>
      <c r="C2968" s="1" t="s">
        <v>5</v>
      </c>
      <c r="D2968" s="1" t="s">
        <v>11</v>
      </c>
      <c r="E2968" s="1" t="s">
        <v>7</v>
      </c>
    </row>
    <row r="2969">
      <c r="A2969" s="1">
        <v>4.90392576E8</v>
      </c>
      <c r="B2969" s="3">
        <v>11814.0</v>
      </c>
      <c r="C2969" s="1" t="s">
        <v>5</v>
      </c>
      <c r="D2969" s="1" t="s">
        <v>2456</v>
      </c>
      <c r="E2969" s="1" t="s">
        <v>11</v>
      </c>
    </row>
    <row r="2970">
      <c r="A2970" s="1">
        <v>4.90392578E8</v>
      </c>
      <c r="B2970" s="2">
        <v>11891.0</v>
      </c>
      <c r="C2970" s="1" t="s">
        <v>5</v>
      </c>
      <c r="D2970" s="1" t="s">
        <v>2457</v>
      </c>
      <c r="E2970" s="1" t="s">
        <v>11</v>
      </c>
    </row>
    <row r="2971">
      <c r="A2971" s="1">
        <v>4.90392591E8</v>
      </c>
      <c r="B2971" s="2">
        <v>11889.0</v>
      </c>
      <c r="C2971" s="1" t="s">
        <v>5</v>
      </c>
      <c r="D2971" s="1" t="s">
        <v>11</v>
      </c>
      <c r="E2971" s="1" t="s">
        <v>7</v>
      </c>
    </row>
    <row r="2972">
      <c r="A2972" s="1">
        <v>4.90392592E8</v>
      </c>
      <c r="B2972" s="2">
        <v>11867.0</v>
      </c>
      <c r="C2972" s="1" t="s">
        <v>5</v>
      </c>
      <c r="D2972" s="1" t="s">
        <v>2458</v>
      </c>
      <c r="E2972" s="1" t="s">
        <v>7</v>
      </c>
    </row>
    <row r="2973">
      <c r="A2973" s="1">
        <v>4.90392595E8</v>
      </c>
      <c r="B2973" s="2">
        <v>11859.0</v>
      </c>
      <c r="C2973" s="1" t="s">
        <v>5</v>
      </c>
      <c r="D2973" s="1" t="s">
        <v>2459</v>
      </c>
      <c r="E2973" s="1" t="s">
        <v>7</v>
      </c>
    </row>
    <row r="2974">
      <c r="A2974" s="1">
        <v>4.90392602E8</v>
      </c>
      <c r="B2974" s="2">
        <v>11866.0</v>
      </c>
      <c r="C2974" s="1" t="s">
        <v>5</v>
      </c>
      <c r="D2974" s="1" t="s">
        <v>2460</v>
      </c>
      <c r="E2974" s="1" t="s">
        <v>7</v>
      </c>
    </row>
    <row r="2975">
      <c r="A2975" s="1">
        <v>4.90392608E8</v>
      </c>
      <c r="B2975" s="2">
        <v>11889.0</v>
      </c>
      <c r="C2975" s="1" t="s">
        <v>5</v>
      </c>
      <c r="D2975" s="1" t="s">
        <v>1838</v>
      </c>
      <c r="E2975" s="1" t="s">
        <v>7</v>
      </c>
    </row>
    <row r="2976">
      <c r="A2976" s="1">
        <v>4.90392609E8</v>
      </c>
      <c r="B2976" s="2">
        <v>11889.0</v>
      </c>
      <c r="C2976" s="1" t="s">
        <v>5</v>
      </c>
      <c r="D2976" s="1" t="s">
        <v>11</v>
      </c>
      <c r="E2976" s="1" t="s">
        <v>7</v>
      </c>
    </row>
    <row r="2977">
      <c r="A2977" s="1">
        <v>4.90392617E8</v>
      </c>
      <c r="B2977" s="3">
        <v>11813.0</v>
      </c>
      <c r="C2977" s="1" t="s">
        <v>5</v>
      </c>
      <c r="D2977" s="1" t="s">
        <v>2461</v>
      </c>
      <c r="E2977" s="1" t="s">
        <v>7</v>
      </c>
    </row>
    <row r="2978">
      <c r="A2978" s="1">
        <v>4.90392624E8</v>
      </c>
      <c r="B2978" s="2">
        <v>11859.0</v>
      </c>
      <c r="C2978" s="1" t="s">
        <v>5</v>
      </c>
      <c r="D2978" s="1" t="s">
        <v>2462</v>
      </c>
      <c r="E2978" s="1" t="s">
        <v>11</v>
      </c>
    </row>
    <row r="2979">
      <c r="A2979" s="1">
        <v>4.90392628E8</v>
      </c>
      <c r="B2979" s="2">
        <v>11889.0</v>
      </c>
      <c r="C2979" s="1" t="s">
        <v>5</v>
      </c>
      <c r="D2979" s="1" t="s">
        <v>2463</v>
      </c>
      <c r="E2979" s="1" t="s">
        <v>7</v>
      </c>
    </row>
    <row r="2980">
      <c r="A2980" s="1">
        <v>4.90392633E8</v>
      </c>
      <c r="B2980" s="2">
        <v>11869.0</v>
      </c>
      <c r="C2980" s="1" t="s">
        <v>5</v>
      </c>
      <c r="D2980" s="1" t="s">
        <v>11</v>
      </c>
      <c r="E2980" s="1" t="s">
        <v>7</v>
      </c>
    </row>
    <row r="2981">
      <c r="A2981" s="1">
        <v>4.90392634E8</v>
      </c>
      <c r="B2981" s="2">
        <v>11869.0</v>
      </c>
      <c r="C2981" s="1" t="s">
        <v>5</v>
      </c>
      <c r="D2981" s="1" t="s">
        <v>2464</v>
      </c>
      <c r="E2981" s="1" t="s">
        <v>11</v>
      </c>
    </row>
    <row r="2982">
      <c r="A2982" s="1">
        <v>4.90392637E8</v>
      </c>
      <c r="B2982" s="2">
        <v>11870.0</v>
      </c>
      <c r="C2982" s="1" t="s">
        <v>5</v>
      </c>
      <c r="D2982" s="1" t="s">
        <v>11</v>
      </c>
      <c r="E2982" s="1" t="s">
        <v>7</v>
      </c>
    </row>
    <row r="2983">
      <c r="A2983" s="1">
        <v>4.90392639E8</v>
      </c>
      <c r="B2983" s="3">
        <v>11813.0</v>
      </c>
      <c r="C2983" s="1" t="s">
        <v>5</v>
      </c>
      <c r="D2983" s="1" t="s">
        <v>2465</v>
      </c>
      <c r="E2983" s="1" t="s">
        <v>11</v>
      </c>
    </row>
    <row r="2984">
      <c r="A2984" s="1">
        <v>4.90392642E8</v>
      </c>
      <c r="B2984" s="2">
        <v>11859.0</v>
      </c>
      <c r="C2984" s="1" t="s">
        <v>5</v>
      </c>
      <c r="D2984" s="1" t="s">
        <v>2466</v>
      </c>
      <c r="E2984" s="1" t="s">
        <v>7</v>
      </c>
    </row>
    <row r="2985">
      <c r="A2985" s="1">
        <v>4.90392643E8</v>
      </c>
      <c r="B2985" s="2">
        <v>11889.0</v>
      </c>
      <c r="C2985" s="1" t="s">
        <v>5</v>
      </c>
      <c r="D2985" s="1" t="s">
        <v>169</v>
      </c>
      <c r="E2985" s="1" t="s">
        <v>7</v>
      </c>
    </row>
    <row r="2986">
      <c r="A2986" s="1">
        <v>4.90392644E8</v>
      </c>
      <c r="B2986" s="2">
        <v>11870.0</v>
      </c>
      <c r="C2986" s="1" t="s">
        <v>5</v>
      </c>
      <c r="D2986" s="1" t="s">
        <v>2428</v>
      </c>
      <c r="E2986" s="1" t="s">
        <v>11</v>
      </c>
    </row>
    <row r="2987">
      <c r="A2987" s="1">
        <v>4.90392646E8</v>
      </c>
      <c r="B2987" s="2">
        <v>11864.0</v>
      </c>
      <c r="C2987" s="1" t="s">
        <v>5</v>
      </c>
      <c r="D2987" s="1" t="s">
        <v>2467</v>
      </c>
      <c r="E2987" s="1" t="s">
        <v>7</v>
      </c>
    </row>
    <row r="2988">
      <c r="A2988" s="1">
        <v>4.90392649E8</v>
      </c>
      <c r="B2988" s="2">
        <v>11870.0</v>
      </c>
      <c r="C2988" s="1" t="s">
        <v>5</v>
      </c>
      <c r="D2988" s="1" t="s">
        <v>2468</v>
      </c>
      <c r="E2988" s="1" t="s">
        <v>11</v>
      </c>
    </row>
    <row r="2989">
      <c r="A2989" s="1">
        <v>4.90392651E8</v>
      </c>
      <c r="B2989" s="2">
        <v>11888.0</v>
      </c>
      <c r="C2989" s="1" t="s">
        <v>5</v>
      </c>
      <c r="D2989" s="1" t="s">
        <v>11</v>
      </c>
      <c r="E2989" s="1" t="s">
        <v>7</v>
      </c>
    </row>
    <row r="2990">
      <c r="A2990" s="1">
        <v>4.90392654E8</v>
      </c>
      <c r="B2990" s="2">
        <v>11866.0</v>
      </c>
      <c r="C2990" s="1" t="s">
        <v>5</v>
      </c>
      <c r="D2990" s="1" t="s">
        <v>2469</v>
      </c>
      <c r="E2990" s="1" t="s">
        <v>7</v>
      </c>
    </row>
    <row r="2991">
      <c r="A2991" s="1">
        <v>4.90392656E8</v>
      </c>
      <c r="B2991" s="2">
        <v>11865.0</v>
      </c>
      <c r="C2991" s="1" t="s">
        <v>5</v>
      </c>
      <c r="D2991" s="1" t="s">
        <v>872</v>
      </c>
      <c r="E2991" s="1" t="s">
        <v>7</v>
      </c>
    </row>
    <row r="2992">
      <c r="A2992" s="1">
        <v>4.90392658E8</v>
      </c>
      <c r="B2992" s="2">
        <v>11869.0</v>
      </c>
      <c r="C2992" s="1" t="s">
        <v>5</v>
      </c>
      <c r="D2992" s="1" t="s">
        <v>2470</v>
      </c>
      <c r="E2992" s="1" t="s">
        <v>11</v>
      </c>
    </row>
    <row r="2993">
      <c r="A2993" s="1">
        <v>4.90392662E8</v>
      </c>
      <c r="B2993" s="2">
        <v>11895.0</v>
      </c>
      <c r="C2993" s="1" t="s">
        <v>5</v>
      </c>
      <c r="D2993" s="1" t="s">
        <v>2471</v>
      </c>
      <c r="E2993" s="1" t="s">
        <v>7</v>
      </c>
    </row>
    <row r="2994">
      <c r="A2994" s="1">
        <v>4.90392667E8</v>
      </c>
      <c r="B2994" s="2">
        <v>11892.0</v>
      </c>
      <c r="C2994" s="1" t="s">
        <v>5</v>
      </c>
      <c r="D2994" s="1" t="s">
        <v>2472</v>
      </c>
      <c r="E2994" s="1" t="s">
        <v>11</v>
      </c>
    </row>
    <row r="2995">
      <c r="A2995" s="1">
        <v>4.90392668E8</v>
      </c>
      <c r="B2995" s="2">
        <v>11884.0</v>
      </c>
      <c r="C2995" s="1" t="s">
        <v>5</v>
      </c>
      <c r="D2995" s="1" t="s">
        <v>2473</v>
      </c>
      <c r="E2995" s="1" t="s">
        <v>7</v>
      </c>
    </row>
    <row r="2996">
      <c r="A2996" s="1">
        <v>4.90392674E8</v>
      </c>
      <c r="B2996" s="2">
        <v>11888.0</v>
      </c>
      <c r="C2996" s="1" t="s">
        <v>5</v>
      </c>
      <c r="D2996" s="1" t="s">
        <v>11</v>
      </c>
      <c r="E2996" s="1" t="s">
        <v>7</v>
      </c>
    </row>
    <row r="2997">
      <c r="A2997" s="1">
        <v>4.90392679E8</v>
      </c>
      <c r="B2997" s="2">
        <v>11888.0</v>
      </c>
      <c r="C2997" s="1" t="s">
        <v>5</v>
      </c>
      <c r="D2997" s="1" t="s">
        <v>169</v>
      </c>
      <c r="E2997" s="1" t="s">
        <v>7</v>
      </c>
    </row>
    <row r="2998">
      <c r="A2998" s="1">
        <v>4.90392691E8</v>
      </c>
      <c r="B2998" s="2">
        <v>11892.0</v>
      </c>
      <c r="C2998" s="1" t="s">
        <v>5</v>
      </c>
      <c r="D2998" s="1" t="s">
        <v>11</v>
      </c>
      <c r="E2998" s="1" t="s">
        <v>7</v>
      </c>
    </row>
    <row r="2999">
      <c r="A2999" s="1">
        <v>4.90392693E8</v>
      </c>
      <c r="B2999" s="2">
        <v>11870.0</v>
      </c>
      <c r="C2999" s="1" t="s">
        <v>5</v>
      </c>
      <c r="D2999" s="1" t="s">
        <v>2474</v>
      </c>
      <c r="E2999" s="1" t="s">
        <v>11</v>
      </c>
    </row>
    <row r="3000">
      <c r="A3000" s="1">
        <v>4.90392694E8</v>
      </c>
      <c r="B3000" s="2">
        <v>11865.0</v>
      </c>
      <c r="C3000" s="1" t="s">
        <v>5</v>
      </c>
      <c r="D3000" s="1" t="s">
        <v>2475</v>
      </c>
      <c r="E3000" s="1" t="s">
        <v>11</v>
      </c>
    </row>
    <row r="3001">
      <c r="A3001" s="1">
        <v>4.90392697E8</v>
      </c>
      <c r="B3001" s="3">
        <v>11813.0</v>
      </c>
      <c r="C3001" s="1" t="s">
        <v>5</v>
      </c>
      <c r="D3001" s="1" t="s">
        <v>11</v>
      </c>
      <c r="E3001" s="1" t="s">
        <v>7</v>
      </c>
    </row>
    <row r="3002">
      <c r="A3002" s="1">
        <v>4.90392698E8</v>
      </c>
      <c r="B3002" s="2">
        <v>11869.0</v>
      </c>
      <c r="C3002" s="1" t="s">
        <v>5</v>
      </c>
      <c r="D3002" s="1" t="s">
        <v>2476</v>
      </c>
      <c r="E3002" s="1" t="s">
        <v>7</v>
      </c>
    </row>
    <row r="3003">
      <c r="A3003" s="1">
        <v>4.90392705E8</v>
      </c>
      <c r="B3003" s="2">
        <v>11866.0</v>
      </c>
      <c r="C3003" s="1" t="s">
        <v>5</v>
      </c>
      <c r="D3003" s="1" t="s">
        <v>2477</v>
      </c>
      <c r="E3003" s="1" t="s">
        <v>7</v>
      </c>
    </row>
    <row r="3004">
      <c r="A3004" s="1">
        <v>4.90392707E8</v>
      </c>
      <c r="B3004" s="2">
        <v>11859.0</v>
      </c>
      <c r="C3004" s="1" t="s">
        <v>5</v>
      </c>
      <c r="D3004" s="1" t="s">
        <v>11</v>
      </c>
      <c r="E3004" s="1" t="s">
        <v>7</v>
      </c>
    </row>
    <row r="3005">
      <c r="A3005" s="1">
        <v>4.90392714E8</v>
      </c>
      <c r="B3005" s="2">
        <v>11888.0</v>
      </c>
      <c r="C3005" s="1" t="s">
        <v>5</v>
      </c>
      <c r="D3005" s="1" t="s">
        <v>2478</v>
      </c>
      <c r="E3005" s="1" t="s">
        <v>7</v>
      </c>
    </row>
    <row r="3006">
      <c r="A3006" s="1">
        <v>4.90392715E8</v>
      </c>
      <c r="B3006" s="2">
        <v>11855.0</v>
      </c>
      <c r="C3006" s="1" t="s">
        <v>5</v>
      </c>
      <c r="D3006" s="1" t="s">
        <v>2479</v>
      </c>
      <c r="E3006" s="1" t="s">
        <v>7</v>
      </c>
    </row>
    <row r="3007">
      <c r="A3007" s="1">
        <v>4.90392718E8</v>
      </c>
      <c r="B3007" s="2">
        <v>11885.0</v>
      </c>
      <c r="C3007" s="1" t="s">
        <v>5</v>
      </c>
      <c r="D3007" s="1" t="s">
        <v>2480</v>
      </c>
      <c r="E3007" s="1" t="s">
        <v>11</v>
      </c>
    </row>
    <row r="3008">
      <c r="A3008" s="1">
        <v>4.9039272E8</v>
      </c>
      <c r="B3008" s="2">
        <v>11888.0</v>
      </c>
      <c r="C3008" s="1" t="s">
        <v>5</v>
      </c>
      <c r="D3008" s="1" t="s">
        <v>2481</v>
      </c>
      <c r="E3008" s="1" t="s">
        <v>7</v>
      </c>
    </row>
    <row r="3009">
      <c r="A3009" s="1">
        <v>4.90392721E8</v>
      </c>
      <c r="B3009" s="2">
        <v>11887.0</v>
      </c>
      <c r="C3009" s="1" t="s">
        <v>5</v>
      </c>
      <c r="D3009" s="1" t="s">
        <v>2482</v>
      </c>
      <c r="E3009" s="1" t="s">
        <v>7</v>
      </c>
    </row>
    <row r="3010">
      <c r="A3010" s="1">
        <v>4.90392727E8</v>
      </c>
      <c r="B3010" s="2">
        <v>11870.0</v>
      </c>
      <c r="C3010" s="1" t="s">
        <v>5</v>
      </c>
      <c r="D3010" s="1" t="s">
        <v>2483</v>
      </c>
      <c r="E3010" s="1" t="s">
        <v>11</v>
      </c>
    </row>
    <row r="3011">
      <c r="A3011" s="1">
        <v>4.90392728E8</v>
      </c>
      <c r="B3011" s="2">
        <v>11887.0</v>
      </c>
      <c r="C3011" s="1" t="s">
        <v>5</v>
      </c>
      <c r="D3011" s="1" t="s">
        <v>2484</v>
      </c>
      <c r="E3011" s="1" t="s">
        <v>7</v>
      </c>
    </row>
    <row r="3012">
      <c r="A3012" s="1">
        <v>4.90392731E8</v>
      </c>
      <c r="B3012" s="2">
        <v>11883.0</v>
      </c>
      <c r="C3012" s="1" t="s">
        <v>5</v>
      </c>
      <c r="D3012" s="1" t="s">
        <v>2485</v>
      </c>
      <c r="E3012" s="1" t="s">
        <v>11</v>
      </c>
    </row>
    <row r="3013">
      <c r="A3013" s="1">
        <v>4.90392735E8</v>
      </c>
      <c r="B3013" s="2">
        <v>11870.0</v>
      </c>
      <c r="C3013" s="1" t="s">
        <v>5</v>
      </c>
      <c r="D3013" s="1" t="s">
        <v>2486</v>
      </c>
      <c r="E3013" s="1" t="s">
        <v>11</v>
      </c>
    </row>
    <row r="3014">
      <c r="A3014" s="1">
        <v>4.90392743E8</v>
      </c>
      <c r="B3014" s="2">
        <v>11870.0</v>
      </c>
      <c r="C3014" s="1" t="s">
        <v>5</v>
      </c>
      <c r="D3014" s="1" t="s">
        <v>2487</v>
      </c>
      <c r="E3014" s="1" t="s">
        <v>7</v>
      </c>
    </row>
    <row r="3015">
      <c r="A3015" s="1">
        <v>4.90392746E8</v>
      </c>
      <c r="B3015" s="2">
        <v>11868.0</v>
      </c>
      <c r="C3015" s="1" t="s">
        <v>5</v>
      </c>
      <c r="D3015" s="1" t="s">
        <v>2488</v>
      </c>
      <c r="E3015" s="1" t="s">
        <v>7</v>
      </c>
    </row>
    <row r="3016">
      <c r="A3016" s="1">
        <v>4.90392752E8</v>
      </c>
      <c r="B3016" s="2">
        <v>11869.0</v>
      </c>
      <c r="C3016" s="1" t="s">
        <v>5</v>
      </c>
      <c r="D3016" s="1" t="s">
        <v>11</v>
      </c>
      <c r="E3016" s="1" t="s">
        <v>7</v>
      </c>
    </row>
    <row r="3017">
      <c r="A3017" s="1">
        <v>4.90392753E8</v>
      </c>
      <c r="B3017" s="3">
        <v>11813.0</v>
      </c>
      <c r="C3017" s="1" t="s">
        <v>5</v>
      </c>
      <c r="D3017" s="1" t="s">
        <v>2489</v>
      </c>
      <c r="E3017" s="1" t="s">
        <v>11</v>
      </c>
    </row>
    <row r="3018">
      <c r="A3018" s="1">
        <v>4.90392755E8</v>
      </c>
      <c r="B3018" s="2">
        <v>11870.0</v>
      </c>
      <c r="C3018" s="1" t="s">
        <v>5</v>
      </c>
      <c r="D3018" s="1" t="s">
        <v>2490</v>
      </c>
      <c r="E3018" s="1" t="s">
        <v>11</v>
      </c>
    </row>
    <row r="3019">
      <c r="A3019" s="1">
        <v>4.90392756E8</v>
      </c>
      <c r="B3019" s="3">
        <v>11814.0</v>
      </c>
      <c r="C3019" s="1" t="s">
        <v>5</v>
      </c>
      <c r="D3019" s="1" t="s">
        <v>11</v>
      </c>
      <c r="E3019" s="1" t="s">
        <v>7</v>
      </c>
    </row>
    <row r="3020">
      <c r="A3020" s="1">
        <v>4.90392759E8</v>
      </c>
      <c r="B3020" s="2">
        <v>11866.0</v>
      </c>
      <c r="C3020" s="1" t="s">
        <v>5</v>
      </c>
      <c r="D3020" s="1" t="s">
        <v>2491</v>
      </c>
      <c r="E3020" s="1" t="s">
        <v>7</v>
      </c>
    </row>
    <row r="3021">
      <c r="A3021" s="1">
        <v>4.9039276E8</v>
      </c>
      <c r="B3021" s="2">
        <v>11888.0</v>
      </c>
      <c r="C3021" s="1" t="s">
        <v>5</v>
      </c>
      <c r="D3021" s="1" t="s">
        <v>11</v>
      </c>
      <c r="E3021" s="1" t="s">
        <v>7</v>
      </c>
    </row>
    <row r="3022">
      <c r="A3022" s="1">
        <v>4.90392767E8</v>
      </c>
      <c r="B3022" s="2">
        <v>11869.0</v>
      </c>
      <c r="C3022" s="1" t="s">
        <v>5</v>
      </c>
      <c r="D3022" s="1" t="s">
        <v>11</v>
      </c>
      <c r="E3022" s="1" t="s">
        <v>7</v>
      </c>
    </row>
    <row r="3023">
      <c r="A3023" s="1">
        <v>4.90392769E8</v>
      </c>
      <c r="B3023" s="2">
        <v>11865.0</v>
      </c>
      <c r="C3023" s="1" t="s">
        <v>5</v>
      </c>
      <c r="D3023" s="1" t="s">
        <v>2492</v>
      </c>
      <c r="E3023" s="1" t="s">
        <v>7</v>
      </c>
    </row>
    <row r="3024">
      <c r="A3024" s="1">
        <v>4.9039277E8</v>
      </c>
      <c r="B3024" s="2">
        <v>11888.0</v>
      </c>
      <c r="C3024" s="1" t="s">
        <v>5</v>
      </c>
      <c r="D3024" s="1" t="s">
        <v>2493</v>
      </c>
      <c r="E3024" s="1" t="s">
        <v>7</v>
      </c>
    </row>
    <row r="3025">
      <c r="A3025" s="1">
        <v>4.90392774E8</v>
      </c>
      <c r="B3025" s="2">
        <v>11885.0</v>
      </c>
      <c r="C3025" s="1" t="s">
        <v>5</v>
      </c>
      <c r="D3025" s="1" t="s">
        <v>11</v>
      </c>
      <c r="E3025" s="1" t="s">
        <v>7</v>
      </c>
    </row>
    <row r="3026">
      <c r="A3026" s="1">
        <v>4.90392776E8</v>
      </c>
      <c r="B3026" s="2">
        <v>11866.0</v>
      </c>
      <c r="C3026" s="1" t="s">
        <v>5</v>
      </c>
      <c r="D3026" s="1" t="s">
        <v>2494</v>
      </c>
      <c r="E3026" s="1" t="s">
        <v>11</v>
      </c>
    </row>
    <row r="3027">
      <c r="A3027" s="1">
        <v>4.90392781E8</v>
      </c>
      <c r="B3027" s="2">
        <v>11864.0</v>
      </c>
      <c r="C3027" s="1" t="s">
        <v>5</v>
      </c>
      <c r="D3027" s="1" t="s">
        <v>2495</v>
      </c>
      <c r="E3027" s="1" t="s">
        <v>11</v>
      </c>
    </row>
    <row r="3028">
      <c r="A3028" s="1">
        <v>4.90392783E8</v>
      </c>
      <c r="B3028" s="3">
        <v>11813.0</v>
      </c>
      <c r="C3028" s="1" t="s">
        <v>5</v>
      </c>
      <c r="D3028" s="1" t="s">
        <v>2496</v>
      </c>
      <c r="E3028" s="1" t="s">
        <v>11</v>
      </c>
    </row>
    <row r="3029">
      <c r="A3029" s="1">
        <v>4.90392786E8</v>
      </c>
      <c r="B3029" s="2">
        <v>11895.0</v>
      </c>
      <c r="C3029" s="1" t="s">
        <v>5</v>
      </c>
      <c r="D3029" s="1" t="s">
        <v>2497</v>
      </c>
      <c r="E3029" s="1" t="s">
        <v>7</v>
      </c>
    </row>
    <row r="3030">
      <c r="A3030" s="1">
        <v>4.9039279E8</v>
      </c>
      <c r="B3030" s="2">
        <v>11888.0</v>
      </c>
      <c r="C3030" s="1" t="s">
        <v>5</v>
      </c>
      <c r="D3030" s="1" t="s">
        <v>2498</v>
      </c>
      <c r="E3030" s="1" t="s">
        <v>11</v>
      </c>
    </row>
    <row r="3031">
      <c r="A3031" s="1">
        <v>4.90392792E8</v>
      </c>
      <c r="B3031" s="2">
        <v>11865.0</v>
      </c>
      <c r="C3031" s="1" t="s">
        <v>5</v>
      </c>
      <c r="D3031" s="1" t="s">
        <v>2499</v>
      </c>
      <c r="E3031" s="1" t="s">
        <v>11</v>
      </c>
    </row>
    <row r="3032">
      <c r="A3032" s="1">
        <v>4.90392793E8</v>
      </c>
      <c r="B3032" s="2">
        <v>11870.0</v>
      </c>
      <c r="C3032" s="1" t="s">
        <v>5</v>
      </c>
      <c r="D3032" s="1" t="s">
        <v>2500</v>
      </c>
      <c r="E3032" s="1" t="s">
        <v>7</v>
      </c>
    </row>
    <row r="3033">
      <c r="A3033" s="1">
        <v>4.90392796E8</v>
      </c>
      <c r="B3033" s="2">
        <v>11866.0</v>
      </c>
      <c r="C3033" s="1" t="s">
        <v>5</v>
      </c>
      <c r="D3033" s="1" t="s">
        <v>2501</v>
      </c>
      <c r="E3033" s="1" t="s">
        <v>7</v>
      </c>
    </row>
    <row r="3034">
      <c r="A3034" s="1">
        <v>4.90392797E8</v>
      </c>
      <c r="B3034" s="2">
        <v>11883.0</v>
      </c>
      <c r="C3034" s="1" t="s">
        <v>5</v>
      </c>
      <c r="D3034" s="1" t="s">
        <v>11</v>
      </c>
      <c r="E3034" s="1" t="s">
        <v>7</v>
      </c>
    </row>
    <row r="3035">
      <c r="A3035" s="1">
        <v>4.90392798E8</v>
      </c>
      <c r="B3035" s="2">
        <v>11885.0</v>
      </c>
      <c r="C3035" s="1" t="s">
        <v>5</v>
      </c>
      <c r="D3035" s="1" t="s">
        <v>2502</v>
      </c>
      <c r="E3035" s="1" t="s">
        <v>7</v>
      </c>
    </row>
    <row r="3036">
      <c r="A3036" s="1">
        <v>4.90392799E8</v>
      </c>
      <c r="B3036" s="2">
        <v>11895.0</v>
      </c>
      <c r="C3036" s="1" t="s">
        <v>5</v>
      </c>
      <c r="D3036" s="1" t="s">
        <v>2503</v>
      </c>
      <c r="E3036" s="1" t="s">
        <v>11</v>
      </c>
    </row>
    <row r="3037">
      <c r="A3037" s="1">
        <v>4.90392802E8</v>
      </c>
      <c r="B3037" s="2">
        <v>11892.0</v>
      </c>
      <c r="C3037" s="1" t="s">
        <v>5</v>
      </c>
      <c r="D3037" s="1" t="s">
        <v>2504</v>
      </c>
      <c r="E3037" s="1" t="s">
        <v>11</v>
      </c>
    </row>
    <row r="3038">
      <c r="A3038" s="1">
        <v>4.90392804E8</v>
      </c>
      <c r="B3038" s="2">
        <v>11888.0</v>
      </c>
      <c r="C3038" s="1" t="s">
        <v>5</v>
      </c>
      <c r="D3038" s="1" t="s">
        <v>2505</v>
      </c>
      <c r="E3038" s="1" t="s">
        <v>7</v>
      </c>
    </row>
    <row r="3039">
      <c r="A3039" s="1">
        <v>4.90392805E8</v>
      </c>
      <c r="B3039" s="2">
        <v>11868.0</v>
      </c>
      <c r="C3039" s="1" t="s">
        <v>5</v>
      </c>
      <c r="D3039" s="1" t="s">
        <v>2506</v>
      </c>
      <c r="E3039" s="1" t="s">
        <v>7</v>
      </c>
    </row>
    <row r="3040">
      <c r="A3040" s="1">
        <v>4.90392807E8</v>
      </c>
      <c r="B3040" s="2">
        <v>11864.0</v>
      </c>
      <c r="C3040" s="1" t="s">
        <v>5</v>
      </c>
      <c r="D3040" s="1" t="s">
        <v>2507</v>
      </c>
      <c r="E3040" s="1" t="s">
        <v>7</v>
      </c>
    </row>
    <row r="3041">
      <c r="A3041" s="1">
        <v>4.90392813E8</v>
      </c>
      <c r="B3041" s="2">
        <v>11870.0</v>
      </c>
      <c r="C3041" s="1" t="s">
        <v>5</v>
      </c>
      <c r="D3041" s="1" t="s">
        <v>2508</v>
      </c>
      <c r="E3041" s="1" t="s">
        <v>7</v>
      </c>
    </row>
    <row r="3042">
      <c r="A3042" s="1">
        <v>4.90392815E8</v>
      </c>
      <c r="B3042" s="2">
        <v>11855.0</v>
      </c>
      <c r="C3042" s="1" t="s">
        <v>5</v>
      </c>
      <c r="D3042" s="1" t="s">
        <v>11</v>
      </c>
      <c r="E3042" s="1" t="s">
        <v>7</v>
      </c>
    </row>
    <row r="3043">
      <c r="A3043" s="1">
        <v>4.90392819E8</v>
      </c>
      <c r="B3043" s="2">
        <v>11888.0</v>
      </c>
      <c r="C3043" s="1" t="s">
        <v>5</v>
      </c>
      <c r="D3043" s="1" t="s">
        <v>2509</v>
      </c>
      <c r="E3043" s="1" t="s">
        <v>11</v>
      </c>
    </row>
    <row r="3044">
      <c r="A3044" s="1">
        <v>4.90392822E8</v>
      </c>
      <c r="B3044" s="2">
        <v>11868.0</v>
      </c>
      <c r="C3044" s="1" t="s">
        <v>5</v>
      </c>
      <c r="D3044" s="1" t="s">
        <v>2510</v>
      </c>
      <c r="E3044" s="1" t="s">
        <v>7</v>
      </c>
    </row>
    <row r="3045">
      <c r="A3045" s="1">
        <v>4.90392825E8</v>
      </c>
      <c r="B3045" s="2">
        <v>11887.0</v>
      </c>
      <c r="C3045" s="1" t="s">
        <v>5</v>
      </c>
      <c r="D3045" s="1" t="s">
        <v>2511</v>
      </c>
      <c r="E3045" s="1" t="s">
        <v>11</v>
      </c>
    </row>
    <row r="3046">
      <c r="A3046" s="1">
        <v>4.90392826E8</v>
      </c>
      <c r="B3046" s="2">
        <v>11892.0</v>
      </c>
      <c r="C3046" s="1" t="s">
        <v>5</v>
      </c>
      <c r="D3046" s="1" t="s">
        <v>2512</v>
      </c>
      <c r="E3046" s="1" t="s">
        <v>7</v>
      </c>
    </row>
    <row r="3047">
      <c r="A3047" s="1">
        <v>4.90392828E8</v>
      </c>
      <c r="B3047" s="3">
        <v>11813.0</v>
      </c>
      <c r="C3047" s="1" t="s">
        <v>5</v>
      </c>
      <c r="D3047" s="1" t="s">
        <v>2513</v>
      </c>
      <c r="E3047" s="1" t="s">
        <v>2514</v>
      </c>
    </row>
    <row r="3048">
      <c r="A3048" s="1">
        <v>4.9039283E8</v>
      </c>
      <c r="B3048" s="2">
        <v>11855.0</v>
      </c>
      <c r="C3048" s="1" t="s">
        <v>5</v>
      </c>
      <c r="D3048" s="1" t="s">
        <v>11</v>
      </c>
      <c r="E3048" s="1" t="s">
        <v>7</v>
      </c>
    </row>
    <row r="3049">
      <c r="A3049" s="1">
        <v>4.90392832E8</v>
      </c>
      <c r="B3049" s="2">
        <v>11868.0</v>
      </c>
      <c r="C3049" s="1" t="s">
        <v>5</v>
      </c>
      <c r="D3049" s="1" t="s">
        <v>2515</v>
      </c>
      <c r="E3049" s="1" t="s">
        <v>7</v>
      </c>
    </row>
    <row r="3050">
      <c r="A3050" s="1">
        <v>4.90392837E8</v>
      </c>
      <c r="B3050" s="2">
        <v>11882.0</v>
      </c>
      <c r="C3050" s="1" t="s">
        <v>5</v>
      </c>
      <c r="D3050" s="1" t="s">
        <v>2516</v>
      </c>
      <c r="E3050" s="1" t="s">
        <v>7</v>
      </c>
    </row>
    <row r="3051">
      <c r="A3051" s="1">
        <v>4.90392838E8</v>
      </c>
      <c r="B3051" s="2">
        <v>11863.0</v>
      </c>
      <c r="C3051" s="1" t="s">
        <v>5</v>
      </c>
      <c r="D3051" s="1" t="s">
        <v>11</v>
      </c>
      <c r="E3051" s="1" t="s">
        <v>7</v>
      </c>
    </row>
    <row r="3052">
      <c r="A3052" s="1">
        <v>4.90392839E8</v>
      </c>
      <c r="B3052" s="2">
        <v>11895.0</v>
      </c>
      <c r="C3052" s="1" t="s">
        <v>5</v>
      </c>
      <c r="D3052" s="1" t="s">
        <v>11</v>
      </c>
      <c r="E3052" s="1" t="s">
        <v>7</v>
      </c>
    </row>
    <row r="3053">
      <c r="A3053" s="1">
        <v>4.90392842E8</v>
      </c>
      <c r="B3053" s="2">
        <v>11868.0</v>
      </c>
      <c r="C3053" s="1" t="s">
        <v>5</v>
      </c>
      <c r="D3053" s="1" t="s">
        <v>11</v>
      </c>
      <c r="E3053" s="1" t="s">
        <v>7</v>
      </c>
    </row>
    <row r="3054">
      <c r="A3054" s="1">
        <v>4.90392845E8</v>
      </c>
      <c r="B3054" s="2">
        <v>11868.0</v>
      </c>
      <c r="C3054" s="1" t="s">
        <v>5</v>
      </c>
      <c r="D3054" s="1" t="s">
        <v>2517</v>
      </c>
      <c r="E3054" s="1" t="s">
        <v>7</v>
      </c>
    </row>
    <row r="3055">
      <c r="A3055" s="1">
        <v>4.90392859E8</v>
      </c>
      <c r="B3055" s="2">
        <v>11868.0</v>
      </c>
      <c r="C3055" s="1" t="s">
        <v>5</v>
      </c>
      <c r="D3055" s="1" t="s">
        <v>2518</v>
      </c>
      <c r="E3055" s="1" t="s">
        <v>11</v>
      </c>
    </row>
    <row r="3056">
      <c r="A3056" s="1">
        <v>4.90392861E8</v>
      </c>
      <c r="B3056" s="3">
        <v>11811.0</v>
      </c>
      <c r="C3056" s="1" t="s">
        <v>5</v>
      </c>
      <c r="D3056" s="1" t="s">
        <v>11</v>
      </c>
      <c r="E3056" s="1" t="s">
        <v>7</v>
      </c>
    </row>
    <row r="3057">
      <c r="A3057" s="1">
        <v>4.90392868E8</v>
      </c>
      <c r="B3057" s="2">
        <v>11870.0</v>
      </c>
      <c r="C3057" s="1" t="s">
        <v>5</v>
      </c>
      <c r="D3057" s="1" t="s">
        <v>11</v>
      </c>
      <c r="E3057" s="1" t="s">
        <v>7</v>
      </c>
    </row>
    <row r="3058">
      <c r="A3058" s="1">
        <v>4.90392873E8</v>
      </c>
      <c r="B3058" s="2">
        <v>11887.0</v>
      </c>
      <c r="C3058" s="1" t="s">
        <v>5</v>
      </c>
      <c r="D3058" s="1" t="s">
        <v>2519</v>
      </c>
      <c r="E3058" s="1" t="s">
        <v>7</v>
      </c>
    </row>
    <row r="3059">
      <c r="A3059" s="1">
        <v>4.90392875E8</v>
      </c>
      <c r="B3059" s="2">
        <v>11887.0</v>
      </c>
      <c r="C3059" s="1" t="s">
        <v>5</v>
      </c>
      <c r="D3059" s="1" t="s">
        <v>2520</v>
      </c>
      <c r="E3059" s="1" t="s">
        <v>11</v>
      </c>
    </row>
    <row r="3060">
      <c r="A3060" s="1">
        <v>4.90392876E8</v>
      </c>
      <c r="B3060" s="2">
        <v>11868.0</v>
      </c>
      <c r="C3060" s="1" t="s">
        <v>5</v>
      </c>
      <c r="D3060" s="1" t="s">
        <v>2521</v>
      </c>
      <c r="E3060" s="1" t="s">
        <v>11</v>
      </c>
    </row>
    <row r="3061">
      <c r="A3061" s="1">
        <v>4.90392877E8</v>
      </c>
      <c r="B3061" s="2">
        <v>11863.0</v>
      </c>
      <c r="C3061" s="1" t="s">
        <v>5</v>
      </c>
      <c r="D3061" s="1" t="s">
        <v>2522</v>
      </c>
      <c r="E3061" s="1" t="s">
        <v>7</v>
      </c>
    </row>
    <row r="3062">
      <c r="A3062" s="1">
        <v>4.90392878E8</v>
      </c>
      <c r="B3062" s="2">
        <v>11864.0</v>
      </c>
      <c r="C3062" s="1" t="s">
        <v>5</v>
      </c>
      <c r="D3062" s="1" t="s">
        <v>2523</v>
      </c>
      <c r="E3062" s="1" t="s">
        <v>7</v>
      </c>
    </row>
    <row r="3063">
      <c r="A3063" s="1">
        <v>4.9039288E8</v>
      </c>
      <c r="B3063" s="2">
        <v>11888.0</v>
      </c>
      <c r="C3063" s="1" t="s">
        <v>5</v>
      </c>
      <c r="D3063" s="1" t="s">
        <v>169</v>
      </c>
      <c r="E3063" s="1" t="s">
        <v>7</v>
      </c>
    </row>
    <row r="3064">
      <c r="A3064" s="1">
        <v>4.90392886E8</v>
      </c>
      <c r="B3064" s="2">
        <v>11882.0</v>
      </c>
      <c r="C3064" s="1" t="s">
        <v>5</v>
      </c>
      <c r="D3064" s="1" t="s">
        <v>11</v>
      </c>
      <c r="E3064" s="1" t="s">
        <v>7</v>
      </c>
    </row>
    <row r="3065">
      <c r="A3065" s="1">
        <v>4.90392887E8</v>
      </c>
      <c r="B3065" s="2">
        <v>11882.0</v>
      </c>
      <c r="C3065" s="1" t="s">
        <v>5</v>
      </c>
      <c r="D3065" s="1" t="s">
        <v>11</v>
      </c>
      <c r="E3065" s="1" t="s">
        <v>7</v>
      </c>
    </row>
    <row r="3066">
      <c r="A3066" s="1">
        <v>4.90392889E8</v>
      </c>
      <c r="B3066" s="2">
        <v>11895.0</v>
      </c>
      <c r="C3066" s="1" t="s">
        <v>5</v>
      </c>
      <c r="D3066" s="1" t="s">
        <v>2524</v>
      </c>
      <c r="E3066" s="1" t="s">
        <v>11</v>
      </c>
    </row>
    <row r="3067">
      <c r="A3067" s="1">
        <v>4.90392893E8</v>
      </c>
      <c r="B3067" s="2">
        <v>11863.0</v>
      </c>
      <c r="C3067" s="1" t="s">
        <v>5</v>
      </c>
      <c r="D3067" s="1" t="s">
        <v>11</v>
      </c>
      <c r="E3067" s="1" t="s">
        <v>7</v>
      </c>
    </row>
    <row r="3068">
      <c r="A3068" s="1">
        <v>4.90392902E8</v>
      </c>
      <c r="B3068" s="2">
        <v>11868.0</v>
      </c>
      <c r="C3068" s="1" t="s">
        <v>5</v>
      </c>
      <c r="D3068" s="1" t="s">
        <v>2525</v>
      </c>
      <c r="E3068" s="1" t="s">
        <v>11</v>
      </c>
    </row>
    <row r="3069">
      <c r="A3069" s="1">
        <v>4.90392906E8</v>
      </c>
      <c r="B3069" s="2">
        <v>11882.0</v>
      </c>
      <c r="C3069" s="1" t="s">
        <v>5</v>
      </c>
      <c r="D3069" s="1" t="s">
        <v>2526</v>
      </c>
      <c r="E3069" s="1" t="s">
        <v>7</v>
      </c>
    </row>
    <row r="3070">
      <c r="A3070" s="1">
        <v>4.90392912E8</v>
      </c>
      <c r="B3070" s="2">
        <v>11887.0</v>
      </c>
      <c r="C3070" s="1" t="s">
        <v>5</v>
      </c>
      <c r="D3070" s="1" t="s">
        <v>2527</v>
      </c>
      <c r="E3070" s="1" t="s">
        <v>11</v>
      </c>
    </row>
    <row r="3071">
      <c r="A3071" s="1">
        <v>4.90392915E8</v>
      </c>
      <c r="B3071" s="2">
        <v>11887.0</v>
      </c>
      <c r="C3071" s="1" t="s">
        <v>5</v>
      </c>
      <c r="D3071" s="1" t="s">
        <v>2528</v>
      </c>
      <c r="E3071" s="1" t="s">
        <v>7</v>
      </c>
    </row>
    <row r="3072">
      <c r="A3072" s="1">
        <v>4.90392918E8</v>
      </c>
      <c r="B3072" s="2">
        <v>11895.0</v>
      </c>
      <c r="C3072" s="1" t="s">
        <v>5</v>
      </c>
      <c r="D3072" s="1" t="s">
        <v>2529</v>
      </c>
      <c r="E3072" s="1" t="s">
        <v>7</v>
      </c>
    </row>
    <row r="3073">
      <c r="A3073" s="1">
        <v>4.90392919E8</v>
      </c>
      <c r="B3073" s="2">
        <v>11885.0</v>
      </c>
      <c r="C3073" s="1" t="s">
        <v>5</v>
      </c>
      <c r="D3073" s="1" t="s">
        <v>11</v>
      </c>
      <c r="E3073" s="1" t="s">
        <v>7</v>
      </c>
    </row>
    <row r="3074">
      <c r="A3074" s="1">
        <v>4.90392921E8</v>
      </c>
      <c r="B3074" s="2">
        <v>11869.0</v>
      </c>
      <c r="C3074" s="1" t="s">
        <v>5</v>
      </c>
      <c r="D3074" s="1" t="s">
        <v>2530</v>
      </c>
      <c r="E3074" s="1" t="s">
        <v>2531</v>
      </c>
    </row>
    <row r="3075">
      <c r="A3075" s="1">
        <v>4.90392925E8</v>
      </c>
      <c r="B3075" s="2">
        <v>11866.0</v>
      </c>
      <c r="C3075" s="1" t="s">
        <v>5</v>
      </c>
      <c r="D3075" s="1" t="s">
        <v>2532</v>
      </c>
      <c r="E3075" s="1" t="s">
        <v>7</v>
      </c>
    </row>
    <row r="3076">
      <c r="A3076" s="1">
        <v>4.90392928E8</v>
      </c>
      <c r="B3076" s="2">
        <v>11891.0</v>
      </c>
      <c r="C3076" s="1" t="s">
        <v>5</v>
      </c>
      <c r="D3076" s="1" t="s">
        <v>2533</v>
      </c>
      <c r="E3076" s="1" t="s">
        <v>7</v>
      </c>
    </row>
    <row r="3077">
      <c r="A3077" s="1">
        <v>4.90392931E8</v>
      </c>
      <c r="B3077" s="2">
        <v>11888.0</v>
      </c>
      <c r="C3077" s="1" t="s">
        <v>5</v>
      </c>
      <c r="D3077" s="1" t="s">
        <v>11</v>
      </c>
      <c r="E3077" s="1" t="s">
        <v>7</v>
      </c>
    </row>
    <row r="3078">
      <c r="A3078" s="1">
        <v>4.90392932E8</v>
      </c>
      <c r="B3078" s="2">
        <v>11882.0</v>
      </c>
      <c r="C3078" s="1" t="s">
        <v>5</v>
      </c>
      <c r="D3078" s="1" t="s">
        <v>11</v>
      </c>
      <c r="E3078" s="1" t="s">
        <v>7</v>
      </c>
    </row>
    <row r="3079">
      <c r="A3079" s="1">
        <v>4.90392935E8</v>
      </c>
      <c r="B3079" s="2">
        <v>11891.0</v>
      </c>
      <c r="C3079" s="1" t="s">
        <v>5</v>
      </c>
      <c r="D3079" s="1" t="s">
        <v>2534</v>
      </c>
      <c r="E3079" s="1" t="s">
        <v>2358</v>
      </c>
    </row>
    <row r="3080">
      <c r="A3080" s="1">
        <v>4.9039294E8</v>
      </c>
      <c r="B3080" s="2">
        <v>11887.0</v>
      </c>
      <c r="C3080" s="1" t="s">
        <v>5</v>
      </c>
      <c r="D3080" s="1" t="s">
        <v>2535</v>
      </c>
      <c r="E3080" s="1" t="s">
        <v>7</v>
      </c>
    </row>
    <row r="3081">
      <c r="A3081" s="1">
        <v>4.90392942E8</v>
      </c>
      <c r="B3081" s="2">
        <v>11888.0</v>
      </c>
      <c r="C3081" s="1" t="s">
        <v>5</v>
      </c>
      <c r="D3081" s="1" t="s">
        <v>11</v>
      </c>
      <c r="E3081" s="1" t="s">
        <v>7</v>
      </c>
    </row>
    <row r="3082">
      <c r="A3082" s="1">
        <v>4.90392953E8</v>
      </c>
      <c r="B3082" s="2">
        <v>11888.0</v>
      </c>
      <c r="C3082" s="1" t="s">
        <v>5</v>
      </c>
      <c r="D3082" s="1" t="s">
        <v>2536</v>
      </c>
      <c r="E3082" s="1" t="s">
        <v>11</v>
      </c>
    </row>
    <row r="3083">
      <c r="A3083" s="1">
        <v>4.90392957E8</v>
      </c>
      <c r="B3083" s="2">
        <v>11869.0</v>
      </c>
      <c r="C3083" s="1" t="s">
        <v>5</v>
      </c>
      <c r="D3083" s="1" t="s">
        <v>11</v>
      </c>
      <c r="E3083" s="1" t="s">
        <v>7</v>
      </c>
    </row>
    <row r="3084">
      <c r="A3084" s="1">
        <v>4.90392964E8</v>
      </c>
      <c r="B3084" s="2">
        <v>11868.0</v>
      </c>
      <c r="C3084" s="1" t="s">
        <v>5</v>
      </c>
      <c r="D3084" s="1" t="s">
        <v>11</v>
      </c>
      <c r="E3084" s="1" t="s">
        <v>7</v>
      </c>
    </row>
    <row r="3085">
      <c r="A3085" s="1">
        <v>4.90392967E8</v>
      </c>
      <c r="B3085" s="2">
        <v>11890.0</v>
      </c>
      <c r="C3085" s="1" t="s">
        <v>5</v>
      </c>
      <c r="D3085" s="1" t="s">
        <v>2537</v>
      </c>
      <c r="E3085" s="1" t="s">
        <v>11</v>
      </c>
    </row>
    <row r="3086">
      <c r="A3086" s="1">
        <v>4.90392968E8</v>
      </c>
      <c r="B3086" s="2">
        <v>11851.0</v>
      </c>
      <c r="C3086" s="1" t="s">
        <v>5</v>
      </c>
      <c r="D3086" s="1" t="s">
        <v>2538</v>
      </c>
      <c r="E3086" s="1" t="s">
        <v>7</v>
      </c>
    </row>
    <row r="3087">
      <c r="A3087" s="1">
        <v>4.90392969E8</v>
      </c>
      <c r="B3087" s="2">
        <v>11850.0</v>
      </c>
      <c r="C3087" s="1" t="s">
        <v>5</v>
      </c>
      <c r="D3087" s="1" t="s">
        <v>2539</v>
      </c>
      <c r="E3087" s="1" t="s">
        <v>7</v>
      </c>
    </row>
    <row r="3088">
      <c r="A3088" s="1">
        <v>4.9039297E8</v>
      </c>
      <c r="B3088" s="2">
        <v>11895.0</v>
      </c>
      <c r="C3088" s="1" t="s">
        <v>5</v>
      </c>
      <c r="D3088" s="1" t="s">
        <v>11</v>
      </c>
      <c r="E3088" s="1" t="s">
        <v>7</v>
      </c>
    </row>
    <row r="3089">
      <c r="A3089" s="1">
        <v>4.90392975E8</v>
      </c>
      <c r="B3089" s="2">
        <v>11863.0</v>
      </c>
      <c r="C3089" s="1" t="s">
        <v>5</v>
      </c>
      <c r="D3089" s="1" t="s">
        <v>2540</v>
      </c>
      <c r="E3089" s="1" t="s">
        <v>11</v>
      </c>
    </row>
    <row r="3090">
      <c r="A3090" s="1">
        <v>4.90392978E8</v>
      </c>
      <c r="B3090" s="2">
        <v>11887.0</v>
      </c>
      <c r="C3090" s="1" t="s">
        <v>5</v>
      </c>
      <c r="D3090" s="1" t="s">
        <v>2541</v>
      </c>
      <c r="E3090" s="1" t="s">
        <v>2542</v>
      </c>
    </row>
    <row r="3091">
      <c r="A3091" s="1">
        <v>4.9039298E8</v>
      </c>
      <c r="B3091" s="2">
        <v>11891.0</v>
      </c>
      <c r="C3091" s="1" t="s">
        <v>5</v>
      </c>
      <c r="D3091" s="1" t="s">
        <v>2543</v>
      </c>
      <c r="E3091" s="1" t="s">
        <v>7</v>
      </c>
    </row>
    <row r="3092">
      <c r="A3092" s="1">
        <v>4.90392984E8</v>
      </c>
      <c r="B3092" s="2">
        <v>11887.0</v>
      </c>
      <c r="C3092" s="1" t="s">
        <v>5</v>
      </c>
      <c r="D3092" s="1" t="s">
        <v>11</v>
      </c>
      <c r="E3092" s="1" t="s">
        <v>7</v>
      </c>
    </row>
    <row r="3093">
      <c r="A3093" s="1">
        <v>4.90392988E8</v>
      </c>
      <c r="B3093" s="2">
        <v>11869.0</v>
      </c>
      <c r="C3093" s="1" t="s">
        <v>5</v>
      </c>
      <c r="D3093" s="1" t="s">
        <v>2544</v>
      </c>
      <c r="E3093" s="1" t="s">
        <v>11</v>
      </c>
    </row>
    <row r="3094">
      <c r="A3094" s="1">
        <v>4.90392992E8</v>
      </c>
      <c r="B3094" s="2">
        <v>11890.0</v>
      </c>
      <c r="C3094" s="1" t="s">
        <v>5</v>
      </c>
      <c r="D3094" s="1" t="s">
        <v>11</v>
      </c>
      <c r="E3094" s="1" t="s">
        <v>7</v>
      </c>
    </row>
    <row r="3095">
      <c r="A3095" s="1">
        <v>4.90392994E8</v>
      </c>
      <c r="B3095" s="2">
        <v>11869.0</v>
      </c>
      <c r="C3095" s="1" t="s">
        <v>5</v>
      </c>
      <c r="D3095" s="1" t="s">
        <v>11</v>
      </c>
      <c r="E3095" s="1" t="s">
        <v>7</v>
      </c>
    </row>
    <row r="3096">
      <c r="A3096" s="1">
        <v>4.90392995E8</v>
      </c>
      <c r="B3096" s="2">
        <v>11868.0</v>
      </c>
      <c r="C3096" s="1" t="s">
        <v>5</v>
      </c>
      <c r="D3096" s="1" t="s">
        <v>2545</v>
      </c>
      <c r="E3096" s="1" t="s">
        <v>7</v>
      </c>
    </row>
    <row r="3097">
      <c r="A3097" s="1">
        <v>4.90392997E8</v>
      </c>
      <c r="B3097" s="2">
        <v>11885.0</v>
      </c>
      <c r="C3097" s="1" t="s">
        <v>5</v>
      </c>
      <c r="D3097" s="1" t="s">
        <v>2546</v>
      </c>
      <c r="E3097" s="1" t="s">
        <v>11</v>
      </c>
    </row>
    <row r="3098">
      <c r="A3098" s="1">
        <v>4.90393001E8</v>
      </c>
      <c r="B3098" s="2">
        <v>11862.0</v>
      </c>
      <c r="C3098" s="1" t="s">
        <v>5</v>
      </c>
      <c r="D3098" s="1" t="s">
        <v>2547</v>
      </c>
      <c r="E3098" s="1" t="s">
        <v>7</v>
      </c>
    </row>
    <row r="3099">
      <c r="A3099" s="1">
        <v>4.90393003E8</v>
      </c>
      <c r="B3099" s="2">
        <v>11865.0</v>
      </c>
      <c r="C3099" s="1" t="s">
        <v>5</v>
      </c>
      <c r="D3099" s="1" t="s">
        <v>2548</v>
      </c>
      <c r="E3099" s="1" t="s">
        <v>7</v>
      </c>
    </row>
    <row r="3100">
      <c r="A3100" s="1">
        <v>4.90393008E8</v>
      </c>
      <c r="B3100" s="2">
        <v>11869.0</v>
      </c>
      <c r="C3100" s="1" t="s">
        <v>5</v>
      </c>
      <c r="D3100" s="1" t="s">
        <v>11</v>
      </c>
      <c r="E3100" s="1" t="s">
        <v>7</v>
      </c>
    </row>
    <row r="3101">
      <c r="A3101" s="1">
        <v>4.9039301E8</v>
      </c>
      <c r="B3101" s="2">
        <v>11887.0</v>
      </c>
      <c r="C3101" s="1" t="s">
        <v>5</v>
      </c>
      <c r="D3101" s="1" t="s">
        <v>2549</v>
      </c>
      <c r="E3101" s="1" t="s">
        <v>7</v>
      </c>
    </row>
    <row r="3102">
      <c r="A3102" s="1">
        <v>4.90393013E8</v>
      </c>
      <c r="B3102" s="2">
        <v>11880.0</v>
      </c>
      <c r="C3102" s="1" t="s">
        <v>5</v>
      </c>
      <c r="D3102" s="1" t="s">
        <v>2550</v>
      </c>
      <c r="E3102" s="1" t="s">
        <v>11</v>
      </c>
    </row>
    <row r="3103">
      <c r="A3103" s="1">
        <v>4.9039302E8</v>
      </c>
      <c r="B3103" s="2">
        <v>11862.0</v>
      </c>
      <c r="C3103" s="1" t="s">
        <v>5</v>
      </c>
      <c r="D3103" s="1" t="s">
        <v>11</v>
      </c>
      <c r="E3103" s="1" t="s">
        <v>7</v>
      </c>
    </row>
    <row r="3104">
      <c r="A3104" s="1">
        <v>4.90393025E8</v>
      </c>
      <c r="B3104" s="2">
        <v>11863.0</v>
      </c>
      <c r="C3104" s="1" t="s">
        <v>5</v>
      </c>
      <c r="D3104" s="1" t="s">
        <v>2551</v>
      </c>
      <c r="E3104" s="1" t="s">
        <v>7</v>
      </c>
    </row>
    <row r="3105">
      <c r="A3105" s="1">
        <v>4.90393026E8</v>
      </c>
      <c r="B3105" s="2">
        <v>11887.0</v>
      </c>
      <c r="C3105" s="1" t="s">
        <v>5</v>
      </c>
      <c r="D3105" s="1" t="s">
        <v>2552</v>
      </c>
      <c r="E3105" s="1" t="s">
        <v>7</v>
      </c>
    </row>
    <row r="3106">
      <c r="A3106" s="1">
        <v>4.90393027E8</v>
      </c>
      <c r="B3106" s="3">
        <v>11811.0</v>
      </c>
      <c r="C3106" s="1" t="s">
        <v>5</v>
      </c>
      <c r="D3106" s="1" t="s">
        <v>2553</v>
      </c>
      <c r="E3106" s="1" t="s">
        <v>7</v>
      </c>
    </row>
    <row r="3107">
      <c r="A3107" s="1">
        <v>4.90393031E8</v>
      </c>
      <c r="B3107" s="2">
        <v>11890.0</v>
      </c>
      <c r="C3107" s="1" t="s">
        <v>5</v>
      </c>
      <c r="D3107" s="1" t="s">
        <v>2554</v>
      </c>
      <c r="E3107" s="1" t="s">
        <v>7</v>
      </c>
    </row>
    <row r="3108">
      <c r="A3108" s="1">
        <v>4.90393033E8</v>
      </c>
      <c r="B3108" s="2">
        <v>11895.0</v>
      </c>
      <c r="C3108" s="1" t="s">
        <v>5</v>
      </c>
      <c r="D3108" s="1" t="s">
        <v>2555</v>
      </c>
      <c r="E3108" s="1" t="s">
        <v>11</v>
      </c>
    </row>
    <row r="3109">
      <c r="A3109" s="1">
        <v>4.90393036E8</v>
      </c>
      <c r="B3109" s="2">
        <v>11880.0</v>
      </c>
      <c r="C3109" s="1" t="s">
        <v>5</v>
      </c>
      <c r="D3109" s="1" t="s">
        <v>11</v>
      </c>
      <c r="E3109" s="1" t="s">
        <v>7</v>
      </c>
    </row>
    <row r="3110">
      <c r="A3110" s="1">
        <v>4.90393043E8</v>
      </c>
      <c r="B3110" s="2">
        <v>11887.0</v>
      </c>
      <c r="C3110" s="1" t="s">
        <v>5</v>
      </c>
      <c r="D3110" s="1" t="s">
        <v>2556</v>
      </c>
      <c r="E3110" s="1" t="s">
        <v>11</v>
      </c>
    </row>
    <row r="3111">
      <c r="A3111" s="1">
        <v>4.90393044E8</v>
      </c>
      <c r="B3111" s="2">
        <v>11895.0</v>
      </c>
      <c r="C3111" s="1" t="s">
        <v>5</v>
      </c>
      <c r="D3111" s="1" t="s">
        <v>42</v>
      </c>
      <c r="E3111" s="1" t="s">
        <v>7</v>
      </c>
    </row>
    <row r="3112">
      <c r="A3112" s="1">
        <v>4.90393048E8</v>
      </c>
      <c r="B3112" s="2">
        <v>11885.0</v>
      </c>
      <c r="C3112" s="1" t="s">
        <v>5</v>
      </c>
      <c r="D3112" s="1" t="s">
        <v>11</v>
      </c>
      <c r="E3112" s="1" t="s">
        <v>7</v>
      </c>
    </row>
    <row r="3113">
      <c r="A3113" s="1">
        <v>4.90393052E8</v>
      </c>
      <c r="B3113" s="2">
        <v>11869.0</v>
      </c>
      <c r="C3113" s="1" t="s">
        <v>5</v>
      </c>
      <c r="D3113" s="1" t="s">
        <v>2557</v>
      </c>
      <c r="E3113" s="1" t="s">
        <v>7</v>
      </c>
    </row>
    <row r="3114">
      <c r="A3114" s="1">
        <v>4.90393057E8</v>
      </c>
      <c r="B3114" s="2">
        <v>11867.0</v>
      </c>
      <c r="C3114" s="1" t="s">
        <v>5</v>
      </c>
      <c r="D3114" s="1" t="s">
        <v>2558</v>
      </c>
      <c r="E3114" s="1" t="s">
        <v>11</v>
      </c>
    </row>
    <row r="3115">
      <c r="A3115" s="1">
        <v>4.9039306E8</v>
      </c>
      <c r="B3115" s="2">
        <v>11857.0</v>
      </c>
      <c r="C3115" s="1" t="s">
        <v>5</v>
      </c>
      <c r="D3115" s="1" t="s">
        <v>11</v>
      </c>
      <c r="E3115" s="1" t="s">
        <v>7</v>
      </c>
    </row>
    <row r="3116">
      <c r="A3116" s="1">
        <v>4.90393062E8</v>
      </c>
      <c r="B3116" s="2">
        <v>11869.0</v>
      </c>
      <c r="C3116" s="1" t="s">
        <v>5</v>
      </c>
      <c r="D3116" s="1" t="s">
        <v>11</v>
      </c>
      <c r="E3116" s="1" t="s">
        <v>7</v>
      </c>
    </row>
    <row r="3117">
      <c r="A3117" s="1">
        <v>4.90393064E8</v>
      </c>
      <c r="B3117" s="2">
        <v>11882.0</v>
      </c>
      <c r="C3117" s="1" t="s">
        <v>5</v>
      </c>
      <c r="D3117" s="1" t="s">
        <v>11</v>
      </c>
      <c r="E3117" s="1" t="s">
        <v>7</v>
      </c>
    </row>
    <row r="3118">
      <c r="A3118" s="1">
        <v>4.90393065E8</v>
      </c>
      <c r="B3118" s="2">
        <v>11887.0</v>
      </c>
      <c r="C3118" s="1" t="s">
        <v>5</v>
      </c>
      <c r="D3118" s="1" t="s">
        <v>2559</v>
      </c>
      <c r="E3118" s="1" t="s">
        <v>7</v>
      </c>
    </row>
    <row r="3119">
      <c r="A3119" s="1">
        <v>4.90393067E8</v>
      </c>
      <c r="B3119" s="2">
        <v>11886.0</v>
      </c>
      <c r="C3119" s="1" t="s">
        <v>5</v>
      </c>
      <c r="D3119" s="1" t="s">
        <v>2560</v>
      </c>
      <c r="E3119" s="1" t="s">
        <v>7</v>
      </c>
    </row>
    <row r="3120">
      <c r="A3120" s="1">
        <v>4.90393068E8</v>
      </c>
      <c r="B3120" s="2">
        <v>11859.0</v>
      </c>
      <c r="C3120" s="1" t="s">
        <v>5</v>
      </c>
      <c r="D3120" s="1" t="s">
        <v>2561</v>
      </c>
      <c r="E3120" s="1" t="s">
        <v>2562</v>
      </c>
    </row>
    <row r="3121">
      <c r="A3121" s="1">
        <v>4.90393074E8</v>
      </c>
      <c r="B3121" s="2">
        <v>11887.0</v>
      </c>
      <c r="C3121" s="1" t="s">
        <v>5</v>
      </c>
      <c r="D3121" s="1" t="s">
        <v>11</v>
      </c>
      <c r="E3121" s="1" t="s">
        <v>7</v>
      </c>
    </row>
    <row r="3122">
      <c r="A3122" s="1">
        <v>4.90393075E8</v>
      </c>
      <c r="B3122" s="2">
        <v>11884.0</v>
      </c>
      <c r="C3122" s="1" t="s">
        <v>5</v>
      </c>
      <c r="D3122" s="1" t="s">
        <v>2563</v>
      </c>
      <c r="E3122" s="1" t="s">
        <v>11</v>
      </c>
    </row>
    <row r="3123">
      <c r="A3123" s="1">
        <v>4.90393076E8</v>
      </c>
      <c r="B3123" s="2">
        <v>11869.0</v>
      </c>
      <c r="C3123" s="1" t="s">
        <v>5</v>
      </c>
      <c r="D3123" s="1" t="s">
        <v>2564</v>
      </c>
      <c r="E3123" s="1" t="s">
        <v>11</v>
      </c>
    </row>
    <row r="3124">
      <c r="A3124" s="1">
        <v>4.90393079E8</v>
      </c>
      <c r="B3124" s="2">
        <v>11867.0</v>
      </c>
      <c r="C3124" s="1" t="s">
        <v>5</v>
      </c>
      <c r="D3124" s="1" t="s">
        <v>2565</v>
      </c>
      <c r="E3124" s="1" t="s">
        <v>7</v>
      </c>
    </row>
    <row r="3125">
      <c r="A3125" s="1">
        <v>4.90393081E8</v>
      </c>
      <c r="B3125" s="2">
        <v>11865.0</v>
      </c>
      <c r="C3125" s="1" t="s">
        <v>5</v>
      </c>
      <c r="D3125" s="1" t="s">
        <v>2566</v>
      </c>
      <c r="E3125" s="1" t="s">
        <v>7</v>
      </c>
    </row>
    <row r="3126">
      <c r="A3126" s="1">
        <v>4.90393084E8</v>
      </c>
      <c r="B3126" s="2">
        <v>11868.0</v>
      </c>
      <c r="C3126" s="1" t="s">
        <v>5</v>
      </c>
      <c r="D3126" s="1" t="s">
        <v>2567</v>
      </c>
      <c r="E3126" s="1" t="s">
        <v>11</v>
      </c>
    </row>
    <row r="3127">
      <c r="A3127" s="1">
        <v>4.90393086E8</v>
      </c>
      <c r="B3127" s="2">
        <v>11869.0</v>
      </c>
      <c r="C3127" s="1" t="s">
        <v>5</v>
      </c>
      <c r="D3127" s="1" t="s">
        <v>2568</v>
      </c>
      <c r="E3127" s="1" t="s">
        <v>11</v>
      </c>
    </row>
    <row r="3128">
      <c r="A3128" s="1">
        <v>4.90393089E8</v>
      </c>
      <c r="B3128" s="2">
        <v>11886.0</v>
      </c>
      <c r="C3128" s="1" t="s">
        <v>5</v>
      </c>
      <c r="D3128" s="1" t="s">
        <v>2569</v>
      </c>
      <c r="E3128" s="1" t="s">
        <v>7</v>
      </c>
    </row>
    <row r="3129">
      <c r="A3129" s="1">
        <v>4.90393092E8</v>
      </c>
      <c r="B3129" s="2">
        <v>11859.0</v>
      </c>
      <c r="C3129" s="1" t="s">
        <v>5</v>
      </c>
      <c r="D3129" s="1" t="s">
        <v>2570</v>
      </c>
      <c r="E3129" s="1" t="s">
        <v>7</v>
      </c>
    </row>
    <row r="3130">
      <c r="A3130" s="1">
        <v>4.90393094E8</v>
      </c>
      <c r="B3130" s="2">
        <v>11886.0</v>
      </c>
      <c r="C3130" s="1" t="s">
        <v>5</v>
      </c>
      <c r="D3130" s="1" t="s">
        <v>11</v>
      </c>
      <c r="E3130" s="1" t="s">
        <v>7</v>
      </c>
    </row>
    <row r="3131">
      <c r="A3131" s="1">
        <v>4.90393096E8</v>
      </c>
      <c r="B3131" s="3">
        <v>11811.0</v>
      </c>
      <c r="C3131" s="1" t="s">
        <v>5</v>
      </c>
      <c r="D3131" s="1" t="s">
        <v>2571</v>
      </c>
      <c r="E3131" s="1" t="s">
        <v>11</v>
      </c>
    </row>
    <row r="3132">
      <c r="A3132" s="1">
        <v>4.90393103E8</v>
      </c>
      <c r="B3132" s="2">
        <v>11867.0</v>
      </c>
      <c r="C3132" s="1" t="s">
        <v>5</v>
      </c>
      <c r="D3132" s="1" t="s">
        <v>11</v>
      </c>
      <c r="E3132" s="1" t="s">
        <v>7</v>
      </c>
    </row>
    <row r="3133">
      <c r="A3133" s="1">
        <v>4.90393105E8</v>
      </c>
      <c r="B3133" s="2">
        <v>11890.0</v>
      </c>
      <c r="C3133" s="1" t="s">
        <v>5</v>
      </c>
      <c r="D3133" s="1" t="s">
        <v>2572</v>
      </c>
      <c r="E3133" s="1" t="s">
        <v>11</v>
      </c>
    </row>
    <row r="3134">
      <c r="A3134" s="1">
        <v>4.90393107E8</v>
      </c>
      <c r="B3134" s="2">
        <v>11865.0</v>
      </c>
      <c r="C3134" s="1" t="s">
        <v>5</v>
      </c>
      <c r="D3134" s="1" t="s">
        <v>2573</v>
      </c>
      <c r="E3134" s="1" t="s">
        <v>11</v>
      </c>
    </row>
    <row r="3135">
      <c r="A3135" s="1">
        <v>4.90393114E8</v>
      </c>
      <c r="B3135" s="2">
        <v>11862.0</v>
      </c>
      <c r="C3135" s="1" t="s">
        <v>5</v>
      </c>
      <c r="D3135" s="1" t="s">
        <v>2574</v>
      </c>
      <c r="E3135" s="1" t="s">
        <v>11</v>
      </c>
    </row>
    <row r="3136">
      <c r="A3136" s="1">
        <v>4.90393118E8</v>
      </c>
      <c r="B3136" s="2">
        <v>11884.0</v>
      </c>
      <c r="C3136" s="1" t="s">
        <v>5</v>
      </c>
      <c r="D3136" s="1" t="s">
        <v>2575</v>
      </c>
      <c r="E3136" s="1" t="s">
        <v>7</v>
      </c>
    </row>
    <row r="3137">
      <c r="A3137" s="1">
        <v>4.9039312E8</v>
      </c>
      <c r="B3137" s="2">
        <v>11867.0</v>
      </c>
      <c r="C3137" s="1" t="s">
        <v>5</v>
      </c>
      <c r="D3137" s="1" t="s">
        <v>2576</v>
      </c>
      <c r="E3137" s="1" t="s">
        <v>7</v>
      </c>
    </row>
    <row r="3138">
      <c r="A3138" s="1">
        <v>4.90393121E8</v>
      </c>
      <c r="B3138" s="2">
        <v>11895.0</v>
      </c>
      <c r="C3138" s="1" t="s">
        <v>5</v>
      </c>
      <c r="D3138" s="1" t="s">
        <v>2577</v>
      </c>
      <c r="E3138" s="1" t="s">
        <v>11</v>
      </c>
    </row>
    <row r="3139">
      <c r="A3139" s="1">
        <v>4.90393122E8</v>
      </c>
      <c r="B3139" s="2">
        <v>11887.0</v>
      </c>
      <c r="C3139" s="1" t="s">
        <v>5</v>
      </c>
      <c r="D3139" s="1" t="s">
        <v>2578</v>
      </c>
      <c r="E3139" s="1" t="s">
        <v>7</v>
      </c>
    </row>
    <row r="3140">
      <c r="A3140" s="1">
        <v>4.90393125E8</v>
      </c>
      <c r="B3140" s="2">
        <v>11863.0</v>
      </c>
      <c r="C3140" s="1" t="s">
        <v>5</v>
      </c>
      <c r="D3140" s="1" t="s">
        <v>2579</v>
      </c>
      <c r="E3140" s="1" t="s">
        <v>7</v>
      </c>
    </row>
    <row r="3141">
      <c r="A3141" s="1">
        <v>4.90393126E8</v>
      </c>
      <c r="B3141" s="2">
        <v>11886.0</v>
      </c>
      <c r="C3141" s="1" t="s">
        <v>5</v>
      </c>
      <c r="D3141" s="1" t="s">
        <v>11</v>
      </c>
      <c r="E3141" s="1" t="s">
        <v>7</v>
      </c>
    </row>
    <row r="3142">
      <c r="A3142" s="1">
        <v>4.90393132E8</v>
      </c>
      <c r="B3142" s="2">
        <v>11887.0</v>
      </c>
      <c r="C3142" s="1" t="s">
        <v>5</v>
      </c>
      <c r="D3142" s="1" t="s">
        <v>11</v>
      </c>
      <c r="E3142" s="1" t="s">
        <v>7</v>
      </c>
    </row>
    <row r="3143">
      <c r="A3143" s="1">
        <v>4.90393134E8</v>
      </c>
      <c r="B3143" s="2">
        <v>11862.0</v>
      </c>
      <c r="C3143" s="1" t="s">
        <v>5</v>
      </c>
      <c r="D3143" s="1" t="s">
        <v>2580</v>
      </c>
      <c r="E3143" s="1" t="s">
        <v>11</v>
      </c>
    </row>
    <row r="3144">
      <c r="A3144" s="1">
        <v>4.90393137E8</v>
      </c>
      <c r="B3144" s="2">
        <v>11880.0</v>
      </c>
      <c r="C3144" s="1" t="s">
        <v>5</v>
      </c>
      <c r="D3144" s="1" t="s">
        <v>11</v>
      </c>
      <c r="E3144" s="1" t="s">
        <v>7</v>
      </c>
    </row>
    <row r="3145">
      <c r="A3145" s="1">
        <v>4.9039314E8</v>
      </c>
      <c r="B3145" s="2">
        <v>11887.0</v>
      </c>
      <c r="C3145" s="1" t="s">
        <v>5</v>
      </c>
      <c r="D3145" s="1" t="s">
        <v>11</v>
      </c>
      <c r="E3145" s="1" t="s">
        <v>7</v>
      </c>
    </row>
    <row r="3146">
      <c r="A3146" s="1">
        <v>4.90393142E8</v>
      </c>
      <c r="B3146" s="2">
        <v>11887.0</v>
      </c>
      <c r="C3146" s="1" t="s">
        <v>5</v>
      </c>
      <c r="D3146" s="1" t="s">
        <v>2581</v>
      </c>
      <c r="E3146" s="1" t="s">
        <v>2582</v>
      </c>
    </row>
    <row r="3147">
      <c r="A3147" s="1">
        <v>4.90393143E8</v>
      </c>
      <c r="B3147" s="2">
        <v>11859.0</v>
      </c>
      <c r="C3147" s="1" t="s">
        <v>5</v>
      </c>
      <c r="D3147" s="1" t="s">
        <v>2583</v>
      </c>
      <c r="E3147" s="1" t="s">
        <v>7</v>
      </c>
    </row>
    <row r="3148">
      <c r="A3148" s="1">
        <v>4.90393144E8</v>
      </c>
      <c r="B3148" s="2">
        <v>11886.0</v>
      </c>
      <c r="C3148" s="1" t="s">
        <v>5</v>
      </c>
      <c r="D3148" s="1" t="s">
        <v>2584</v>
      </c>
      <c r="E3148" s="1" t="s">
        <v>11</v>
      </c>
    </row>
    <row r="3149">
      <c r="A3149" s="1">
        <v>4.90393148E8</v>
      </c>
      <c r="B3149" s="2">
        <v>11864.0</v>
      </c>
      <c r="C3149" s="1" t="s">
        <v>5</v>
      </c>
      <c r="D3149" s="1" t="s">
        <v>2585</v>
      </c>
      <c r="E3149" s="1" t="s">
        <v>2586</v>
      </c>
    </row>
    <row r="3150">
      <c r="A3150" s="1">
        <v>4.9039315E8</v>
      </c>
      <c r="B3150" s="2">
        <v>11887.0</v>
      </c>
      <c r="C3150" s="1" t="s">
        <v>5</v>
      </c>
      <c r="D3150" s="1" t="s">
        <v>2587</v>
      </c>
      <c r="E3150" s="1" t="s">
        <v>11</v>
      </c>
    </row>
    <row r="3151">
      <c r="A3151" s="1">
        <v>4.90393153E8</v>
      </c>
      <c r="B3151" s="2">
        <v>11886.0</v>
      </c>
      <c r="C3151" s="1" t="s">
        <v>5</v>
      </c>
      <c r="D3151" s="1" t="s">
        <v>2588</v>
      </c>
      <c r="E3151" s="1" t="s">
        <v>7</v>
      </c>
    </row>
    <row r="3152">
      <c r="A3152" s="1">
        <v>4.90393159E8</v>
      </c>
      <c r="B3152" s="2">
        <v>11869.0</v>
      </c>
      <c r="C3152" s="1" t="s">
        <v>5</v>
      </c>
      <c r="D3152" s="1" t="s">
        <v>11</v>
      </c>
      <c r="E3152" s="1" t="s">
        <v>7</v>
      </c>
    </row>
    <row r="3153">
      <c r="A3153" s="1">
        <v>4.90393162E8</v>
      </c>
      <c r="B3153" s="2">
        <v>11866.0</v>
      </c>
      <c r="C3153" s="1" t="s">
        <v>5</v>
      </c>
      <c r="D3153" s="1" t="s">
        <v>2589</v>
      </c>
      <c r="E3153" s="1" t="s">
        <v>7</v>
      </c>
    </row>
    <row r="3154">
      <c r="A3154" s="1">
        <v>4.90393166E8</v>
      </c>
      <c r="B3154" s="2">
        <v>11887.0</v>
      </c>
      <c r="C3154" s="1" t="s">
        <v>5</v>
      </c>
      <c r="D3154" s="1" t="s">
        <v>2590</v>
      </c>
      <c r="E3154" s="1" t="s">
        <v>7</v>
      </c>
    </row>
    <row r="3155">
      <c r="A3155" s="1">
        <v>4.9039317E8</v>
      </c>
      <c r="B3155" s="2">
        <v>11864.0</v>
      </c>
      <c r="C3155" s="1" t="s">
        <v>5</v>
      </c>
      <c r="D3155" s="1" t="s">
        <v>2591</v>
      </c>
      <c r="E3155" s="1" t="s">
        <v>7</v>
      </c>
    </row>
    <row r="3156">
      <c r="A3156" s="1">
        <v>4.90393176E8</v>
      </c>
      <c r="B3156" s="2">
        <v>11866.0</v>
      </c>
      <c r="C3156" s="1" t="s">
        <v>5</v>
      </c>
      <c r="D3156" s="1" t="s">
        <v>2592</v>
      </c>
      <c r="E3156" s="1" t="s">
        <v>7</v>
      </c>
    </row>
    <row r="3157">
      <c r="A3157" s="1">
        <v>4.90393181E8</v>
      </c>
      <c r="B3157" s="2">
        <v>11890.0</v>
      </c>
      <c r="C3157" s="1" t="s">
        <v>5</v>
      </c>
      <c r="D3157" s="1" t="s">
        <v>2593</v>
      </c>
      <c r="E3157" s="1" t="s">
        <v>11</v>
      </c>
    </row>
    <row r="3158">
      <c r="A3158" s="1">
        <v>4.90393183E8</v>
      </c>
      <c r="B3158" s="2">
        <v>11895.0</v>
      </c>
      <c r="C3158" s="1" t="s">
        <v>5</v>
      </c>
      <c r="D3158" s="1" t="s">
        <v>11</v>
      </c>
      <c r="E3158" s="1" t="s">
        <v>7</v>
      </c>
    </row>
    <row r="3159">
      <c r="A3159" s="1">
        <v>4.90393185E8</v>
      </c>
      <c r="B3159" s="2">
        <v>11880.0</v>
      </c>
      <c r="C3159" s="1" t="s">
        <v>5</v>
      </c>
      <c r="D3159" s="1" t="s">
        <v>2594</v>
      </c>
      <c r="E3159" s="1" t="s">
        <v>11</v>
      </c>
    </row>
    <row r="3160">
      <c r="A3160" s="1">
        <v>4.90393188E8</v>
      </c>
      <c r="B3160" s="2">
        <v>11859.0</v>
      </c>
      <c r="C3160" s="1" t="s">
        <v>5</v>
      </c>
      <c r="D3160" s="1" t="s">
        <v>2595</v>
      </c>
      <c r="E3160" s="1" t="s">
        <v>7</v>
      </c>
    </row>
    <row r="3161">
      <c r="A3161" s="1">
        <v>4.90393189E8</v>
      </c>
      <c r="B3161" s="2">
        <v>11869.0</v>
      </c>
      <c r="C3161" s="1" t="s">
        <v>5</v>
      </c>
      <c r="D3161" s="1" t="s">
        <v>2596</v>
      </c>
      <c r="E3161" s="1" t="s">
        <v>11</v>
      </c>
    </row>
    <row r="3162">
      <c r="A3162" s="1">
        <v>4.90393192E8</v>
      </c>
      <c r="B3162" s="2">
        <v>11885.0</v>
      </c>
      <c r="C3162" s="1" t="s">
        <v>5</v>
      </c>
      <c r="D3162" s="1" t="s">
        <v>11</v>
      </c>
      <c r="E3162" s="1" t="s">
        <v>7</v>
      </c>
    </row>
    <row r="3163">
      <c r="A3163" s="1">
        <v>4.90393193E8</v>
      </c>
      <c r="B3163" s="2">
        <v>11864.0</v>
      </c>
      <c r="C3163" s="1" t="s">
        <v>5</v>
      </c>
      <c r="D3163" s="1" t="s">
        <v>2597</v>
      </c>
      <c r="E3163" s="1" t="s">
        <v>7</v>
      </c>
    </row>
    <row r="3164">
      <c r="A3164" s="1">
        <v>4.90393195E8</v>
      </c>
      <c r="B3164" s="2">
        <v>11886.0</v>
      </c>
      <c r="C3164" s="1" t="s">
        <v>5</v>
      </c>
      <c r="D3164" s="1" t="s">
        <v>2598</v>
      </c>
      <c r="E3164" s="1" t="s">
        <v>11</v>
      </c>
    </row>
    <row r="3165">
      <c r="A3165" s="1">
        <v>4.90393198E8</v>
      </c>
      <c r="B3165" s="2">
        <v>11866.0</v>
      </c>
      <c r="C3165" s="1" t="s">
        <v>5</v>
      </c>
      <c r="D3165" s="1" t="s">
        <v>2599</v>
      </c>
      <c r="E3165" s="1" t="s">
        <v>11</v>
      </c>
    </row>
    <row r="3166">
      <c r="A3166" s="1">
        <v>4.90393199E8</v>
      </c>
      <c r="B3166" s="2">
        <v>11895.0</v>
      </c>
      <c r="C3166" s="1" t="s">
        <v>5</v>
      </c>
      <c r="D3166" s="1" t="s">
        <v>11</v>
      </c>
      <c r="E3166" s="1" t="s">
        <v>7</v>
      </c>
    </row>
    <row r="3167">
      <c r="A3167" s="1">
        <v>4.90393201E8</v>
      </c>
      <c r="B3167" s="2">
        <v>11869.0</v>
      </c>
      <c r="C3167" s="1" t="s">
        <v>5</v>
      </c>
      <c r="D3167" s="1" t="s">
        <v>11</v>
      </c>
      <c r="E3167" s="1" t="s">
        <v>7</v>
      </c>
    </row>
    <row r="3168">
      <c r="A3168" s="1">
        <v>4.90393202E8</v>
      </c>
      <c r="B3168" s="2">
        <v>11866.0</v>
      </c>
      <c r="C3168" s="1" t="s">
        <v>5</v>
      </c>
      <c r="D3168" s="1" t="s">
        <v>2600</v>
      </c>
      <c r="E3168" s="1" t="s">
        <v>7</v>
      </c>
    </row>
    <row r="3169">
      <c r="A3169" s="1">
        <v>4.90393205E8</v>
      </c>
      <c r="B3169" s="2">
        <v>11863.0</v>
      </c>
      <c r="C3169" s="1" t="s">
        <v>5</v>
      </c>
      <c r="D3169" s="1" t="s">
        <v>2601</v>
      </c>
      <c r="E3169" s="1" t="s">
        <v>11</v>
      </c>
    </row>
    <row r="3170">
      <c r="A3170" s="1">
        <v>4.90393214E8</v>
      </c>
      <c r="B3170" s="2">
        <v>11880.0</v>
      </c>
      <c r="C3170" s="1" t="s">
        <v>5</v>
      </c>
      <c r="D3170" s="1" t="s">
        <v>2602</v>
      </c>
      <c r="E3170" s="1" t="s">
        <v>7</v>
      </c>
    </row>
    <row r="3171">
      <c r="A3171" s="1">
        <v>4.90393215E8</v>
      </c>
      <c r="B3171" s="2">
        <v>11868.0</v>
      </c>
      <c r="C3171" s="1" t="s">
        <v>5</v>
      </c>
      <c r="D3171" s="1" t="s">
        <v>2603</v>
      </c>
      <c r="E3171" s="1" t="s">
        <v>7</v>
      </c>
    </row>
    <row r="3172">
      <c r="A3172" s="1">
        <v>4.90393216E8</v>
      </c>
      <c r="B3172" s="2">
        <v>11885.0</v>
      </c>
      <c r="C3172" s="1" t="s">
        <v>5</v>
      </c>
      <c r="D3172" s="1" t="s">
        <v>11</v>
      </c>
      <c r="E3172" s="1" t="s">
        <v>7</v>
      </c>
    </row>
    <row r="3173">
      <c r="A3173" s="1">
        <v>4.90393218E8</v>
      </c>
      <c r="B3173" s="2">
        <v>11859.0</v>
      </c>
      <c r="C3173" s="1" t="s">
        <v>5</v>
      </c>
      <c r="D3173" s="1" t="s">
        <v>2604</v>
      </c>
      <c r="E3173" s="1" t="s">
        <v>11</v>
      </c>
    </row>
    <row r="3174">
      <c r="A3174" s="1">
        <v>4.90393219E8</v>
      </c>
      <c r="B3174" s="2">
        <v>11884.0</v>
      </c>
      <c r="C3174" s="1" t="s">
        <v>5</v>
      </c>
      <c r="D3174" s="1" t="s">
        <v>2605</v>
      </c>
      <c r="E3174" s="1" t="s">
        <v>2606</v>
      </c>
    </row>
    <row r="3175">
      <c r="A3175" s="1">
        <v>4.90393221E8</v>
      </c>
      <c r="B3175" s="2">
        <v>11884.0</v>
      </c>
      <c r="C3175" s="1" t="s">
        <v>5</v>
      </c>
      <c r="D3175" s="1" t="s">
        <v>2607</v>
      </c>
      <c r="E3175" s="1" t="s">
        <v>7</v>
      </c>
    </row>
    <row r="3176">
      <c r="A3176" s="1">
        <v>4.90393224E8</v>
      </c>
      <c r="B3176" s="2">
        <v>11862.0</v>
      </c>
      <c r="C3176" s="1" t="s">
        <v>5</v>
      </c>
      <c r="D3176" s="1" t="s">
        <v>2608</v>
      </c>
      <c r="E3176" s="1" t="s">
        <v>11</v>
      </c>
    </row>
    <row r="3177">
      <c r="A3177" s="1">
        <v>4.90393228E8</v>
      </c>
      <c r="B3177" s="2">
        <v>11889.0</v>
      </c>
      <c r="C3177" s="1" t="s">
        <v>5</v>
      </c>
      <c r="D3177" s="1" t="s">
        <v>2609</v>
      </c>
      <c r="E3177" s="1" t="s">
        <v>7</v>
      </c>
    </row>
    <row r="3178">
      <c r="A3178" s="1">
        <v>4.9039323E8</v>
      </c>
      <c r="B3178" s="2">
        <v>11862.0</v>
      </c>
      <c r="C3178" s="1" t="s">
        <v>5</v>
      </c>
      <c r="D3178" s="1" t="s">
        <v>2610</v>
      </c>
      <c r="E3178" s="1" t="s">
        <v>11</v>
      </c>
    </row>
    <row r="3179">
      <c r="A3179" s="1">
        <v>4.90393231E8</v>
      </c>
      <c r="B3179" s="2">
        <v>11891.0</v>
      </c>
      <c r="C3179" s="1" t="s">
        <v>5</v>
      </c>
      <c r="D3179" s="1" t="s">
        <v>2611</v>
      </c>
      <c r="E3179" s="1" t="s">
        <v>11</v>
      </c>
    </row>
    <row r="3180">
      <c r="A3180" s="1">
        <v>4.90393235E8</v>
      </c>
      <c r="B3180" s="2">
        <v>11863.0</v>
      </c>
      <c r="C3180" s="1" t="s">
        <v>5</v>
      </c>
      <c r="D3180" s="1" t="s">
        <v>11</v>
      </c>
      <c r="E3180" s="1" t="s">
        <v>7</v>
      </c>
    </row>
    <row r="3181">
      <c r="A3181" s="1">
        <v>4.90393236E8</v>
      </c>
      <c r="B3181" s="2">
        <v>11866.0</v>
      </c>
      <c r="C3181" s="1" t="s">
        <v>5</v>
      </c>
      <c r="D3181" s="1" t="s">
        <v>2612</v>
      </c>
      <c r="E3181" s="1" t="s">
        <v>7</v>
      </c>
    </row>
    <row r="3182">
      <c r="A3182" s="1">
        <v>4.90393238E8</v>
      </c>
      <c r="B3182" s="2">
        <v>11884.0</v>
      </c>
      <c r="C3182" s="1" t="s">
        <v>5</v>
      </c>
      <c r="D3182" s="1" t="s">
        <v>2613</v>
      </c>
      <c r="E3182" s="1" t="s">
        <v>7</v>
      </c>
    </row>
    <row r="3183">
      <c r="A3183" s="1">
        <v>4.90393242E8</v>
      </c>
      <c r="B3183" s="2">
        <v>11868.0</v>
      </c>
      <c r="C3183" s="1" t="s">
        <v>5</v>
      </c>
      <c r="D3183" s="1" t="s">
        <v>11</v>
      </c>
      <c r="E3183" s="1" t="s">
        <v>7</v>
      </c>
    </row>
    <row r="3184">
      <c r="A3184" s="1">
        <v>4.90393249E8</v>
      </c>
      <c r="B3184" s="2">
        <v>11880.0</v>
      </c>
      <c r="C3184" s="1" t="s">
        <v>5</v>
      </c>
      <c r="D3184" s="1" t="s">
        <v>2614</v>
      </c>
      <c r="E3184" s="1" t="s">
        <v>11</v>
      </c>
    </row>
    <row r="3185">
      <c r="A3185" s="1">
        <v>4.9039325E8</v>
      </c>
      <c r="B3185" s="2">
        <v>11862.0</v>
      </c>
      <c r="C3185" s="1" t="s">
        <v>5</v>
      </c>
      <c r="D3185" s="1" t="s">
        <v>2615</v>
      </c>
      <c r="E3185" s="1" t="s">
        <v>2616</v>
      </c>
    </row>
    <row r="3186">
      <c r="A3186" s="1">
        <v>4.90393254E8</v>
      </c>
      <c r="B3186" s="2">
        <v>11857.0</v>
      </c>
      <c r="C3186" s="1" t="s">
        <v>5</v>
      </c>
      <c r="D3186" s="1" t="s">
        <v>2617</v>
      </c>
      <c r="E3186" s="1" t="s">
        <v>11</v>
      </c>
    </row>
    <row r="3187">
      <c r="A3187" s="1">
        <v>4.90393262E8</v>
      </c>
      <c r="B3187" s="2">
        <v>11891.0</v>
      </c>
      <c r="C3187" s="1" t="s">
        <v>5</v>
      </c>
      <c r="D3187" s="1" t="s">
        <v>11</v>
      </c>
      <c r="E3187" s="1" t="s">
        <v>7</v>
      </c>
    </row>
    <row r="3188">
      <c r="A3188" s="1">
        <v>4.90393265E8</v>
      </c>
      <c r="B3188" s="2">
        <v>11868.0</v>
      </c>
      <c r="C3188" s="1" t="s">
        <v>5</v>
      </c>
      <c r="D3188" s="1" t="s">
        <v>2618</v>
      </c>
      <c r="E3188" s="1" t="s">
        <v>7</v>
      </c>
    </row>
    <row r="3189">
      <c r="A3189" s="1">
        <v>4.90393266E8</v>
      </c>
      <c r="B3189" s="2">
        <v>11883.0</v>
      </c>
      <c r="C3189" s="1" t="s">
        <v>5</v>
      </c>
      <c r="D3189" s="1" t="s">
        <v>2619</v>
      </c>
      <c r="E3189" s="1" t="s">
        <v>7</v>
      </c>
    </row>
    <row r="3190">
      <c r="A3190" s="1">
        <v>4.90393267E8</v>
      </c>
      <c r="B3190" s="2">
        <v>11887.0</v>
      </c>
      <c r="C3190" s="1" t="s">
        <v>5</v>
      </c>
      <c r="D3190" s="1" t="s">
        <v>2620</v>
      </c>
      <c r="E3190" s="1" t="s">
        <v>7</v>
      </c>
    </row>
    <row r="3191">
      <c r="A3191" s="1">
        <v>4.90393268E8</v>
      </c>
      <c r="B3191" s="2">
        <v>11868.0</v>
      </c>
      <c r="C3191" s="1" t="s">
        <v>5</v>
      </c>
      <c r="D3191" s="1" t="s">
        <v>11</v>
      </c>
      <c r="E3191" s="1" t="s">
        <v>7</v>
      </c>
    </row>
    <row r="3192">
      <c r="A3192" s="1">
        <v>4.90393274E8</v>
      </c>
      <c r="B3192" s="2">
        <v>11895.0</v>
      </c>
      <c r="C3192" s="1" t="s">
        <v>5</v>
      </c>
      <c r="D3192" s="1" t="s">
        <v>11</v>
      </c>
      <c r="E3192" s="1" t="s">
        <v>7</v>
      </c>
    </row>
    <row r="3193">
      <c r="A3193" s="1">
        <v>4.90393278E8</v>
      </c>
      <c r="B3193" s="2">
        <v>11880.0</v>
      </c>
      <c r="C3193" s="1" t="s">
        <v>5</v>
      </c>
      <c r="D3193" s="1" t="s">
        <v>2621</v>
      </c>
      <c r="E3193" s="1" t="s">
        <v>7</v>
      </c>
    </row>
    <row r="3194">
      <c r="A3194" s="1">
        <v>4.90393279E8</v>
      </c>
      <c r="B3194" s="2">
        <v>11885.0</v>
      </c>
      <c r="C3194" s="1" t="s">
        <v>5</v>
      </c>
      <c r="D3194" s="1" t="s">
        <v>2622</v>
      </c>
      <c r="E3194" s="1" t="s">
        <v>11</v>
      </c>
    </row>
    <row r="3195">
      <c r="A3195" s="1">
        <v>4.9039328E8</v>
      </c>
      <c r="B3195" s="2">
        <v>11859.0</v>
      </c>
      <c r="C3195" s="1" t="s">
        <v>5</v>
      </c>
      <c r="D3195" s="1" t="s">
        <v>11</v>
      </c>
      <c r="E3195" s="1" t="s">
        <v>7</v>
      </c>
    </row>
    <row r="3196">
      <c r="A3196" s="1">
        <v>4.90393282E8</v>
      </c>
      <c r="B3196" s="2">
        <v>11884.0</v>
      </c>
      <c r="C3196" s="1" t="s">
        <v>5</v>
      </c>
      <c r="D3196" s="1" t="s">
        <v>2623</v>
      </c>
      <c r="E3196" s="1" t="s">
        <v>7</v>
      </c>
    </row>
    <row r="3197">
      <c r="A3197" s="1">
        <v>4.90393288E8</v>
      </c>
      <c r="B3197" s="2">
        <v>11887.0</v>
      </c>
      <c r="C3197" s="1" t="s">
        <v>5</v>
      </c>
      <c r="D3197" s="1" t="s">
        <v>2624</v>
      </c>
      <c r="E3197" s="1" t="s">
        <v>7</v>
      </c>
    </row>
    <row r="3198">
      <c r="A3198" s="1">
        <v>4.90393291E8</v>
      </c>
      <c r="B3198" s="2">
        <v>11868.0</v>
      </c>
      <c r="C3198" s="1" t="s">
        <v>5</v>
      </c>
      <c r="D3198" s="1" t="s">
        <v>2625</v>
      </c>
      <c r="E3198" s="1" t="s">
        <v>7</v>
      </c>
    </row>
    <row r="3199">
      <c r="A3199" s="1">
        <v>4.90393292E8</v>
      </c>
      <c r="B3199" s="2">
        <v>11868.0</v>
      </c>
      <c r="C3199" s="1" t="s">
        <v>5</v>
      </c>
      <c r="D3199" s="1" t="s">
        <v>2626</v>
      </c>
      <c r="E3199" s="1" t="s">
        <v>7</v>
      </c>
    </row>
    <row r="3200">
      <c r="A3200" s="1">
        <v>4.90393294E8</v>
      </c>
      <c r="B3200" s="2">
        <v>11862.0</v>
      </c>
      <c r="C3200" s="1" t="s">
        <v>5</v>
      </c>
      <c r="D3200" s="1" t="s">
        <v>2627</v>
      </c>
      <c r="E3200" s="1" t="s">
        <v>7</v>
      </c>
    </row>
    <row r="3201">
      <c r="A3201" s="1">
        <v>4.90393295E8</v>
      </c>
      <c r="B3201" s="2">
        <v>11885.0</v>
      </c>
      <c r="C3201" s="1" t="s">
        <v>5</v>
      </c>
      <c r="D3201" s="1" t="s">
        <v>2628</v>
      </c>
      <c r="E3201" s="1" t="s">
        <v>7</v>
      </c>
    </row>
    <row r="3202">
      <c r="A3202" s="1">
        <v>4.903933E8</v>
      </c>
      <c r="B3202" s="2">
        <v>11866.0</v>
      </c>
      <c r="C3202" s="1" t="s">
        <v>5</v>
      </c>
      <c r="D3202" s="1" t="s">
        <v>2629</v>
      </c>
      <c r="E3202" s="1" t="s">
        <v>7</v>
      </c>
    </row>
    <row r="3203">
      <c r="A3203" s="1">
        <v>4.90393302E8</v>
      </c>
      <c r="B3203" s="2">
        <v>11889.0</v>
      </c>
      <c r="C3203" s="1" t="s">
        <v>5</v>
      </c>
      <c r="D3203" s="1" t="s">
        <v>2630</v>
      </c>
      <c r="E3203" s="1" t="s">
        <v>7</v>
      </c>
    </row>
    <row r="3204">
      <c r="A3204" s="1">
        <v>4.90393308E8</v>
      </c>
      <c r="B3204" s="2">
        <v>11883.0</v>
      </c>
      <c r="C3204" s="1" t="s">
        <v>5</v>
      </c>
      <c r="D3204" s="1" t="s">
        <v>2631</v>
      </c>
      <c r="E3204" s="1" t="s">
        <v>11</v>
      </c>
    </row>
    <row r="3205">
      <c r="A3205" s="1">
        <v>4.90393312E8</v>
      </c>
      <c r="B3205" s="2">
        <v>11880.0</v>
      </c>
      <c r="C3205" s="1" t="s">
        <v>5</v>
      </c>
      <c r="D3205" s="1" t="s">
        <v>2632</v>
      </c>
      <c r="E3205" s="1" t="s">
        <v>11</v>
      </c>
    </row>
    <row r="3206">
      <c r="A3206" s="1">
        <v>4.90393315E8</v>
      </c>
      <c r="B3206" s="2">
        <v>11885.0</v>
      </c>
      <c r="C3206" s="1" t="s">
        <v>5</v>
      </c>
      <c r="D3206" s="1" t="s">
        <v>2633</v>
      </c>
      <c r="E3206" s="1" t="s">
        <v>11</v>
      </c>
    </row>
    <row r="3207">
      <c r="A3207" s="1">
        <v>4.90393323E8</v>
      </c>
      <c r="B3207" s="2">
        <v>11866.0</v>
      </c>
      <c r="C3207" s="1" t="s">
        <v>5</v>
      </c>
      <c r="D3207" s="1" t="s">
        <v>2634</v>
      </c>
      <c r="E3207" s="1" t="s">
        <v>11</v>
      </c>
    </row>
    <row r="3208">
      <c r="A3208" s="1">
        <v>4.90393325E8</v>
      </c>
      <c r="B3208" s="2">
        <v>11866.0</v>
      </c>
      <c r="C3208" s="1" t="s">
        <v>5</v>
      </c>
      <c r="D3208" s="1" t="s">
        <v>2635</v>
      </c>
      <c r="E3208" s="1" t="s">
        <v>11</v>
      </c>
    </row>
    <row r="3209">
      <c r="A3209" s="1">
        <v>4.90393326E8</v>
      </c>
      <c r="B3209" s="2">
        <v>11862.0</v>
      </c>
      <c r="C3209" s="1" t="s">
        <v>5</v>
      </c>
      <c r="D3209" s="1" t="s">
        <v>2636</v>
      </c>
      <c r="E3209" s="1" t="s">
        <v>11</v>
      </c>
    </row>
    <row r="3210">
      <c r="A3210" s="1">
        <v>4.90393328E8</v>
      </c>
      <c r="B3210" s="2">
        <v>11885.0</v>
      </c>
      <c r="C3210" s="1" t="s">
        <v>5</v>
      </c>
      <c r="D3210" s="1" t="s">
        <v>11</v>
      </c>
      <c r="E3210" s="1" t="s">
        <v>7</v>
      </c>
    </row>
    <row r="3211">
      <c r="A3211" s="1">
        <v>4.90393331E8</v>
      </c>
      <c r="B3211" s="2">
        <v>11887.0</v>
      </c>
      <c r="C3211" s="1" t="s">
        <v>5</v>
      </c>
      <c r="D3211" s="1" t="s">
        <v>2637</v>
      </c>
      <c r="E3211" s="1" t="s">
        <v>11</v>
      </c>
    </row>
    <row r="3212">
      <c r="A3212" s="1">
        <v>4.90393333E8</v>
      </c>
      <c r="B3212" s="2">
        <v>11862.0</v>
      </c>
      <c r="C3212" s="1" t="s">
        <v>5</v>
      </c>
      <c r="D3212" s="1" t="s">
        <v>2638</v>
      </c>
      <c r="E3212" s="1" t="s">
        <v>11</v>
      </c>
    </row>
    <row r="3213">
      <c r="A3213" s="1">
        <v>4.90393335E8</v>
      </c>
      <c r="B3213" s="2">
        <v>11868.0</v>
      </c>
      <c r="C3213" s="1" t="s">
        <v>5</v>
      </c>
      <c r="D3213" s="1" t="s">
        <v>2639</v>
      </c>
      <c r="E3213" s="1" t="s">
        <v>11</v>
      </c>
    </row>
    <row r="3214">
      <c r="A3214" s="1">
        <v>4.90393337E8</v>
      </c>
      <c r="B3214" s="2">
        <v>11895.0</v>
      </c>
      <c r="C3214" s="1" t="s">
        <v>5</v>
      </c>
      <c r="D3214" s="1" t="s">
        <v>11</v>
      </c>
      <c r="E3214" s="1" t="s">
        <v>7</v>
      </c>
    </row>
    <row r="3215">
      <c r="A3215" s="1">
        <v>4.90393339E8</v>
      </c>
      <c r="B3215" s="2">
        <v>11893.0</v>
      </c>
      <c r="C3215" s="1" t="s">
        <v>5</v>
      </c>
      <c r="D3215" s="1" t="s">
        <v>2640</v>
      </c>
      <c r="E3215" s="1" t="s">
        <v>7</v>
      </c>
    </row>
    <row r="3216">
      <c r="A3216" s="1">
        <v>4.90393342E8</v>
      </c>
      <c r="B3216" s="2">
        <v>11885.0</v>
      </c>
      <c r="C3216" s="1" t="s">
        <v>5</v>
      </c>
      <c r="D3216" s="1" t="s">
        <v>2641</v>
      </c>
      <c r="E3216" s="1" t="s">
        <v>7</v>
      </c>
    </row>
    <row r="3217">
      <c r="A3217" s="1">
        <v>4.90393343E8</v>
      </c>
      <c r="B3217" s="2">
        <v>11889.0</v>
      </c>
      <c r="C3217" s="1" t="s">
        <v>5</v>
      </c>
      <c r="D3217" s="1" t="s">
        <v>2642</v>
      </c>
      <c r="E3217" s="1" t="s">
        <v>11</v>
      </c>
    </row>
    <row r="3218">
      <c r="A3218" s="1">
        <v>4.90393352E8</v>
      </c>
      <c r="B3218" s="2">
        <v>11868.0</v>
      </c>
      <c r="C3218" s="1" t="s">
        <v>5</v>
      </c>
      <c r="D3218" s="1" t="s">
        <v>11</v>
      </c>
      <c r="E3218" s="1" t="s">
        <v>7</v>
      </c>
    </row>
    <row r="3219">
      <c r="A3219" s="1">
        <v>4.90393353E8</v>
      </c>
      <c r="B3219" s="2">
        <v>11868.0</v>
      </c>
      <c r="C3219" s="1" t="s">
        <v>5</v>
      </c>
      <c r="D3219" s="1" t="s">
        <v>11</v>
      </c>
      <c r="E3219" s="1" t="s">
        <v>7</v>
      </c>
    </row>
    <row r="3220">
      <c r="A3220" s="1">
        <v>4.90393354E8</v>
      </c>
      <c r="B3220" s="2">
        <v>11868.0</v>
      </c>
      <c r="C3220" s="1" t="s">
        <v>5</v>
      </c>
      <c r="D3220" s="1" t="s">
        <v>2643</v>
      </c>
      <c r="E3220" s="1" t="s">
        <v>11</v>
      </c>
    </row>
    <row r="3221">
      <c r="A3221" s="1">
        <v>4.9039336E8</v>
      </c>
      <c r="B3221" s="2">
        <v>11850.0</v>
      </c>
      <c r="C3221" s="1" t="s">
        <v>5</v>
      </c>
      <c r="D3221" s="1" t="s">
        <v>11</v>
      </c>
      <c r="E3221" s="1" t="s">
        <v>7</v>
      </c>
    </row>
    <row r="3222">
      <c r="A3222" s="1">
        <v>4.90393361E8</v>
      </c>
      <c r="B3222" s="2">
        <v>11862.0</v>
      </c>
      <c r="C3222" s="1" t="s">
        <v>5</v>
      </c>
      <c r="D3222" s="1" t="s">
        <v>11</v>
      </c>
      <c r="E3222" s="1" t="s">
        <v>7</v>
      </c>
    </row>
    <row r="3223">
      <c r="A3223" s="1">
        <v>4.90393365E8</v>
      </c>
      <c r="B3223" s="2">
        <v>11862.0</v>
      </c>
      <c r="C3223" s="1" t="s">
        <v>5</v>
      </c>
      <c r="D3223" s="1" t="s">
        <v>2644</v>
      </c>
      <c r="E3223" s="1" t="s">
        <v>7</v>
      </c>
    </row>
    <row r="3224">
      <c r="A3224" s="1">
        <v>4.90393367E8</v>
      </c>
      <c r="B3224" s="2">
        <v>11886.0</v>
      </c>
      <c r="C3224" s="1" t="s">
        <v>5</v>
      </c>
      <c r="D3224" s="1" t="s">
        <v>2645</v>
      </c>
      <c r="E3224" s="1" t="s">
        <v>11</v>
      </c>
    </row>
    <row r="3225">
      <c r="A3225" s="1">
        <v>4.90393377E8</v>
      </c>
      <c r="B3225" s="2">
        <v>11868.0</v>
      </c>
      <c r="C3225" s="1" t="s">
        <v>5</v>
      </c>
      <c r="D3225" s="1" t="s">
        <v>2646</v>
      </c>
      <c r="E3225" s="1" t="s">
        <v>11</v>
      </c>
    </row>
    <row r="3226">
      <c r="A3226" s="1">
        <v>4.9039338E8</v>
      </c>
      <c r="B3226" s="2">
        <v>11870.0</v>
      </c>
      <c r="C3226" s="1" t="s">
        <v>5</v>
      </c>
      <c r="D3226" s="1" t="s">
        <v>2647</v>
      </c>
      <c r="E3226" s="1" t="s">
        <v>11</v>
      </c>
    </row>
    <row r="3227">
      <c r="A3227" s="1">
        <v>4.90393381E8</v>
      </c>
      <c r="B3227" s="2">
        <v>11866.0</v>
      </c>
      <c r="C3227" s="1" t="s">
        <v>5</v>
      </c>
      <c r="D3227" s="1" t="s">
        <v>11</v>
      </c>
      <c r="E3227" s="1" t="s">
        <v>7</v>
      </c>
    </row>
    <row r="3228">
      <c r="A3228" s="1">
        <v>4.90393382E8</v>
      </c>
      <c r="B3228" s="2">
        <v>11868.0</v>
      </c>
      <c r="C3228" s="1" t="s">
        <v>5</v>
      </c>
      <c r="D3228" s="1" t="s">
        <v>2648</v>
      </c>
      <c r="E3228" s="1" t="s">
        <v>7</v>
      </c>
    </row>
    <row r="3229">
      <c r="A3229" s="1">
        <v>4.90393384E8</v>
      </c>
      <c r="B3229" s="2">
        <v>11889.0</v>
      </c>
      <c r="C3229" s="1" t="s">
        <v>5</v>
      </c>
      <c r="D3229" s="1" t="s">
        <v>2649</v>
      </c>
      <c r="E3229" s="1" t="s">
        <v>7</v>
      </c>
    </row>
    <row r="3230">
      <c r="A3230" s="1">
        <v>4.90393387E8</v>
      </c>
      <c r="B3230" s="2">
        <v>11862.0</v>
      </c>
      <c r="C3230" s="1" t="s">
        <v>5</v>
      </c>
      <c r="D3230" s="1" t="s">
        <v>2650</v>
      </c>
      <c r="E3230" s="1" t="s">
        <v>11</v>
      </c>
    </row>
    <row r="3231">
      <c r="A3231" s="1">
        <v>4.90393388E8</v>
      </c>
      <c r="B3231" s="2">
        <v>11862.0</v>
      </c>
      <c r="C3231" s="1" t="s">
        <v>5</v>
      </c>
      <c r="D3231" s="1" t="s">
        <v>2651</v>
      </c>
      <c r="E3231" s="1" t="s">
        <v>11</v>
      </c>
    </row>
    <row r="3232">
      <c r="A3232" s="1">
        <v>4.90393391E8</v>
      </c>
      <c r="B3232" s="2">
        <v>11861.0</v>
      </c>
      <c r="C3232" s="1" t="s">
        <v>5</v>
      </c>
      <c r="D3232" s="1" t="s">
        <v>2652</v>
      </c>
      <c r="E3232" s="1" t="s">
        <v>7</v>
      </c>
    </row>
    <row r="3233">
      <c r="A3233" s="1">
        <v>4.90393398E8</v>
      </c>
      <c r="B3233" s="2">
        <v>11886.0</v>
      </c>
      <c r="C3233" s="1" t="s">
        <v>5</v>
      </c>
      <c r="D3233" s="1" t="s">
        <v>2653</v>
      </c>
      <c r="E3233" s="1" t="s">
        <v>7</v>
      </c>
    </row>
    <row r="3234">
      <c r="A3234" s="1">
        <v>4.90393402E8</v>
      </c>
      <c r="B3234" s="2">
        <v>11895.0</v>
      </c>
      <c r="C3234" s="1" t="s">
        <v>5</v>
      </c>
      <c r="D3234" s="1" t="s">
        <v>2654</v>
      </c>
      <c r="E3234" s="1" t="s">
        <v>11</v>
      </c>
    </row>
    <row r="3235">
      <c r="A3235" s="1">
        <v>4.90393403E8</v>
      </c>
      <c r="B3235" s="2">
        <v>11868.0</v>
      </c>
      <c r="C3235" s="1" t="s">
        <v>5</v>
      </c>
      <c r="D3235" s="1" t="s">
        <v>11</v>
      </c>
      <c r="E3235" s="1" t="s">
        <v>7</v>
      </c>
    </row>
    <row r="3236">
      <c r="A3236" s="1">
        <v>4.90393404E8</v>
      </c>
      <c r="B3236" s="2">
        <v>11864.0</v>
      </c>
      <c r="C3236" s="1" t="s">
        <v>5</v>
      </c>
      <c r="D3236" s="1" t="s">
        <v>2655</v>
      </c>
      <c r="E3236" s="1" t="s">
        <v>11</v>
      </c>
    </row>
    <row r="3237">
      <c r="A3237" s="1">
        <v>4.90393407E8</v>
      </c>
      <c r="B3237" s="2">
        <v>11870.0</v>
      </c>
      <c r="C3237" s="1" t="s">
        <v>5</v>
      </c>
      <c r="D3237" s="1" t="s">
        <v>2656</v>
      </c>
      <c r="E3237" s="1" t="s">
        <v>7</v>
      </c>
    </row>
    <row r="3238">
      <c r="A3238" s="1">
        <v>4.90393409E8</v>
      </c>
      <c r="B3238" s="2">
        <v>11883.0</v>
      </c>
      <c r="C3238" s="1" t="s">
        <v>5</v>
      </c>
      <c r="D3238" s="1" t="s">
        <v>2657</v>
      </c>
      <c r="E3238" s="1" t="s">
        <v>7</v>
      </c>
    </row>
    <row r="3239">
      <c r="A3239" s="1">
        <v>4.9039341E8</v>
      </c>
      <c r="B3239" s="2">
        <v>11884.0</v>
      </c>
      <c r="C3239" s="1" t="s">
        <v>5</v>
      </c>
      <c r="D3239" s="1" t="s">
        <v>11</v>
      </c>
      <c r="E3239" s="1" t="s">
        <v>7</v>
      </c>
    </row>
    <row r="3240">
      <c r="A3240" s="1">
        <v>4.90393412E8</v>
      </c>
      <c r="B3240" s="2">
        <v>11885.0</v>
      </c>
      <c r="C3240" s="1" t="s">
        <v>5</v>
      </c>
      <c r="D3240" s="1" t="s">
        <v>11</v>
      </c>
      <c r="E3240" s="1" t="s">
        <v>7</v>
      </c>
    </row>
    <row r="3241">
      <c r="A3241" s="1">
        <v>4.90393416E8</v>
      </c>
      <c r="B3241" s="2">
        <v>11893.0</v>
      </c>
      <c r="C3241" s="1" t="s">
        <v>5</v>
      </c>
      <c r="D3241" s="1" t="s">
        <v>11</v>
      </c>
      <c r="E3241" s="1" t="s">
        <v>7</v>
      </c>
    </row>
    <row r="3242">
      <c r="A3242" s="1">
        <v>4.90393418E8</v>
      </c>
      <c r="B3242" s="2">
        <v>11855.0</v>
      </c>
      <c r="C3242" s="1" t="s">
        <v>5</v>
      </c>
      <c r="D3242" s="1" t="s">
        <v>11</v>
      </c>
      <c r="E3242" s="1" t="s">
        <v>7</v>
      </c>
    </row>
    <row r="3243">
      <c r="A3243" s="1">
        <v>4.90393425E8</v>
      </c>
      <c r="B3243" s="2">
        <v>11868.0</v>
      </c>
      <c r="C3243" s="1" t="s">
        <v>5</v>
      </c>
      <c r="D3243" s="1" t="s">
        <v>169</v>
      </c>
      <c r="E3243" s="1" t="s">
        <v>7</v>
      </c>
    </row>
    <row r="3244">
      <c r="A3244" s="1">
        <v>4.90393429E8</v>
      </c>
      <c r="B3244" s="2">
        <v>11861.0</v>
      </c>
      <c r="C3244" s="1" t="s">
        <v>5</v>
      </c>
      <c r="D3244" s="1" t="s">
        <v>2658</v>
      </c>
      <c r="E3244" s="1" t="s">
        <v>2659</v>
      </c>
    </row>
    <row r="3245">
      <c r="A3245" s="1">
        <v>4.90393432E8</v>
      </c>
      <c r="B3245" s="2">
        <v>11885.0</v>
      </c>
      <c r="C3245" s="1" t="s">
        <v>5</v>
      </c>
      <c r="D3245" s="1" t="s">
        <v>2660</v>
      </c>
      <c r="E3245" s="1" t="s">
        <v>11</v>
      </c>
    </row>
    <row r="3246">
      <c r="A3246" s="1">
        <v>4.90393433E8</v>
      </c>
      <c r="B3246" s="2">
        <v>11885.0</v>
      </c>
      <c r="C3246" s="1" t="s">
        <v>5</v>
      </c>
      <c r="D3246" s="1" t="s">
        <v>11</v>
      </c>
      <c r="E3246" s="1" t="s">
        <v>7</v>
      </c>
    </row>
    <row r="3247">
      <c r="A3247" s="1">
        <v>4.90393434E8</v>
      </c>
      <c r="B3247" s="2">
        <v>11850.0</v>
      </c>
      <c r="C3247" s="1" t="s">
        <v>5</v>
      </c>
      <c r="D3247" s="1" t="s">
        <v>11</v>
      </c>
      <c r="E3247" s="1" t="s">
        <v>7</v>
      </c>
    </row>
    <row r="3248">
      <c r="A3248" s="1">
        <v>4.90393435E8</v>
      </c>
      <c r="B3248" s="2">
        <v>11886.0</v>
      </c>
      <c r="C3248" s="1" t="s">
        <v>5</v>
      </c>
      <c r="D3248" s="1" t="s">
        <v>11</v>
      </c>
      <c r="E3248" s="1" t="s">
        <v>7</v>
      </c>
    </row>
    <row r="3249">
      <c r="A3249" s="1">
        <v>4.90393436E8</v>
      </c>
      <c r="B3249" s="2">
        <v>11865.0</v>
      </c>
      <c r="C3249" s="1" t="s">
        <v>5</v>
      </c>
      <c r="D3249" s="1" t="s">
        <v>2661</v>
      </c>
      <c r="E3249" s="1" t="s">
        <v>7</v>
      </c>
    </row>
    <row r="3250">
      <c r="A3250" s="1">
        <v>4.90393438E8</v>
      </c>
      <c r="B3250" s="2">
        <v>11868.0</v>
      </c>
      <c r="C3250" s="1" t="s">
        <v>5</v>
      </c>
      <c r="D3250" s="1" t="s">
        <v>2662</v>
      </c>
      <c r="E3250" s="1" t="s">
        <v>7</v>
      </c>
    </row>
    <row r="3251">
      <c r="A3251" s="1">
        <v>4.90393439E8</v>
      </c>
      <c r="B3251" s="2">
        <v>11889.0</v>
      </c>
      <c r="C3251" s="1" t="s">
        <v>5</v>
      </c>
      <c r="D3251" s="1" t="s">
        <v>2663</v>
      </c>
      <c r="E3251" s="1" t="s">
        <v>11</v>
      </c>
    </row>
    <row r="3252">
      <c r="A3252" s="1">
        <v>4.90393441E8</v>
      </c>
      <c r="B3252" s="2">
        <v>11868.0</v>
      </c>
      <c r="C3252" s="1" t="s">
        <v>5</v>
      </c>
      <c r="D3252" s="1" t="s">
        <v>2664</v>
      </c>
      <c r="E3252" s="1" t="s">
        <v>11</v>
      </c>
    </row>
    <row r="3253">
      <c r="A3253" s="1">
        <v>4.90393446E8</v>
      </c>
      <c r="B3253" s="2">
        <v>11861.0</v>
      </c>
      <c r="C3253" s="1" t="s">
        <v>5</v>
      </c>
      <c r="D3253" s="1" t="s">
        <v>2665</v>
      </c>
      <c r="E3253" s="1" t="s">
        <v>7</v>
      </c>
    </row>
    <row r="3254">
      <c r="A3254" s="1">
        <v>4.90393448E8</v>
      </c>
      <c r="B3254" s="2">
        <v>11879.0</v>
      </c>
      <c r="C3254" s="1" t="s">
        <v>5</v>
      </c>
      <c r="D3254" s="1" t="s">
        <v>2666</v>
      </c>
      <c r="E3254" s="1" t="s">
        <v>2667</v>
      </c>
    </row>
    <row r="3255">
      <c r="A3255" s="1">
        <v>4.90393449E8</v>
      </c>
      <c r="B3255" s="2">
        <v>11880.0</v>
      </c>
      <c r="C3255" s="1" t="s">
        <v>5</v>
      </c>
      <c r="D3255" s="1" t="s">
        <v>2668</v>
      </c>
      <c r="E3255" s="1" t="s">
        <v>7</v>
      </c>
    </row>
    <row r="3256">
      <c r="A3256" s="1">
        <v>4.90393453E8</v>
      </c>
      <c r="B3256" s="2">
        <v>11885.0</v>
      </c>
      <c r="C3256" s="1" t="s">
        <v>5</v>
      </c>
      <c r="D3256" s="1" t="s">
        <v>2669</v>
      </c>
      <c r="E3256" s="1" t="s">
        <v>7</v>
      </c>
    </row>
    <row r="3257">
      <c r="A3257" s="1">
        <v>4.90393454E8</v>
      </c>
      <c r="B3257" s="2">
        <v>11886.0</v>
      </c>
      <c r="C3257" s="1" t="s">
        <v>5</v>
      </c>
      <c r="D3257" s="1" t="s">
        <v>2670</v>
      </c>
      <c r="E3257" s="1" t="s">
        <v>7</v>
      </c>
    </row>
    <row r="3258">
      <c r="A3258" s="1">
        <v>4.90393457E8</v>
      </c>
      <c r="B3258" s="2">
        <v>11885.0</v>
      </c>
      <c r="C3258" s="1" t="s">
        <v>5</v>
      </c>
      <c r="D3258" s="1" t="s">
        <v>2671</v>
      </c>
      <c r="E3258" s="1" t="s">
        <v>7</v>
      </c>
    </row>
    <row r="3259">
      <c r="A3259" s="1">
        <v>4.90393462E8</v>
      </c>
      <c r="B3259" s="2">
        <v>11850.0</v>
      </c>
      <c r="C3259" s="1" t="s">
        <v>5</v>
      </c>
      <c r="D3259" s="1" t="s">
        <v>11</v>
      </c>
      <c r="E3259" s="1" t="s">
        <v>7</v>
      </c>
    </row>
    <row r="3260">
      <c r="A3260" s="1">
        <v>4.90393463E8</v>
      </c>
      <c r="B3260" s="2">
        <v>11890.0</v>
      </c>
      <c r="C3260" s="1" t="s">
        <v>5</v>
      </c>
      <c r="D3260" s="1" t="s">
        <v>2672</v>
      </c>
      <c r="E3260" s="1" t="s">
        <v>7</v>
      </c>
    </row>
    <row r="3261">
      <c r="A3261" s="1">
        <v>4.9039347E8</v>
      </c>
      <c r="B3261" s="2">
        <v>11863.0</v>
      </c>
      <c r="C3261" s="1" t="s">
        <v>5</v>
      </c>
      <c r="D3261" s="1" t="s">
        <v>2673</v>
      </c>
      <c r="E3261" s="1" t="s">
        <v>11</v>
      </c>
    </row>
    <row r="3262">
      <c r="A3262" s="1">
        <v>4.90393472E8</v>
      </c>
      <c r="B3262" s="2">
        <v>11880.0</v>
      </c>
      <c r="C3262" s="1" t="s">
        <v>5</v>
      </c>
      <c r="D3262" s="1" t="s">
        <v>11</v>
      </c>
      <c r="E3262" s="1" t="s">
        <v>7</v>
      </c>
    </row>
    <row r="3263">
      <c r="A3263" s="1">
        <v>4.90393473E8</v>
      </c>
      <c r="B3263" s="2">
        <v>11889.0</v>
      </c>
      <c r="C3263" s="1" t="s">
        <v>5</v>
      </c>
      <c r="D3263" s="1" t="s">
        <v>11</v>
      </c>
      <c r="E3263" s="1" t="s">
        <v>7</v>
      </c>
    </row>
    <row r="3264">
      <c r="A3264" s="1">
        <v>4.90393476E8</v>
      </c>
      <c r="B3264" s="2">
        <v>11855.0</v>
      </c>
      <c r="C3264" s="1" t="s">
        <v>5</v>
      </c>
      <c r="D3264" s="1" t="s">
        <v>2674</v>
      </c>
      <c r="E3264" s="1" t="s">
        <v>7</v>
      </c>
    </row>
    <row r="3265">
      <c r="A3265" s="1">
        <v>4.90393478E8</v>
      </c>
      <c r="B3265" s="2">
        <v>11885.0</v>
      </c>
      <c r="C3265" s="1" t="s">
        <v>5</v>
      </c>
      <c r="D3265" s="1" t="s">
        <v>2675</v>
      </c>
      <c r="E3265" s="1" t="s">
        <v>11</v>
      </c>
    </row>
    <row r="3266">
      <c r="A3266" s="1">
        <v>4.90393484E8</v>
      </c>
      <c r="B3266" s="2">
        <v>11867.0</v>
      </c>
      <c r="C3266" s="1" t="s">
        <v>5</v>
      </c>
      <c r="D3266" s="1" t="s">
        <v>2676</v>
      </c>
      <c r="E3266" s="1" t="s">
        <v>7</v>
      </c>
    </row>
    <row r="3267">
      <c r="A3267" s="1">
        <v>4.90393485E8</v>
      </c>
      <c r="B3267" s="2">
        <v>11885.0</v>
      </c>
      <c r="C3267" s="1" t="s">
        <v>5</v>
      </c>
      <c r="D3267" s="1" t="s">
        <v>2677</v>
      </c>
      <c r="E3267" s="1" t="s">
        <v>7</v>
      </c>
    </row>
    <row r="3268">
      <c r="A3268" s="1">
        <v>4.90393494E8</v>
      </c>
      <c r="B3268" s="2">
        <v>11868.0</v>
      </c>
      <c r="C3268" s="1" t="s">
        <v>5</v>
      </c>
      <c r="D3268" s="1" t="s">
        <v>11</v>
      </c>
      <c r="E3268" s="1" t="s">
        <v>7</v>
      </c>
    </row>
    <row r="3269">
      <c r="A3269" s="1">
        <v>4.90393496E8</v>
      </c>
      <c r="B3269" s="2">
        <v>11886.0</v>
      </c>
      <c r="C3269" s="1" t="s">
        <v>5</v>
      </c>
      <c r="D3269" s="1" t="s">
        <v>2678</v>
      </c>
      <c r="E3269" s="1" t="s">
        <v>11</v>
      </c>
    </row>
    <row r="3270">
      <c r="A3270" s="1">
        <v>4.903935E8</v>
      </c>
      <c r="B3270" s="2">
        <v>11880.0</v>
      </c>
      <c r="C3270" s="1" t="s">
        <v>5</v>
      </c>
      <c r="D3270" s="1" t="s">
        <v>2679</v>
      </c>
      <c r="E3270" s="1" t="s">
        <v>7</v>
      </c>
    </row>
    <row r="3271">
      <c r="A3271" s="1">
        <v>4.90393501E8</v>
      </c>
      <c r="B3271" s="2">
        <v>11868.0</v>
      </c>
      <c r="C3271" s="1" t="s">
        <v>5</v>
      </c>
      <c r="D3271" s="1" t="s">
        <v>2680</v>
      </c>
      <c r="E3271" s="1" t="s">
        <v>11</v>
      </c>
    </row>
    <row r="3272">
      <c r="A3272" s="1">
        <v>4.90393506E8</v>
      </c>
      <c r="B3272" s="2">
        <v>11867.0</v>
      </c>
      <c r="C3272" s="1" t="s">
        <v>5</v>
      </c>
      <c r="D3272" s="1" t="s">
        <v>2681</v>
      </c>
      <c r="E3272" s="1" t="s">
        <v>7</v>
      </c>
    </row>
    <row r="3273">
      <c r="A3273" s="1">
        <v>4.90393507E8</v>
      </c>
      <c r="B3273" s="2">
        <v>11879.0</v>
      </c>
      <c r="C3273" s="1" t="s">
        <v>5</v>
      </c>
      <c r="D3273" s="1" t="s">
        <v>11</v>
      </c>
      <c r="E3273" s="1" t="s">
        <v>7</v>
      </c>
    </row>
    <row r="3274">
      <c r="A3274" s="1">
        <v>4.90393512E8</v>
      </c>
      <c r="B3274" s="2">
        <v>11857.0</v>
      </c>
      <c r="C3274" s="1" t="s">
        <v>5</v>
      </c>
      <c r="D3274" s="1" t="s">
        <v>11</v>
      </c>
      <c r="E3274" s="1" t="s">
        <v>7</v>
      </c>
    </row>
    <row r="3275">
      <c r="A3275" s="1">
        <v>4.90393515E8</v>
      </c>
      <c r="B3275" s="2">
        <v>11855.0</v>
      </c>
      <c r="C3275" s="1" t="s">
        <v>5</v>
      </c>
      <c r="D3275" s="1" t="s">
        <v>2682</v>
      </c>
      <c r="E3275" s="1" t="s">
        <v>11</v>
      </c>
    </row>
    <row r="3276">
      <c r="A3276" s="1">
        <v>4.90393516E8</v>
      </c>
      <c r="B3276" s="2">
        <v>11861.0</v>
      </c>
      <c r="C3276" s="1" t="s">
        <v>5</v>
      </c>
      <c r="D3276" s="1" t="s">
        <v>11</v>
      </c>
      <c r="E3276" s="1" t="s">
        <v>7</v>
      </c>
    </row>
    <row r="3277">
      <c r="A3277" s="1">
        <v>4.90393518E8</v>
      </c>
      <c r="B3277" s="2">
        <v>11869.0</v>
      </c>
      <c r="C3277" s="1" t="s">
        <v>5</v>
      </c>
      <c r="D3277" s="1" t="s">
        <v>2683</v>
      </c>
      <c r="E3277" s="1" t="s">
        <v>7</v>
      </c>
    </row>
    <row r="3278">
      <c r="A3278" s="1">
        <v>4.90393521E8</v>
      </c>
      <c r="B3278" s="2">
        <v>11880.0</v>
      </c>
      <c r="C3278" s="1" t="s">
        <v>5</v>
      </c>
      <c r="D3278" s="1" t="s">
        <v>169</v>
      </c>
      <c r="E3278" s="1" t="s">
        <v>7</v>
      </c>
    </row>
    <row r="3279">
      <c r="A3279" s="1">
        <v>4.90393523E8</v>
      </c>
      <c r="B3279" s="2">
        <v>11861.0</v>
      </c>
      <c r="C3279" s="1" t="s">
        <v>5</v>
      </c>
      <c r="D3279" s="1" t="s">
        <v>2684</v>
      </c>
      <c r="E3279" s="1" t="s">
        <v>7</v>
      </c>
    </row>
    <row r="3280">
      <c r="A3280" s="1">
        <v>4.90393524E8</v>
      </c>
      <c r="B3280" s="2">
        <v>11885.0</v>
      </c>
      <c r="C3280" s="1" t="s">
        <v>5</v>
      </c>
      <c r="D3280" s="1" t="s">
        <v>2685</v>
      </c>
      <c r="E3280" s="1" t="s">
        <v>7</v>
      </c>
    </row>
    <row r="3281">
      <c r="A3281" s="1">
        <v>4.90393528E8</v>
      </c>
      <c r="B3281" s="2">
        <v>11868.0</v>
      </c>
      <c r="C3281" s="1" t="s">
        <v>5</v>
      </c>
      <c r="D3281" s="1" t="s">
        <v>2686</v>
      </c>
      <c r="E3281" s="1" t="s">
        <v>11</v>
      </c>
    </row>
    <row r="3282">
      <c r="A3282" s="1">
        <v>4.90393538E8</v>
      </c>
      <c r="B3282" s="2">
        <v>11865.0</v>
      </c>
      <c r="C3282" s="1" t="s">
        <v>5</v>
      </c>
      <c r="D3282" s="1" t="s">
        <v>2687</v>
      </c>
      <c r="E3282" s="1" t="s">
        <v>11</v>
      </c>
    </row>
    <row r="3283">
      <c r="A3283" s="1">
        <v>4.90393542E8</v>
      </c>
      <c r="B3283" s="2">
        <v>11885.0</v>
      </c>
      <c r="C3283" s="1" t="s">
        <v>5</v>
      </c>
      <c r="D3283" s="1" t="s">
        <v>2688</v>
      </c>
      <c r="E3283" s="1" t="s">
        <v>7</v>
      </c>
    </row>
    <row r="3284">
      <c r="A3284" s="1">
        <v>4.90393545E8</v>
      </c>
      <c r="B3284" s="2">
        <v>11868.0</v>
      </c>
      <c r="C3284" s="1" t="s">
        <v>5</v>
      </c>
      <c r="D3284" s="1" t="s">
        <v>2689</v>
      </c>
      <c r="E3284" s="1" t="s">
        <v>7</v>
      </c>
    </row>
    <row r="3285">
      <c r="A3285" s="1">
        <v>4.90393547E8</v>
      </c>
      <c r="B3285" s="2">
        <v>11861.0</v>
      </c>
      <c r="C3285" s="1" t="s">
        <v>5</v>
      </c>
      <c r="D3285" s="1" t="s">
        <v>2690</v>
      </c>
      <c r="E3285" s="1" t="s">
        <v>11</v>
      </c>
    </row>
    <row r="3286">
      <c r="A3286" s="1">
        <v>4.90393553E8</v>
      </c>
      <c r="B3286" s="2">
        <v>11863.0</v>
      </c>
      <c r="C3286" s="1" t="s">
        <v>5</v>
      </c>
      <c r="D3286" s="1" t="s">
        <v>2691</v>
      </c>
      <c r="E3286" s="1" t="s">
        <v>11</v>
      </c>
    </row>
    <row r="3287">
      <c r="A3287" s="1">
        <v>4.90393554E8</v>
      </c>
      <c r="B3287" s="2">
        <v>11865.0</v>
      </c>
      <c r="C3287" s="1" t="s">
        <v>5</v>
      </c>
      <c r="D3287" s="1" t="s">
        <v>2692</v>
      </c>
      <c r="E3287" s="1" t="s">
        <v>7</v>
      </c>
    </row>
    <row r="3288">
      <c r="A3288" s="1">
        <v>4.90393561E8</v>
      </c>
      <c r="B3288" s="2">
        <v>11892.0</v>
      </c>
      <c r="C3288" s="1" t="s">
        <v>5</v>
      </c>
      <c r="D3288" s="1" t="s">
        <v>2693</v>
      </c>
      <c r="E3288" s="1" t="s">
        <v>7</v>
      </c>
    </row>
    <row r="3289">
      <c r="A3289" s="1">
        <v>4.90393564E8</v>
      </c>
      <c r="B3289" s="2">
        <v>11882.0</v>
      </c>
      <c r="C3289" s="1" t="s">
        <v>5</v>
      </c>
      <c r="D3289" s="1" t="s">
        <v>2694</v>
      </c>
      <c r="E3289" s="1" t="s">
        <v>7</v>
      </c>
    </row>
    <row r="3290">
      <c r="A3290" s="1">
        <v>4.90393565E8</v>
      </c>
      <c r="B3290" s="2">
        <v>11885.0</v>
      </c>
      <c r="C3290" s="1" t="s">
        <v>5</v>
      </c>
      <c r="D3290" s="1" t="s">
        <v>2695</v>
      </c>
      <c r="E3290" s="1" t="s">
        <v>7</v>
      </c>
    </row>
    <row r="3291">
      <c r="A3291" s="1">
        <v>4.90393569E8</v>
      </c>
      <c r="B3291" s="2">
        <v>11868.0</v>
      </c>
      <c r="C3291" s="1" t="s">
        <v>5</v>
      </c>
      <c r="D3291" s="1" t="s">
        <v>11</v>
      </c>
      <c r="E3291" s="1" t="s">
        <v>7</v>
      </c>
    </row>
    <row r="3292">
      <c r="A3292" s="1">
        <v>4.9039357E8</v>
      </c>
      <c r="B3292" s="2">
        <v>11889.0</v>
      </c>
      <c r="C3292" s="1" t="s">
        <v>5</v>
      </c>
      <c r="D3292" s="1" t="s">
        <v>2696</v>
      </c>
      <c r="E3292" s="1" t="s">
        <v>7</v>
      </c>
    </row>
    <row r="3293">
      <c r="A3293" s="1">
        <v>4.90393573E8</v>
      </c>
      <c r="B3293" s="2">
        <v>11864.0</v>
      </c>
      <c r="C3293" s="1" t="s">
        <v>5</v>
      </c>
      <c r="D3293" s="1" t="s">
        <v>2697</v>
      </c>
      <c r="E3293" s="1" t="s">
        <v>7</v>
      </c>
    </row>
    <row r="3294">
      <c r="A3294" s="1">
        <v>4.9039358E8</v>
      </c>
      <c r="B3294" s="2">
        <v>11895.0</v>
      </c>
      <c r="C3294" s="1" t="s">
        <v>5</v>
      </c>
      <c r="D3294" s="1" t="s">
        <v>2698</v>
      </c>
      <c r="E3294" s="1" t="s">
        <v>7</v>
      </c>
    </row>
    <row r="3295">
      <c r="A3295" s="1">
        <v>4.90393583E8</v>
      </c>
      <c r="B3295" s="2">
        <v>11885.0</v>
      </c>
      <c r="C3295" s="1" t="s">
        <v>5</v>
      </c>
      <c r="D3295" s="1" t="s">
        <v>11</v>
      </c>
      <c r="E3295" s="1" t="s">
        <v>7</v>
      </c>
    </row>
    <row r="3296">
      <c r="A3296" s="1">
        <v>4.90393585E8</v>
      </c>
      <c r="B3296" s="2">
        <v>11892.0</v>
      </c>
      <c r="C3296" s="1" t="s">
        <v>5</v>
      </c>
      <c r="D3296" s="1" t="s">
        <v>2699</v>
      </c>
      <c r="E3296" s="1" t="s">
        <v>7</v>
      </c>
    </row>
    <row r="3297">
      <c r="A3297" s="1">
        <v>4.90393587E8</v>
      </c>
      <c r="B3297" s="2">
        <v>11857.0</v>
      </c>
      <c r="C3297" s="1" t="s">
        <v>5</v>
      </c>
      <c r="D3297" s="1" t="s">
        <v>11</v>
      </c>
      <c r="E3297" s="1" t="s">
        <v>7</v>
      </c>
    </row>
    <row r="3298">
      <c r="A3298" s="1">
        <v>4.90393588E8</v>
      </c>
      <c r="B3298" s="2">
        <v>11866.0</v>
      </c>
      <c r="C3298" s="1" t="s">
        <v>5</v>
      </c>
      <c r="D3298" s="1" t="s">
        <v>2700</v>
      </c>
      <c r="E3298" s="1" t="s">
        <v>2701</v>
      </c>
    </row>
    <row r="3299">
      <c r="A3299" s="1">
        <v>4.90393589E8</v>
      </c>
      <c r="B3299" s="2">
        <v>11884.0</v>
      </c>
      <c r="C3299" s="1" t="s">
        <v>5</v>
      </c>
      <c r="D3299" s="1" t="s">
        <v>2702</v>
      </c>
      <c r="E3299" s="1" t="s">
        <v>11</v>
      </c>
    </row>
    <row r="3300">
      <c r="A3300" s="1">
        <v>4.90393596E8</v>
      </c>
      <c r="B3300" s="2">
        <v>11885.0</v>
      </c>
      <c r="C3300" s="1" t="s">
        <v>5</v>
      </c>
      <c r="D3300" s="1" t="s">
        <v>2703</v>
      </c>
      <c r="E3300" s="1" t="s">
        <v>11</v>
      </c>
    </row>
    <row r="3301">
      <c r="A3301" s="1">
        <v>4.90393605E8</v>
      </c>
      <c r="B3301" s="2">
        <v>11861.0</v>
      </c>
      <c r="C3301" s="1" t="s">
        <v>5</v>
      </c>
      <c r="D3301" s="1" t="s">
        <v>2704</v>
      </c>
      <c r="E3301" s="1" t="s">
        <v>7</v>
      </c>
    </row>
    <row r="3302">
      <c r="A3302" s="1">
        <v>4.90393606E8</v>
      </c>
      <c r="B3302" s="2">
        <v>11857.0</v>
      </c>
      <c r="C3302" s="1" t="s">
        <v>5</v>
      </c>
      <c r="D3302" s="1" t="s">
        <v>2705</v>
      </c>
      <c r="E3302" s="1" t="s">
        <v>11</v>
      </c>
    </row>
    <row r="3303">
      <c r="A3303" s="1">
        <v>4.90393608E8</v>
      </c>
      <c r="B3303" s="2">
        <v>11860.0</v>
      </c>
      <c r="C3303" s="1" t="s">
        <v>5</v>
      </c>
      <c r="D3303" s="1" t="s">
        <v>2706</v>
      </c>
      <c r="E3303" s="1" t="s">
        <v>7</v>
      </c>
    </row>
    <row r="3304">
      <c r="A3304" s="1">
        <v>4.9039361E8</v>
      </c>
      <c r="B3304" s="2">
        <v>11893.0</v>
      </c>
      <c r="C3304" s="1" t="s">
        <v>5</v>
      </c>
      <c r="D3304" s="1" t="s">
        <v>2707</v>
      </c>
      <c r="E3304" s="1" t="s">
        <v>2708</v>
      </c>
    </row>
    <row r="3305">
      <c r="A3305" s="1">
        <v>4.90393614E8</v>
      </c>
      <c r="B3305" s="2">
        <v>11885.0</v>
      </c>
      <c r="C3305" s="1" t="s">
        <v>5</v>
      </c>
      <c r="D3305" s="1" t="s">
        <v>2709</v>
      </c>
      <c r="E3305" s="1" t="s">
        <v>11</v>
      </c>
    </row>
    <row r="3306">
      <c r="A3306" s="1">
        <v>4.90393616E8</v>
      </c>
      <c r="B3306" s="2">
        <v>11882.0</v>
      </c>
      <c r="C3306" s="1" t="s">
        <v>5</v>
      </c>
      <c r="D3306" s="1" t="s">
        <v>2710</v>
      </c>
      <c r="E3306" s="1" t="s">
        <v>7</v>
      </c>
    </row>
    <row r="3307">
      <c r="A3307" s="1">
        <v>4.90393622E8</v>
      </c>
      <c r="B3307" s="2">
        <v>11888.0</v>
      </c>
      <c r="C3307" s="1" t="s">
        <v>5</v>
      </c>
      <c r="D3307" s="1" t="s">
        <v>2711</v>
      </c>
      <c r="E3307" s="1" t="s">
        <v>7</v>
      </c>
    </row>
    <row r="3308">
      <c r="A3308" s="1">
        <v>4.90393623E8</v>
      </c>
      <c r="B3308" s="2">
        <v>11889.0</v>
      </c>
      <c r="C3308" s="1" t="s">
        <v>5</v>
      </c>
      <c r="D3308" s="1" t="s">
        <v>2712</v>
      </c>
      <c r="E3308" s="1" t="s">
        <v>2713</v>
      </c>
    </row>
    <row r="3309">
      <c r="A3309" s="1">
        <v>4.90393624E8</v>
      </c>
      <c r="B3309" s="2">
        <v>11862.0</v>
      </c>
      <c r="C3309" s="1" t="s">
        <v>5</v>
      </c>
      <c r="D3309" s="1" t="s">
        <v>2714</v>
      </c>
      <c r="E3309" s="1" t="s">
        <v>2715</v>
      </c>
    </row>
    <row r="3310">
      <c r="A3310" s="1">
        <v>4.90393626E8</v>
      </c>
      <c r="B3310" s="2">
        <v>11869.0</v>
      </c>
      <c r="C3310" s="1" t="s">
        <v>5</v>
      </c>
      <c r="D3310" s="1" t="s">
        <v>2716</v>
      </c>
      <c r="E3310" s="1" t="s">
        <v>11</v>
      </c>
    </row>
    <row r="3311">
      <c r="A3311" s="1">
        <v>4.90393627E8</v>
      </c>
      <c r="B3311" s="2">
        <v>11864.0</v>
      </c>
      <c r="C3311" s="1" t="s">
        <v>5</v>
      </c>
      <c r="D3311" s="1" t="s">
        <v>2717</v>
      </c>
      <c r="E3311" s="1" t="s">
        <v>2718</v>
      </c>
    </row>
    <row r="3312">
      <c r="A3312" s="1">
        <v>4.90393628E8</v>
      </c>
      <c r="B3312" s="2">
        <v>11885.0</v>
      </c>
      <c r="C3312" s="1" t="s">
        <v>5</v>
      </c>
      <c r="D3312" s="1" t="s">
        <v>2719</v>
      </c>
      <c r="E3312" s="1" t="s">
        <v>11</v>
      </c>
    </row>
    <row r="3313">
      <c r="A3313" s="1">
        <v>4.90393631E8</v>
      </c>
      <c r="B3313" s="2">
        <v>11878.0</v>
      </c>
      <c r="C3313" s="1" t="s">
        <v>5</v>
      </c>
      <c r="D3313" s="1" t="s">
        <v>2720</v>
      </c>
      <c r="E3313" s="1" t="s">
        <v>7</v>
      </c>
    </row>
    <row r="3314">
      <c r="A3314" s="1">
        <v>4.90393632E8</v>
      </c>
      <c r="B3314" s="2">
        <v>11892.0</v>
      </c>
      <c r="C3314" s="1" t="s">
        <v>5</v>
      </c>
      <c r="D3314" s="1" t="s">
        <v>2295</v>
      </c>
      <c r="E3314" s="1" t="s">
        <v>11</v>
      </c>
    </row>
    <row r="3315">
      <c r="A3315" s="1">
        <v>4.90393634E8</v>
      </c>
      <c r="B3315" s="2">
        <v>11868.0</v>
      </c>
      <c r="C3315" s="1" t="s">
        <v>5</v>
      </c>
      <c r="D3315" s="1" t="s">
        <v>11</v>
      </c>
      <c r="E3315" s="1" t="s">
        <v>7</v>
      </c>
    </row>
    <row r="3316">
      <c r="A3316" s="1">
        <v>4.90393635E8</v>
      </c>
      <c r="B3316" s="2">
        <v>11893.0</v>
      </c>
      <c r="C3316" s="1" t="s">
        <v>5</v>
      </c>
      <c r="D3316" s="1" t="s">
        <v>2721</v>
      </c>
      <c r="E3316" s="1" t="s">
        <v>7</v>
      </c>
    </row>
    <row r="3317">
      <c r="A3317" s="1">
        <v>4.90393636E8</v>
      </c>
      <c r="B3317" s="2">
        <v>11860.0</v>
      </c>
      <c r="C3317" s="1" t="s">
        <v>5</v>
      </c>
      <c r="D3317" s="1" t="s">
        <v>2722</v>
      </c>
      <c r="E3317" s="1" t="s">
        <v>2723</v>
      </c>
    </row>
    <row r="3318">
      <c r="A3318" s="1">
        <v>4.90393639E8</v>
      </c>
      <c r="B3318" s="2">
        <v>11867.0</v>
      </c>
      <c r="C3318" s="1" t="s">
        <v>5</v>
      </c>
      <c r="D3318" s="1" t="s">
        <v>2724</v>
      </c>
      <c r="E3318" s="1" t="s">
        <v>11</v>
      </c>
    </row>
    <row r="3319">
      <c r="A3319" s="1">
        <v>4.90393642E8</v>
      </c>
      <c r="B3319" s="2">
        <v>11892.0</v>
      </c>
      <c r="C3319" s="1" t="s">
        <v>5</v>
      </c>
      <c r="D3319" s="1" t="s">
        <v>2725</v>
      </c>
      <c r="E3319" s="1" t="s">
        <v>11</v>
      </c>
    </row>
    <row r="3320">
      <c r="A3320" s="1">
        <v>4.90393648E8</v>
      </c>
      <c r="B3320" s="2">
        <v>11860.0</v>
      </c>
      <c r="C3320" s="1" t="s">
        <v>5</v>
      </c>
      <c r="D3320" s="1" t="s">
        <v>2726</v>
      </c>
      <c r="E3320" s="1" t="s">
        <v>7</v>
      </c>
    </row>
    <row r="3321">
      <c r="A3321" s="1">
        <v>4.90393649E8</v>
      </c>
      <c r="B3321" s="2">
        <v>11868.0</v>
      </c>
      <c r="C3321" s="1" t="s">
        <v>5</v>
      </c>
      <c r="D3321" s="1" t="s">
        <v>2727</v>
      </c>
      <c r="E3321" s="1" t="s">
        <v>11</v>
      </c>
    </row>
    <row r="3322">
      <c r="A3322" s="1">
        <v>4.9039365E8</v>
      </c>
      <c r="B3322" s="2">
        <v>11885.0</v>
      </c>
      <c r="C3322" s="1" t="s">
        <v>5</v>
      </c>
      <c r="D3322" s="1" t="s">
        <v>2728</v>
      </c>
      <c r="E3322" s="1" t="s">
        <v>7</v>
      </c>
    </row>
    <row r="3323">
      <c r="A3323" s="1">
        <v>4.90393652E8</v>
      </c>
      <c r="B3323" s="2">
        <v>11868.0</v>
      </c>
      <c r="C3323" s="1" t="s">
        <v>5</v>
      </c>
      <c r="D3323" s="1" t="s">
        <v>11</v>
      </c>
      <c r="E3323" s="1" t="s">
        <v>7</v>
      </c>
    </row>
    <row r="3324">
      <c r="A3324" s="1">
        <v>4.90393656E8</v>
      </c>
      <c r="B3324" s="2">
        <v>11864.0</v>
      </c>
      <c r="C3324" s="1" t="s">
        <v>5</v>
      </c>
      <c r="D3324" s="1" t="s">
        <v>2729</v>
      </c>
      <c r="E3324" s="1" t="s">
        <v>7</v>
      </c>
    </row>
    <row r="3325">
      <c r="A3325" s="1">
        <v>4.90393657E8</v>
      </c>
      <c r="B3325" s="2">
        <v>11878.0</v>
      </c>
      <c r="C3325" s="1" t="s">
        <v>5</v>
      </c>
      <c r="D3325" s="1" t="s">
        <v>11</v>
      </c>
      <c r="E3325" s="1" t="s">
        <v>7</v>
      </c>
    </row>
    <row r="3326">
      <c r="A3326" s="1">
        <v>4.90393658E8</v>
      </c>
      <c r="B3326" s="2">
        <v>11885.0</v>
      </c>
      <c r="C3326" s="1" t="s">
        <v>5</v>
      </c>
      <c r="D3326" s="1" t="s">
        <v>11</v>
      </c>
      <c r="E3326" s="1" t="s">
        <v>7</v>
      </c>
    </row>
    <row r="3327">
      <c r="A3327" s="1">
        <v>4.9039366E8</v>
      </c>
      <c r="B3327" s="2">
        <v>11868.0</v>
      </c>
      <c r="C3327" s="1" t="s">
        <v>5</v>
      </c>
      <c r="D3327" s="1" t="s">
        <v>2730</v>
      </c>
      <c r="E3327" s="1" t="s">
        <v>11</v>
      </c>
    </row>
    <row r="3328">
      <c r="A3328" s="1">
        <v>4.90393662E8</v>
      </c>
      <c r="B3328" s="2">
        <v>11888.0</v>
      </c>
      <c r="C3328" s="1" t="s">
        <v>5</v>
      </c>
      <c r="D3328" s="1" t="s">
        <v>2731</v>
      </c>
      <c r="E3328" s="1" t="s">
        <v>11</v>
      </c>
    </row>
    <row r="3329">
      <c r="A3329" s="1">
        <v>4.90393663E8</v>
      </c>
      <c r="B3329" s="2">
        <v>11885.0</v>
      </c>
      <c r="C3329" s="1" t="s">
        <v>5</v>
      </c>
      <c r="D3329" s="1" t="s">
        <v>11</v>
      </c>
      <c r="E3329" s="1" t="s">
        <v>7</v>
      </c>
    </row>
    <row r="3330">
      <c r="A3330" s="1">
        <v>4.90393666E8</v>
      </c>
      <c r="B3330" s="2">
        <v>11882.0</v>
      </c>
      <c r="C3330" s="1" t="s">
        <v>5</v>
      </c>
      <c r="D3330" s="1" t="s">
        <v>11</v>
      </c>
      <c r="E3330" s="1" t="s">
        <v>7</v>
      </c>
    </row>
    <row r="3331">
      <c r="A3331" s="1">
        <v>4.90393667E8</v>
      </c>
      <c r="B3331" s="2">
        <v>11885.0</v>
      </c>
      <c r="C3331" s="1" t="s">
        <v>5</v>
      </c>
      <c r="D3331" s="1" t="s">
        <v>11</v>
      </c>
      <c r="E3331" s="1" t="s">
        <v>7</v>
      </c>
    </row>
    <row r="3332">
      <c r="A3332" s="1">
        <v>4.90393668E8</v>
      </c>
      <c r="B3332" s="2">
        <v>11861.0</v>
      </c>
      <c r="C3332" s="1" t="s">
        <v>5</v>
      </c>
      <c r="D3332" s="1" t="s">
        <v>11</v>
      </c>
      <c r="E3332" s="1" t="s">
        <v>7</v>
      </c>
    </row>
    <row r="3333">
      <c r="A3333" s="1">
        <v>4.90393672E8</v>
      </c>
      <c r="B3333" s="2">
        <v>11868.0</v>
      </c>
      <c r="C3333" s="1" t="s">
        <v>5</v>
      </c>
      <c r="D3333" s="1" t="s">
        <v>2732</v>
      </c>
      <c r="E3333" s="1" t="s">
        <v>11</v>
      </c>
    </row>
    <row r="3334">
      <c r="A3334" s="1">
        <v>4.90393674E8</v>
      </c>
      <c r="B3334" s="2">
        <v>11860.0</v>
      </c>
      <c r="C3334" s="1" t="s">
        <v>5</v>
      </c>
      <c r="D3334" s="1" t="s">
        <v>2733</v>
      </c>
      <c r="E3334" s="1" t="s">
        <v>2734</v>
      </c>
    </row>
    <row r="3335">
      <c r="A3335" s="1">
        <v>4.90393675E8</v>
      </c>
      <c r="B3335" s="2">
        <v>11855.0</v>
      </c>
      <c r="C3335" s="1" t="s">
        <v>5</v>
      </c>
      <c r="D3335" s="1" t="s">
        <v>2735</v>
      </c>
      <c r="E3335" s="1" t="s">
        <v>11</v>
      </c>
    </row>
    <row r="3336">
      <c r="A3336" s="1">
        <v>4.90393676E8</v>
      </c>
      <c r="B3336" s="2">
        <v>11869.0</v>
      </c>
      <c r="C3336" s="1" t="s">
        <v>5</v>
      </c>
      <c r="D3336" s="1" t="s">
        <v>2736</v>
      </c>
      <c r="E3336" s="1" t="s">
        <v>11</v>
      </c>
    </row>
    <row r="3337">
      <c r="A3337" s="1">
        <v>4.90393677E8</v>
      </c>
      <c r="B3337" s="2">
        <v>11866.0</v>
      </c>
      <c r="C3337" s="1" t="s">
        <v>5</v>
      </c>
      <c r="D3337" s="1" t="s">
        <v>2737</v>
      </c>
      <c r="E3337" s="1" t="s">
        <v>7</v>
      </c>
    </row>
    <row r="3338">
      <c r="A3338" s="1">
        <v>4.90393683E8</v>
      </c>
      <c r="B3338" s="2">
        <v>11885.0</v>
      </c>
      <c r="C3338" s="1" t="s">
        <v>5</v>
      </c>
      <c r="D3338" s="1" t="s">
        <v>7</v>
      </c>
      <c r="E3338" s="1" t="s">
        <v>7</v>
      </c>
    </row>
    <row r="3339">
      <c r="A3339" s="1">
        <v>4.90393696E8</v>
      </c>
      <c r="B3339" s="2">
        <v>11866.0</v>
      </c>
      <c r="C3339" s="1" t="s">
        <v>5</v>
      </c>
      <c r="D3339" s="1" t="s">
        <v>2738</v>
      </c>
      <c r="E3339" s="1" t="s">
        <v>7</v>
      </c>
    </row>
    <row r="3340">
      <c r="A3340" s="1">
        <v>4.90393697E8</v>
      </c>
      <c r="B3340" s="2">
        <v>11869.0</v>
      </c>
      <c r="C3340" s="1" t="s">
        <v>5</v>
      </c>
      <c r="D3340" s="1" t="s">
        <v>2739</v>
      </c>
      <c r="E3340" s="1" t="s">
        <v>11</v>
      </c>
    </row>
    <row r="3341">
      <c r="A3341" s="1">
        <v>4.90393699E8</v>
      </c>
      <c r="B3341" s="2">
        <v>11860.0</v>
      </c>
      <c r="C3341" s="1" t="s">
        <v>5</v>
      </c>
      <c r="D3341" s="1" t="s">
        <v>11</v>
      </c>
      <c r="E3341" s="1" t="s">
        <v>7</v>
      </c>
    </row>
    <row r="3342">
      <c r="A3342" s="1">
        <v>4.90393701E8</v>
      </c>
      <c r="B3342" s="2">
        <v>11884.0</v>
      </c>
      <c r="C3342" s="1" t="s">
        <v>5</v>
      </c>
      <c r="D3342" s="1" t="s">
        <v>2740</v>
      </c>
      <c r="E3342" s="1" t="s">
        <v>7</v>
      </c>
    </row>
    <row r="3343">
      <c r="A3343" s="1">
        <v>4.90393702E8</v>
      </c>
      <c r="B3343" s="2">
        <v>11861.0</v>
      </c>
      <c r="C3343" s="1" t="s">
        <v>5</v>
      </c>
      <c r="D3343" s="1" t="s">
        <v>2741</v>
      </c>
      <c r="E3343" s="1" t="s">
        <v>11</v>
      </c>
    </row>
    <row r="3344">
      <c r="A3344" s="1">
        <v>4.90393703E8</v>
      </c>
      <c r="B3344" s="2">
        <v>11884.0</v>
      </c>
      <c r="C3344" s="1" t="s">
        <v>5</v>
      </c>
      <c r="D3344" s="1" t="s">
        <v>2742</v>
      </c>
      <c r="E3344" s="1" t="s">
        <v>11</v>
      </c>
    </row>
    <row r="3345">
      <c r="A3345" s="1">
        <v>4.90393705E8</v>
      </c>
      <c r="B3345" s="2">
        <v>11864.0</v>
      </c>
      <c r="C3345" s="1" t="s">
        <v>5</v>
      </c>
      <c r="D3345" s="1" t="s">
        <v>11</v>
      </c>
      <c r="E3345" s="1" t="s">
        <v>7</v>
      </c>
    </row>
    <row r="3346">
      <c r="A3346" s="1">
        <v>4.90393712E8</v>
      </c>
      <c r="B3346" s="2">
        <v>11882.0</v>
      </c>
      <c r="C3346" s="1" t="s">
        <v>5</v>
      </c>
      <c r="D3346" s="1" t="s">
        <v>2743</v>
      </c>
      <c r="E3346" s="1" t="s">
        <v>7</v>
      </c>
    </row>
    <row r="3347">
      <c r="A3347" s="1">
        <v>4.90393713E8</v>
      </c>
      <c r="B3347" s="2">
        <v>11885.0</v>
      </c>
      <c r="C3347" s="1" t="s">
        <v>5</v>
      </c>
      <c r="D3347" s="1" t="s">
        <v>2744</v>
      </c>
      <c r="E3347" s="1" t="s">
        <v>7</v>
      </c>
    </row>
    <row r="3348">
      <c r="A3348" s="1">
        <v>4.90393715E8</v>
      </c>
      <c r="B3348" s="2">
        <v>11878.0</v>
      </c>
      <c r="C3348" s="1" t="s">
        <v>5</v>
      </c>
      <c r="D3348" s="1" t="s">
        <v>11</v>
      </c>
      <c r="E3348" s="1" t="s">
        <v>7</v>
      </c>
    </row>
    <row r="3349">
      <c r="A3349" s="1">
        <v>4.90393716E8</v>
      </c>
      <c r="B3349" s="2">
        <v>11868.0</v>
      </c>
      <c r="C3349" s="1" t="s">
        <v>5</v>
      </c>
      <c r="D3349" s="1" t="s">
        <v>11</v>
      </c>
      <c r="E3349" s="1" t="s">
        <v>7</v>
      </c>
    </row>
    <row r="3350">
      <c r="A3350" s="1">
        <v>4.90393717E8</v>
      </c>
      <c r="B3350" s="2">
        <v>11867.0</v>
      </c>
      <c r="C3350" s="1" t="s">
        <v>5</v>
      </c>
      <c r="D3350" s="1" t="s">
        <v>2745</v>
      </c>
      <c r="E3350" s="1" t="s">
        <v>11</v>
      </c>
    </row>
    <row r="3351">
      <c r="A3351" s="1">
        <v>4.90393719E8</v>
      </c>
      <c r="B3351" s="2">
        <v>11869.0</v>
      </c>
      <c r="C3351" s="1" t="s">
        <v>5</v>
      </c>
      <c r="D3351" s="1" t="s">
        <v>11</v>
      </c>
      <c r="E3351" s="1" t="s">
        <v>7</v>
      </c>
    </row>
    <row r="3352">
      <c r="A3352" s="1">
        <v>4.90393722E8</v>
      </c>
      <c r="B3352" s="2">
        <v>11866.0</v>
      </c>
      <c r="C3352" s="1" t="s">
        <v>5</v>
      </c>
      <c r="D3352" s="1" t="s">
        <v>2746</v>
      </c>
      <c r="E3352" s="1" t="s">
        <v>11</v>
      </c>
    </row>
    <row r="3353">
      <c r="A3353" s="1">
        <v>4.90393724E8</v>
      </c>
      <c r="B3353" s="2">
        <v>11861.0</v>
      </c>
      <c r="C3353" s="1" t="s">
        <v>5</v>
      </c>
      <c r="D3353" s="1" t="s">
        <v>2747</v>
      </c>
      <c r="E3353" s="1" t="s">
        <v>11</v>
      </c>
    </row>
    <row r="3354">
      <c r="A3354" s="1">
        <v>4.90393726E8</v>
      </c>
      <c r="B3354" s="2">
        <v>11860.0</v>
      </c>
      <c r="C3354" s="1" t="s">
        <v>5</v>
      </c>
      <c r="D3354" s="1" t="s">
        <v>11</v>
      </c>
      <c r="E3354" s="1" t="s">
        <v>7</v>
      </c>
    </row>
    <row r="3355">
      <c r="A3355" s="1">
        <v>4.90393728E8</v>
      </c>
      <c r="B3355" s="2">
        <v>11862.0</v>
      </c>
      <c r="C3355" s="1" t="s">
        <v>5</v>
      </c>
      <c r="D3355" s="1" t="s">
        <v>2748</v>
      </c>
      <c r="E3355" s="1" t="s">
        <v>7</v>
      </c>
    </row>
    <row r="3356">
      <c r="A3356" s="1">
        <v>4.90393731E8</v>
      </c>
      <c r="B3356" s="2">
        <v>11889.0</v>
      </c>
      <c r="C3356" s="1" t="s">
        <v>5</v>
      </c>
      <c r="D3356" s="1" t="s">
        <v>2430</v>
      </c>
      <c r="E3356" s="1" t="s">
        <v>11</v>
      </c>
    </row>
    <row r="3357">
      <c r="A3357" s="1">
        <v>4.90393737E8</v>
      </c>
      <c r="B3357" s="2">
        <v>11860.0</v>
      </c>
      <c r="C3357" s="1" t="s">
        <v>5</v>
      </c>
      <c r="D3357" s="1" t="s">
        <v>11</v>
      </c>
      <c r="E3357" s="1" t="s">
        <v>7</v>
      </c>
    </row>
    <row r="3358">
      <c r="A3358" s="1">
        <v>4.90393744E8</v>
      </c>
      <c r="B3358" s="2">
        <v>11860.0</v>
      </c>
      <c r="C3358" s="1" t="s">
        <v>5</v>
      </c>
      <c r="D3358" s="1" t="s">
        <v>2749</v>
      </c>
      <c r="E3358" s="1" t="s">
        <v>11</v>
      </c>
    </row>
    <row r="3359">
      <c r="A3359" s="1">
        <v>4.90393748E8</v>
      </c>
      <c r="B3359" s="2">
        <v>11864.0</v>
      </c>
      <c r="C3359" s="1" t="s">
        <v>5</v>
      </c>
      <c r="D3359" s="1" t="s">
        <v>11</v>
      </c>
      <c r="E3359" s="1" t="s">
        <v>7</v>
      </c>
    </row>
    <row r="3360">
      <c r="A3360" s="1">
        <v>4.90393752E8</v>
      </c>
      <c r="B3360" s="2">
        <v>11868.0</v>
      </c>
      <c r="C3360" s="1" t="s">
        <v>5</v>
      </c>
      <c r="D3360" s="1" t="s">
        <v>2750</v>
      </c>
      <c r="E3360" s="1" t="s">
        <v>7</v>
      </c>
    </row>
    <row r="3361">
      <c r="A3361" s="1">
        <v>4.90393753E8</v>
      </c>
      <c r="B3361" s="2">
        <v>11885.0</v>
      </c>
      <c r="C3361" s="1" t="s">
        <v>5</v>
      </c>
      <c r="D3361" s="1" t="s">
        <v>2751</v>
      </c>
      <c r="E3361" s="1" t="s">
        <v>7</v>
      </c>
    </row>
    <row r="3362">
      <c r="A3362" s="1">
        <v>4.90393754E8</v>
      </c>
      <c r="B3362" s="2">
        <v>11866.0</v>
      </c>
      <c r="C3362" s="1" t="s">
        <v>5</v>
      </c>
      <c r="D3362" s="1" t="s">
        <v>2752</v>
      </c>
      <c r="E3362" s="1" t="s">
        <v>11</v>
      </c>
    </row>
    <row r="3363">
      <c r="A3363" s="1">
        <v>4.90393761E8</v>
      </c>
      <c r="B3363" s="2">
        <v>11893.0</v>
      </c>
      <c r="C3363" s="1" t="s">
        <v>5</v>
      </c>
      <c r="D3363" s="1" t="s">
        <v>2753</v>
      </c>
      <c r="E3363" s="1" t="s">
        <v>11</v>
      </c>
    </row>
    <row r="3364">
      <c r="A3364" s="1">
        <v>4.90393763E8</v>
      </c>
      <c r="B3364" s="2">
        <v>11885.0</v>
      </c>
      <c r="C3364" s="1" t="s">
        <v>5</v>
      </c>
      <c r="D3364" s="1" t="s">
        <v>2754</v>
      </c>
      <c r="E3364" s="1" t="s">
        <v>11</v>
      </c>
    </row>
    <row r="3365">
      <c r="A3365" s="1">
        <v>4.90393765E8</v>
      </c>
      <c r="B3365" s="2">
        <v>11851.0</v>
      </c>
      <c r="C3365" s="1" t="s">
        <v>5</v>
      </c>
      <c r="D3365" s="1" t="s">
        <v>2755</v>
      </c>
      <c r="E3365" s="1" t="s">
        <v>7</v>
      </c>
    </row>
    <row r="3366">
      <c r="A3366" s="1">
        <v>4.90393766E8</v>
      </c>
      <c r="B3366" s="2">
        <v>11889.0</v>
      </c>
      <c r="C3366" s="1" t="s">
        <v>5</v>
      </c>
      <c r="D3366" s="1" t="s">
        <v>2756</v>
      </c>
      <c r="E3366" s="1" t="s">
        <v>7</v>
      </c>
    </row>
    <row r="3367">
      <c r="A3367" s="1">
        <v>4.90393767E8</v>
      </c>
      <c r="B3367" s="2">
        <v>11866.0</v>
      </c>
      <c r="C3367" s="1" t="s">
        <v>5</v>
      </c>
      <c r="D3367" s="1" t="s">
        <v>2757</v>
      </c>
      <c r="E3367" s="1" t="s">
        <v>2758</v>
      </c>
    </row>
    <row r="3368">
      <c r="A3368" s="1">
        <v>4.90393771E8</v>
      </c>
      <c r="B3368" s="2">
        <v>11884.0</v>
      </c>
      <c r="C3368" s="1" t="s">
        <v>5</v>
      </c>
      <c r="D3368" s="1" t="s">
        <v>11</v>
      </c>
      <c r="E3368" s="1" t="s">
        <v>7</v>
      </c>
    </row>
    <row r="3369">
      <c r="A3369" s="1">
        <v>4.90393773E8</v>
      </c>
      <c r="B3369" s="2">
        <v>11860.0</v>
      </c>
      <c r="C3369" s="1" t="s">
        <v>5</v>
      </c>
      <c r="D3369" s="1" t="s">
        <v>2759</v>
      </c>
      <c r="E3369" s="1" t="s">
        <v>11</v>
      </c>
    </row>
    <row r="3370">
      <c r="A3370" s="1">
        <v>4.90393774E8</v>
      </c>
      <c r="B3370" s="2">
        <v>11892.0</v>
      </c>
      <c r="C3370" s="1" t="s">
        <v>5</v>
      </c>
      <c r="D3370" s="1" t="s">
        <v>11</v>
      </c>
      <c r="E3370" s="1" t="s">
        <v>7</v>
      </c>
    </row>
    <row r="3371">
      <c r="A3371" s="1">
        <v>4.90393777E8</v>
      </c>
      <c r="B3371" s="2">
        <v>11860.0</v>
      </c>
      <c r="C3371" s="1" t="s">
        <v>5</v>
      </c>
      <c r="D3371" s="1" t="s">
        <v>2760</v>
      </c>
      <c r="E3371" s="1" t="s">
        <v>11</v>
      </c>
    </row>
    <row r="3372">
      <c r="A3372" s="1">
        <v>4.90393778E8</v>
      </c>
      <c r="B3372" s="2">
        <v>11861.0</v>
      </c>
      <c r="C3372" s="1" t="s">
        <v>5</v>
      </c>
      <c r="D3372" s="1" t="s">
        <v>2761</v>
      </c>
      <c r="E3372" s="1" t="s">
        <v>7</v>
      </c>
    </row>
    <row r="3373">
      <c r="A3373" s="1">
        <v>4.90393783E8</v>
      </c>
      <c r="B3373" s="2">
        <v>11868.0</v>
      </c>
      <c r="C3373" s="1" t="s">
        <v>5</v>
      </c>
      <c r="D3373" s="1" t="s">
        <v>2762</v>
      </c>
      <c r="E3373" s="1" t="s">
        <v>7</v>
      </c>
    </row>
    <row r="3374">
      <c r="A3374" s="1">
        <v>4.90393784E8</v>
      </c>
      <c r="B3374" s="2">
        <v>11888.0</v>
      </c>
      <c r="C3374" s="1" t="s">
        <v>5</v>
      </c>
      <c r="D3374" s="1" t="s">
        <v>2763</v>
      </c>
      <c r="E3374" s="1" t="s">
        <v>7</v>
      </c>
    </row>
    <row r="3375">
      <c r="A3375" s="1">
        <v>4.90393787E8</v>
      </c>
      <c r="B3375" s="2">
        <v>11893.0</v>
      </c>
      <c r="C3375" s="1" t="s">
        <v>5</v>
      </c>
      <c r="D3375" s="1" t="s">
        <v>2764</v>
      </c>
      <c r="E3375" s="1" t="s">
        <v>11</v>
      </c>
    </row>
    <row r="3376">
      <c r="A3376" s="1">
        <v>4.90393791E8</v>
      </c>
      <c r="B3376" s="2">
        <v>11851.0</v>
      </c>
      <c r="C3376" s="1" t="s">
        <v>5</v>
      </c>
      <c r="D3376" s="1" t="s">
        <v>2765</v>
      </c>
      <c r="E3376" s="1" t="s">
        <v>2766</v>
      </c>
    </row>
    <row r="3377">
      <c r="A3377" s="1">
        <v>4.90393792E8</v>
      </c>
      <c r="B3377" s="2">
        <v>11878.0</v>
      </c>
      <c r="C3377" s="1" t="s">
        <v>5</v>
      </c>
      <c r="D3377" s="1" t="s">
        <v>2767</v>
      </c>
      <c r="E3377" s="1" t="s">
        <v>7</v>
      </c>
    </row>
    <row r="3378">
      <c r="A3378" s="1">
        <v>4.90393794E8</v>
      </c>
      <c r="B3378" s="2">
        <v>11878.0</v>
      </c>
      <c r="C3378" s="1" t="s">
        <v>5</v>
      </c>
      <c r="D3378" s="1" t="s">
        <v>11</v>
      </c>
      <c r="E3378" s="1" t="s">
        <v>7</v>
      </c>
    </row>
    <row r="3379">
      <c r="A3379" s="1">
        <v>4.90393797E8</v>
      </c>
      <c r="B3379" s="2">
        <v>11861.0</v>
      </c>
      <c r="C3379" s="1" t="s">
        <v>5</v>
      </c>
      <c r="D3379" s="1" t="s">
        <v>11</v>
      </c>
      <c r="E3379" s="1" t="s">
        <v>7</v>
      </c>
    </row>
    <row r="3380">
      <c r="A3380" s="1">
        <v>4.903938E8</v>
      </c>
      <c r="B3380" s="2">
        <v>11892.0</v>
      </c>
      <c r="C3380" s="1" t="s">
        <v>5</v>
      </c>
      <c r="D3380" s="1" t="s">
        <v>11</v>
      </c>
      <c r="E3380" s="1" t="s">
        <v>7</v>
      </c>
    </row>
    <row r="3381">
      <c r="A3381" s="1">
        <v>4.90393804E8</v>
      </c>
      <c r="B3381" s="2">
        <v>11867.0</v>
      </c>
      <c r="C3381" s="1" t="s">
        <v>5</v>
      </c>
      <c r="D3381" s="1" t="s">
        <v>2768</v>
      </c>
      <c r="E3381" s="1" t="s">
        <v>7</v>
      </c>
    </row>
    <row r="3382">
      <c r="A3382" s="1">
        <v>4.90393806E8</v>
      </c>
      <c r="B3382" s="2">
        <v>11885.0</v>
      </c>
      <c r="C3382" s="1" t="s">
        <v>5</v>
      </c>
      <c r="D3382" s="1" t="s">
        <v>2769</v>
      </c>
      <c r="E3382" s="1" t="s">
        <v>7</v>
      </c>
    </row>
    <row r="3383">
      <c r="A3383" s="1">
        <v>4.9039381E8</v>
      </c>
      <c r="B3383" s="2">
        <v>11860.0</v>
      </c>
      <c r="C3383" s="1" t="s">
        <v>5</v>
      </c>
      <c r="D3383" s="1" t="s">
        <v>2770</v>
      </c>
      <c r="E3383" s="1" t="s">
        <v>11</v>
      </c>
    </row>
    <row r="3384">
      <c r="A3384" s="1">
        <v>4.90393811E8</v>
      </c>
      <c r="B3384" s="2">
        <v>11878.0</v>
      </c>
      <c r="C3384" s="1" t="s">
        <v>5</v>
      </c>
      <c r="D3384" s="1" t="s">
        <v>2771</v>
      </c>
      <c r="E3384" s="1" t="s">
        <v>7</v>
      </c>
    </row>
    <row r="3385">
      <c r="A3385" s="1">
        <v>4.90393813E8</v>
      </c>
      <c r="B3385" s="2">
        <v>11855.0</v>
      </c>
      <c r="C3385" s="1" t="s">
        <v>5</v>
      </c>
      <c r="D3385" s="1" t="s">
        <v>2772</v>
      </c>
      <c r="E3385" s="1" t="s">
        <v>7</v>
      </c>
    </row>
    <row r="3386">
      <c r="A3386" s="1">
        <v>4.90393814E8</v>
      </c>
      <c r="B3386" s="2">
        <v>11884.0</v>
      </c>
      <c r="C3386" s="1" t="s">
        <v>5</v>
      </c>
      <c r="D3386" s="1" t="s">
        <v>2773</v>
      </c>
      <c r="E3386" s="1" t="s">
        <v>11</v>
      </c>
    </row>
    <row r="3387">
      <c r="A3387" s="1">
        <v>4.90393822E8</v>
      </c>
      <c r="B3387" s="2">
        <v>11878.0</v>
      </c>
      <c r="C3387" s="1" t="s">
        <v>5</v>
      </c>
      <c r="D3387" s="1" t="s">
        <v>2774</v>
      </c>
      <c r="E3387" s="1" t="s">
        <v>7</v>
      </c>
    </row>
    <row r="3388">
      <c r="A3388" s="1">
        <v>4.90393828E8</v>
      </c>
      <c r="B3388" s="2">
        <v>11866.0</v>
      </c>
      <c r="C3388" s="1" t="s">
        <v>5</v>
      </c>
      <c r="D3388" s="1" t="s">
        <v>2775</v>
      </c>
      <c r="E3388" s="1" t="s">
        <v>11</v>
      </c>
    </row>
    <row r="3389">
      <c r="A3389" s="1">
        <v>4.90393829E8</v>
      </c>
      <c r="B3389" s="2">
        <v>11893.0</v>
      </c>
      <c r="C3389" s="1" t="s">
        <v>5</v>
      </c>
      <c r="D3389" s="1" t="s">
        <v>11</v>
      </c>
      <c r="E3389" s="1" t="s">
        <v>7</v>
      </c>
    </row>
    <row r="3390">
      <c r="A3390" s="1">
        <v>4.90393836E8</v>
      </c>
      <c r="B3390" s="2">
        <v>11884.0</v>
      </c>
      <c r="C3390" s="1" t="s">
        <v>5</v>
      </c>
      <c r="D3390" s="1" t="s">
        <v>2776</v>
      </c>
      <c r="E3390" s="1" t="s">
        <v>7</v>
      </c>
    </row>
    <row r="3391">
      <c r="A3391" s="1">
        <v>4.90393844E8</v>
      </c>
      <c r="B3391" s="2">
        <v>11867.0</v>
      </c>
      <c r="C3391" s="1" t="s">
        <v>5</v>
      </c>
      <c r="D3391" s="1" t="s">
        <v>11</v>
      </c>
      <c r="E3391" s="1" t="s">
        <v>7</v>
      </c>
    </row>
    <row r="3392">
      <c r="A3392" s="1">
        <v>4.90393846E8</v>
      </c>
      <c r="B3392" s="2">
        <v>11885.0</v>
      </c>
      <c r="C3392" s="1" t="s">
        <v>5</v>
      </c>
      <c r="D3392" s="1" t="s">
        <v>2777</v>
      </c>
      <c r="E3392" s="1" t="s">
        <v>7</v>
      </c>
    </row>
    <row r="3393">
      <c r="A3393" s="1">
        <v>4.90393847E8</v>
      </c>
      <c r="B3393" s="2">
        <v>11868.0</v>
      </c>
      <c r="C3393" s="1" t="s">
        <v>5</v>
      </c>
      <c r="D3393" s="1" t="s">
        <v>2778</v>
      </c>
      <c r="E3393" s="1" t="s">
        <v>11</v>
      </c>
    </row>
    <row r="3394">
      <c r="A3394" s="1">
        <v>4.90393855E8</v>
      </c>
      <c r="B3394" s="2">
        <v>11860.0</v>
      </c>
      <c r="C3394" s="1" t="s">
        <v>5</v>
      </c>
      <c r="D3394" s="1" t="s">
        <v>11</v>
      </c>
      <c r="E3394" s="1" t="s">
        <v>7</v>
      </c>
    </row>
    <row r="3395">
      <c r="A3395" s="1">
        <v>4.90393856E8</v>
      </c>
      <c r="B3395" s="2">
        <v>11878.0</v>
      </c>
      <c r="C3395" s="1" t="s">
        <v>5</v>
      </c>
      <c r="D3395" s="1" t="s">
        <v>169</v>
      </c>
      <c r="E3395" s="1" t="s">
        <v>7</v>
      </c>
    </row>
    <row r="3396">
      <c r="A3396" s="1">
        <v>4.90393857E8</v>
      </c>
      <c r="B3396" s="2">
        <v>11855.0</v>
      </c>
      <c r="C3396" s="1" t="s">
        <v>5</v>
      </c>
      <c r="D3396" s="1" t="s">
        <v>2779</v>
      </c>
      <c r="E3396" s="1" t="s">
        <v>7</v>
      </c>
    </row>
    <row r="3397">
      <c r="A3397" s="1">
        <v>4.90393858E8</v>
      </c>
      <c r="B3397" s="2">
        <v>11862.0</v>
      </c>
      <c r="C3397" s="1" t="s">
        <v>5</v>
      </c>
      <c r="D3397" s="1" t="s">
        <v>2780</v>
      </c>
      <c r="E3397" s="1" t="s">
        <v>11</v>
      </c>
    </row>
    <row r="3398">
      <c r="A3398" s="1">
        <v>4.90393861E8</v>
      </c>
      <c r="B3398" s="2">
        <v>11880.0</v>
      </c>
      <c r="C3398" s="1" t="s">
        <v>5</v>
      </c>
      <c r="D3398" s="1" t="s">
        <v>2781</v>
      </c>
      <c r="E3398" s="1" t="s">
        <v>11</v>
      </c>
    </row>
    <row r="3399">
      <c r="A3399" s="1">
        <v>4.90393867E8</v>
      </c>
      <c r="B3399" s="2">
        <v>11861.0</v>
      </c>
      <c r="C3399" s="1" t="s">
        <v>5</v>
      </c>
      <c r="D3399" s="1" t="s">
        <v>73</v>
      </c>
      <c r="E3399" s="1" t="s">
        <v>7</v>
      </c>
    </row>
    <row r="3400">
      <c r="A3400" s="1">
        <v>4.90393871E8</v>
      </c>
      <c r="B3400" s="2">
        <v>11884.0</v>
      </c>
      <c r="C3400" s="1" t="s">
        <v>5</v>
      </c>
      <c r="D3400" s="1" t="s">
        <v>2782</v>
      </c>
      <c r="E3400" s="1" t="s">
        <v>11</v>
      </c>
    </row>
    <row r="3401">
      <c r="A3401" s="1">
        <v>4.90393873E8</v>
      </c>
      <c r="B3401" s="2">
        <v>11868.0</v>
      </c>
      <c r="C3401" s="1" t="s">
        <v>5</v>
      </c>
      <c r="D3401" s="1" t="s">
        <v>2783</v>
      </c>
      <c r="E3401" s="1" t="s">
        <v>7</v>
      </c>
    </row>
    <row r="3402">
      <c r="A3402" s="1">
        <v>4.9039388E8</v>
      </c>
      <c r="B3402" s="2">
        <v>11866.0</v>
      </c>
      <c r="C3402" s="1" t="s">
        <v>5</v>
      </c>
      <c r="D3402" s="1" t="s">
        <v>2784</v>
      </c>
      <c r="E3402" s="1" t="s">
        <v>11</v>
      </c>
    </row>
    <row r="3403">
      <c r="A3403" s="1">
        <v>4.90393882E8</v>
      </c>
      <c r="B3403" s="2">
        <v>11883.0</v>
      </c>
      <c r="C3403" s="1" t="s">
        <v>5</v>
      </c>
      <c r="D3403" s="1" t="s">
        <v>2785</v>
      </c>
      <c r="E3403" s="1" t="s">
        <v>7</v>
      </c>
    </row>
    <row r="3404">
      <c r="A3404" s="1">
        <v>4.90393884E8</v>
      </c>
      <c r="B3404" s="2">
        <v>11880.0</v>
      </c>
      <c r="C3404" s="1" t="s">
        <v>5</v>
      </c>
      <c r="D3404" s="1" t="s">
        <v>2786</v>
      </c>
      <c r="E3404" s="1" t="s">
        <v>11</v>
      </c>
    </row>
    <row r="3405">
      <c r="A3405" s="1">
        <v>4.90393887E8</v>
      </c>
      <c r="B3405" s="2">
        <v>11892.0</v>
      </c>
      <c r="C3405" s="1" t="s">
        <v>5</v>
      </c>
      <c r="D3405" s="1" t="s">
        <v>2787</v>
      </c>
      <c r="E3405" s="1" t="s">
        <v>2788</v>
      </c>
    </row>
    <row r="3406">
      <c r="A3406" s="1">
        <v>4.90393888E8</v>
      </c>
      <c r="B3406" s="2">
        <v>11885.0</v>
      </c>
      <c r="C3406" s="1" t="s">
        <v>5</v>
      </c>
      <c r="D3406" s="1" t="s">
        <v>11</v>
      </c>
      <c r="E3406" s="1" t="s">
        <v>7</v>
      </c>
    </row>
    <row r="3407">
      <c r="A3407" s="1">
        <v>4.90393891E8</v>
      </c>
      <c r="B3407" s="2">
        <v>11866.0</v>
      </c>
      <c r="C3407" s="1" t="s">
        <v>5</v>
      </c>
      <c r="D3407" s="1" t="s">
        <v>2789</v>
      </c>
      <c r="E3407" s="1" t="s">
        <v>11</v>
      </c>
    </row>
    <row r="3408">
      <c r="A3408" s="1">
        <v>4.90393893E8</v>
      </c>
      <c r="B3408" s="2">
        <v>11863.0</v>
      </c>
      <c r="C3408" s="1" t="s">
        <v>5</v>
      </c>
      <c r="D3408" s="1" t="s">
        <v>2790</v>
      </c>
      <c r="E3408" s="1" t="s">
        <v>7</v>
      </c>
    </row>
    <row r="3409">
      <c r="A3409" s="1">
        <v>4.90393898E8</v>
      </c>
      <c r="B3409" s="2">
        <v>11884.0</v>
      </c>
      <c r="C3409" s="1" t="s">
        <v>5</v>
      </c>
      <c r="D3409" s="1" t="s">
        <v>2791</v>
      </c>
      <c r="E3409" s="1" t="s">
        <v>7</v>
      </c>
    </row>
    <row r="3410">
      <c r="A3410" s="1">
        <v>4.90393902E8</v>
      </c>
      <c r="B3410" s="2">
        <v>11884.0</v>
      </c>
      <c r="C3410" s="1" t="s">
        <v>5</v>
      </c>
      <c r="D3410" s="1" t="s">
        <v>2792</v>
      </c>
      <c r="E3410" s="1" t="s">
        <v>11</v>
      </c>
    </row>
    <row r="3411">
      <c r="A3411" s="1">
        <v>4.90393903E8</v>
      </c>
      <c r="B3411" s="2">
        <v>11892.0</v>
      </c>
      <c r="C3411" s="1" t="s">
        <v>5</v>
      </c>
      <c r="D3411" s="1" t="s">
        <v>2793</v>
      </c>
      <c r="E3411" s="1" t="s">
        <v>2794</v>
      </c>
    </row>
    <row r="3412">
      <c r="A3412" s="1">
        <v>4.90393904E8</v>
      </c>
      <c r="B3412" s="2">
        <v>11880.0</v>
      </c>
      <c r="C3412" s="1" t="s">
        <v>5</v>
      </c>
      <c r="D3412" s="1" t="s">
        <v>2795</v>
      </c>
      <c r="E3412" s="1" t="s">
        <v>11</v>
      </c>
    </row>
    <row r="3413">
      <c r="A3413" s="1">
        <v>4.90393909E8</v>
      </c>
      <c r="B3413" s="2">
        <v>11863.0</v>
      </c>
      <c r="C3413" s="1" t="s">
        <v>5</v>
      </c>
      <c r="D3413" s="1" t="s">
        <v>2796</v>
      </c>
      <c r="E3413" s="1" t="s">
        <v>11</v>
      </c>
    </row>
    <row r="3414">
      <c r="A3414" s="1">
        <v>4.90393917E8</v>
      </c>
      <c r="B3414" s="2">
        <v>11877.0</v>
      </c>
      <c r="C3414" s="1" t="s">
        <v>5</v>
      </c>
      <c r="D3414" s="1" t="s">
        <v>2797</v>
      </c>
      <c r="E3414" s="1" t="s">
        <v>7</v>
      </c>
    </row>
    <row r="3415">
      <c r="A3415" s="1">
        <v>4.90393919E8</v>
      </c>
      <c r="B3415" s="2">
        <v>11884.0</v>
      </c>
      <c r="C3415" s="1" t="s">
        <v>5</v>
      </c>
      <c r="D3415" s="1" t="s">
        <v>11</v>
      </c>
      <c r="E3415" s="1" t="s">
        <v>7</v>
      </c>
    </row>
    <row r="3416">
      <c r="A3416" s="1">
        <v>4.90393921E8</v>
      </c>
      <c r="B3416" s="2">
        <v>11867.0</v>
      </c>
      <c r="C3416" s="1" t="s">
        <v>5</v>
      </c>
      <c r="D3416" s="1" t="s">
        <v>2798</v>
      </c>
      <c r="E3416" s="1" t="s">
        <v>2799</v>
      </c>
    </row>
    <row r="3417">
      <c r="A3417" s="1">
        <v>4.90393923E8</v>
      </c>
      <c r="B3417" s="2">
        <v>11887.0</v>
      </c>
      <c r="C3417" s="1" t="s">
        <v>5</v>
      </c>
      <c r="D3417" s="1" t="s">
        <v>2800</v>
      </c>
      <c r="E3417" s="1" t="s">
        <v>11</v>
      </c>
    </row>
    <row r="3418">
      <c r="A3418" s="1">
        <v>4.90393927E8</v>
      </c>
      <c r="B3418" s="2">
        <v>11866.0</v>
      </c>
      <c r="C3418" s="1" t="s">
        <v>5</v>
      </c>
      <c r="D3418" s="1" t="s">
        <v>2801</v>
      </c>
      <c r="E3418" s="1" t="s">
        <v>7</v>
      </c>
    </row>
    <row r="3419">
      <c r="A3419" s="1">
        <v>4.90393928E8</v>
      </c>
      <c r="B3419" s="2">
        <v>11860.0</v>
      </c>
      <c r="C3419" s="1" t="s">
        <v>5</v>
      </c>
      <c r="D3419" s="1" t="s">
        <v>2802</v>
      </c>
      <c r="E3419" s="1" t="s">
        <v>7</v>
      </c>
    </row>
    <row r="3420">
      <c r="A3420" s="1">
        <v>4.9039393E8</v>
      </c>
      <c r="B3420" s="2">
        <v>11863.0</v>
      </c>
      <c r="C3420" s="1" t="s">
        <v>5</v>
      </c>
      <c r="D3420" s="1" t="s">
        <v>2803</v>
      </c>
      <c r="E3420" s="1" t="s">
        <v>7</v>
      </c>
    </row>
    <row r="3421">
      <c r="A3421" s="1">
        <v>4.90393935E8</v>
      </c>
      <c r="B3421" s="2">
        <v>11860.0</v>
      </c>
      <c r="C3421" s="1" t="s">
        <v>5</v>
      </c>
      <c r="D3421" s="1" t="s">
        <v>2804</v>
      </c>
      <c r="E3421" s="1" t="s">
        <v>7</v>
      </c>
    </row>
    <row r="3422">
      <c r="A3422" s="1">
        <v>4.90393936E8</v>
      </c>
      <c r="B3422" s="2">
        <v>11884.0</v>
      </c>
      <c r="C3422" s="1" t="s">
        <v>5</v>
      </c>
      <c r="D3422" s="1" t="s">
        <v>11</v>
      </c>
      <c r="E3422" s="1" t="s">
        <v>7</v>
      </c>
    </row>
    <row r="3423">
      <c r="A3423" s="1">
        <v>4.90393944E8</v>
      </c>
      <c r="B3423" s="2">
        <v>11884.0</v>
      </c>
      <c r="C3423" s="1" t="s">
        <v>5</v>
      </c>
      <c r="D3423" s="1" t="s">
        <v>2805</v>
      </c>
      <c r="E3423" s="1" t="s">
        <v>7</v>
      </c>
    </row>
    <row r="3424">
      <c r="A3424" s="1">
        <v>4.90393945E8</v>
      </c>
      <c r="B3424" s="2">
        <v>11887.0</v>
      </c>
      <c r="C3424" s="1" t="s">
        <v>5</v>
      </c>
      <c r="D3424" s="1" t="s">
        <v>2806</v>
      </c>
      <c r="E3424" s="1" t="s">
        <v>7</v>
      </c>
    </row>
    <row r="3425">
      <c r="A3425" s="1">
        <v>4.90393946E8</v>
      </c>
      <c r="B3425" s="2">
        <v>11866.0</v>
      </c>
      <c r="C3425" s="1" t="s">
        <v>5</v>
      </c>
      <c r="D3425" s="1" t="s">
        <v>2807</v>
      </c>
      <c r="E3425" s="1" t="s">
        <v>7</v>
      </c>
    </row>
    <row r="3426">
      <c r="A3426" s="1">
        <v>4.90393961E8</v>
      </c>
      <c r="B3426" s="2">
        <v>11866.0</v>
      </c>
      <c r="C3426" s="1" t="s">
        <v>5</v>
      </c>
      <c r="D3426" s="1" t="s">
        <v>2808</v>
      </c>
      <c r="E3426" s="1" t="s">
        <v>7</v>
      </c>
    </row>
    <row r="3427">
      <c r="A3427" s="1">
        <v>4.90393963E8</v>
      </c>
      <c r="B3427" s="2">
        <v>11866.0</v>
      </c>
      <c r="C3427" s="1" t="s">
        <v>5</v>
      </c>
      <c r="D3427" s="1" t="s">
        <v>2809</v>
      </c>
      <c r="E3427" s="1" t="s">
        <v>7</v>
      </c>
    </row>
    <row r="3428">
      <c r="A3428" s="1">
        <v>4.90393972E8</v>
      </c>
      <c r="B3428" s="2">
        <v>11882.0</v>
      </c>
      <c r="C3428" s="1" t="s">
        <v>5</v>
      </c>
      <c r="D3428" s="1" t="s">
        <v>2810</v>
      </c>
      <c r="E3428" s="1" t="s">
        <v>2811</v>
      </c>
    </row>
    <row r="3429">
      <c r="A3429" s="1">
        <v>4.90393973E8</v>
      </c>
      <c r="B3429" s="2">
        <v>11864.0</v>
      </c>
      <c r="C3429" s="1" t="s">
        <v>5</v>
      </c>
      <c r="D3429" s="1" t="s">
        <v>2812</v>
      </c>
      <c r="E3429" s="1" t="s">
        <v>11</v>
      </c>
    </row>
    <row r="3430">
      <c r="A3430" s="1">
        <v>4.90393983E8</v>
      </c>
      <c r="B3430" s="2">
        <v>11884.0</v>
      </c>
      <c r="C3430" s="1" t="s">
        <v>5</v>
      </c>
      <c r="D3430" s="1" t="s">
        <v>2813</v>
      </c>
      <c r="E3430" s="1" t="s">
        <v>7</v>
      </c>
    </row>
    <row r="3431">
      <c r="A3431" s="1">
        <v>4.90393986E8</v>
      </c>
      <c r="B3431" s="2">
        <v>11882.0</v>
      </c>
      <c r="C3431" s="1" t="s">
        <v>5</v>
      </c>
      <c r="D3431" s="1" t="s">
        <v>2814</v>
      </c>
      <c r="E3431" s="1" t="s">
        <v>7</v>
      </c>
    </row>
    <row r="3432">
      <c r="A3432" s="1">
        <v>4.90393987E8</v>
      </c>
      <c r="B3432" s="2">
        <v>11851.0</v>
      </c>
      <c r="C3432" s="1" t="s">
        <v>5</v>
      </c>
      <c r="D3432" s="1" t="s">
        <v>2815</v>
      </c>
      <c r="E3432" s="1" t="s">
        <v>7</v>
      </c>
    </row>
    <row r="3433">
      <c r="A3433" s="1">
        <v>4.90393991E8</v>
      </c>
      <c r="B3433" s="2">
        <v>11866.0</v>
      </c>
      <c r="C3433" s="1" t="s">
        <v>5</v>
      </c>
      <c r="D3433" s="1" t="s">
        <v>2816</v>
      </c>
      <c r="E3433" s="1" t="s">
        <v>7</v>
      </c>
    </row>
    <row r="3434">
      <c r="A3434" s="1">
        <v>4.90393992E8</v>
      </c>
      <c r="B3434" s="2">
        <v>11866.0</v>
      </c>
      <c r="C3434" s="1" t="s">
        <v>5</v>
      </c>
      <c r="D3434" s="1" t="s">
        <v>11</v>
      </c>
      <c r="E3434" s="1" t="s">
        <v>7</v>
      </c>
    </row>
    <row r="3435">
      <c r="A3435" s="1">
        <v>4.90393997E8</v>
      </c>
      <c r="B3435" s="2">
        <v>11880.0</v>
      </c>
      <c r="C3435" s="1" t="s">
        <v>5</v>
      </c>
      <c r="D3435" s="1" t="s">
        <v>2817</v>
      </c>
      <c r="E3435" s="1" t="s">
        <v>7</v>
      </c>
    </row>
    <row r="3436">
      <c r="A3436" s="1">
        <v>4.90393998E8</v>
      </c>
      <c r="B3436" s="2">
        <v>11884.0</v>
      </c>
      <c r="C3436" s="1" t="s">
        <v>5</v>
      </c>
      <c r="D3436" s="1" t="s">
        <v>2818</v>
      </c>
      <c r="E3436" s="1" t="s">
        <v>7</v>
      </c>
    </row>
    <row r="3437">
      <c r="A3437" s="1">
        <v>4.90394002E8</v>
      </c>
      <c r="B3437" s="2">
        <v>11859.0</v>
      </c>
      <c r="C3437" s="1" t="s">
        <v>5</v>
      </c>
      <c r="D3437" s="1" t="s">
        <v>2819</v>
      </c>
      <c r="E3437" s="1" t="s">
        <v>2820</v>
      </c>
    </row>
    <row r="3438">
      <c r="A3438" s="1">
        <v>4.90394006E8</v>
      </c>
      <c r="B3438" s="2">
        <v>11851.0</v>
      </c>
      <c r="C3438" s="1" t="s">
        <v>5</v>
      </c>
      <c r="D3438" s="1" t="s">
        <v>2821</v>
      </c>
      <c r="E3438" s="1" t="s">
        <v>7</v>
      </c>
    </row>
    <row r="3439">
      <c r="A3439" s="1">
        <v>4.90394007E8</v>
      </c>
      <c r="B3439" s="2">
        <v>11884.0</v>
      </c>
      <c r="C3439" s="1" t="s">
        <v>5</v>
      </c>
      <c r="D3439" s="1" t="s">
        <v>169</v>
      </c>
      <c r="E3439" s="1" t="s">
        <v>7</v>
      </c>
    </row>
    <row r="3440">
      <c r="A3440" s="1">
        <v>4.90394013E8</v>
      </c>
      <c r="B3440" s="2">
        <v>11883.0</v>
      </c>
      <c r="C3440" s="1" t="s">
        <v>5</v>
      </c>
      <c r="D3440" s="1" t="s">
        <v>2822</v>
      </c>
      <c r="E3440" s="1" t="s">
        <v>7</v>
      </c>
    </row>
    <row r="3441">
      <c r="A3441" s="1">
        <v>4.90394019E8</v>
      </c>
      <c r="B3441" s="2">
        <v>11862.0</v>
      </c>
      <c r="C3441" s="1" t="s">
        <v>5</v>
      </c>
      <c r="D3441" s="1" t="s">
        <v>2823</v>
      </c>
      <c r="E3441" s="1" t="s">
        <v>11</v>
      </c>
    </row>
    <row r="3442">
      <c r="A3442" s="1">
        <v>4.90394021E8</v>
      </c>
      <c r="B3442" s="2">
        <v>11860.0</v>
      </c>
      <c r="C3442" s="1" t="s">
        <v>5</v>
      </c>
      <c r="D3442" s="1" t="s">
        <v>2824</v>
      </c>
      <c r="E3442" s="1" t="s">
        <v>11</v>
      </c>
    </row>
    <row r="3443">
      <c r="A3443" s="1">
        <v>4.90394022E8</v>
      </c>
      <c r="B3443" s="2">
        <v>11877.0</v>
      </c>
      <c r="C3443" s="1" t="s">
        <v>5</v>
      </c>
      <c r="D3443" s="1" t="s">
        <v>169</v>
      </c>
      <c r="E3443" s="1" t="s">
        <v>7</v>
      </c>
    </row>
    <row r="3444">
      <c r="A3444" s="1">
        <v>4.90394023E8</v>
      </c>
      <c r="B3444" s="2">
        <v>11851.0</v>
      </c>
      <c r="C3444" s="1" t="s">
        <v>5</v>
      </c>
      <c r="D3444" s="1" t="s">
        <v>2825</v>
      </c>
      <c r="E3444" s="1" t="s">
        <v>7</v>
      </c>
    </row>
    <row r="3445">
      <c r="A3445" s="1">
        <v>4.90394024E8</v>
      </c>
      <c r="B3445" s="2">
        <v>11858.0</v>
      </c>
      <c r="C3445" s="1" t="s">
        <v>5</v>
      </c>
      <c r="D3445" s="1" t="s">
        <v>2826</v>
      </c>
      <c r="E3445" s="1" t="s">
        <v>11</v>
      </c>
    </row>
    <row r="3446">
      <c r="A3446" s="1">
        <v>4.90394025E8</v>
      </c>
      <c r="B3446" s="2">
        <v>11864.0</v>
      </c>
      <c r="C3446" s="1" t="s">
        <v>5</v>
      </c>
      <c r="D3446" s="1" t="s">
        <v>2827</v>
      </c>
      <c r="E3446" s="1" t="s">
        <v>11</v>
      </c>
    </row>
    <row r="3447">
      <c r="A3447" s="1">
        <v>4.90394026E8</v>
      </c>
      <c r="B3447" s="2">
        <v>11884.0</v>
      </c>
      <c r="C3447" s="1" t="s">
        <v>5</v>
      </c>
      <c r="D3447" s="1" t="s">
        <v>11</v>
      </c>
      <c r="E3447" s="1" t="s">
        <v>7</v>
      </c>
    </row>
    <row r="3448">
      <c r="A3448" s="1">
        <v>4.90394028E8</v>
      </c>
      <c r="B3448" s="2">
        <v>11861.0</v>
      </c>
      <c r="C3448" s="1" t="s">
        <v>5</v>
      </c>
      <c r="D3448" s="1" t="s">
        <v>2828</v>
      </c>
      <c r="E3448" s="1" t="s">
        <v>7</v>
      </c>
    </row>
    <row r="3449">
      <c r="A3449" s="1">
        <v>4.90394031E8</v>
      </c>
      <c r="B3449" s="2">
        <v>11884.0</v>
      </c>
      <c r="C3449" s="1" t="s">
        <v>5</v>
      </c>
      <c r="D3449" s="1" t="s">
        <v>2829</v>
      </c>
      <c r="E3449" s="1" t="s">
        <v>7</v>
      </c>
    </row>
    <row r="3450">
      <c r="A3450" s="1">
        <v>4.90394033E8</v>
      </c>
      <c r="B3450" s="2">
        <v>11883.0</v>
      </c>
      <c r="C3450" s="1" t="s">
        <v>5</v>
      </c>
      <c r="D3450" s="1" t="s">
        <v>2830</v>
      </c>
      <c r="E3450" s="1" t="s">
        <v>7</v>
      </c>
    </row>
    <row r="3451">
      <c r="A3451" s="1">
        <v>4.90394034E8</v>
      </c>
      <c r="B3451" s="2">
        <v>11862.0</v>
      </c>
      <c r="C3451" s="1" t="s">
        <v>5</v>
      </c>
      <c r="D3451" s="1" t="s">
        <v>2831</v>
      </c>
      <c r="E3451" s="1" t="s">
        <v>11</v>
      </c>
    </row>
    <row r="3452">
      <c r="A3452" s="1">
        <v>4.90394042E8</v>
      </c>
      <c r="B3452" s="2">
        <v>11882.0</v>
      </c>
      <c r="C3452" s="1" t="s">
        <v>5</v>
      </c>
      <c r="D3452" s="1" t="s">
        <v>2832</v>
      </c>
      <c r="E3452" s="1" t="s">
        <v>7</v>
      </c>
    </row>
    <row r="3453">
      <c r="A3453" s="1">
        <v>4.90394047E8</v>
      </c>
      <c r="B3453" s="2">
        <v>11859.0</v>
      </c>
      <c r="C3453" s="1" t="s">
        <v>5</v>
      </c>
      <c r="D3453" s="1" t="s">
        <v>2833</v>
      </c>
      <c r="E3453" s="1" t="s">
        <v>11</v>
      </c>
    </row>
    <row r="3454">
      <c r="A3454" s="1">
        <v>4.90394048E8</v>
      </c>
      <c r="B3454" s="2">
        <v>11884.0</v>
      </c>
      <c r="C3454" s="1" t="s">
        <v>5</v>
      </c>
      <c r="D3454" s="1" t="s">
        <v>11</v>
      </c>
      <c r="E3454" s="1" t="s">
        <v>7</v>
      </c>
    </row>
    <row r="3455">
      <c r="A3455" s="1">
        <v>4.90394051E8</v>
      </c>
      <c r="B3455" s="2">
        <v>11887.0</v>
      </c>
      <c r="C3455" s="1" t="s">
        <v>5</v>
      </c>
      <c r="D3455" s="1" t="s">
        <v>2834</v>
      </c>
      <c r="E3455" s="1" t="s">
        <v>7</v>
      </c>
    </row>
    <row r="3456">
      <c r="A3456" s="1">
        <v>4.90394053E8</v>
      </c>
      <c r="B3456" s="2">
        <v>11859.0</v>
      </c>
      <c r="C3456" s="1" t="s">
        <v>5</v>
      </c>
      <c r="D3456" s="1" t="s">
        <v>2835</v>
      </c>
      <c r="E3456" s="1" t="s">
        <v>7</v>
      </c>
    </row>
    <row r="3457">
      <c r="A3457" s="1">
        <v>4.90394058E8</v>
      </c>
      <c r="B3457" s="2">
        <v>11877.0</v>
      </c>
      <c r="C3457" s="1" t="s">
        <v>5</v>
      </c>
      <c r="D3457" s="1" t="s">
        <v>2836</v>
      </c>
      <c r="E3457" s="1" t="s">
        <v>7</v>
      </c>
    </row>
    <row r="3458">
      <c r="A3458" s="1">
        <v>4.90394064E8</v>
      </c>
      <c r="B3458" s="2">
        <v>11891.0</v>
      </c>
      <c r="C3458" s="1" t="s">
        <v>5</v>
      </c>
      <c r="D3458" s="1" t="s">
        <v>2837</v>
      </c>
      <c r="E3458" s="1" t="s">
        <v>7</v>
      </c>
    </row>
    <row r="3459">
      <c r="A3459" s="1">
        <v>4.90394065E8</v>
      </c>
      <c r="B3459" s="2">
        <v>11887.0</v>
      </c>
      <c r="C3459" s="1" t="s">
        <v>5</v>
      </c>
      <c r="D3459" s="1" t="s">
        <v>2838</v>
      </c>
      <c r="E3459" s="1" t="s">
        <v>11</v>
      </c>
    </row>
    <row r="3460">
      <c r="A3460" s="1">
        <v>4.90394066E8</v>
      </c>
      <c r="B3460" s="2">
        <v>11884.0</v>
      </c>
      <c r="C3460" s="1" t="s">
        <v>5</v>
      </c>
      <c r="D3460" s="1" t="s">
        <v>2839</v>
      </c>
      <c r="E3460" s="1" t="s">
        <v>11</v>
      </c>
    </row>
    <row r="3461">
      <c r="A3461" s="1">
        <v>4.90394068E8</v>
      </c>
      <c r="B3461" s="2">
        <v>11859.0</v>
      </c>
      <c r="C3461" s="1" t="s">
        <v>5</v>
      </c>
      <c r="D3461" s="1" t="s">
        <v>11</v>
      </c>
      <c r="E3461" s="1" t="s">
        <v>7</v>
      </c>
    </row>
    <row r="3462">
      <c r="A3462" s="1">
        <v>4.90394069E8</v>
      </c>
      <c r="B3462" s="2">
        <v>11864.0</v>
      </c>
      <c r="C3462" s="1" t="s">
        <v>5</v>
      </c>
      <c r="D3462" s="1" t="s">
        <v>11</v>
      </c>
      <c r="E3462" s="1" t="s">
        <v>7</v>
      </c>
    </row>
    <row r="3463">
      <c r="A3463" s="1">
        <v>4.90394073E8</v>
      </c>
      <c r="B3463" s="2">
        <v>11860.0</v>
      </c>
      <c r="C3463" s="1" t="s">
        <v>5</v>
      </c>
      <c r="D3463" s="1" t="s">
        <v>2840</v>
      </c>
      <c r="E3463" s="1" t="s">
        <v>7</v>
      </c>
    </row>
    <row r="3464">
      <c r="A3464" s="1">
        <v>4.90394077E8</v>
      </c>
      <c r="B3464" s="2">
        <v>11887.0</v>
      </c>
      <c r="C3464" s="1" t="s">
        <v>5</v>
      </c>
      <c r="D3464" s="1" t="s">
        <v>11</v>
      </c>
      <c r="E3464" s="1" t="s">
        <v>7</v>
      </c>
    </row>
    <row r="3465">
      <c r="A3465" s="1">
        <v>4.90394078E8</v>
      </c>
      <c r="B3465" s="2">
        <v>11879.0</v>
      </c>
      <c r="C3465" s="1" t="s">
        <v>5</v>
      </c>
      <c r="D3465" s="1" t="s">
        <v>2841</v>
      </c>
      <c r="E3465" s="1" t="s">
        <v>7</v>
      </c>
    </row>
    <row r="3466">
      <c r="A3466" s="1">
        <v>4.90394079E8</v>
      </c>
      <c r="B3466" s="2">
        <v>11866.0</v>
      </c>
      <c r="C3466" s="1" t="s">
        <v>5</v>
      </c>
      <c r="D3466" s="1" t="s">
        <v>2842</v>
      </c>
      <c r="E3466" s="1" t="s">
        <v>7</v>
      </c>
    </row>
    <row r="3467">
      <c r="A3467" s="1">
        <v>4.90394081E8</v>
      </c>
      <c r="B3467" s="2">
        <v>11877.0</v>
      </c>
      <c r="C3467" s="1" t="s">
        <v>5</v>
      </c>
      <c r="D3467" s="1" t="s">
        <v>2843</v>
      </c>
      <c r="E3467" s="1" t="s">
        <v>7</v>
      </c>
    </row>
    <row r="3468">
      <c r="A3468" s="1">
        <v>4.90394084E8</v>
      </c>
      <c r="B3468" s="2">
        <v>11859.0</v>
      </c>
      <c r="C3468" s="1" t="s">
        <v>5</v>
      </c>
      <c r="D3468" s="1" t="s">
        <v>11</v>
      </c>
      <c r="E3468" s="1" t="s">
        <v>7</v>
      </c>
    </row>
    <row r="3469">
      <c r="A3469" s="1">
        <v>4.90394087E8</v>
      </c>
      <c r="B3469" s="2">
        <v>11861.0</v>
      </c>
      <c r="C3469" s="1" t="s">
        <v>5</v>
      </c>
      <c r="D3469" s="1" t="s">
        <v>2844</v>
      </c>
      <c r="E3469" s="1" t="s">
        <v>11</v>
      </c>
    </row>
    <row r="3470">
      <c r="A3470" s="1">
        <v>4.90394091E8</v>
      </c>
      <c r="B3470" s="2">
        <v>11866.0</v>
      </c>
      <c r="C3470" s="1" t="s">
        <v>5</v>
      </c>
      <c r="D3470" s="1" t="s">
        <v>2845</v>
      </c>
      <c r="E3470" s="1" t="s">
        <v>7</v>
      </c>
    </row>
    <row r="3471">
      <c r="A3471" s="1">
        <v>4.90394093E8</v>
      </c>
      <c r="B3471" s="2">
        <v>11892.0</v>
      </c>
      <c r="C3471" s="1" t="s">
        <v>5</v>
      </c>
      <c r="D3471" s="1" t="s">
        <v>2846</v>
      </c>
      <c r="E3471" s="1" t="s">
        <v>11</v>
      </c>
    </row>
    <row r="3472">
      <c r="A3472" s="1">
        <v>4.90394094E8</v>
      </c>
      <c r="B3472" s="2">
        <v>11863.0</v>
      </c>
      <c r="C3472" s="1" t="s">
        <v>5</v>
      </c>
      <c r="D3472" s="1" t="s">
        <v>2847</v>
      </c>
      <c r="E3472" s="1" t="s">
        <v>7</v>
      </c>
    </row>
    <row r="3473">
      <c r="A3473" s="1">
        <v>4.90394099E8</v>
      </c>
      <c r="B3473" s="2">
        <v>11891.0</v>
      </c>
      <c r="C3473" s="1" t="s">
        <v>5</v>
      </c>
      <c r="D3473" s="1" t="s">
        <v>2848</v>
      </c>
      <c r="E3473" s="1" t="s">
        <v>7</v>
      </c>
    </row>
    <row r="3474">
      <c r="A3474" s="1">
        <v>4.90394101E8</v>
      </c>
      <c r="B3474" s="2">
        <v>11866.0</v>
      </c>
      <c r="C3474" s="1" t="s">
        <v>5</v>
      </c>
      <c r="D3474" s="1" t="s">
        <v>2849</v>
      </c>
      <c r="E3474" s="1" t="s">
        <v>11</v>
      </c>
    </row>
    <row r="3475">
      <c r="A3475" s="1">
        <v>4.90394103E8</v>
      </c>
      <c r="B3475" s="2">
        <v>11860.0</v>
      </c>
      <c r="C3475" s="1" t="s">
        <v>5</v>
      </c>
      <c r="D3475" s="1" t="s">
        <v>2850</v>
      </c>
      <c r="E3475" s="1" t="s">
        <v>11</v>
      </c>
    </row>
    <row r="3476">
      <c r="A3476" s="1">
        <v>4.90394111E8</v>
      </c>
      <c r="B3476" s="2">
        <v>11891.0</v>
      </c>
      <c r="C3476" s="1" t="s">
        <v>5</v>
      </c>
      <c r="D3476" s="1" t="s">
        <v>2851</v>
      </c>
      <c r="E3476" s="1" t="s">
        <v>2852</v>
      </c>
    </row>
    <row r="3477">
      <c r="A3477" s="1">
        <v>4.90394112E8</v>
      </c>
      <c r="B3477" s="2">
        <v>11864.0</v>
      </c>
      <c r="C3477" s="1" t="s">
        <v>5</v>
      </c>
      <c r="D3477" s="1" t="s">
        <v>169</v>
      </c>
      <c r="E3477" s="1" t="s">
        <v>7</v>
      </c>
    </row>
    <row r="3478">
      <c r="A3478" s="1">
        <v>4.90394113E8</v>
      </c>
      <c r="B3478" s="2">
        <v>11861.0</v>
      </c>
      <c r="C3478" s="1" t="s">
        <v>5</v>
      </c>
      <c r="D3478" s="1" t="s">
        <v>2853</v>
      </c>
      <c r="E3478" s="1" t="s">
        <v>11</v>
      </c>
    </row>
    <row r="3479">
      <c r="A3479" s="1">
        <v>4.90394114E8</v>
      </c>
      <c r="B3479" s="2">
        <v>11883.0</v>
      </c>
      <c r="C3479" s="1" t="s">
        <v>5</v>
      </c>
      <c r="D3479" s="1" t="s">
        <v>2854</v>
      </c>
      <c r="E3479" s="1" t="s">
        <v>11</v>
      </c>
    </row>
    <row r="3480">
      <c r="A3480" s="1">
        <v>4.90394121E8</v>
      </c>
      <c r="B3480" s="2">
        <v>11859.0</v>
      </c>
      <c r="C3480" s="1" t="s">
        <v>5</v>
      </c>
      <c r="D3480" s="1" t="s">
        <v>2855</v>
      </c>
      <c r="E3480" s="1" t="s">
        <v>11</v>
      </c>
    </row>
    <row r="3481">
      <c r="A3481" s="1">
        <v>4.90394122E8</v>
      </c>
      <c r="B3481" s="2">
        <v>11865.0</v>
      </c>
      <c r="C3481" s="1" t="s">
        <v>5</v>
      </c>
      <c r="D3481" s="1" t="s">
        <v>11</v>
      </c>
      <c r="E3481" s="1" t="s">
        <v>7</v>
      </c>
    </row>
    <row r="3482">
      <c r="A3482" s="1">
        <v>4.90394123E8</v>
      </c>
      <c r="B3482" s="2">
        <v>11859.0</v>
      </c>
      <c r="C3482" s="1" t="s">
        <v>5</v>
      </c>
      <c r="D3482" s="1" t="s">
        <v>2856</v>
      </c>
      <c r="E3482" s="1" t="s">
        <v>7</v>
      </c>
    </row>
    <row r="3483">
      <c r="A3483" s="1">
        <v>4.90394127E8</v>
      </c>
      <c r="B3483" s="2">
        <v>11860.0</v>
      </c>
      <c r="C3483" s="1" t="s">
        <v>5</v>
      </c>
      <c r="D3483" s="1" t="s">
        <v>2857</v>
      </c>
      <c r="E3483" s="1" t="s">
        <v>11</v>
      </c>
    </row>
    <row r="3484">
      <c r="A3484" s="1">
        <v>4.90394131E8</v>
      </c>
      <c r="B3484" s="2">
        <v>11883.0</v>
      </c>
      <c r="C3484" s="1" t="s">
        <v>5</v>
      </c>
      <c r="D3484" s="1" t="s">
        <v>169</v>
      </c>
      <c r="E3484" s="1" t="s">
        <v>7</v>
      </c>
    </row>
    <row r="3485">
      <c r="A3485" s="1">
        <v>4.90394132E8</v>
      </c>
      <c r="B3485" s="2">
        <v>11891.0</v>
      </c>
      <c r="C3485" s="1" t="s">
        <v>5</v>
      </c>
      <c r="D3485" s="1" t="s">
        <v>2858</v>
      </c>
      <c r="E3485" s="1" t="s">
        <v>11</v>
      </c>
    </row>
    <row r="3486">
      <c r="A3486" s="1">
        <v>4.90394134E8</v>
      </c>
      <c r="B3486" s="2">
        <v>11887.0</v>
      </c>
      <c r="C3486" s="1" t="s">
        <v>5</v>
      </c>
      <c r="D3486" s="1" t="s">
        <v>2859</v>
      </c>
      <c r="E3486" s="1" t="s">
        <v>7</v>
      </c>
    </row>
    <row r="3487">
      <c r="A3487" s="1">
        <v>4.90394135E8</v>
      </c>
      <c r="B3487" s="2">
        <v>11864.0</v>
      </c>
      <c r="C3487" s="1" t="s">
        <v>5</v>
      </c>
      <c r="D3487" s="1" t="s">
        <v>2860</v>
      </c>
      <c r="E3487" s="1" t="s">
        <v>7</v>
      </c>
    </row>
    <row r="3488">
      <c r="A3488" s="1">
        <v>4.90394137E8</v>
      </c>
      <c r="B3488" s="2">
        <v>11859.0</v>
      </c>
      <c r="C3488" s="1" t="s">
        <v>5</v>
      </c>
      <c r="D3488" s="1" t="s">
        <v>2861</v>
      </c>
      <c r="E3488" s="1" t="s">
        <v>11</v>
      </c>
    </row>
    <row r="3489">
      <c r="A3489" s="1">
        <v>4.90394143E8</v>
      </c>
      <c r="B3489" s="2">
        <v>11884.0</v>
      </c>
      <c r="C3489" s="1" t="s">
        <v>5</v>
      </c>
      <c r="D3489" s="1" t="s">
        <v>2862</v>
      </c>
      <c r="E3489" s="1" t="s">
        <v>7</v>
      </c>
    </row>
    <row r="3490">
      <c r="A3490" s="1">
        <v>4.90394146E8</v>
      </c>
      <c r="B3490" s="2">
        <v>11891.0</v>
      </c>
      <c r="C3490" s="1" t="s">
        <v>5</v>
      </c>
      <c r="D3490" s="1" t="s">
        <v>11</v>
      </c>
      <c r="E3490" s="1" t="s">
        <v>7</v>
      </c>
    </row>
    <row r="3491">
      <c r="A3491" s="1">
        <v>4.90394158E8</v>
      </c>
      <c r="B3491" s="2">
        <v>11863.0</v>
      </c>
      <c r="C3491" s="1" t="s">
        <v>5</v>
      </c>
      <c r="D3491" s="4" t="s">
        <v>2863</v>
      </c>
      <c r="E3491" s="1" t="s">
        <v>7</v>
      </c>
    </row>
    <row r="3492">
      <c r="A3492" s="1">
        <v>4.90394163E8</v>
      </c>
      <c r="B3492" s="2">
        <v>11882.0</v>
      </c>
      <c r="C3492" s="1" t="s">
        <v>5</v>
      </c>
      <c r="D3492" s="1" t="s">
        <v>872</v>
      </c>
      <c r="E3492" s="1" t="s">
        <v>7</v>
      </c>
    </row>
    <row r="3493">
      <c r="A3493" s="1">
        <v>4.90394164E8</v>
      </c>
      <c r="B3493" s="2">
        <v>11864.0</v>
      </c>
      <c r="C3493" s="1" t="s">
        <v>5</v>
      </c>
      <c r="D3493" s="1" t="s">
        <v>2864</v>
      </c>
      <c r="E3493" s="1" t="s">
        <v>7</v>
      </c>
    </row>
    <row r="3494">
      <c r="A3494" s="1">
        <v>4.90394165E8</v>
      </c>
      <c r="B3494" s="2">
        <v>11884.0</v>
      </c>
      <c r="C3494" s="1" t="s">
        <v>5</v>
      </c>
      <c r="D3494" s="1" t="s">
        <v>11</v>
      </c>
      <c r="E3494" s="1" t="s">
        <v>7</v>
      </c>
    </row>
    <row r="3495">
      <c r="A3495" s="1">
        <v>4.90394168E8</v>
      </c>
      <c r="B3495" s="2">
        <v>11859.0</v>
      </c>
      <c r="C3495" s="1" t="s">
        <v>5</v>
      </c>
      <c r="D3495" s="1" t="s">
        <v>2865</v>
      </c>
      <c r="E3495" s="1" t="s">
        <v>7</v>
      </c>
    </row>
    <row r="3496">
      <c r="A3496" s="1">
        <v>4.90394169E8</v>
      </c>
      <c r="B3496" s="2">
        <v>11862.0</v>
      </c>
      <c r="C3496" s="1" t="s">
        <v>5</v>
      </c>
      <c r="D3496" s="1" t="s">
        <v>11</v>
      </c>
      <c r="E3496" s="1" t="s">
        <v>7</v>
      </c>
    </row>
    <row r="3497">
      <c r="A3497" s="1">
        <v>4.90394175E8</v>
      </c>
      <c r="B3497" s="2">
        <v>11891.0</v>
      </c>
      <c r="C3497" s="1" t="s">
        <v>5</v>
      </c>
      <c r="D3497" s="1" t="s">
        <v>2083</v>
      </c>
      <c r="E3497" s="1" t="s">
        <v>11</v>
      </c>
    </row>
    <row r="3498">
      <c r="A3498" s="1">
        <v>4.90394177E8</v>
      </c>
      <c r="B3498" s="2">
        <v>11865.0</v>
      </c>
      <c r="C3498" s="1" t="s">
        <v>5</v>
      </c>
      <c r="D3498" s="1" t="s">
        <v>2866</v>
      </c>
      <c r="E3498" s="1" t="s">
        <v>11</v>
      </c>
    </row>
    <row r="3499">
      <c r="A3499" s="1">
        <v>4.90394181E8</v>
      </c>
      <c r="B3499" s="2">
        <v>11859.0</v>
      </c>
      <c r="C3499" s="1" t="s">
        <v>5</v>
      </c>
      <c r="D3499" s="1" t="s">
        <v>2867</v>
      </c>
      <c r="E3499" s="1" t="s">
        <v>11</v>
      </c>
    </row>
    <row r="3500">
      <c r="A3500" s="1">
        <v>4.90394183E8</v>
      </c>
      <c r="B3500" s="2">
        <v>11891.0</v>
      </c>
      <c r="C3500" s="1" t="s">
        <v>5</v>
      </c>
      <c r="D3500" s="1" t="s">
        <v>1838</v>
      </c>
      <c r="E3500" s="1" t="s">
        <v>7</v>
      </c>
    </row>
    <row r="3501">
      <c r="A3501" s="1">
        <v>4.90394186E8</v>
      </c>
      <c r="B3501" s="2">
        <v>11884.0</v>
      </c>
      <c r="C3501" s="1" t="s">
        <v>5</v>
      </c>
      <c r="D3501" s="1" t="s">
        <v>11</v>
      </c>
      <c r="E3501" s="1" t="s">
        <v>7</v>
      </c>
    </row>
    <row r="3502">
      <c r="A3502" s="1">
        <v>4.90394189E8</v>
      </c>
      <c r="B3502" s="2">
        <v>11878.0</v>
      </c>
      <c r="C3502" s="1" t="s">
        <v>5</v>
      </c>
      <c r="D3502" s="1" t="s">
        <v>11</v>
      </c>
      <c r="E3502" s="1" t="s">
        <v>7</v>
      </c>
    </row>
    <row r="3503">
      <c r="A3503" s="1">
        <v>4.90394191E8</v>
      </c>
      <c r="B3503" s="2">
        <v>11883.0</v>
      </c>
      <c r="C3503" s="1" t="s">
        <v>5</v>
      </c>
      <c r="D3503" s="1" t="s">
        <v>2868</v>
      </c>
      <c r="E3503" s="1" t="s">
        <v>11</v>
      </c>
    </row>
    <row r="3504">
      <c r="A3504" s="1">
        <v>4.90394199E8</v>
      </c>
      <c r="B3504" s="2">
        <v>11864.0</v>
      </c>
      <c r="C3504" s="1" t="s">
        <v>5</v>
      </c>
      <c r="D3504" s="1" t="s">
        <v>11</v>
      </c>
      <c r="E3504" s="1" t="s">
        <v>7</v>
      </c>
    </row>
    <row r="3505">
      <c r="A3505" s="1">
        <v>4.90394203E8</v>
      </c>
      <c r="B3505" s="2">
        <v>11878.0</v>
      </c>
      <c r="C3505" s="1" t="s">
        <v>5</v>
      </c>
      <c r="D3505" s="1" t="s">
        <v>2869</v>
      </c>
      <c r="E3505" s="1" t="s">
        <v>11</v>
      </c>
    </row>
    <row r="3506">
      <c r="A3506" s="1">
        <v>4.90394204E8</v>
      </c>
      <c r="B3506" s="2">
        <v>11882.0</v>
      </c>
      <c r="C3506" s="1" t="s">
        <v>5</v>
      </c>
      <c r="D3506" s="1" t="s">
        <v>2870</v>
      </c>
      <c r="E3506" s="1" t="s">
        <v>11</v>
      </c>
    </row>
    <row r="3507">
      <c r="A3507" s="1">
        <v>4.90394208E8</v>
      </c>
      <c r="B3507" s="2">
        <v>11863.0</v>
      </c>
      <c r="C3507" s="1" t="s">
        <v>5</v>
      </c>
      <c r="D3507" s="1" t="s">
        <v>2871</v>
      </c>
      <c r="E3507" s="1" t="s">
        <v>7</v>
      </c>
    </row>
    <row r="3508">
      <c r="A3508" s="1">
        <v>4.90394214E8</v>
      </c>
      <c r="B3508" s="2">
        <v>11864.0</v>
      </c>
      <c r="C3508" s="1" t="s">
        <v>5</v>
      </c>
      <c r="D3508" s="1" t="s">
        <v>2872</v>
      </c>
      <c r="E3508" s="1" t="s">
        <v>11</v>
      </c>
    </row>
    <row r="3509">
      <c r="A3509" s="1">
        <v>4.90394218E8</v>
      </c>
      <c r="B3509" s="2">
        <v>11859.0</v>
      </c>
      <c r="C3509" s="1" t="s">
        <v>5</v>
      </c>
      <c r="D3509" s="1" t="s">
        <v>2873</v>
      </c>
      <c r="E3509" s="1" t="s">
        <v>7</v>
      </c>
    </row>
    <row r="3510">
      <c r="A3510" s="1">
        <v>4.90394221E8</v>
      </c>
      <c r="B3510" s="2">
        <v>11864.0</v>
      </c>
      <c r="C3510" s="1" t="s">
        <v>5</v>
      </c>
      <c r="D3510" s="1" t="s">
        <v>2874</v>
      </c>
      <c r="E3510" s="1" t="s">
        <v>11</v>
      </c>
    </row>
    <row r="3511">
      <c r="A3511" s="1">
        <v>4.90394225E8</v>
      </c>
      <c r="B3511" s="2">
        <v>11882.0</v>
      </c>
      <c r="C3511" s="1" t="s">
        <v>5</v>
      </c>
      <c r="D3511" s="1" t="s">
        <v>2875</v>
      </c>
      <c r="E3511" s="1" t="s">
        <v>11</v>
      </c>
    </row>
    <row r="3512">
      <c r="A3512" s="1">
        <v>4.90394227E8</v>
      </c>
      <c r="B3512" s="2">
        <v>11864.0</v>
      </c>
      <c r="C3512" s="1" t="s">
        <v>5</v>
      </c>
      <c r="D3512" s="1" t="s">
        <v>11</v>
      </c>
      <c r="E3512" s="1" t="s">
        <v>7</v>
      </c>
    </row>
    <row r="3513">
      <c r="A3513" s="1">
        <v>4.90394228E8</v>
      </c>
      <c r="B3513" s="2">
        <v>11882.0</v>
      </c>
      <c r="C3513" s="1" t="s">
        <v>5</v>
      </c>
      <c r="D3513" s="1" t="s">
        <v>11</v>
      </c>
      <c r="E3513" s="1" t="s">
        <v>7</v>
      </c>
    </row>
    <row r="3514">
      <c r="A3514" s="1">
        <v>4.90394229E8</v>
      </c>
      <c r="B3514" s="2">
        <v>11887.0</v>
      </c>
      <c r="C3514" s="1" t="s">
        <v>5</v>
      </c>
      <c r="D3514" s="1" t="s">
        <v>2876</v>
      </c>
      <c r="E3514" s="1" t="s">
        <v>7</v>
      </c>
    </row>
    <row r="3515">
      <c r="A3515" s="1">
        <v>4.9039423E8</v>
      </c>
      <c r="B3515" s="2">
        <v>11876.0</v>
      </c>
      <c r="C3515" s="1" t="s">
        <v>5</v>
      </c>
      <c r="D3515" s="1" t="s">
        <v>2877</v>
      </c>
      <c r="E3515" s="1" t="s">
        <v>11</v>
      </c>
    </row>
    <row r="3516">
      <c r="A3516" s="1">
        <v>4.90394232E8</v>
      </c>
      <c r="B3516" s="2">
        <v>11859.0</v>
      </c>
      <c r="C3516" s="1" t="s">
        <v>5</v>
      </c>
      <c r="D3516" s="1" t="s">
        <v>2878</v>
      </c>
      <c r="E3516" s="1" t="s">
        <v>7</v>
      </c>
    </row>
    <row r="3517">
      <c r="A3517" s="1">
        <v>4.90394234E8</v>
      </c>
      <c r="B3517" s="2">
        <v>11878.0</v>
      </c>
      <c r="C3517" s="1" t="s">
        <v>5</v>
      </c>
      <c r="D3517" s="1" t="s">
        <v>11</v>
      </c>
      <c r="E3517" s="1" t="s">
        <v>7</v>
      </c>
    </row>
    <row r="3518">
      <c r="A3518" s="1">
        <v>4.90394241E8</v>
      </c>
      <c r="B3518" s="2">
        <v>11880.0</v>
      </c>
      <c r="C3518" s="1" t="s">
        <v>5</v>
      </c>
      <c r="D3518" s="1" t="s">
        <v>169</v>
      </c>
      <c r="E3518" s="1" t="s">
        <v>7</v>
      </c>
    </row>
    <row r="3519">
      <c r="A3519" s="1">
        <v>4.90394247E8</v>
      </c>
      <c r="B3519" s="2">
        <v>11862.0</v>
      </c>
      <c r="C3519" s="1" t="s">
        <v>5</v>
      </c>
      <c r="D3519" s="1" t="s">
        <v>2879</v>
      </c>
      <c r="E3519" s="1" t="s">
        <v>7</v>
      </c>
    </row>
    <row r="3520">
      <c r="A3520" s="1">
        <v>4.90394253E8</v>
      </c>
      <c r="B3520" s="2">
        <v>11883.0</v>
      </c>
      <c r="C3520" s="1" t="s">
        <v>5</v>
      </c>
      <c r="D3520" s="1" t="s">
        <v>2880</v>
      </c>
      <c r="E3520" s="1" t="s">
        <v>7</v>
      </c>
    </row>
    <row r="3521">
      <c r="A3521" s="1">
        <v>4.9039426E8</v>
      </c>
      <c r="B3521" s="2">
        <v>11882.0</v>
      </c>
      <c r="C3521" s="1" t="s">
        <v>5</v>
      </c>
      <c r="D3521" s="1" t="s">
        <v>2881</v>
      </c>
      <c r="E3521" s="1" t="s">
        <v>11</v>
      </c>
    </row>
    <row r="3522">
      <c r="A3522" s="1">
        <v>4.90394271E8</v>
      </c>
      <c r="B3522" s="2">
        <v>11886.0</v>
      </c>
      <c r="C3522" s="1" t="s">
        <v>5</v>
      </c>
      <c r="D3522" s="1" t="s">
        <v>2882</v>
      </c>
      <c r="E3522" s="1" t="s">
        <v>7</v>
      </c>
    </row>
    <row r="3523">
      <c r="A3523" s="1">
        <v>4.90394272E8</v>
      </c>
      <c r="B3523" s="2">
        <v>11876.0</v>
      </c>
      <c r="C3523" s="1" t="s">
        <v>5</v>
      </c>
      <c r="D3523" s="1" t="s">
        <v>11</v>
      </c>
      <c r="E3523" s="1" t="s">
        <v>7</v>
      </c>
    </row>
    <row r="3524">
      <c r="A3524" s="1">
        <v>4.90394277E8</v>
      </c>
      <c r="B3524" s="2">
        <v>11882.0</v>
      </c>
      <c r="C3524" s="1" t="s">
        <v>5</v>
      </c>
      <c r="D3524" s="1" t="s">
        <v>2883</v>
      </c>
      <c r="E3524" s="1" t="s">
        <v>11</v>
      </c>
    </row>
    <row r="3525">
      <c r="A3525" s="1">
        <v>4.90394279E8</v>
      </c>
      <c r="B3525" s="2">
        <v>11864.0</v>
      </c>
      <c r="C3525" s="1" t="s">
        <v>5</v>
      </c>
      <c r="D3525" s="1" t="s">
        <v>2884</v>
      </c>
      <c r="E3525" s="1" t="s">
        <v>11</v>
      </c>
    </row>
    <row r="3526">
      <c r="A3526" s="1">
        <v>4.90394285E8</v>
      </c>
      <c r="B3526" s="2">
        <v>11876.0</v>
      </c>
      <c r="C3526" s="1" t="s">
        <v>5</v>
      </c>
      <c r="D3526" s="1" t="s">
        <v>2885</v>
      </c>
      <c r="E3526" s="1" t="s">
        <v>2886</v>
      </c>
    </row>
    <row r="3527">
      <c r="A3527" s="1">
        <v>4.90394286E8</v>
      </c>
      <c r="B3527" s="2">
        <v>11870.0</v>
      </c>
      <c r="C3527" s="1" t="s">
        <v>5</v>
      </c>
      <c r="D3527" s="1" t="s">
        <v>11</v>
      </c>
      <c r="E3527" s="1" t="s">
        <v>7</v>
      </c>
    </row>
    <row r="3528">
      <c r="A3528" s="1">
        <v>4.90394288E8</v>
      </c>
      <c r="B3528" s="2">
        <v>11880.0</v>
      </c>
      <c r="C3528" s="1" t="s">
        <v>5</v>
      </c>
      <c r="D3528" s="1" t="s">
        <v>11</v>
      </c>
      <c r="E3528" s="1" t="s">
        <v>7</v>
      </c>
    </row>
    <row r="3529">
      <c r="A3529" s="1">
        <v>4.90394289E8</v>
      </c>
      <c r="B3529" s="2">
        <v>11886.0</v>
      </c>
      <c r="C3529" s="1" t="s">
        <v>5</v>
      </c>
      <c r="D3529" s="1" t="s">
        <v>2887</v>
      </c>
      <c r="E3529" s="1" t="s">
        <v>2888</v>
      </c>
    </row>
    <row r="3530">
      <c r="A3530" s="1">
        <v>4.9039429E8</v>
      </c>
      <c r="B3530" s="2">
        <v>11860.0</v>
      </c>
      <c r="C3530" s="1" t="s">
        <v>5</v>
      </c>
      <c r="D3530" s="1" t="s">
        <v>2889</v>
      </c>
      <c r="E3530" s="1" t="s">
        <v>11</v>
      </c>
    </row>
    <row r="3531">
      <c r="A3531" s="1">
        <v>4.90394295E8</v>
      </c>
      <c r="B3531" s="2">
        <v>11862.0</v>
      </c>
      <c r="C3531" s="1" t="s">
        <v>5</v>
      </c>
      <c r="D3531" s="1" t="s">
        <v>11</v>
      </c>
      <c r="E3531" s="1" t="s">
        <v>7</v>
      </c>
    </row>
    <row r="3532">
      <c r="A3532" s="1">
        <v>4.90394298E8</v>
      </c>
      <c r="B3532" s="2">
        <v>11864.0</v>
      </c>
      <c r="C3532" s="1" t="s">
        <v>5</v>
      </c>
      <c r="D3532" s="1" t="s">
        <v>169</v>
      </c>
      <c r="E3532" s="1" t="s">
        <v>7</v>
      </c>
    </row>
    <row r="3533">
      <c r="A3533" s="1">
        <v>4.90394306E8</v>
      </c>
      <c r="B3533" s="2">
        <v>11863.0</v>
      </c>
      <c r="C3533" s="1" t="s">
        <v>5</v>
      </c>
      <c r="D3533" s="1" t="s">
        <v>2890</v>
      </c>
      <c r="E3533" s="1" t="s">
        <v>7</v>
      </c>
    </row>
    <row r="3534">
      <c r="A3534" s="1">
        <v>4.90394307E8</v>
      </c>
      <c r="B3534" s="2">
        <v>11862.0</v>
      </c>
      <c r="C3534" s="1" t="s">
        <v>5</v>
      </c>
      <c r="D3534" s="1" t="s">
        <v>11</v>
      </c>
      <c r="E3534" s="1" t="s">
        <v>7</v>
      </c>
    </row>
    <row r="3535">
      <c r="A3535" s="1">
        <v>4.90394311E8</v>
      </c>
      <c r="B3535" s="2">
        <v>11882.0</v>
      </c>
      <c r="C3535" s="1" t="s">
        <v>5</v>
      </c>
      <c r="D3535" s="1" t="s">
        <v>11</v>
      </c>
      <c r="E3535" s="1" t="s">
        <v>7</v>
      </c>
    </row>
    <row r="3536">
      <c r="A3536" s="1">
        <v>4.90394317E8</v>
      </c>
      <c r="B3536" s="2">
        <v>11870.0</v>
      </c>
      <c r="C3536" s="1" t="s">
        <v>5</v>
      </c>
      <c r="D3536" s="1" t="s">
        <v>2891</v>
      </c>
      <c r="E3536" s="1" t="s">
        <v>7</v>
      </c>
    </row>
    <row r="3537">
      <c r="A3537" s="1">
        <v>4.90394321E8</v>
      </c>
      <c r="B3537" s="2">
        <v>11876.0</v>
      </c>
      <c r="C3537" s="1" t="s">
        <v>5</v>
      </c>
      <c r="D3537" s="1" t="s">
        <v>11</v>
      </c>
      <c r="E3537" s="1" t="s">
        <v>7</v>
      </c>
    </row>
    <row r="3538">
      <c r="A3538" s="1">
        <v>4.90394323E8</v>
      </c>
      <c r="B3538" s="2">
        <v>11876.0</v>
      </c>
      <c r="C3538" s="1" t="s">
        <v>5</v>
      </c>
      <c r="D3538" s="1" t="s">
        <v>2892</v>
      </c>
      <c r="E3538" s="1" t="s">
        <v>11</v>
      </c>
    </row>
    <row r="3539">
      <c r="A3539" s="1">
        <v>4.90394327E8</v>
      </c>
      <c r="B3539" s="2">
        <v>11880.0</v>
      </c>
      <c r="C3539" s="1" t="s">
        <v>5</v>
      </c>
      <c r="D3539" s="1" t="s">
        <v>2893</v>
      </c>
      <c r="E3539" s="1" t="s">
        <v>11</v>
      </c>
    </row>
    <row r="3540">
      <c r="A3540" s="1">
        <v>4.90394328E8</v>
      </c>
      <c r="B3540" s="2">
        <v>11882.0</v>
      </c>
      <c r="C3540" s="1" t="s">
        <v>5</v>
      </c>
      <c r="D3540" s="1" t="s">
        <v>2894</v>
      </c>
      <c r="E3540" s="1" t="s">
        <v>7</v>
      </c>
    </row>
    <row r="3541">
      <c r="A3541" s="1">
        <v>4.9039433E8</v>
      </c>
      <c r="B3541" s="2">
        <v>11891.0</v>
      </c>
      <c r="C3541" s="1" t="s">
        <v>5</v>
      </c>
      <c r="D3541" s="1" t="s">
        <v>11</v>
      </c>
      <c r="E3541" s="1" t="s">
        <v>7</v>
      </c>
    </row>
    <row r="3542">
      <c r="A3542" s="1">
        <v>4.90394332E8</v>
      </c>
      <c r="B3542" s="2">
        <v>11883.0</v>
      </c>
      <c r="C3542" s="1" t="s">
        <v>5</v>
      </c>
      <c r="D3542" s="1" t="s">
        <v>11</v>
      </c>
      <c r="E3542" s="1" t="s">
        <v>7</v>
      </c>
    </row>
    <row r="3543">
      <c r="A3543" s="1">
        <v>4.90394334E8</v>
      </c>
      <c r="B3543" s="2">
        <v>11876.0</v>
      </c>
      <c r="C3543" s="1" t="s">
        <v>5</v>
      </c>
      <c r="D3543" s="1" t="s">
        <v>2895</v>
      </c>
      <c r="E3543" s="1" t="s">
        <v>11</v>
      </c>
    </row>
    <row r="3544">
      <c r="A3544" s="1">
        <v>4.90394335E8</v>
      </c>
      <c r="B3544" s="2">
        <v>11860.0</v>
      </c>
      <c r="C3544" s="1" t="s">
        <v>5</v>
      </c>
      <c r="D3544" s="1" t="s">
        <v>2896</v>
      </c>
      <c r="E3544" s="1" t="s">
        <v>7</v>
      </c>
    </row>
    <row r="3545">
      <c r="A3545" s="1">
        <v>4.90394336E8</v>
      </c>
      <c r="B3545" s="2">
        <v>11886.0</v>
      </c>
      <c r="C3545" s="1" t="s">
        <v>5</v>
      </c>
      <c r="D3545" s="1" t="s">
        <v>2897</v>
      </c>
      <c r="E3545" s="1" t="s">
        <v>7</v>
      </c>
    </row>
    <row r="3546">
      <c r="A3546" s="1">
        <v>4.90394337E8</v>
      </c>
      <c r="B3546" s="2">
        <v>11876.0</v>
      </c>
      <c r="C3546" s="1" t="s">
        <v>5</v>
      </c>
      <c r="D3546" s="1" t="s">
        <v>11</v>
      </c>
      <c r="E3546" s="1" t="s">
        <v>7</v>
      </c>
    </row>
    <row r="3547">
      <c r="A3547" s="1">
        <v>4.90394342E8</v>
      </c>
      <c r="B3547" s="2">
        <v>11870.0</v>
      </c>
      <c r="C3547" s="1" t="s">
        <v>5</v>
      </c>
      <c r="D3547" s="1" t="s">
        <v>2898</v>
      </c>
      <c r="E3547" s="1" t="s">
        <v>11</v>
      </c>
    </row>
    <row r="3548">
      <c r="A3548" s="1">
        <v>4.90394344E8</v>
      </c>
      <c r="B3548" s="2">
        <v>11883.0</v>
      </c>
      <c r="C3548" s="1" t="s">
        <v>5</v>
      </c>
      <c r="D3548" s="1" t="s">
        <v>2899</v>
      </c>
      <c r="E3548" s="1" t="s">
        <v>11</v>
      </c>
    </row>
    <row r="3549">
      <c r="A3549" s="1">
        <v>4.90394345E8</v>
      </c>
      <c r="B3549" s="2">
        <v>11882.0</v>
      </c>
      <c r="C3549" s="1" t="s">
        <v>5</v>
      </c>
      <c r="D3549" s="1" t="s">
        <v>2900</v>
      </c>
      <c r="E3549" s="1" t="s">
        <v>7</v>
      </c>
    </row>
    <row r="3550">
      <c r="A3550" s="1">
        <v>4.90394348E8</v>
      </c>
      <c r="B3550" s="2">
        <v>11885.0</v>
      </c>
      <c r="C3550" s="1" t="s">
        <v>5</v>
      </c>
      <c r="D3550" s="1" t="s">
        <v>2901</v>
      </c>
      <c r="E3550" s="1" t="s">
        <v>7</v>
      </c>
    </row>
    <row r="3551">
      <c r="A3551" s="1">
        <v>4.9039436E8</v>
      </c>
      <c r="B3551" s="2">
        <v>11890.0</v>
      </c>
      <c r="C3551" s="1" t="s">
        <v>5</v>
      </c>
      <c r="D3551" s="1" t="s">
        <v>2902</v>
      </c>
      <c r="E3551" s="1" t="s">
        <v>7</v>
      </c>
    </row>
    <row r="3552">
      <c r="A3552" s="1">
        <v>4.90394361E8</v>
      </c>
      <c r="B3552" s="2">
        <v>11870.0</v>
      </c>
      <c r="C3552" s="1" t="s">
        <v>5</v>
      </c>
      <c r="D3552" s="1" t="s">
        <v>2903</v>
      </c>
      <c r="E3552" s="1" t="s">
        <v>7</v>
      </c>
    </row>
    <row r="3553">
      <c r="A3553" s="1">
        <v>4.90394365E8</v>
      </c>
      <c r="B3553" s="2">
        <v>11863.0</v>
      </c>
      <c r="C3553" s="1" t="s">
        <v>5</v>
      </c>
      <c r="D3553" s="1" t="s">
        <v>11</v>
      </c>
      <c r="E3553" s="1" t="s">
        <v>7</v>
      </c>
    </row>
    <row r="3554">
      <c r="A3554" s="1">
        <v>4.90394368E8</v>
      </c>
      <c r="B3554" s="2">
        <v>11854.0</v>
      </c>
      <c r="C3554" s="1" t="s">
        <v>5</v>
      </c>
      <c r="D3554" s="1" t="s">
        <v>2904</v>
      </c>
      <c r="E3554" s="1" t="s">
        <v>7</v>
      </c>
    </row>
    <row r="3555">
      <c r="A3555" s="1">
        <v>4.90394373E8</v>
      </c>
      <c r="B3555" s="2">
        <v>11864.0</v>
      </c>
      <c r="C3555" s="1" t="s">
        <v>5</v>
      </c>
      <c r="D3555" s="1" t="s">
        <v>2905</v>
      </c>
      <c r="E3555" s="1" t="s">
        <v>11</v>
      </c>
    </row>
    <row r="3556">
      <c r="A3556" s="1">
        <v>4.90394378E8</v>
      </c>
      <c r="B3556" s="2">
        <v>11885.0</v>
      </c>
      <c r="C3556" s="1" t="s">
        <v>5</v>
      </c>
      <c r="D3556" s="1" t="s">
        <v>2906</v>
      </c>
      <c r="E3556" s="1" t="s">
        <v>11</v>
      </c>
    </row>
    <row r="3557">
      <c r="A3557" s="1">
        <v>4.90394387E8</v>
      </c>
      <c r="B3557" s="2">
        <v>11864.0</v>
      </c>
      <c r="C3557" s="1" t="s">
        <v>5</v>
      </c>
      <c r="D3557" s="1" t="s">
        <v>2907</v>
      </c>
      <c r="E3557" s="1" t="s">
        <v>7</v>
      </c>
    </row>
    <row r="3558">
      <c r="A3558" s="1">
        <v>4.90394393E8</v>
      </c>
      <c r="B3558" s="2">
        <v>11862.0</v>
      </c>
      <c r="C3558" s="1" t="s">
        <v>5</v>
      </c>
      <c r="D3558" s="1" t="s">
        <v>2908</v>
      </c>
      <c r="E3558" s="1" t="s">
        <v>7</v>
      </c>
    </row>
    <row r="3559">
      <c r="A3559" s="1">
        <v>4.90394394E8</v>
      </c>
      <c r="B3559" s="2">
        <v>11854.0</v>
      </c>
      <c r="C3559" s="1" t="s">
        <v>5</v>
      </c>
      <c r="D3559" s="1" t="s">
        <v>11</v>
      </c>
      <c r="E3559" s="1" t="s">
        <v>7</v>
      </c>
    </row>
    <row r="3560">
      <c r="A3560" s="1">
        <v>4.90394397E8</v>
      </c>
      <c r="B3560" s="2">
        <v>11870.0</v>
      </c>
      <c r="C3560" s="1" t="s">
        <v>5</v>
      </c>
      <c r="D3560" s="1" t="s">
        <v>2909</v>
      </c>
      <c r="E3560" s="1" t="s">
        <v>11</v>
      </c>
    </row>
    <row r="3561">
      <c r="A3561" s="1">
        <v>4.903944E8</v>
      </c>
      <c r="B3561" s="2">
        <v>11882.0</v>
      </c>
      <c r="C3561" s="1" t="s">
        <v>5</v>
      </c>
      <c r="D3561" s="1" t="s">
        <v>11</v>
      </c>
      <c r="E3561" s="1" t="s">
        <v>7</v>
      </c>
    </row>
    <row r="3562">
      <c r="A3562" s="1">
        <v>4.90394402E8</v>
      </c>
      <c r="B3562" s="2">
        <v>11890.0</v>
      </c>
      <c r="C3562" s="1" t="s">
        <v>5</v>
      </c>
      <c r="D3562" s="1" t="s">
        <v>2910</v>
      </c>
      <c r="E3562" s="1" t="s">
        <v>11</v>
      </c>
    </row>
    <row r="3563">
      <c r="A3563" s="1">
        <v>4.90394405E8</v>
      </c>
      <c r="B3563" s="2">
        <v>11876.0</v>
      </c>
      <c r="C3563" s="1" t="s">
        <v>5</v>
      </c>
      <c r="D3563" s="1" t="s">
        <v>2911</v>
      </c>
      <c r="E3563" s="1" t="s">
        <v>11</v>
      </c>
    </row>
    <row r="3564">
      <c r="A3564" s="1">
        <v>4.90394407E8</v>
      </c>
      <c r="B3564" s="2">
        <v>11861.0</v>
      </c>
      <c r="C3564" s="1" t="s">
        <v>5</v>
      </c>
      <c r="D3564" s="1" t="s">
        <v>2912</v>
      </c>
      <c r="E3564" s="1" t="s">
        <v>7</v>
      </c>
    </row>
    <row r="3565">
      <c r="A3565" s="1">
        <v>4.90394408E8</v>
      </c>
      <c r="B3565" s="2">
        <v>11891.0</v>
      </c>
      <c r="C3565" s="1" t="s">
        <v>5</v>
      </c>
      <c r="D3565" s="1" t="s">
        <v>2913</v>
      </c>
      <c r="E3565" s="1" t="s">
        <v>7</v>
      </c>
    </row>
    <row r="3566">
      <c r="A3566" s="1">
        <v>4.90394411E8</v>
      </c>
      <c r="B3566" s="2">
        <v>11863.0</v>
      </c>
      <c r="C3566" s="1" t="s">
        <v>5</v>
      </c>
      <c r="D3566" s="1" t="s">
        <v>2914</v>
      </c>
      <c r="E3566" s="1" t="s">
        <v>7</v>
      </c>
    </row>
    <row r="3567">
      <c r="A3567" s="1">
        <v>4.90394412E8</v>
      </c>
      <c r="B3567" s="2">
        <v>11862.0</v>
      </c>
      <c r="C3567" s="1" t="s">
        <v>5</v>
      </c>
      <c r="D3567" s="1" t="s">
        <v>11</v>
      </c>
      <c r="E3567" s="1" t="s">
        <v>7</v>
      </c>
    </row>
    <row r="3568">
      <c r="A3568" s="1">
        <v>4.90394413E8</v>
      </c>
      <c r="B3568" s="2">
        <v>11885.0</v>
      </c>
      <c r="C3568" s="1" t="s">
        <v>5</v>
      </c>
      <c r="D3568" s="1" t="s">
        <v>2915</v>
      </c>
      <c r="E3568" s="1" t="s">
        <v>11</v>
      </c>
    </row>
    <row r="3569">
      <c r="A3569" s="1">
        <v>4.90394418E8</v>
      </c>
      <c r="B3569" s="2">
        <v>11858.0</v>
      </c>
      <c r="C3569" s="1" t="s">
        <v>5</v>
      </c>
      <c r="D3569" s="1" t="s">
        <v>2916</v>
      </c>
      <c r="E3569" s="1" t="s">
        <v>7</v>
      </c>
    </row>
    <row r="3570">
      <c r="A3570" s="1">
        <v>4.90394433E8</v>
      </c>
      <c r="B3570" s="2">
        <v>11875.0</v>
      </c>
      <c r="C3570" s="1" t="s">
        <v>5</v>
      </c>
      <c r="D3570" s="1" t="s">
        <v>2917</v>
      </c>
      <c r="E3570" s="1" t="s">
        <v>11</v>
      </c>
    </row>
    <row r="3571">
      <c r="A3571" s="1">
        <v>4.90394435E8</v>
      </c>
      <c r="B3571" s="2">
        <v>11856.0</v>
      </c>
      <c r="C3571" s="1" t="s">
        <v>5</v>
      </c>
      <c r="D3571" s="1" t="s">
        <v>2918</v>
      </c>
      <c r="E3571" s="1" t="s">
        <v>7</v>
      </c>
    </row>
    <row r="3572">
      <c r="A3572" s="1">
        <v>4.90394442E8</v>
      </c>
      <c r="B3572" s="2">
        <v>11860.0</v>
      </c>
      <c r="C3572" s="1" t="s">
        <v>5</v>
      </c>
      <c r="D3572" s="1" t="s">
        <v>2919</v>
      </c>
      <c r="E3572" s="1" t="s">
        <v>11</v>
      </c>
    </row>
    <row r="3573">
      <c r="A3573" s="1">
        <v>4.90394455E8</v>
      </c>
      <c r="B3573" s="2">
        <v>11854.0</v>
      </c>
      <c r="C3573" s="1" t="s">
        <v>5</v>
      </c>
      <c r="D3573" s="1" t="s">
        <v>11</v>
      </c>
      <c r="E3573" s="1" t="s">
        <v>7</v>
      </c>
    </row>
    <row r="3574">
      <c r="A3574" s="1">
        <v>4.90394456E8</v>
      </c>
      <c r="B3574" s="2">
        <v>11878.0</v>
      </c>
      <c r="C3574" s="1" t="s">
        <v>5</v>
      </c>
      <c r="D3574" s="1" t="s">
        <v>2920</v>
      </c>
      <c r="E3574" s="1" t="s">
        <v>7</v>
      </c>
    </row>
    <row r="3575">
      <c r="A3575" s="1">
        <v>4.90394457E8</v>
      </c>
      <c r="B3575" s="2">
        <v>11864.0</v>
      </c>
      <c r="C3575" s="1" t="s">
        <v>5</v>
      </c>
      <c r="D3575" s="1" t="s">
        <v>2921</v>
      </c>
      <c r="E3575" s="1" t="s">
        <v>11</v>
      </c>
    </row>
    <row r="3576">
      <c r="A3576" s="1">
        <v>4.90394458E8</v>
      </c>
      <c r="B3576" s="2">
        <v>11876.0</v>
      </c>
      <c r="C3576" s="1" t="s">
        <v>5</v>
      </c>
      <c r="D3576" s="1" t="s">
        <v>2922</v>
      </c>
      <c r="E3576" s="1" t="s">
        <v>7</v>
      </c>
    </row>
    <row r="3577">
      <c r="A3577" s="1">
        <v>4.90394461E8</v>
      </c>
      <c r="B3577" s="2">
        <v>11890.0</v>
      </c>
      <c r="C3577" s="1" t="s">
        <v>5</v>
      </c>
      <c r="D3577" s="1" t="s">
        <v>2923</v>
      </c>
      <c r="E3577" s="1" t="s">
        <v>7</v>
      </c>
    </row>
    <row r="3578">
      <c r="A3578" s="1">
        <v>4.90394462E8</v>
      </c>
      <c r="B3578" s="2">
        <v>11882.0</v>
      </c>
      <c r="C3578" s="1" t="s">
        <v>5</v>
      </c>
      <c r="D3578" s="1" t="s">
        <v>2924</v>
      </c>
      <c r="E3578" s="1" t="s">
        <v>11</v>
      </c>
    </row>
    <row r="3579">
      <c r="A3579" s="1">
        <v>4.90394467E8</v>
      </c>
      <c r="B3579" s="2">
        <v>11854.0</v>
      </c>
      <c r="C3579" s="1" t="s">
        <v>5</v>
      </c>
      <c r="D3579" s="1" t="s">
        <v>2925</v>
      </c>
      <c r="E3579" s="1" t="s">
        <v>7</v>
      </c>
    </row>
    <row r="3580">
      <c r="A3580" s="1">
        <v>4.90394468E8</v>
      </c>
      <c r="B3580" s="2">
        <v>11863.0</v>
      </c>
      <c r="C3580" s="1" t="s">
        <v>5</v>
      </c>
      <c r="D3580" s="1" t="s">
        <v>2926</v>
      </c>
      <c r="E3580" s="1" t="s">
        <v>7</v>
      </c>
    </row>
    <row r="3581">
      <c r="A3581" s="1">
        <v>4.90394474E8</v>
      </c>
      <c r="B3581" s="2">
        <v>11878.0</v>
      </c>
      <c r="C3581" s="1" t="s">
        <v>5</v>
      </c>
      <c r="D3581" s="1" t="s">
        <v>2927</v>
      </c>
      <c r="E3581" s="1" t="s">
        <v>7</v>
      </c>
    </row>
    <row r="3582">
      <c r="A3582" s="1">
        <v>4.90394478E8</v>
      </c>
      <c r="B3582" s="2">
        <v>11885.0</v>
      </c>
      <c r="C3582" s="1" t="s">
        <v>5</v>
      </c>
      <c r="D3582" s="1" t="s">
        <v>11</v>
      </c>
      <c r="E3582" s="1" t="s">
        <v>7</v>
      </c>
    </row>
    <row r="3583">
      <c r="A3583" s="1">
        <v>4.90394482E8</v>
      </c>
      <c r="B3583" s="2">
        <v>11882.0</v>
      </c>
      <c r="C3583" s="1" t="s">
        <v>5</v>
      </c>
      <c r="D3583" s="1" t="s">
        <v>2928</v>
      </c>
      <c r="E3583" s="1" t="s">
        <v>11</v>
      </c>
    </row>
    <row r="3584">
      <c r="A3584" s="1">
        <v>4.90394485E8</v>
      </c>
      <c r="B3584" s="2">
        <v>11863.0</v>
      </c>
      <c r="C3584" s="1" t="s">
        <v>5</v>
      </c>
      <c r="D3584" s="1" t="s">
        <v>2929</v>
      </c>
      <c r="E3584" s="1" t="s">
        <v>7</v>
      </c>
    </row>
    <row r="3585">
      <c r="A3585" s="1">
        <v>4.90394487E8</v>
      </c>
      <c r="B3585" s="2">
        <v>11854.0</v>
      </c>
      <c r="C3585" s="1" t="s">
        <v>5</v>
      </c>
      <c r="D3585" s="1" t="s">
        <v>2930</v>
      </c>
      <c r="E3585" s="1" t="s">
        <v>11</v>
      </c>
    </row>
    <row r="3586">
      <c r="A3586" s="1">
        <v>4.90394493E8</v>
      </c>
      <c r="B3586" s="2">
        <v>11875.0</v>
      </c>
      <c r="C3586" s="1" t="s">
        <v>5</v>
      </c>
      <c r="D3586" s="1" t="s">
        <v>11</v>
      </c>
      <c r="E3586" s="1" t="s">
        <v>7</v>
      </c>
    </row>
    <row r="3587">
      <c r="A3587" s="1">
        <v>4.90394495E8</v>
      </c>
      <c r="B3587" s="2">
        <v>11875.0</v>
      </c>
      <c r="C3587" s="1" t="s">
        <v>5</v>
      </c>
      <c r="D3587" s="1" t="s">
        <v>1836</v>
      </c>
      <c r="E3587" s="1" t="s">
        <v>7</v>
      </c>
    </row>
    <row r="3588">
      <c r="A3588" s="1">
        <v>4.903945E8</v>
      </c>
      <c r="B3588" s="2">
        <v>11858.0</v>
      </c>
      <c r="C3588" s="1" t="s">
        <v>5</v>
      </c>
      <c r="D3588" s="1" t="s">
        <v>2931</v>
      </c>
      <c r="E3588" s="1" t="s">
        <v>7</v>
      </c>
    </row>
    <row r="3589">
      <c r="A3589" s="1">
        <v>4.90394503E8</v>
      </c>
      <c r="B3589" s="2">
        <v>11863.0</v>
      </c>
      <c r="C3589" s="1" t="s">
        <v>5</v>
      </c>
      <c r="D3589" s="1" t="s">
        <v>2932</v>
      </c>
      <c r="E3589" s="1" t="s">
        <v>11</v>
      </c>
    </row>
    <row r="3590">
      <c r="A3590" s="1">
        <v>4.9039451E8</v>
      </c>
      <c r="B3590" s="2">
        <v>11861.0</v>
      </c>
      <c r="C3590" s="1" t="s">
        <v>5</v>
      </c>
      <c r="D3590" s="1" t="s">
        <v>2734</v>
      </c>
      <c r="E3590" s="1" t="s">
        <v>11</v>
      </c>
    </row>
    <row r="3591">
      <c r="A3591" s="1">
        <v>4.90394514E8</v>
      </c>
      <c r="B3591" s="2">
        <v>11890.0</v>
      </c>
      <c r="C3591" s="1" t="s">
        <v>5</v>
      </c>
      <c r="D3591" s="1" t="s">
        <v>2933</v>
      </c>
      <c r="E3591" s="1" t="s">
        <v>7</v>
      </c>
    </row>
    <row r="3592">
      <c r="A3592" s="1">
        <v>4.90394518E8</v>
      </c>
      <c r="B3592" s="2">
        <v>11858.0</v>
      </c>
      <c r="C3592" s="1" t="s">
        <v>5</v>
      </c>
      <c r="D3592" s="1" t="s">
        <v>1636</v>
      </c>
      <c r="E3592" s="1" t="s">
        <v>7</v>
      </c>
    </row>
    <row r="3593">
      <c r="A3593" s="1">
        <v>4.9039452E8</v>
      </c>
      <c r="B3593" s="2">
        <v>11880.0</v>
      </c>
      <c r="C3593" s="1" t="s">
        <v>5</v>
      </c>
      <c r="D3593" s="1" t="s">
        <v>7</v>
      </c>
      <c r="E3593" s="1" t="s">
        <v>7</v>
      </c>
    </row>
    <row r="3594">
      <c r="A3594" s="1">
        <v>4.90394522E8</v>
      </c>
      <c r="B3594" s="2">
        <v>11885.0</v>
      </c>
      <c r="C3594" s="1" t="s">
        <v>5</v>
      </c>
      <c r="D3594" s="1" t="s">
        <v>11</v>
      </c>
      <c r="E3594" s="1" t="s">
        <v>7</v>
      </c>
    </row>
    <row r="3595">
      <c r="A3595" s="1">
        <v>4.90394526E8</v>
      </c>
      <c r="B3595" s="2">
        <v>11854.0</v>
      </c>
      <c r="C3595" s="1" t="s">
        <v>5</v>
      </c>
      <c r="D3595" s="1" t="s">
        <v>2934</v>
      </c>
      <c r="E3595" s="1" t="s">
        <v>11</v>
      </c>
    </row>
    <row r="3596">
      <c r="A3596" s="1">
        <v>4.90394527E8</v>
      </c>
      <c r="B3596" s="2">
        <v>11856.0</v>
      </c>
      <c r="C3596" s="1" t="s">
        <v>5</v>
      </c>
      <c r="D3596" s="1" t="s">
        <v>2935</v>
      </c>
      <c r="E3596" s="1" t="s">
        <v>7</v>
      </c>
    </row>
    <row r="3597">
      <c r="A3597" s="1">
        <v>4.90394531E8</v>
      </c>
      <c r="B3597" s="2">
        <v>11870.0</v>
      </c>
      <c r="C3597" s="1" t="s">
        <v>5</v>
      </c>
      <c r="D3597" s="1" t="s">
        <v>2936</v>
      </c>
      <c r="E3597" s="1" t="s">
        <v>11</v>
      </c>
    </row>
    <row r="3598">
      <c r="A3598" s="1">
        <v>4.90394535E8</v>
      </c>
      <c r="B3598" s="2">
        <v>11861.0</v>
      </c>
      <c r="C3598" s="1" t="s">
        <v>5</v>
      </c>
      <c r="D3598" s="1" t="s">
        <v>2937</v>
      </c>
      <c r="E3598" s="1" t="s">
        <v>11</v>
      </c>
    </row>
    <row r="3599">
      <c r="A3599" s="1">
        <v>4.90394539E8</v>
      </c>
      <c r="B3599" s="2">
        <v>11884.0</v>
      </c>
      <c r="C3599" s="1" t="s">
        <v>5</v>
      </c>
      <c r="D3599" s="1" t="s">
        <v>2938</v>
      </c>
      <c r="E3599" s="1" t="s">
        <v>7</v>
      </c>
    </row>
    <row r="3600">
      <c r="A3600" s="1">
        <v>4.90394542E8</v>
      </c>
      <c r="B3600" s="2">
        <v>11858.0</v>
      </c>
      <c r="C3600" s="1" t="s">
        <v>5</v>
      </c>
      <c r="D3600" s="1" t="s">
        <v>2939</v>
      </c>
      <c r="E3600" s="1" t="s">
        <v>7</v>
      </c>
    </row>
    <row r="3601">
      <c r="A3601" s="1">
        <v>4.90394552E8</v>
      </c>
      <c r="B3601" s="2">
        <v>11862.0</v>
      </c>
      <c r="C3601" s="1" t="s">
        <v>5</v>
      </c>
      <c r="D3601" s="1" t="s">
        <v>2940</v>
      </c>
      <c r="E3601" s="1" t="s">
        <v>7</v>
      </c>
    </row>
    <row r="3602">
      <c r="A3602" s="1">
        <v>4.90394553E8</v>
      </c>
      <c r="B3602" s="2">
        <v>11874.0</v>
      </c>
      <c r="C3602" s="1" t="s">
        <v>5</v>
      </c>
      <c r="D3602" s="1" t="s">
        <v>2941</v>
      </c>
      <c r="E3602" s="1" t="s">
        <v>7</v>
      </c>
    </row>
    <row r="3603">
      <c r="A3603" s="1">
        <v>4.90394554E8</v>
      </c>
      <c r="B3603" s="2">
        <v>11866.0</v>
      </c>
      <c r="C3603" s="1" t="s">
        <v>5</v>
      </c>
      <c r="D3603" s="1" t="s">
        <v>11</v>
      </c>
      <c r="E3603" s="1" t="s">
        <v>7</v>
      </c>
    </row>
    <row r="3604">
      <c r="A3604" s="1">
        <v>4.90394555E8</v>
      </c>
      <c r="B3604" s="2">
        <v>11863.0</v>
      </c>
      <c r="C3604" s="1" t="s">
        <v>5</v>
      </c>
      <c r="D3604" s="1" t="s">
        <v>2942</v>
      </c>
      <c r="E3604" s="1" t="s">
        <v>11</v>
      </c>
    </row>
    <row r="3605">
      <c r="A3605" s="1">
        <v>4.90394557E8</v>
      </c>
      <c r="B3605" s="2">
        <v>11884.0</v>
      </c>
      <c r="C3605" s="1" t="s">
        <v>5</v>
      </c>
      <c r="D3605" s="1" t="s">
        <v>2943</v>
      </c>
      <c r="E3605" s="1" t="s">
        <v>7</v>
      </c>
    </row>
    <row r="3606">
      <c r="A3606" s="1">
        <v>4.90394558E8</v>
      </c>
      <c r="B3606" s="2">
        <v>11861.0</v>
      </c>
      <c r="C3606" s="1" t="s">
        <v>5</v>
      </c>
      <c r="D3606" s="1" t="s">
        <v>2944</v>
      </c>
      <c r="E3606" s="1" t="s">
        <v>7</v>
      </c>
    </row>
    <row r="3607">
      <c r="A3607" s="1">
        <v>4.9039456E8</v>
      </c>
      <c r="B3607" s="2">
        <v>11880.0</v>
      </c>
      <c r="C3607" s="1" t="s">
        <v>5</v>
      </c>
      <c r="D3607" s="1" t="s">
        <v>11</v>
      </c>
      <c r="E3607" s="1" t="s">
        <v>7</v>
      </c>
    </row>
    <row r="3608">
      <c r="A3608" s="1">
        <v>4.90394561E8</v>
      </c>
      <c r="B3608" s="2">
        <v>11869.0</v>
      </c>
      <c r="C3608" s="1" t="s">
        <v>5</v>
      </c>
      <c r="D3608" s="1" t="s">
        <v>2945</v>
      </c>
      <c r="E3608" s="1" t="s">
        <v>7</v>
      </c>
    </row>
    <row r="3609">
      <c r="A3609" s="1">
        <v>4.90394562E8</v>
      </c>
      <c r="B3609" s="2">
        <v>11856.0</v>
      </c>
      <c r="C3609" s="1" t="s">
        <v>5</v>
      </c>
      <c r="D3609" s="1" t="s">
        <v>11</v>
      </c>
      <c r="E3609" s="1" t="s">
        <v>7</v>
      </c>
    </row>
    <row r="3610">
      <c r="A3610" s="1">
        <v>4.90394563E8</v>
      </c>
      <c r="B3610" s="2">
        <v>11880.0</v>
      </c>
      <c r="C3610" s="1" t="s">
        <v>5</v>
      </c>
      <c r="D3610" s="1" t="s">
        <v>2946</v>
      </c>
      <c r="E3610" s="1" t="s">
        <v>11</v>
      </c>
    </row>
    <row r="3611">
      <c r="A3611" s="1">
        <v>4.90394584E8</v>
      </c>
      <c r="B3611" s="2">
        <v>11880.0</v>
      </c>
      <c r="C3611" s="1" t="s">
        <v>5</v>
      </c>
      <c r="D3611" s="1" t="s">
        <v>2947</v>
      </c>
      <c r="E3611" s="1" t="s">
        <v>11</v>
      </c>
    </row>
    <row r="3612">
      <c r="A3612" s="1">
        <v>4.90394585E8</v>
      </c>
      <c r="B3612" s="2">
        <v>11858.0</v>
      </c>
      <c r="C3612" s="1" t="s">
        <v>5</v>
      </c>
      <c r="D3612" s="1" t="s">
        <v>11</v>
      </c>
      <c r="E3612" s="1" t="s">
        <v>7</v>
      </c>
    </row>
    <row r="3613">
      <c r="A3613" s="1">
        <v>4.90394586E8</v>
      </c>
      <c r="B3613" s="2">
        <v>11879.0</v>
      </c>
      <c r="C3613" s="1" t="s">
        <v>5</v>
      </c>
      <c r="D3613" s="1" t="s">
        <v>2948</v>
      </c>
      <c r="E3613" s="1" t="s">
        <v>11</v>
      </c>
    </row>
    <row r="3614">
      <c r="A3614" s="1">
        <v>4.90394588E8</v>
      </c>
      <c r="B3614" s="2">
        <v>11877.0</v>
      </c>
      <c r="C3614" s="1" t="s">
        <v>5</v>
      </c>
      <c r="D3614" s="1" t="s">
        <v>2949</v>
      </c>
      <c r="E3614" s="1" t="s">
        <v>11</v>
      </c>
    </row>
    <row r="3615">
      <c r="A3615" s="1">
        <v>4.90394594E8</v>
      </c>
      <c r="B3615" s="2">
        <v>11861.0</v>
      </c>
      <c r="C3615" s="1" t="s">
        <v>5</v>
      </c>
      <c r="D3615" s="1" t="s">
        <v>2950</v>
      </c>
      <c r="E3615" s="1" t="s">
        <v>11</v>
      </c>
    </row>
    <row r="3616">
      <c r="A3616" s="1">
        <v>4.90394597E8</v>
      </c>
      <c r="B3616" s="2">
        <v>11856.0</v>
      </c>
      <c r="C3616" s="1" t="s">
        <v>5</v>
      </c>
      <c r="D3616" s="1" t="s">
        <v>11</v>
      </c>
      <c r="E3616" s="1" t="s">
        <v>7</v>
      </c>
    </row>
    <row r="3617">
      <c r="A3617" s="1">
        <v>4.903946E8</v>
      </c>
      <c r="B3617" s="2">
        <v>11884.0</v>
      </c>
      <c r="C3617" s="1" t="s">
        <v>5</v>
      </c>
      <c r="D3617" s="1" t="s">
        <v>2951</v>
      </c>
      <c r="E3617" s="1" t="s">
        <v>7</v>
      </c>
    </row>
    <row r="3618">
      <c r="A3618" s="1">
        <v>4.90394601E8</v>
      </c>
      <c r="B3618" s="2">
        <v>11856.0</v>
      </c>
      <c r="C3618" s="1" t="s">
        <v>5</v>
      </c>
      <c r="D3618" s="1" t="s">
        <v>2952</v>
      </c>
      <c r="E3618" s="1" t="s">
        <v>2953</v>
      </c>
    </row>
    <row r="3619">
      <c r="A3619" s="1">
        <v>4.90394602E8</v>
      </c>
      <c r="B3619" s="2">
        <v>11880.0</v>
      </c>
      <c r="C3619" s="1" t="s">
        <v>5</v>
      </c>
      <c r="D3619" s="1" t="s">
        <v>2954</v>
      </c>
      <c r="E3619" s="1" t="s">
        <v>11</v>
      </c>
    </row>
    <row r="3620">
      <c r="A3620" s="1">
        <v>4.90394603E8</v>
      </c>
      <c r="B3620" s="2">
        <v>11880.0</v>
      </c>
      <c r="C3620" s="1" t="s">
        <v>5</v>
      </c>
      <c r="D3620" s="1" t="s">
        <v>2955</v>
      </c>
      <c r="E3620" s="1" t="s">
        <v>7</v>
      </c>
    </row>
    <row r="3621">
      <c r="A3621" s="1">
        <v>4.90394604E8</v>
      </c>
      <c r="B3621" s="2">
        <v>11862.0</v>
      </c>
      <c r="C3621" s="1" t="s">
        <v>5</v>
      </c>
      <c r="D3621" s="1" t="s">
        <v>2956</v>
      </c>
      <c r="E3621" s="1" t="s">
        <v>11</v>
      </c>
    </row>
    <row r="3622">
      <c r="A3622" s="1">
        <v>4.9039461E8</v>
      </c>
      <c r="B3622" s="2">
        <v>11880.0</v>
      </c>
      <c r="C3622" s="1" t="s">
        <v>5</v>
      </c>
      <c r="D3622" s="1" t="s">
        <v>2957</v>
      </c>
      <c r="E3622" s="1" t="s">
        <v>7</v>
      </c>
    </row>
    <row r="3623">
      <c r="A3623" s="1">
        <v>4.90394611E8</v>
      </c>
      <c r="B3623" s="2">
        <v>11890.0</v>
      </c>
      <c r="C3623" s="1" t="s">
        <v>5</v>
      </c>
      <c r="D3623" s="1" t="s">
        <v>11</v>
      </c>
      <c r="E3623" s="1" t="s">
        <v>7</v>
      </c>
    </row>
    <row r="3624">
      <c r="A3624" s="1">
        <v>4.90394613E8</v>
      </c>
      <c r="B3624" s="2">
        <v>11860.0</v>
      </c>
      <c r="C3624" s="1" t="s">
        <v>5</v>
      </c>
      <c r="D3624" s="1" t="s">
        <v>2958</v>
      </c>
      <c r="E3624" s="1" t="s">
        <v>7</v>
      </c>
    </row>
    <row r="3625">
      <c r="A3625" s="1">
        <v>4.90394618E8</v>
      </c>
      <c r="B3625" s="2">
        <v>11877.0</v>
      </c>
      <c r="C3625" s="1" t="s">
        <v>5</v>
      </c>
      <c r="D3625" s="1" t="s">
        <v>2959</v>
      </c>
      <c r="E3625" s="1" t="s">
        <v>11</v>
      </c>
    </row>
    <row r="3626">
      <c r="A3626" s="1">
        <v>4.90394619E8</v>
      </c>
      <c r="B3626" s="2">
        <v>11856.0</v>
      </c>
      <c r="C3626" s="1" t="s">
        <v>5</v>
      </c>
      <c r="D3626" s="1" t="s">
        <v>2960</v>
      </c>
      <c r="E3626" s="1" t="s">
        <v>7</v>
      </c>
    </row>
    <row r="3627">
      <c r="A3627" s="1">
        <v>4.90394621E8</v>
      </c>
      <c r="B3627" s="2">
        <v>11875.0</v>
      </c>
      <c r="C3627" s="1" t="s">
        <v>5</v>
      </c>
      <c r="D3627" s="1" t="s">
        <v>2961</v>
      </c>
      <c r="E3627" s="1" t="s">
        <v>7</v>
      </c>
    </row>
    <row r="3628">
      <c r="A3628" s="1">
        <v>4.90394622E8</v>
      </c>
      <c r="B3628" s="2">
        <v>11863.0</v>
      </c>
      <c r="C3628" s="1" t="s">
        <v>5</v>
      </c>
      <c r="D3628" s="1" t="s">
        <v>2962</v>
      </c>
      <c r="E3628" s="1" t="s">
        <v>7</v>
      </c>
    </row>
    <row r="3629">
      <c r="A3629" s="1">
        <v>4.90394624E8</v>
      </c>
      <c r="B3629" s="2">
        <v>11854.0</v>
      </c>
      <c r="C3629" s="1" t="s">
        <v>5</v>
      </c>
      <c r="D3629" s="1" t="s">
        <v>2963</v>
      </c>
      <c r="E3629" s="1" t="s">
        <v>11</v>
      </c>
    </row>
    <row r="3630">
      <c r="A3630" s="1">
        <v>4.90394625E8</v>
      </c>
      <c r="B3630" s="2">
        <v>11880.0</v>
      </c>
      <c r="C3630" s="1" t="s">
        <v>5</v>
      </c>
      <c r="D3630" s="1" t="s">
        <v>11</v>
      </c>
      <c r="E3630" s="1" t="s">
        <v>7</v>
      </c>
    </row>
    <row r="3631">
      <c r="A3631" s="1">
        <v>4.90394629E8</v>
      </c>
      <c r="B3631" s="2">
        <v>11889.0</v>
      </c>
      <c r="C3631" s="1" t="s">
        <v>5</v>
      </c>
      <c r="D3631" s="1" t="s">
        <v>11</v>
      </c>
      <c r="E3631" s="1" t="s">
        <v>7</v>
      </c>
    </row>
    <row r="3632">
      <c r="A3632" s="1">
        <v>4.90394631E8</v>
      </c>
      <c r="B3632" s="2">
        <v>11860.0</v>
      </c>
      <c r="C3632" s="1" t="s">
        <v>5</v>
      </c>
      <c r="D3632" s="1" t="s">
        <v>2964</v>
      </c>
      <c r="E3632" s="1" t="s">
        <v>2965</v>
      </c>
    </row>
    <row r="3633">
      <c r="A3633" s="1">
        <v>4.90394634E8</v>
      </c>
      <c r="B3633" s="2">
        <v>11863.0</v>
      </c>
      <c r="C3633" s="1" t="s">
        <v>5</v>
      </c>
      <c r="D3633" s="1" t="s">
        <v>11</v>
      </c>
      <c r="E3633" s="1" t="s">
        <v>7</v>
      </c>
    </row>
    <row r="3634">
      <c r="A3634" s="1">
        <v>4.90394636E8</v>
      </c>
      <c r="B3634" s="2">
        <v>11875.0</v>
      </c>
      <c r="C3634" s="1" t="s">
        <v>5</v>
      </c>
      <c r="D3634" s="1" t="s">
        <v>11</v>
      </c>
      <c r="E3634" s="1" t="s">
        <v>7</v>
      </c>
    </row>
    <row r="3635">
      <c r="A3635" s="1">
        <v>4.90394638E8</v>
      </c>
      <c r="B3635" s="2">
        <v>11853.0</v>
      </c>
      <c r="C3635" s="1" t="s">
        <v>5</v>
      </c>
      <c r="D3635" s="1" t="s">
        <v>2966</v>
      </c>
      <c r="E3635" s="1" t="s">
        <v>11</v>
      </c>
    </row>
    <row r="3636">
      <c r="A3636" s="1">
        <v>4.90394639E8</v>
      </c>
      <c r="B3636" s="2">
        <v>11856.0</v>
      </c>
      <c r="C3636" s="1" t="s">
        <v>5</v>
      </c>
      <c r="D3636" s="1" t="s">
        <v>7</v>
      </c>
      <c r="E3636" s="1" t="s">
        <v>7</v>
      </c>
    </row>
    <row r="3637">
      <c r="A3637" s="1">
        <v>4.90394641E8</v>
      </c>
      <c r="B3637" s="2">
        <v>11880.0</v>
      </c>
      <c r="C3637" s="1" t="s">
        <v>5</v>
      </c>
      <c r="D3637" s="1" t="s">
        <v>2967</v>
      </c>
      <c r="E3637" s="1" t="s">
        <v>11</v>
      </c>
    </row>
    <row r="3638">
      <c r="A3638" s="1">
        <v>4.90394648E8</v>
      </c>
      <c r="B3638" s="2">
        <v>11870.0</v>
      </c>
      <c r="C3638" s="1" t="s">
        <v>5</v>
      </c>
      <c r="D3638" s="1" t="s">
        <v>2531</v>
      </c>
      <c r="E3638" s="1" t="s">
        <v>11</v>
      </c>
    </row>
    <row r="3639">
      <c r="A3639" s="1">
        <v>4.90394649E8</v>
      </c>
      <c r="B3639" s="2">
        <v>11879.0</v>
      </c>
      <c r="C3639" s="1" t="s">
        <v>5</v>
      </c>
      <c r="D3639" s="1" t="s">
        <v>11</v>
      </c>
      <c r="E3639" s="1" t="s">
        <v>7</v>
      </c>
    </row>
    <row r="3640">
      <c r="A3640" s="1">
        <v>4.9039465E8</v>
      </c>
      <c r="B3640" s="2">
        <v>11869.0</v>
      </c>
      <c r="C3640" s="1" t="s">
        <v>5</v>
      </c>
      <c r="D3640" s="1" t="s">
        <v>2968</v>
      </c>
      <c r="E3640" s="1" t="s">
        <v>11</v>
      </c>
    </row>
    <row r="3641">
      <c r="A3641" s="1">
        <v>4.90394656E8</v>
      </c>
      <c r="B3641" s="2">
        <v>11864.0</v>
      </c>
      <c r="C3641" s="1" t="s">
        <v>5</v>
      </c>
      <c r="D3641" s="1" t="s">
        <v>2969</v>
      </c>
      <c r="E3641" s="1" t="s">
        <v>11</v>
      </c>
    </row>
    <row r="3642">
      <c r="A3642" s="1">
        <v>4.90394657E8</v>
      </c>
      <c r="B3642" s="2">
        <v>11889.0</v>
      </c>
      <c r="C3642" s="1" t="s">
        <v>5</v>
      </c>
      <c r="D3642" s="1" t="s">
        <v>2970</v>
      </c>
      <c r="E3642" s="1" t="s">
        <v>7</v>
      </c>
    </row>
    <row r="3643">
      <c r="A3643" s="1">
        <v>4.90394662E8</v>
      </c>
      <c r="B3643" s="2">
        <v>11856.0</v>
      </c>
      <c r="C3643" s="1" t="s">
        <v>5</v>
      </c>
      <c r="D3643" s="1" t="s">
        <v>2971</v>
      </c>
      <c r="E3643" s="1" t="s">
        <v>7</v>
      </c>
    </row>
    <row r="3644">
      <c r="A3644" s="1">
        <v>4.90394663E8</v>
      </c>
      <c r="B3644" s="2">
        <v>11856.0</v>
      </c>
      <c r="C3644" s="1" t="s">
        <v>5</v>
      </c>
      <c r="D3644" s="1" t="s">
        <v>2972</v>
      </c>
      <c r="E3644" s="1" t="s">
        <v>11</v>
      </c>
    </row>
    <row r="3645">
      <c r="A3645" s="1">
        <v>4.90394668E8</v>
      </c>
      <c r="B3645" s="2">
        <v>11884.0</v>
      </c>
      <c r="C3645" s="1" t="s">
        <v>5</v>
      </c>
      <c r="D3645" s="1" t="s">
        <v>2973</v>
      </c>
      <c r="E3645" s="1" t="s">
        <v>11</v>
      </c>
    </row>
    <row r="3646">
      <c r="A3646" s="1">
        <v>4.9039467E8</v>
      </c>
      <c r="B3646" s="2">
        <v>11863.0</v>
      </c>
      <c r="C3646" s="1" t="s">
        <v>5</v>
      </c>
      <c r="D3646" s="1" t="s">
        <v>11</v>
      </c>
      <c r="E3646" s="1" t="s">
        <v>7</v>
      </c>
    </row>
    <row r="3647">
      <c r="A3647" s="1">
        <v>4.90394671E8</v>
      </c>
      <c r="B3647" s="2">
        <v>11890.0</v>
      </c>
      <c r="C3647" s="1" t="s">
        <v>5</v>
      </c>
      <c r="D3647" s="1" t="s">
        <v>11</v>
      </c>
      <c r="E3647" s="1" t="s">
        <v>7</v>
      </c>
    </row>
    <row r="3648">
      <c r="A3648" s="1">
        <v>4.90394672E8</v>
      </c>
      <c r="B3648" s="2">
        <v>11861.0</v>
      </c>
      <c r="C3648" s="1" t="s">
        <v>5</v>
      </c>
      <c r="D3648" s="1" t="s">
        <v>11</v>
      </c>
      <c r="E3648" s="1" t="s">
        <v>7</v>
      </c>
    </row>
    <row r="3649">
      <c r="A3649" s="1">
        <v>4.90394673E8</v>
      </c>
      <c r="B3649" s="2">
        <v>11877.0</v>
      </c>
      <c r="C3649" s="1" t="s">
        <v>5</v>
      </c>
      <c r="D3649" s="1" t="s">
        <v>11</v>
      </c>
      <c r="E3649" s="1" t="s">
        <v>7</v>
      </c>
    </row>
    <row r="3650">
      <c r="A3650" s="1">
        <v>4.90394678E8</v>
      </c>
      <c r="B3650" s="2">
        <v>11889.0</v>
      </c>
      <c r="C3650" s="1" t="s">
        <v>5</v>
      </c>
      <c r="D3650" s="1" t="s">
        <v>2974</v>
      </c>
      <c r="E3650" s="1" t="s">
        <v>7</v>
      </c>
    </row>
    <row r="3651">
      <c r="A3651" s="1">
        <v>4.90394681E8</v>
      </c>
      <c r="B3651" s="2">
        <v>11868.0</v>
      </c>
      <c r="C3651" s="1" t="s">
        <v>5</v>
      </c>
      <c r="D3651" s="1" t="s">
        <v>2975</v>
      </c>
      <c r="E3651" s="1" t="s">
        <v>7</v>
      </c>
    </row>
    <row r="3652">
      <c r="A3652" s="1">
        <v>4.90394684E8</v>
      </c>
      <c r="B3652" s="2">
        <v>11863.0</v>
      </c>
      <c r="C3652" s="1" t="s">
        <v>5</v>
      </c>
      <c r="D3652" s="1" t="s">
        <v>11</v>
      </c>
      <c r="E3652" s="1" t="s">
        <v>7</v>
      </c>
    </row>
    <row r="3653">
      <c r="A3653" s="1">
        <v>4.9039469E8</v>
      </c>
      <c r="B3653" s="2">
        <v>11860.0</v>
      </c>
      <c r="C3653" s="1" t="s">
        <v>5</v>
      </c>
      <c r="D3653" s="1" t="s">
        <v>2976</v>
      </c>
      <c r="E3653" s="1" t="s">
        <v>7</v>
      </c>
    </row>
    <row r="3654">
      <c r="A3654" s="1">
        <v>4.90394692E8</v>
      </c>
      <c r="B3654" s="2">
        <v>11863.0</v>
      </c>
      <c r="C3654" s="1" t="s">
        <v>5</v>
      </c>
      <c r="D3654" s="1" t="s">
        <v>2977</v>
      </c>
      <c r="E3654" s="1" t="s">
        <v>7</v>
      </c>
    </row>
    <row r="3655">
      <c r="A3655" s="1">
        <v>4.90394694E8</v>
      </c>
      <c r="B3655" s="2">
        <v>11889.0</v>
      </c>
      <c r="C3655" s="1" t="s">
        <v>5</v>
      </c>
      <c r="D3655" s="1" t="s">
        <v>2978</v>
      </c>
      <c r="E3655" s="1" t="s">
        <v>2979</v>
      </c>
    </row>
    <row r="3656">
      <c r="A3656" s="1">
        <v>4.90394696E8</v>
      </c>
      <c r="B3656" s="2">
        <v>11866.0</v>
      </c>
      <c r="C3656" s="1" t="s">
        <v>5</v>
      </c>
      <c r="D3656" s="1" t="s">
        <v>2980</v>
      </c>
      <c r="E3656" s="1" t="s">
        <v>7</v>
      </c>
    </row>
    <row r="3657">
      <c r="A3657" s="1">
        <v>4.90394699E8</v>
      </c>
      <c r="B3657" s="2">
        <v>11874.0</v>
      </c>
      <c r="C3657" s="1" t="s">
        <v>5</v>
      </c>
      <c r="D3657" s="1" t="s">
        <v>2981</v>
      </c>
      <c r="E3657" s="1" t="s">
        <v>7</v>
      </c>
    </row>
    <row r="3658">
      <c r="A3658" s="1">
        <v>4.90394705E8</v>
      </c>
      <c r="B3658" s="2">
        <v>11864.0</v>
      </c>
      <c r="C3658" s="1" t="s">
        <v>5</v>
      </c>
      <c r="D3658" s="1" t="s">
        <v>11</v>
      </c>
      <c r="E3658" s="1" t="s">
        <v>7</v>
      </c>
    </row>
    <row r="3659">
      <c r="A3659" s="1">
        <v>4.90394706E8</v>
      </c>
      <c r="B3659" s="2">
        <v>11874.0</v>
      </c>
      <c r="C3659" s="1" t="s">
        <v>5</v>
      </c>
      <c r="D3659" s="1" t="s">
        <v>2982</v>
      </c>
      <c r="E3659" s="1" t="s">
        <v>11</v>
      </c>
    </row>
    <row r="3660">
      <c r="A3660" s="1">
        <v>4.90394708E8</v>
      </c>
      <c r="B3660" s="2">
        <v>11858.0</v>
      </c>
      <c r="C3660" s="1" t="s">
        <v>5</v>
      </c>
      <c r="D3660" s="1" t="s">
        <v>11</v>
      </c>
      <c r="E3660" s="1" t="s">
        <v>7</v>
      </c>
    </row>
    <row r="3661">
      <c r="A3661" s="1">
        <v>4.90394714E8</v>
      </c>
      <c r="B3661" s="2">
        <v>11861.0</v>
      </c>
      <c r="C3661" s="1" t="s">
        <v>5</v>
      </c>
      <c r="D3661" s="1" t="s">
        <v>2983</v>
      </c>
      <c r="E3661" s="1" t="s">
        <v>11</v>
      </c>
    </row>
    <row r="3662">
      <c r="A3662" s="1">
        <v>4.9039472E8</v>
      </c>
      <c r="B3662" s="2">
        <v>11880.0</v>
      </c>
      <c r="C3662" s="1" t="s">
        <v>5</v>
      </c>
      <c r="D3662" s="1" t="s">
        <v>11</v>
      </c>
      <c r="E3662" s="1" t="s">
        <v>7</v>
      </c>
    </row>
    <row r="3663">
      <c r="A3663" s="1">
        <v>4.90394722E8</v>
      </c>
      <c r="B3663" s="2">
        <v>11874.0</v>
      </c>
      <c r="C3663" s="1" t="s">
        <v>5</v>
      </c>
      <c r="D3663" s="1" t="s">
        <v>2984</v>
      </c>
      <c r="E3663" s="1" t="s">
        <v>7</v>
      </c>
    </row>
    <row r="3664">
      <c r="A3664" s="1">
        <v>4.90394724E8</v>
      </c>
      <c r="B3664" s="2">
        <v>11856.0</v>
      </c>
      <c r="C3664" s="1" t="s">
        <v>5</v>
      </c>
      <c r="D3664" s="1" t="s">
        <v>11</v>
      </c>
      <c r="E3664" s="1" t="s">
        <v>7</v>
      </c>
    </row>
    <row r="3665">
      <c r="A3665" s="1">
        <v>4.90394732E8</v>
      </c>
      <c r="B3665" s="2">
        <v>11863.0</v>
      </c>
      <c r="C3665" s="1" t="s">
        <v>5</v>
      </c>
      <c r="D3665" s="1" t="s">
        <v>2985</v>
      </c>
      <c r="E3665" s="1" t="s">
        <v>11</v>
      </c>
    </row>
    <row r="3666">
      <c r="A3666" s="1">
        <v>4.90394743E8</v>
      </c>
      <c r="B3666" s="2">
        <v>11884.0</v>
      </c>
      <c r="C3666" s="1" t="s">
        <v>5</v>
      </c>
      <c r="D3666" s="1" t="s">
        <v>2986</v>
      </c>
      <c r="E3666" s="1" t="s">
        <v>11</v>
      </c>
    </row>
    <row r="3667">
      <c r="A3667" s="1">
        <v>4.90394744E8</v>
      </c>
      <c r="B3667" s="2">
        <v>11874.0</v>
      </c>
      <c r="C3667" s="1" t="s">
        <v>5</v>
      </c>
      <c r="D3667" s="1" t="s">
        <v>2987</v>
      </c>
      <c r="E3667" s="1" t="s">
        <v>7</v>
      </c>
    </row>
    <row r="3668">
      <c r="A3668" s="1">
        <v>4.90394748E8</v>
      </c>
      <c r="B3668" s="2">
        <v>11868.0</v>
      </c>
      <c r="C3668" s="1" t="s">
        <v>5</v>
      </c>
      <c r="D3668" s="1" t="s">
        <v>7</v>
      </c>
      <c r="E3668" s="1" t="s">
        <v>7</v>
      </c>
    </row>
    <row r="3669">
      <c r="A3669" s="1">
        <v>4.90394749E8</v>
      </c>
      <c r="B3669" s="2">
        <v>11889.0</v>
      </c>
      <c r="C3669" s="1" t="s">
        <v>5</v>
      </c>
      <c r="D3669" s="1" t="s">
        <v>2988</v>
      </c>
      <c r="E3669" s="1" t="s">
        <v>7</v>
      </c>
    </row>
    <row r="3670">
      <c r="A3670" s="1">
        <v>4.90394751E8</v>
      </c>
      <c r="B3670" s="2">
        <v>11879.0</v>
      </c>
      <c r="C3670" s="1" t="s">
        <v>5</v>
      </c>
      <c r="D3670" s="1" t="s">
        <v>2989</v>
      </c>
      <c r="E3670" s="1" t="s">
        <v>11</v>
      </c>
    </row>
    <row r="3671">
      <c r="A3671" s="1">
        <v>4.90394752E8</v>
      </c>
      <c r="B3671" s="2">
        <v>11870.0</v>
      </c>
      <c r="C3671" s="1" t="s">
        <v>5</v>
      </c>
      <c r="D3671" s="1" t="s">
        <v>2990</v>
      </c>
      <c r="E3671" s="1" t="s">
        <v>11</v>
      </c>
    </row>
    <row r="3672">
      <c r="A3672" s="1">
        <v>4.90394755E8</v>
      </c>
      <c r="B3672" s="2">
        <v>11880.0</v>
      </c>
      <c r="C3672" s="1" t="s">
        <v>5</v>
      </c>
      <c r="D3672" s="1" t="s">
        <v>2991</v>
      </c>
      <c r="E3672" s="1" t="s">
        <v>11</v>
      </c>
    </row>
    <row r="3673">
      <c r="A3673" s="1">
        <v>4.90394759E8</v>
      </c>
      <c r="B3673" s="2">
        <v>11874.0</v>
      </c>
      <c r="C3673" s="1" t="s">
        <v>5</v>
      </c>
      <c r="D3673" s="1" t="s">
        <v>11</v>
      </c>
      <c r="E3673" s="1" t="s">
        <v>7</v>
      </c>
    </row>
    <row r="3674">
      <c r="A3674" s="1">
        <v>4.90394762E8</v>
      </c>
      <c r="B3674" s="2">
        <v>11865.0</v>
      </c>
      <c r="C3674" s="1" t="s">
        <v>5</v>
      </c>
      <c r="D3674" s="1" t="s">
        <v>2992</v>
      </c>
      <c r="E3674" s="1" t="s">
        <v>7</v>
      </c>
    </row>
    <row r="3675">
      <c r="A3675" s="1">
        <v>4.90394765E8</v>
      </c>
      <c r="B3675" s="2">
        <v>11861.0</v>
      </c>
      <c r="C3675" s="1" t="s">
        <v>5</v>
      </c>
      <c r="D3675" s="1" t="s">
        <v>2993</v>
      </c>
      <c r="E3675" s="1" t="s">
        <v>7</v>
      </c>
    </row>
    <row r="3676">
      <c r="A3676" s="1">
        <v>4.90394771E8</v>
      </c>
      <c r="B3676" s="2">
        <v>11890.0</v>
      </c>
      <c r="C3676" s="1" t="s">
        <v>5</v>
      </c>
      <c r="D3676" s="1" t="s">
        <v>2994</v>
      </c>
      <c r="E3676" s="1" t="s">
        <v>11</v>
      </c>
    </row>
    <row r="3677">
      <c r="A3677" s="1">
        <v>4.90394773E8</v>
      </c>
      <c r="B3677" s="2">
        <v>11858.0</v>
      </c>
      <c r="C3677" s="1" t="s">
        <v>5</v>
      </c>
      <c r="D3677" s="1" t="s">
        <v>2995</v>
      </c>
      <c r="E3677" s="1" t="s">
        <v>11</v>
      </c>
    </row>
    <row r="3678">
      <c r="A3678" s="1">
        <v>4.90394774E8</v>
      </c>
      <c r="B3678" s="2">
        <v>11876.0</v>
      </c>
      <c r="C3678" s="1" t="s">
        <v>5</v>
      </c>
      <c r="D3678" s="1" t="s">
        <v>2996</v>
      </c>
      <c r="E3678" s="1" t="s">
        <v>7</v>
      </c>
    </row>
    <row r="3679">
      <c r="A3679" s="1">
        <v>4.90394775E8</v>
      </c>
      <c r="B3679" s="2">
        <v>11864.0</v>
      </c>
      <c r="C3679" s="1" t="s">
        <v>5</v>
      </c>
      <c r="D3679" s="1" t="s">
        <v>11</v>
      </c>
      <c r="E3679" s="1" t="s">
        <v>7</v>
      </c>
    </row>
    <row r="3680">
      <c r="A3680" s="1">
        <v>4.9039478E8</v>
      </c>
      <c r="B3680" s="2">
        <v>11880.0</v>
      </c>
      <c r="C3680" s="1" t="s">
        <v>5</v>
      </c>
      <c r="D3680" s="1" t="s">
        <v>2997</v>
      </c>
      <c r="E3680" s="1" t="s">
        <v>7</v>
      </c>
    </row>
    <row r="3681">
      <c r="A3681" s="1">
        <v>4.90394781E8</v>
      </c>
      <c r="B3681" s="2">
        <v>11879.0</v>
      </c>
      <c r="C3681" s="1" t="s">
        <v>5</v>
      </c>
      <c r="D3681" s="1" t="s">
        <v>2998</v>
      </c>
      <c r="E3681" s="1" t="s">
        <v>7</v>
      </c>
    </row>
    <row r="3682">
      <c r="A3682" s="1">
        <v>4.90394783E8</v>
      </c>
      <c r="B3682" s="2">
        <v>11861.0</v>
      </c>
      <c r="C3682" s="1" t="s">
        <v>5</v>
      </c>
      <c r="D3682" s="1" t="s">
        <v>11</v>
      </c>
      <c r="E3682" s="1" t="s">
        <v>7</v>
      </c>
    </row>
    <row r="3683">
      <c r="A3683" s="1">
        <v>4.90394784E8</v>
      </c>
      <c r="B3683" s="2">
        <v>11874.0</v>
      </c>
      <c r="C3683" s="1" t="s">
        <v>5</v>
      </c>
      <c r="D3683" s="1" t="s">
        <v>2999</v>
      </c>
      <c r="E3683" s="1" t="s">
        <v>7</v>
      </c>
    </row>
    <row r="3684">
      <c r="A3684" s="1">
        <v>4.90394786E8</v>
      </c>
      <c r="B3684" s="2">
        <v>11856.0</v>
      </c>
      <c r="C3684" s="1" t="s">
        <v>5</v>
      </c>
      <c r="D3684" s="1" t="s">
        <v>3000</v>
      </c>
      <c r="E3684" s="1" t="s">
        <v>11</v>
      </c>
    </row>
    <row r="3685">
      <c r="A3685" s="1">
        <v>4.90394788E8</v>
      </c>
      <c r="B3685" s="2">
        <v>11889.0</v>
      </c>
      <c r="C3685" s="1" t="s">
        <v>5</v>
      </c>
      <c r="D3685" s="1" t="s">
        <v>3001</v>
      </c>
      <c r="E3685" s="1" t="s">
        <v>3002</v>
      </c>
    </row>
    <row r="3686">
      <c r="A3686" s="1">
        <v>4.9039479E8</v>
      </c>
      <c r="B3686" s="2">
        <v>11874.0</v>
      </c>
      <c r="C3686" s="1" t="s">
        <v>5</v>
      </c>
      <c r="D3686" s="1" t="s">
        <v>3003</v>
      </c>
      <c r="E3686" s="1" t="s">
        <v>7</v>
      </c>
    </row>
    <row r="3687">
      <c r="A3687" s="1">
        <v>4.90394791E8</v>
      </c>
      <c r="B3687" s="2">
        <v>11853.0</v>
      </c>
      <c r="C3687" s="1" t="s">
        <v>5</v>
      </c>
      <c r="D3687" s="1" t="s">
        <v>3004</v>
      </c>
      <c r="E3687" s="1" t="s">
        <v>11</v>
      </c>
    </row>
    <row r="3688">
      <c r="A3688" s="1">
        <v>4.90394792E8</v>
      </c>
      <c r="B3688" s="2">
        <v>11888.0</v>
      </c>
      <c r="C3688" s="1" t="s">
        <v>5</v>
      </c>
      <c r="D3688" s="1" t="s">
        <v>3005</v>
      </c>
      <c r="E3688" s="1" t="s">
        <v>11</v>
      </c>
    </row>
    <row r="3689">
      <c r="A3689" s="1">
        <v>4.90394797E8</v>
      </c>
      <c r="B3689" s="2">
        <v>11870.0</v>
      </c>
      <c r="C3689" s="1" t="s">
        <v>5</v>
      </c>
      <c r="D3689" s="1" t="s">
        <v>3006</v>
      </c>
      <c r="E3689" s="1" t="s">
        <v>11</v>
      </c>
    </row>
    <row r="3690">
      <c r="A3690" s="1">
        <v>4.90394798E8</v>
      </c>
      <c r="B3690" s="2">
        <v>11863.0</v>
      </c>
      <c r="C3690" s="1" t="s">
        <v>5</v>
      </c>
      <c r="D3690" s="1" t="s">
        <v>3007</v>
      </c>
      <c r="E3690" s="1" t="s">
        <v>7</v>
      </c>
    </row>
    <row r="3691">
      <c r="A3691" s="1">
        <v>4.90394799E8</v>
      </c>
      <c r="B3691" s="2">
        <v>11861.0</v>
      </c>
      <c r="C3691" s="1" t="s">
        <v>5</v>
      </c>
      <c r="D3691" s="1" t="s">
        <v>3008</v>
      </c>
      <c r="E3691" s="1" t="s">
        <v>7</v>
      </c>
    </row>
    <row r="3692">
      <c r="A3692" s="1">
        <v>4.90394801E8</v>
      </c>
      <c r="B3692" s="2">
        <v>11878.0</v>
      </c>
      <c r="C3692" s="1" t="s">
        <v>5</v>
      </c>
      <c r="D3692" s="1" t="s">
        <v>3009</v>
      </c>
      <c r="E3692" s="1" t="s">
        <v>7</v>
      </c>
    </row>
    <row r="3693">
      <c r="A3693" s="1">
        <v>4.90394808E8</v>
      </c>
      <c r="B3693" s="2">
        <v>11856.0</v>
      </c>
      <c r="C3693" s="1" t="s">
        <v>5</v>
      </c>
      <c r="D3693" s="1" t="s">
        <v>3010</v>
      </c>
      <c r="E3693" s="1" t="s">
        <v>7</v>
      </c>
    </row>
    <row r="3694">
      <c r="A3694" s="1">
        <v>4.90394809E8</v>
      </c>
      <c r="B3694" s="2">
        <v>11874.0</v>
      </c>
      <c r="C3694" s="1" t="s">
        <v>5</v>
      </c>
      <c r="D3694" s="1" t="s">
        <v>11</v>
      </c>
      <c r="E3694" s="1" t="s">
        <v>7</v>
      </c>
    </row>
    <row r="3695">
      <c r="A3695" s="1">
        <v>4.90394819E8</v>
      </c>
      <c r="B3695" s="2">
        <v>11880.0</v>
      </c>
      <c r="C3695" s="1" t="s">
        <v>5</v>
      </c>
      <c r="D3695" s="1" t="s">
        <v>3011</v>
      </c>
      <c r="E3695" s="1" t="s">
        <v>3012</v>
      </c>
    </row>
    <row r="3696">
      <c r="A3696" s="1">
        <v>4.90394821E8</v>
      </c>
      <c r="B3696" s="2">
        <v>11869.0</v>
      </c>
      <c r="C3696" s="1" t="s">
        <v>5</v>
      </c>
      <c r="D3696" s="1" t="s">
        <v>3013</v>
      </c>
      <c r="E3696" s="1" t="s">
        <v>7</v>
      </c>
    </row>
    <row r="3697">
      <c r="A3697" s="1">
        <v>4.90394826E8</v>
      </c>
      <c r="B3697" s="2">
        <v>11874.0</v>
      </c>
      <c r="C3697" s="1" t="s">
        <v>5</v>
      </c>
      <c r="D3697" s="1" t="s">
        <v>3014</v>
      </c>
      <c r="E3697" s="1" t="s">
        <v>11</v>
      </c>
    </row>
    <row r="3698">
      <c r="A3698" s="1">
        <v>4.90394834E8</v>
      </c>
      <c r="B3698" s="2">
        <v>11889.0</v>
      </c>
      <c r="C3698" s="1" t="s">
        <v>5</v>
      </c>
      <c r="D3698" s="1" t="s">
        <v>11</v>
      </c>
      <c r="E3698" s="1" t="s">
        <v>7</v>
      </c>
    </row>
    <row r="3699">
      <c r="A3699" s="1">
        <v>4.90394841E8</v>
      </c>
      <c r="B3699" s="2">
        <v>11864.0</v>
      </c>
      <c r="C3699" s="1" t="s">
        <v>5</v>
      </c>
      <c r="D3699" s="1" t="s">
        <v>3015</v>
      </c>
      <c r="E3699" s="1" t="s">
        <v>7</v>
      </c>
    </row>
    <row r="3700">
      <c r="A3700" s="1">
        <v>4.90394844E8</v>
      </c>
      <c r="B3700" s="2">
        <v>11860.0</v>
      </c>
      <c r="C3700" s="1" t="s">
        <v>5</v>
      </c>
      <c r="D3700" s="1" t="s">
        <v>3016</v>
      </c>
      <c r="E3700" s="1" t="s">
        <v>11</v>
      </c>
    </row>
    <row r="3701">
      <c r="A3701" s="1">
        <v>4.90394848E8</v>
      </c>
      <c r="B3701" s="2">
        <v>11874.0</v>
      </c>
      <c r="C3701" s="1" t="s">
        <v>5</v>
      </c>
      <c r="D3701" s="1" t="s">
        <v>3017</v>
      </c>
      <c r="E3701" s="1" t="s">
        <v>7</v>
      </c>
    </row>
    <row r="3702">
      <c r="A3702" s="1">
        <v>4.90394849E8</v>
      </c>
      <c r="B3702" s="2">
        <v>11868.0</v>
      </c>
      <c r="C3702" s="1" t="s">
        <v>5</v>
      </c>
      <c r="D3702" s="1" t="s">
        <v>3018</v>
      </c>
      <c r="E3702" s="1" t="s">
        <v>7</v>
      </c>
    </row>
    <row r="3703">
      <c r="A3703" s="1">
        <v>4.90394851E8</v>
      </c>
      <c r="B3703" s="2">
        <v>11869.0</v>
      </c>
      <c r="C3703" s="1" t="s">
        <v>5</v>
      </c>
      <c r="D3703" s="1" t="s">
        <v>3019</v>
      </c>
      <c r="E3703" s="1" t="s">
        <v>3020</v>
      </c>
    </row>
    <row r="3704">
      <c r="A3704" s="1">
        <v>4.90394852E8</v>
      </c>
      <c r="B3704" s="2">
        <v>11884.0</v>
      </c>
      <c r="C3704" s="1" t="s">
        <v>5</v>
      </c>
      <c r="D3704" s="1" t="s">
        <v>3021</v>
      </c>
      <c r="E3704" s="1" t="s">
        <v>7</v>
      </c>
    </row>
    <row r="3705">
      <c r="A3705" s="1">
        <v>4.90394854E8</v>
      </c>
      <c r="B3705" s="2">
        <v>11864.0</v>
      </c>
      <c r="C3705" s="1" t="s">
        <v>5</v>
      </c>
      <c r="D3705" s="1" t="s">
        <v>169</v>
      </c>
      <c r="E3705" s="1" t="s">
        <v>7</v>
      </c>
    </row>
    <row r="3706">
      <c r="A3706" s="1">
        <v>4.9039486E8</v>
      </c>
      <c r="B3706" s="2">
        <v>11860.0</v>
      </c>
      <c r="C3706" s="1" t="s">
        <v>5</v>
      </c>
      <c r="D3706" s="1" t="s">
        <v>11</v>
      </c>
      <c r="E3706" s="1" t="s">
        <v>7</v>
      </c>
    </row>
    <row r="3707">
      <c r="A3707" s="1">
        <v>4.90394862E8</v>
      </c>
      <c r="B3707" s="2">
        <v>11863.0</v>
      </c>
      <c r="C3707" s="1" t="s">
        <v>5</v>
      </c>
      <c r="D3707" s="1" t="s">
        <v>3022</v>
      </c>
      <c r="E3707" s="1" t="s">
        <v>11</v>
      </c>
    </row>
    <row r="3708">
      <c r="A3708" s="1">
        <v>4.90394871E8</v>
      </c>
      <c r="B3708" s="2">
        <v>11868.0</v>
      </c>
      <c r="C3708" s="1" t="s">
        <v>5</v>
      </c>
      <c r="D3708" s="1" t="s">
        <v>3023</v>
      </c>
      <c r="E3708" s="1" t="s">
        <v>11</v>
      </c>
    </row>
    <row r="3709">
      <c r="A3709" s="1">
        <v>4.90394873E8</v>
      </c>
      <c r="B3709" s="2">
        <v>11880.0</v>
      </c>
      <c r="C3709" s="1" t="s">
        <v>5</v>
      </c>
      <c r="D3709" s="1" t="s">
        <v>3024</v>
      </c>
      <c r="E3709" s="1" t="s">
        <v>11</v>
      </c>
    </row>
    <row r="3710">
      <c r="A3710" s="1">
        <v>4.90394875E8</v>
      </c>
      <c r="B3710" s="2">
        <v>11860.0</v>
      </c>
      <c r="C3710" s="1" t="s">
        <v>5</v>
      </c>
      <c r="D3710" s="1" t="s">
        <v>3025</v>
      </c>
      <c r="E3710" s="1" t="s">
        <v>7</v>
      </c>
    </row>
    <row r="3711">
      <c r="A3711" s="1">
        <v>4.90394878E8</v>
      </c>
      <c r="B3711" s="2">
        <v>11889.0</v>
      </c>
      <c r="C3711" s="1" t="s">
        <v>5</v>
      </c>
      <c r="D3711" s="1" t="s">
        <v>1619</v>
      </c>
      <c r="E3711" s="1" t="s">
        <v>7</v>
      </c>
    </row>
    <row r="3712">
      <c r="A3712" s="1">
        <v>4.90394879E8</v>
      </c>
      <c r="B3712" s="2">
        <v>11854.0</v>
      </c>
      <c r="C3712" s="1" t="s">
        <v>5</v>
      </c>
      <c r="D3712" s="1" t="s">
        <v>3026</v>
      </c>
      <c r="E3712" s="1" t="s">
        <v>11</v>
      </c>
    </row>
    <row r="3713">
      <c r="A3713" s="1">
        <v>4.90394886E8</v>
      </c>
      <c r="B3713" s="2">
        <v>11862.0</v>
      </c>
      <c r="C3713" s="1" t="s">
        <v>5</v>
      </c>
      <c r="D3713" s="1" t="s">
        <v>3027</v>
      </c>
      <c r="E3713" s="1" t="s">
        <v>11</v>
      </c>
    </row>
    <row r="3714">
      <c r="A3714" s="1">
        <v>4.90394887E8</v>
      </c>
      <c r="B3714" s="2">
        <v>11889.0</v>
      </c>
      <c r="C3714" s="1" t="s">
        <v>5</v>
      </c>
      <c r="D3714" s="1" t="s">
        <v>3028</v>
      </c>
      <c r="E3714" s="1" t="s">
        <v>11</v>
      </c>
    </row>
    <row r="3715">
      <c r="A3715" s="1">
        <v>4.90394894E8</v>
      </c>
      <c r="B3715" s="2">
        <v>11880.0</v>
      </c>
      <c r="C3715" s="1" t="s">
        <v>5</v>
      </c>
      <c r="D3715" s="1" t="s">
        <v>3029</v>
      </c>
      <c r="E3715" s="1" t="s">
        <v>7</v>
      </c>
    </row>
    <row r="3716">
      <c r="A3716" s="1">
        <v>4.90394901E8</v>
      </c>
      <c r="B3716" s="2">
        <v>11860.0</v>
      </c>
      <c r="C3716" s="1" t="s">
        <v>5</v>
      </c>
      <c r="D3716" s="1" t="s">
        <v>11</v>
      </c>
      <c r="E3716" s="1" t="s">
        <v>7</v>
      </c>
    </row>
    <row r="3717">
      <c r="A3717" s="1">
        <v>4.90394902E8</v>
      </c>
      <c r="B3717" s="2">
        <v>11889.0</v>
      </c>
      <c r="C3717" s="1" t="s">
        <v>5</v>
      </c>
      <c r="D3717" s="1" t="s">
        <v>3030</v>
      </c>
      <c r="E3717" s="1" t="s">
        <v>11</v>
      </c>
    </row>
    <row r="3718">
      <c r="A3718" s="1">
        <v>4.90394904E8</v>
      </c>
      <c r="B3718" s="2">
        <v>11878.0</v>
      </c>
      <c r="C3718" s="1" t="s">
        <v>5</v>
      </c>
      <c r="D3718" s="1" t="s">
        <v>3031</v>
      </c>
      <c r="E3718" s="1" t="s">
        <v>11</v>
      </c>
    </row>
    <row r="3719">
      <c r="A3719" s="1">
        <v>4.90394905E8</v>
      </c>
      <c r="B3719" s="2">
        <v>11888.0</v>
      </c>
      <c r="C3719" s="1" t="s">
        <v>5</v>
      </c>
      <c r="D3719" s="1" t="s">
        <v>11</v>
      </c>
      <c r="E3719" s="1" t="s">
        <v>7</v>
      </c>
    </row>
    <row r="3720">
      <c r="A3720" s="1">
        <v>4.90394906E8</v>
      </c>
      <c r="B3720" s="2">
        <v>11864.0</v>
      </c>
      <c r="C3720" s="1" t="s">
        <v>5</v>
      </c>
      <c r="D3720" s="1" t="s">
        <v>3032</v>
      </c>
      <c r="E3720" s="1" t="s">
        <v>7</v>
      </c>
    </row>
    <row r="3721">
      <c r="A3721" s="1">
        <v>4.90394911E8</v>
      </c>
      <c r="B3721" s="2">
        <v>11860.0</v>
      </c>
      <c r="C3721" s="1" t="s">
        <v>5</v>
      </c>
      <c r="D3721" s="1" t="s">
        <v>3033</v>
      </c>
      <c r="E3721" s="1" t="s">
        <v>7</v>
      </c>
    </row>
    <row r="3722">
      <c r="A3722" s="1">
        <v>4.90394913E8</v>
      </c>
      <c r="B3722" s="2">
        <v>11868.0</v>
      </c>
      <c r="C3722" s="1" t="s">
        <v>5</v>
      </c>
      <c r="D3722" s="1" t="s">
        <v>3034</v>
      </c>
      <c r="E3722" s="1" t="s">
        <v>7</v>
      </c>
    </row>
    <row r="3723">
      <c r="A3723" s="1">
        <v>4.90394918E8</v>
      </c>
      <c r="B3723" s="2">
        <v>11874.0</v>
      </c>
      <c r="C3723" s="1" t="s">
        <v>5</v>
      </c>
      <c r="D3723" s="1" t="s">
        <v>3035</v>
      </c>
      <c r="E3723" s="1" t="s">
        <v>7</v>
      </c>
    </row>
    <row r="3724">
      <c r="A3724" s="1">
        <v>4.90394921E8</v>
      </c>
      <c r="B3724" s="2">
        <v>11864.0</v>
      </c>
      <c r="C3724" s="1" t="s">
        <v>5</v>
      </c>
      <c r="D3724" s="1" t="s">
        <v>3036</v>
      </c>
      <c r="E3724" s="1" t="s">
        <v>11</v>
      </c>
    </row>
    <row r="3725">
      <c r="A3725" s="1">
        <v>4.90394924E8</v>
      </c>
      <c r="B3725" s="2">
        <v>11889.0</v>
      </c>
      <c r="C3725" s="1" t="s">
        <v>5</v>
      </c>
      <c r="D3725" s="1" t="s">
        <v>3037</v>
      </c>
      <c r="E3725" s="1" t="s">
        <v>11</v>
      </c>
    </row>
    <row r="3726">
      <c r="A3726" s="1">
        <v>4.90394931E8</v>
      </c>
      <c r="B3726" s="2">
        <v>11853.0</v>
      </c>
      <c r="C3726" s="1" t="s">
        <v>5</v>
      </c>
      <c r="D3726" s="1" t="s">
        <v>3038</v>
      </c>
      <c r="E3726" s="1" t="s">
        <v>11</v>
      </c>
    </row>
    <row r="3727">
      <c r="A3727" s="1">
        <v>4.90394933E8</v>
      </c>
      <c r="B3727" s="2">
        <v>11878.0</v>
      </c>
      <c r="C3727" s="1" t="s">
        <v>5</v>
      </c>
      <c r="D3727" s="1" t="s">
        <v>3039</v>
      </c>
      <c r="E3727" s="1" t="s">
        <v>7</v>
      </c>
    </row>
    <row r="3728">
      <c r="A3728" s="1">
        <v>4.90394937E8</v>
      </c>
      <c r="B3728" s="2">
        <v>11873.0</v>
      </c>
      <c r="C3728" s="1" t="s">
        <v>5</v>
      </c>
      <c r="D3728" s="1" t="s">
        <v>3040</v>
      </c>
      <c r="E3728" s="1" t="s">
        <v>3041</v>
      </c>
    </row>
    <row r="3729">
      <c r="A3729" s="1">
        <v>4.90394942E8</v>
      </c>
      <c r="B3729" s="2">
        <v>11860.0</v>
      </c>
      <c r="C3729" s="1" t="s">
        <v>5</v>
      </c>
      <c r="D3729" s="1" t="s">
        <v>11</v>
      </c>
      <c r="E3729" s="1" t="s">
        <v>7</v>
      </c>
    </row>
    <row r="3730">
      <c r="A3730" s="1">
        <v>4.90394944E8</v>
      </c>
      <c r="B3730" s="2">
        <v>11854.0</v>
      </c>
      <c r="C3730" s="1" t="s">
        <v>5</v>
      </c>
      <c r="D3730" s="1" t="s">
        <v>3042</v>
      </c>
      <c r="E3730" s="1" t="s">
        <v>7</v>
      </c>
    </row>
    <row r="3731">
      <c r="A3731" s="1">
        <v>4.90394945E8</v>
      </c>
      <c r="B3731" s="2">
        <v>11876.0</v>
      </c>
      <c r="C3731" s="1" t="s">
        <v>5</v>
      </c>
      <c r="D3731" s="1" t="s">
        <v>11</v>
      </c>
      <c r="E3731" s="1" t="s">
        <v>7</v>
      </c>
    </row>
    <row r="3732">
      <c r="A3732" s="1">
        <v>4.90394946E8</v>
      </c>
      <c r="B3732" s="2">
        <v>11856.0</v>
      </c>
      <c r="C3732" s="1" t="s">
        <v>5</v>
      </c>
      <c r="D3732" s="1" t="s">
        <v>3043</v>
      </c>
      <c r="E3732" s="1" t="s">
        <v>7</v>
      </c>
    </row>
    <row r="3733">
      <c r="A3733" s="1">
        <v>4.90394947E8</v>
      </c>
      <c r="B3733" s="2">
        <v>11879.0</v>
      </c>
      <c r="C3733" s="1" t="s">
        <v>5</v>
      </c>
      <c r="D3733" s="1" t="s">
        <v>3044</v>
      </c>
      <c r="E3733" s="1" t="s">
        <v>11</v>
      </c>
    </row>
    <row r="3734">
      <c r="A3734" s="1">
        <v>4.90394951E8</v>
      </c>
      <c r="B3734" s="2">
        <v>11883.0</v>
      </c>
      <c r="C3734" s="1" t="s">
        <v>5</v>
      </c>
      <c r="D3734" s="1" t="s">
        <v>3045</v>
      </c>
      <c r="E3734" s="1" t="s">
        <v>7</v>
      </c>
    </row>
    <row r="3735">
      <c r="A3735" s="1">
        <v>4.90394953E8</v>
      </c>
      <c r="B3735" s="2">
        <v>11867.0</v>
      </c>
      <c r="C3735" s="1" t="s">
        <v>5</v>
      </c>
      <c r="D3735" s="1" t="s">
        <v>3046</v>
      </c>
      <c r="E3735" s="1" t="s">
        <v>7</v>
      </c>
    </row>
    <row r="3736">
      <c r="A3736" s="1">
        <v>4.90394954E8</v>
      </c>
      <c r="B3736" s="2">
        <v>11884.0</v>
      </c>
      <c r="C3736" s="1" t="s">
        <v>5</v>
      </c>
      <c r="D3736" s="1" t="s">
        <v>11</v>
      </c>
      <c r="E3736" s="1" t="s">
        <v>7</v>
      </c>
    </row>
    <row r="3737">
      <c r="A3737" s="1">
        <v>4.90394955E8</v>
      </c>
      <c r="B3737" s="2">
        <v>11863.0</v>
      </c>
      <c r="C3737" s="1" t="s">
        <v>5</v>
      </c>
      <c r="D3737" s="1" t="s">
        <v>3047</v>
      </c>
      <c r="E3737" s="1" t="s">
        <v>7</v>
      </c>
    </row>
    <row r="3738">
      <c r="A3738" s="1">
        <v>4.90394959E8</v>
      </c>
      <c r="B3738" s="2">
        <v>11869.0</v>
      </c>
      <c r="C3738" s="1" t="s">
        <v>5</v>
      </c>
      <c r="D3738" s="1" t="s">
        <v>3048</v>
      </c>
      <c r="E3738" s="1" t="s">
        <v>11</v>
      </c>
    </row>
    <row r="3739">
      <c r="A3739" s="1">
        <v>4.90394964E8</v>
      </c>
      <c r="B3739" s="2">
        <v>11860.0</v>
      </c>
      <c r="C3739" s="1" t="s">
        <v>5</v>
      </c>
      <c r="D3739" s="1" t="s">
        <v>3049</v>
      </c>
      <c r="E3739" s="1" t="s">
        <v>11</v>
      </c>
    </row>
    <row r="3740">
      <c r="A3740" s="1">
        <v>4.90394973E8</v>
      </c>
      <c r="B3740" s="2">
        <v>11889.0</v>
      </c>
      <c r="C3740" s="1" t="s">
        <v>5</v>
      </c>
      <c r="D3740" s="1" t="s">
        <v>3050</v>
      </c>
      <c r="E3740" s="1" t="s">
        <v>7</v>
      </c>
    </row>
    <row r="3741">
      <c r="A3741" s="1">
        <v>4.90394975E8</v>
      </c>
      <c r="B3741" s="2">
        <v>11883.0</v>
      </c>
      <c r="C3741" s="1" t="s">
        <v>5</v>
      </c>
      <c r="D3741" s="1" t="s">
        <v>11</v>
      </c>
      <c r="E3741" s="1" t="s">
        <v>7</v>
      </c>
    </row>
    <row r="3742">
      <c r="A3742" s="1">
        <v>4.90394982E8</v>
      </c>
      <c r="B3742" s="2">
        <v>11862.0</v>
      </c>
      <c r="C3742" s="1" t="s">
        <v>5</v>
      </c>
      <c r="D3742" s="1" t="s">
        <v>3051</v>
      </c>
      <c r="E3742" s="1" t="s">
        <v>7</v>
      </c>
    </row>
    <row r="3743">
      <c r="A3743" s="1">
        <v>4.90394983E8</v>
      </c>
      <c r="B3743" s="2">
        <v>11878.0</v>
      </c>
      <c r="C3743" s="1" t="s">
        <v>5</v>
      </c>
      <c r="D3743" s="1" t="s">
        <v>3052</v>
      </c>
      <c r="E3743" s="1" t="s">
        <v>7</v>
      </c>
    </row>
    <row r="3744">
      <c r="A3744" s="1">
        <v>4.90394985E8</v>
      </c>
      <c r="B3744" s="2">
        <v>11863.0</v>
      </c>
      <c r="C3744" s="1" t="s">
        <v>5</v>
      </c>
      <c r="D3744" s="1" t="s">
        <v>3053</v>
      </c>
      <c r="E3744" s="1" t="s">
        <v>11</v>
      </c>
    </row>
    <row r="3745">
      <c r="A3745" s="1">
        <v>4.90394989E8</v>
      </c>
      <c r="B3745" s="2">
        <v>11869.0</v>
      </c>
      <c r="C3745" s="1" t="s">
        <v>5</v>
      </c>
      <c r="D3745" s="1" t="s">
        <v>3054</v>
      </c>
      <c r="E3745" s="1" t="s">
        <v>7</v>
      </c>
    </row>
    <row r="3746">
      <c r="A3746" s="1">
        <v>4.9039499E8</v>
      </c>
      <c r="B3746" s="2">
        <v>11863.0</v>
      </c>
      <c r="C3746" s="1" t="s">
        <v>5</v>
      </c>
      <c r="D3746" s="1" t="s">
        <v>3055</v>
      </c>
      <c r="E3746" s="1" t="s">
        <v>3056</v>
      </c>
    </row>
    <row r="3747">
      <c r="A3747" s="1">
        <v>4.90394991E8</v>
      </c>
      <c r="B3747" s="2">
        <v>11860.0</v>
      </c>
      <c r="C3747" s="1" t="s">
        <v>5</v>
      </c>
      <c r="D3747" s="1" t="s">
        <v>1636</v>
      </c>
      <c r="E3747" s="1" t="s">
        <v>7</v>
      </c>
    </row>
    <row r="3748">
      <c r="A3748" s="1">
        <v>4.90394994E8</v>
      </c>
      <c r="B3748" s="2">
        <v>11878.0</v>
      </c>
      <c r="C3748" s="1" t="s">
        <v>5</v>
      </c>
      <c r="D3748" s="1" t="s">
        <v>3057</v>
      </c>
      <c r="E3748" s="1" t="s">
        <v>11</v>
      </c>
    </row>
    <row r="3749">
      <c r="A3749" s="1">
        <v>4.90394995E8</v>
      </c>
      <c r="B3749" s="2">
        <v>11874.0</v>
      </c>
      <c r="C3749" s="1" t="s">
        <v>5</v>
      </c>
      <c r="D3749" s="1" t="s">
        <v>11</v>
      </c>
      <c r="E3749" s="1" t="s">
        <v>7</v>
      </c>
    </row>
    <row r="3750">
      <c r="A3750" s="1">
        <v>4.90394999E8</v>
      </c>
      <c r="B3750" s="2">
        <v>11889.0</v>
      </c>
      <c r="C3750" s="1" t="s">
        <v>5</v>
      </c>
      <c r="D3750" s="1" t="s">
        <v>11</v>
      </c>
      <c r="E3750" s="1" t="s">
        <v>7</v>
      </c>
    </row>
    <row r="3751">
      <c r="A3751" s="1">
        <v>4.90395005E8</v>
      </c>
      <c r="B3751" s="2">
        <v>11853.0</v>
      </c>
      <c r="C3751" s="1" t="s">
        <v>5</v>
      </c>
      <c r="D3751" s="1" t="s">
        <v>3058</v>
      </c>
      <c r="E3751" s="1" t="s">
        <v>7</v>
      </c>
    </row>
    <row r="3752">
      <c r="A3752" s="1">
        <v>4.90395008E8</v>
      </c>
      <c r="B3752" s="2">
        <v>11876.0</v>
      </c>
      <c r="C3752" s="1" t="s">
        <v>5</v>
      </c>
      <c r="D3752" s="1" t="s">
        <v>11</v>
      </c>
      <c r="E3752" s="1" t="s">
        <v>7</v>
      </c>
    </row>
    <row r="3753">
      <c r="A3753" s="1">
        <v>4.90395012E8</v>
      </c>
      <c r="B3753" s="2">
        <v>11863.0</v>
      </c>
      <c r="C3753" s="1" t="s">
        <v>5</v>
      </c>
      <c r="D3753" s="1" t="s">
        <v>3059</v>
      </c>
      <c r="E3753" s="1" t="s">
        <v>3060</v>
      </c>
    </row>
    <row r="3754">
      <c r="A3754" s="1">
        <v>4.90395015E8</v>
      </c>
      <c r="B3754" s="2">
        <v>11854.0</v>
      </c>
      <c r="C3754" s="1" t="s">
        <v>5</v>
      </c>
      <c r="D3754" s="1" t="s">
        <v>11</v>
      </c>
      <c r="E3754" s="1" t="s">
        <v>7</v>
      </c>
    </row>
    <row r="3755">
      <c r="A3755" s="1">
        <v>4.90395016E8</v>
      </c>
      <c r="B3755" s="2">
        <v>11863.0</v>
      </c>
      <c r="C3755" s="1" t="s">
        <v>5</v>
      </c>
      <c r="D3755" s="1" t="s">
        <v>11</v>
      </c>
      <c r="E3755" s="1" t="s">
        <v>7</v>
      </c>
    </row>
    <row r="3756">
      <c r="A3756" s="1">
        <v>4.90395018E8</v>
      </c>
      <c r="B3756" s="2">
        <v>11888.0</v>
      </c>
      <c r="C3756" s="1" t="s">
        <v>5</v>
      </c>
      <c r="D3756" s="1" t="s">
        <v>3061</v>
      </c>
      <c r="E3756" s="1" t="s">
        <v>11</v>
      </c>
    </row>
    <row r="3757">
      <c r="A3757" s="1">
        <v>4.9039502E8</v>
      </c>
      <c r="B3757" s="2">
        <v>11878.0</v>
      </c>
      <c r="C3757" s="1" t="s">
        <v>5</v>
      </c>
      <c r="D3757" s="1" t="s">
        <v>3062</v>
      </c>
      <c r="E3757" s="1" t="s">
        <v>7</v>
      </c>
    </row>
    <row r="3758">
      <c r="A3758" s="1">
        <v>4.90395022E8</v>
      </c>
      <c r="B3758" s="2">
        <v>11856.0</v>
      </c>
      <c r="C3758" s="1" t="s">
        <v>5</v>
      </c>
      <c r="D3758" s="1" t="s">
        <v>3063</v>
      </c>
      <c r="E3758" s="1" t="s">
        <v>11</v>
      </c>
    </row>
    <row r="3759">
      <c r="A3759" s="1">
        <v>4.90395024E8</v>
      </c>
      <c r="B3759" s="2">
        <v>11888.0</v>
      </c>
      <c r="C3759" s="1" t="s">
        <v>5</v>
      </c>
      <c r="D3759" s="1" t="s">
        <v>3064</v>
      </c>
      <c r="E3759" s="1" t="s">
        <v>3065</v>
      </c>
    </row>
    <row r="3760">
      <c r="A3760" s="1">
        <v>4.90395025E8</v>
      </c>
      <c r="B3760" s="2">
        <v>11873.0</v>
      </c>
      <c r="C3760" s="1" t="s">
        <v>5</v>
      </c>
      <c r="D3760" s="1" t="s">
        <v>3066</v>
      </c>
      <c r="E3760" s="1" t="s">
        <v>11</v>
      </c>
    </row>
    <row r="3761">
      <c r="A3761" s="1">
        <v>4.90395028E8</v>
      </c>
      <c r="B3761" s="2">
        <v>11868.0</v>
      </c>
      <c r="C3761" s="1" t="s">
        <v>5</v>
      </c>
      <c r="D3761" s="1" t="s">
        <v>3067</v>
      </c>
      <c r="E3761" s="1" t="s">
        <v>11</v>
      </c>
    </row>
    <row r="3762">
      <c r="A3762" s="1">
        <v>4.9039503E8</v>
      </c>
      <c r="B3762" s="2">
        <v>11869.0</v>
      </c>
      <c r="C3762" s="1" t="s">
        <v>5</v>
      </c>
      <c r="D3762" s="1" t="s">
        <v>3068</v>
      </c>
      <c r="E3762" s="1" t="s">
        <v>11</v>
      </c>
    </row>
    <row r="3763">
      <c r="A3763" s="1">
        <v>4.90395034E8</v>
      </c>
      <c r="B3763" s="2">
        <v>11854.0</v>
      </c>
      <c r="C3763" s="1" t="s">
        <v>5</v>
      </c>
      <c r="D3763" s="1" t="s">
        <v>3069</v>
      </c>
      <c r="E3763" s="1" t="s">
        <v>7</v>
      </c>
    </row>
    <row r="3764">
      <c r="A3764" s="1">
        <v>4.90395035E8</v>
      </c>
      <c r="B3764" s="2">
        <v>11860.0</v>
      </c>
      <c r="C3764" s="1" t="s">
        <v>5</v>
      </c>
      <c r="D3764" s="1" t="s">
        <v>2292</v>
      </c>
      <c r="E3764" s="1" t="s">
        <v>11</v>
      </c>
    </row>
    <row r="3765">
      <c r="A3765" s="1">
        <v>4.90395038E8</v>
      </c>
      <c r="B3765" s="2">
        <v>11878.0</v>
      </c>
      <c r="C3765" s="1" t="s">
        <v>5</v>
      </c>
      <c r="D3765" s="1" t="s">
        <v>11</v>
      </c>
      <c r="E3765" s="1" t="s">
        <v>7</v>
      </c>
    </row>
    <row r="3766">
      <c r="A3766" s="1">
        <v>4.9039504E8</v>
      </c>
      <c r="B3766" s="2">
        <v>11889.0</v>
      </c>
      <c r="C3766" s="1" t="s">
        <v>5</v>
      </c>
      <c r="D3766" s="1" t="s">
        <v>3070</v>
      </c>
      <c r="E3766" s="1" t="s">
        <v>7</v>
      </c>
    </row>
    <row r="3767">
      <c r="A3767" s="1">
        <v>4.90395042E8</v>
      </c>
      <c r="B3767" s="2">
        <v>11854.0</v>
      </c>
      <c r="C3767" s="1" t="s">
        <v>5</v>
      </c>
      <c r="D3767" s="1" t="s">
        <v>3071</v>
      </c>
      <c r="E3767" s="1" t="s">
        <v>7</v>
      </c>
    </row>
    <row r="3768">
      <c r="A3768" s="1">
        <v>4.90395043E8</v>
      </c>
      <c r="B3768" s="2">
        <v>11858.0</v>
      </c>
      <c r="C3768" s="1" t="s">
        <v>5</v>
      </c>
      <c r="D3768" s="1" t="s">
        <v>3072</v>
      </c>
      <c r="E3768" s="1" t="s">
        <v>7</v>
      </c>
    </row>
    <row r="3769">
      <c r="A3769" s="1">
        <v>4.90395045E8</v>
      </c>
      <c r="B3769" s="2">
        <v>11879.0</v>
      </c>
      <c r="C3769" s="1" t="s">
        <v>5</v>
      </c>
      <c r="D3769" s="1" t="s">
        <v>11</v>
      </c>
      <c r="E3769" s="1" t="s">
        <v>7</v>
      </c>
    </row>
    <row r="3770">
      <c r="A3770" s="1">
        <v>4.90395048E8</v>
      </c>
      <c r="B3770" s="2">
        <v>11873.0</v>
      </c>
      <c r="C3770" s="1" t="s">
        <v>5</v>
      </c>
      <c r="D3770" s="1" t="s">
        <v>3073</v>
      </c>
      <c r="E3770" s="1" t="s">
        <v>7</v>
      </c>
    </row>
    <row r="3771">
      <c r="A3771" s="1">
        <v>4.9039505E8</v>
      </c>
      <c r="B3771" s="2">
        <v>11867.0</v>
      </c>
      <c r="C3771" s="1" t="s">
        <v>5</v>
      </c>
      <c r="D3771" s="1" t="s">
        <v>2778</v>
      </c>
      <c r="E3771" s="1" t="s">
        <v>11</v>
      </c>
    </row>
    <row r="3772">
      <c r="A3772" s="1">
        <v>4.90395051E8</v>
      </c>
      <c r="B3772" s="2">
        <v>11873.0</v>
      </c>
      <c r="C3772" s="1" t="s">
        <v>5</v>
      </c>
      <c r="D3772" s="1" t="s">
        <v>3074</v>
      </c>
      <c r="E3772" s="1" t="s">
        <v>7</v>
      </c>
    </row>
    <row r="3773">
      <c r="A3773" s="1">
        <v>4.90395062E8</v>
      </c>
      <c r="B3773" s="2">
        <v>11854.0</v>
      </c>
      <c r="C3773" s="1" t="s">
        <v>5</v>
      </c>
      <c r="D3773" s="1" t="s">
        <v>3075</v>
      </c>
      <c r="E3773" s="1" t="s">
        <v>11</v>
      </c>
    </row>
    <row r="3774">
      <c r="A3774" s="1">
        <v>4.90395063E8</v>
      </c>
      <c r="B3774" s="2">
        <v>11873.0</v>
      </c>
      <c r="C3774" s="1" t="s">
        <v>5</v>
      </c>
      <c r="D3774" s="1" t="s">
        <v>3076</v>
      </c>
      <c r="E3774" s="1" t="s">
        <v>7</v>
      </c>
    </row>
    <row r="3775">
      <c r="A3775" s="1">
        <v>4.90395065E8</v>
      </c>
      <c r="B3775" s="2">
        <v>11866.0</v>
      </c>
      <c r="C3775" s="1" t="s">
        <v>5</v>
      </c>
      <c r="D3775" s="1" t="s">
        <v>3077</v>
      </c>
      <c r="E3775" s="1" t="s">
        <v>7</v>
      </c>
    </row>
    <row r="3776">
      <c r="A3776" s="1">
        <v>4.9039507E8</v>
      </c>
      <c r="B3776" s="2">
        <v>11876.0</v>
      </c>
      <c r="C3776" s="1" t="s">
        <v>5</v>
      </c>
      <c r="D3776" s="1" t="s">
        <v>3078</v>
      </c>
      <c r="E3776" s="1" t="s">
        <v>7</v>
      </c>
    </row>
    <row r="3777">
      <c r="A3777" s="1">
        <v>4.90395073E8</v>
      </c>
      <c r="B3777" s="2">
        <v>11863.0</v>
      </c>
      <c r="C3777" s="1" t="s">
        <v>5</v>
      </c>
      <c r="D3777" s="1" t="s">
        <v>3079</v>
      </c>
      <c r="E3777" s="1" t="s">
        <v>7</v>
      </c>
    </row>
    <row r="3778">
      <c r="A3778" s="1">
        <v>4.90395074E8</v>
      </c>
      <c r="B3778" s="2">
        <v>11878.0</v>
      </c>
      <c r="C3778" s="1" t="s">
        <v>5</v>
      </c>
      <c r="D3778" s="1" t="s">
        <v>3080</v>
      </c>
      <c r="E3778" s="1" t="s">
        <v>7</v>
      </c>
    </row>
    <row r="3779">
      <c r="A3779" s="1">
        <v>4.90395076E8</v>
      </c>
      <c r="B3779" s="2">
        <v>11888.0</v>
      </c>
      <c r="C3779" s="1" t="s">
        <v>5</v>
      </c>
      <c r="D3779" s="1" t="s">
        <v>3081</v>
      </c>
      <c r="E3779" s="1" t="s">
        <v>2838</v>
      </c>
    </row>
    <row r="3780">
      <c r="A3780" s="1">
        <v>4.90395078E8</v>
      </c>
      <c r="B3780" s="2">
        <v>11858.0</v>
      </c>
      <c r="C3780" s="1" t="s">
        <v>5</v>
      </c>
      <c r="D3780" s="1" t="s">
        <v>3082</v>
      </c>
      <c r="E3780" s="1" t="s">
        <v>7</v>
      </c>
    </row>
    <row r="3781">
      <c r="A3781" s="1">
        <v>4.90395079E8</v>
      </c>
      <c r="B3781" s="2">
        <v>11864.0</v>
      </c>
      <c r="C3781" s="1" t="s">
        <v>5</v>
      </c>
      <c r="D3781" s="1" t="s">
        <v>3083</v>
      </c>
      <c r="E3781" s="1" t="s">
        <v>11</v>
      </c>
    </row>
    <row r="3782">
      <c r="A3782" s="1">
        <v>4.90395084E8</v>
      </c>
      <c r="B3782" s="2">
        <v>11889.0</v>
      </c>
      <c r="C3782" s="1" t="s">
        <v>5</v>
      </c>
      <c r="D3782" s="1" t="s">
        <v>3084</v>
      </c>
      <c r="E3782" s="1" t="s">
        <v>7</v>
      </c>
    </row>
    <row r="3783">
      <c r="A3783" s="1">
        <v>4.90395085E8</v>
      </c>
      <c r="B3783" s="2">
        <v>11866.0</v>
      </c>
      <c r="C3783" s="1" t="s">
        <v>5</v>
      </c>
      <c r="D3783" s="1" t="s">
        <v>3085</v>
      </c>
      <c r="E3783" s="1" t="s">
        <v>7</v>
      </c>
    </row>
    <row r="3784">
      <c r="A3784" s="1">
        <v>4.90395095E8</v>
      </c>
      <c r="B3784" s="2">
        <v>11862.0</v>
      </c>
      <c r="C3784" s="1" t="s">
        <v>5</v>
      </c>
      <c r="D3784" s="1" t="s">
        <v>3086</v>
      </c>
      <c r="E3784" s="1" t="s">
        <v>11</v>
      </c>
    </row>
    <row r="3785">
      <c r="A3785" s="1">
        <v>4.90395097E8</v>
      </c>
      <c r="B3785" s="2">
        <v>11888.0</v>
      </c>
      <c r="C3785" s="1" t="s">
        <v>5</v>
      </c>
      <c r="D3785" s="1" t="s">
        <v>11</v>
      </c>
      <c r="E3785" s="1" t="s">
        <v>7</v>
      </c>
    </row>
    <row r="3786">
      <c r="A3786" s="1">
        <v>4.90395099E8</v>
      </c>
      <c r="B3786" s="2">
        <v>11863.0</v>
      </c>
      <c r="C3786" s="1" t="s">
        <v>5</v>
      </c>
      <c r="D3786" s="1" t="s">
        <v>11</v>
      </c>
      <c r="E3786" s="1" t="s">
        <v>7</v>
      </c>
    </row>
    <row r="3787">
      <c r="A3787" s="1">
        <v>4.903951E8</v>
      </c>
      <c r="B3787" s="2">
        <v>11862.0</v>
      </c>
      <c r="C3787" s="1" t="s">
        <v>5</v>
      </c>
      <c r="D3787" s="1" t="s">
        <v>3087</v>
      </c>
      <c r="E3787" s="1" t="s">
        <v>11</v>
      </c>
    </row>
    <row r="3788">
      <c r="A3788" s="1">
        <v>4.90395104E8</v>
      </c>
      <c r="B3788" s="2">
        <v>11873.0</v>
      </c>
      <c r="C3788" s="1" t="s">
        <v>5</v>
      </c>
      <c r="D3788" s="1" t="s">
        <v>3088</v>
      </c>
      <c r="E3788" s="1" t="s">
        <v>7</v>
      </c>
    </row>
    <row r="3789">
      <c r="A3789" s="1">
        <v>4.90395114E8</v>
      </c>
      <c r="B3789" s="2">
        <v>11866.0</v>
      </c>
      <c r="C3789" s="1" t="s">
        <v>5</v>
      </c>
      <c r="D3789" s="1" t="s">
        <v>11</v>
      </c>
      <c r="E3789" s="1" t="s">
        <v>7</v>
      </c>
    </row>
    <row r="3790">
      <c r="A3790" s="1">
        <v>4.90395116E8</v>
      </c>
      <c r="B3790" s="2">
        <v>11875.0</v>
      </c>
      <c r="C3790" s="1" t="s">
        <v>5</v>
      </c>
      <c r="D3790" s="1" t="s">
        <v>3089</v>
      </c>
      <c r="E3790" s="1" t="s">
        <v>7</v>
      </c>
    </row>
    <row r="3791">
      <c r="A3791" s="1">
        <v>4.90395121E8</v>
      </c>
      <c r="B3791" s="2">
        <v>11878.0</v>
      </c>
      <c r="C3791" s="1" t="s">
        <v>5</v>
      </c>
      <c r="D3791" s="1" t="s">
        <v>11</v>
      </c>
      <c r="E3791" s="1" t="s">
        <v>7</v>
      </c>
    </row>
    <row r="3792">
      <c r="A3792" s="1">
        <v>4.90395122E8</v>
      </c>
      <c r="B3792" s="2">
        <v>11858.0</v>
      </c>
      <c r="C3792" s="1" t="s">
        <v>5</v>
      </c>
      <c r="D3792" s="1" t="s">
        <v>3090</v>
      </c>
      <c r="E3792" s="1" t="s">
        <v>3091</v>
      </c>
    </row>
    <row r="3793">
      <c r="A3793" s="1">
        <v>4.9039513E8</v>
      </c>
      <c r="B3793" s="2">
        <v>11864.0</v>
      </c>
      <c r="C3793" s="1" t="s">
        <v>5</v>
      </c>
      <c r="D3793" s="1" t="s">
        <v>2796</v>
      </c>
      <c r="E3793" s="1" t="s">
        <v>11</v>
      </c>
    </row>
    <row r="3794">
      <c r="A3794" s="1">
        <v>4.90395131E8</v>
      </c>
      <c r="B3794" s="2">
        <v>11888.0</v>
      </c>
      <c r="C3794" s="1" t="s">
        <v>5</v>
      </c>
      <c r="D3794" s="1" t="s">
        <v>3092</v>
      </c>
      <c r="E3794" s="1" t="s">
        <v>7</v>
      </c>
    </row>
    <row r="3795">
      <c r="A3795" s="1">
        <v>4.90395134E8</v>
      </c>
      <c r="B3795" s="2">
        <v>11860.0</v>
      </c>
      <c r="C3795" s="1" t="s">
        <v>5</v>
      </c>
      <c r="D3795" s="1" t="s">
        <v>3093</v>
      </c>
      <c r="E3795" s="1" t="s">
        <v>7</v>
      </c>
    </row>
    <row r="3796">
      <c r="A3796" s="1">
        <v>4.90395135E8</v>
      </c>
      <c r="B3796" s="2">
        <v>11860.0</v>
      </c>
      <c r="C3796" s="1" t="s">
        <v>5</v>
      </c>
      <c r="D3796" s="1" t="s">
        <v>11</v>
      </c>
      <c r="E3796" s="1" t="s">
        <v>7</v>
      </c>
    </row>
    <row r="3797">
      <c r="A3797" s="1">
        <v>4.90395139E8</v>
      </c>
      <c r="B3797" s="2">
        <v>11854.0</v>
      </c>
      <c r="C3797" s="1" t="s">
        <v>5</v>
      </c>
      <c r="D3797" s="1" t="s">
        <v>3094</v>
      </c>
      <c r="E3797" s="1" t="s">
        <v>11</v>
      </c>
    </row>
    <row r="3798">
      <c r="A3798" s="1">
        <v>4.90395141E8</v>
      </c>
      <c r="B3798" s="2">
        <v>11866.0</v>
      </c>
      <c r="C3798" s="1" t="s">
        <v>5</v>
      </c>
      <c r="D3798" s="1" t="s">
        <v>11</v>
      </c>
      <c r="E3798" s="1" t="s">
        <v>7</v>
      </c>
    </row>
    <row r="3799">
      <c r="A3799" s="1">
        <v>4.90395151E8</v>
      </c>
      <c r="B3799" s="2">
        <v>11853.0</v>
      </c>
      <c r="C3799" s="1" t="s">
        <v>5</v>
      </c>
      <c r="D3799" s="1" t="s">
        <v>3095</v>
      </c>
      <c r="E3799" s="1" t="s">
        <v>7</v>
      </c>
    </row>
    <row r="3800">
      <c r="A3800" s="1">
        <v>4.90395153E8</v>
      </c>
      <c r="B3800" s="2">
        <v>11864.0</v>
      </c>
      <c r="C3800" s="1" t="s">
        <v>5</v>
      </c>
      <c r="D3800" s="1" t="s">
        <v>3096</v>
      </c>
      <c r="E3800" s="1" t="s">
        <v>11</v>
      </c>
    </row>
    <row r="3801">
      <c r="A3801" s="1">
        <v>4.90395154E8</v>
      </c>
      <c r="B3801" s="2">
        <v>11882.0</v>
      </c>
      <c r="C3801" s="1" t="s">
        <v>5</v>
      </c>
      <c r="D3801" s="1" t="s">
        <v>3097</v>
      </c>
      <c r="E3801" s="1" t="s">
        <v>7</v>
      </c>
    </row>
    <row r="3802">
      <c r="A3802" s="1">
        <v>4.90395157E8</v>
      </c>
      <c r="B3802" s="2">
        <v>11863.0</v>
      </c>
      <c r="C3802" s="1" t="s">
        <v>5</v>
      </c>
      <c r="D3802" s="1" t="s">
        <v>3098</v>
      </c>
      <c r="E3802" s="1" t="s">
        <v>11</v>
      </c>
    </row>
    <row r="3803">
      <c r="A3803" s="1">
        <v>4.90395163E8</v>
      </c>
      <c r="B3803" s="2">
        <v>11878.0</v>
      </c>
      <c r="C3803" s="1" t="s">
        <v>5</v>
      </c>
      <c r="D3803" s="1" t="s">
        <v>3099</v>
      </c>
      <c r="E3803" s="1" t="s">
        <v>7</v>
      </c>
    </row>
    <row r="3804">
      <c r="A3804" s="1">
        <v>4.90395164E8</v>
      </c>
      <c r="B3804" s="2">
        <v>11860.0</v>
      </c>
      <c r="C3804" s="1" t="s">
        <v>5</v>
      </c>
      <c r="D3804" s="1" t="s">
        <v>11</v>
      </c>
      <c r="E3804" s="1" t="s">
        <v>7</v>
      </c>
    </row>
    <row r="3805">
      <c r="A3805" s="1">
        <v>4.90395166E8</v>
      </c>
      <c r="B3805" s="2">
        <v>11862.0</v>
      </c>
      <c r="C3805" s="1" t="s">
        <v>5</v>
      </c>
      <c r="D3805" s="1" t="s">
        <v>7</v>
      </c>
      <c r="E3805" s="1" t="s">
        <v>7</v>
      </c>
    </row>
    <row r="3806">
      <c r="A3806" s="1">
        <v>4.90395168E8</v>
      </c>
      <c r="B3806" s="2">
        <v>11878.0</v>
      </c>
      <c r="C3806" s="1" t="s">
        <v>5</v>
      </c>
      <c r="D3806" s="1" t="s">
        <v>11</v>
      </c>
      <c r="E3806" s="1" t="s">
        <v>7</v>
      </c>
    </row>
    <row r="3807">
      <c r="A3807" s="1">
        <v>4.90395169E8</v>
      </c>
      <c r="B3807" s="2">
        <v>11875.0</v>
      </c>
      <c r="C3807" s="1" t="s">
        <v>5</v>
      </c>
      <c r="D3807" s="1" t="s">
        <v>3100</v>
      </c>
      <c r="E3807" s="1" t="s">
        <v>11</v>
      </c>
    </row>
    <row r="3808">
      <c r="A3808" s="1">
        <v>4.90395171E8</v>
      </c>
      <c r="B3808" s="2">
        <v>11888.0</v>
      </c>
      <c r="C3808" s="1" t="s">
        <v>5</v>
      </c>
      <c r="D3808" s="1" t="s">
        <v>3101</v>
      </c>
      <c r="E3808" s="1" t="s">
        <v>7</v>
      </c>
    </row>
    <row r="3809">
      <c r="A3809" s="1">
        <v>4.90395173E8</v>
      </c>
      <c r="B3809" s="2">
        <v>11878.0</v>
      </c>
      <c r="C3809" s="1" t="s">
        <v>5</v>
      </c>
      <c r="D3809" s="1" t="s">
        <v>3102</v>
      </c>
      <c r="E3809" s="1" t="s">
        <v>7</v>
      </c>
    </row>
    <row r="3810">
      <c r="A3810" s="1">
        <v>4.90395174E8</v>
      </c>
      <c r="B3810" s="2">
        <v>11867.0</v>
      </c>
      <c r="C3810" s="1" t="s">
        <v>5</v>
      </c>
      <c r="D3810" s="1" t="s">
        <v>11</v>
      </c>
      <c r="E3810" s="1" t="s">
        <v>7</v>
      </c>
    </row>
    <row r="3811">
      <c r="A3811" s="1">
        <v>4.90395176E8</v>
      </c>
      <c r="B3811" s="2">
        <v>11873.0</v>
      </c>
      <c r="C3811" s="1" t="s">
        <v>5</v>
      </c>
      <c r="D3811" s="1" t="s">
        <v>11</v>
      </c>
      <c r="E3811" s="1" t="s">
        <v>7</v>
      </c>
    </row>
    <row r="3812">
      <c r="A3812" s="1">
        <v>4.90395178E8</v>
      </c>
      <c r="B3812" s="2">
        <v>11854.0</v>
      </c>
      <c r="C3812" s="1" t="s">
        <v>5</v>
      </c>
      <c r="D3812" s="1" t="s">
        <v>11</v>
      </c>
      <c r="E3812" s="1" t="s">
        <v>7</v>
      </c>
    </row>
    <row r="3813">
      <c r="A3813" s="1">
        <v>4.9039518E8</v>
      </c>
      <c r="B3813" s="2">
        <v>11858.0</v>
      </c>
      <c r="C3813" s="1" t="s">
        <v>5</v>
      </c>
      <c r="D3813" s="1" t="s">
        <v>3103</v>
      </c>
      <c r="E3813" s="1" t="s">
        <v>7</v>
      </c>
    </row>
    <row r="3814">
      <c r="A3814" s="1">
        <v>4.90395181E8</v>
      </c>
      <c r="B3814" s="2">
        <v>11882.0</v>
      </c>
      <c r="C3814" s="1" t="s">
        <v>5</v>
      </c>
      <c r="D3814" s="1" t="s">
        <v>3104</v>
      </c>
      <c r="E3814" s="1" t="s">
        <v>11</v>
      </c>
    </row>
    <row r="3815">
      <c r="A3815" s="1">
        <v>4.90395182E8</v>
      </c>
      <c r="B3815" s="2">
        <v>11878.0</v>
      </c>
      <c r="C3815" s="1" t="s">
        <v>5</v>
      </c>
      <c r="D3815" s="1" t="s">
        <v>3105</v>
      </c>
      <c r="E3815" s="1" t="s">
        <v>3106</v>
      </c>
    </row>
    <row r="3816">
      <c r="A3816" s="1">
        <v>4.90395185E8</v>
      </c>
      <c r="B3816" s="2">
        <v>11856.0</v>
      </c>
      <c r="C3816" s="1" t="s">
        <v>5</v>
      </c>
      <c r="D3816" s="1" t="s">
        <v>3107</v>
      </c>
      <c r="E3816" s="1" t="s">
        <v>7</v>
      </c>
    </row>
    <row r="3817">
      <c r="A3817" s="1">
        <v>4.9039519E8</v>
      </c>
      <c r="B3817" s="2">
        <v>11878.0</v>
      </c>
      <c r="C3817" s="1" t="s">
        <v>5</v>
      </c>
      <c r="D3817" s="1" t="s">
        <v>3108</v>
      </c>
      <c r="E3817" s="1" t="s">
        <v>3109</v>
      </c>
    </row>
    <row r="3818">
      <c r="A3818" s="1">
        <v>4.90395194E8</v>
      </c>
      <c r="B3818" s="2">
        <v>11877.0</v>
      </c>
      <c r="C3818" s="1" t="s">
        <v>5</v>
      </c>
      <c r="D3818" s="1" t="s">
        <v>3110</v>
      </c>
      <c r="E3818" s="1" t="s">
        <v>7</v>
      </c>
    </row>
    <row r="3819">
      <c r="A3819" s="1">
        <v>4.90395195E8</v>
      </c>
      <c r="B3819" s="2">
        <v>11888.0</v>
      </c>
      <c r="C3819" s="1" t="s">
        <v>5</v>
      </c>
      <c r="D3819" s="1" t="s">
        <v>11</v>
      </c>
      <c r="E3819" s="1" t="s">
        <v>7</v>
      </c>
    </row>
    <row r="3820">
      <c r="A3820" s="1">
        <v>4.90395197E8</v>
      </c>
      <c r="B3820" s="2">
        <v>11853.0</v>
      </c>
      <c r="C3820" s="1" t="s">
        <v>5</v>
      </c>
      <c r="D3820" s="1" t="s">
        <v>3111</v>
      </c>
      <c r="E3820" s="1" t="s">
        <v>11</v>
      </c>
    </row>
    <row r="3821">
      <c r="A3821" s="1">
        <v>4.903952E8</v>
      </c>
      <c r="B3821" s="2">
        <v>11862.0</v>
      </c>
      <c r="C3821" s="1" t="s">
        <v>5</v>
      </c>
      <c r="D3821" s="1" t="s">
        <v>3112</v>
      </c>
      <c r="E3821" s="1" t="s">
        <v>7</v>
      </c>
    </row>
    <row r="3822">
      <c r="A3822" s="1">
        <v>4.90395202E8</v>
      </c>
      <c r="B3822" s="2">
        <v>11863.0</v>
      </c>
      <c r="C3822" s="1" t="s">
        <v>5</v>
      </c>
      <c r="D3822" s="1" t="s">
        <v>3113</v>
      </c>
      <c r="E3822" s="1" t="s">
        <v>11</v>
      </c>
    </row>
    <row r="3823">
      <c r="A3823" s="1">
        <v>4.90395208E8</v>
      </c>
      <c r="B3823" s="2">
        <v>11869.0</v>
      </c>
      <c r="C3823" s="1" t="s">
        <v>5</v>
      </c>
      <c r="D3823" s="1" t="s">
        <v>11</v>
      </c>
      <c r="E3823" s="1" t="s">
        <v>7</v>
      </c>
    </row>
    <row r="3824">
      <c r="A3824" s="1">
        <v>4.90395209E8</v>
      </c>
      <c r="B3824" s="2">
        <v>11878.0</v>
      </c>
      <c r="C3824" s="1" t="s">
        <v>5</v>
      </c>
      <c r="D3824" s="1" t="s">
        <v>11</v>
      </c>
      <c r="E3824" s="1" t="s">
        <v>7</v>
      </c>
    </row>
    <row r="3825">
      <c r="A3825" s="1">
        <v>4.9039521E8</v>
      </c>
      <c r="B3825" s="2">
        <v>11873.0</v>
      </c>
      <c r="C3825" s="1" t="s">
        <v>5</v>
      </c>
      <c r="D3825" s="1" t="s">
        <v>3114</v>
      </c>
      <c r="E3825" s="1" t="s">
        <v>7</v>
      </c>
    </row>
    <row r="3826">
      <c r="A3826" s="1">
        <v>4.90395216E8</v>
      </c>
      <c r="B3826" s="2">
        <v>11878.0</v>
      </c>
      <c r="C3826" s="1" t="s">
        <v>5</v>
      </c>
      <c r="D3826" s="1" t="s">
        <v>3115</v>
      </c>
      <c r="E3826" s="1" t="s">
        <v>7</v>
      </c>
    </row>
    <row r="3827">
      <c r="A3827" s="1">
        <v>4.90395227E8</v>
      </c>
      <c r="B3827" s="2">
        <v>11877.0</v>
      </c>
      <c r="C3827" s="1" t="s">
        <v>5</v>
      </c>
      <c r="D3827" s="1" t="s">
        <v>3116</v>
      </c>
      <c r="E3827" s="1" t="s">
        <v>3117</v>
      </c>
    </row>
    <row r="3828">
      <c r="A3828" s="1">
        <v>4.90395228E8</v>
      </c>
      <c r="B3828" s="2">
        <v>11878.0</v>
      </c>
      <c r="C3828" s="1" t="s">
        <v>5</v>
      </c>
      <c r="D3828" s="1" t="s">
        <v>11</v>
      </c>
      <c r="E3828" s="1" t="s">
        <v>7</v>
      </c>
    </row>
    <row r="3829">
      <c r="A3829" s="1">
        <v>4.9039523E8</v>
      </c>
      <c r="B3829" s="2">
        <v>11878.0</v>
      </c>
      <c r="C3829" s="1" t="s">
        <v>5</v>
      </c>
      <c r="D3829" s="1" t="s">
        <v>3118</v>
      </c>
      <c r="E3829" s="1" t="s">
        <v>11</v>
      </c>
    </row>
    <row r="3830">
      <c r="A3830" s="1">
        <v>4.90395237E8</v>
      </c>
      <c r="B3830" s="2">
        <v>11882.0</v>
      </c>
      <c r="C3830" s="1" t="s">
        <v>5</v>
      </c>
      <c r="D3830" s="1" t="s">
        <v>3119</v>
      </c>
      <c r="E3830" s="1" t="s">
        <v>7</v>
      </c>
    </row>
    <row r="3831">
      <c r="A3831" s="1">
        <v>4.90395238E8</v>
      </c>
      <c r="B3831" s="2">
        <v>11878.0</v>
      </c>
      <c r="C3831" s="1" t="s">
        <v>5</v>
      </c>
      <c r="D3831" s="1" t="s">
        <v>3120</v>
      </c>
      <c r="E3831" s="1" t="s">
        <v>11</v>
      </c>
    </row>
    <row r="3832">
      <c r="A3832" s="1">
        <v>4.90395245E8</v>
      </c>
      <c r="B3832" s="2">
        <v>11888.0</v>
      </c>
      <c r="C3832" s="1" t="s">
        <v>5</v>
      </c>
      <c r="D3832" s="1" t="s">
        <v>3121</v>
      </c>
      <c r="E3832" s="1" t="s">
        <v>7</v>
      </c>
    </row>
    <row r="3833">
      <c r="A3833" s="1">
        <v>4.90395252E8</v>
      </c>
      <c r="B3833" s="2">
        <v>11878.0</v>
      </c>
      <c r="C3833" s="1" t="s">
        <v>5</v>
      </c>
      <c r="D3833" s="1" t="s">
        <v>3122</v>
      </c>
      <c r="E3833" s="1" t="s">
        <v>11</v>
      </c>
    </row>
    <row r="3834">
      <c r="A3834" s="1">
        <v>4.90395253E8</v>
      </c>
      <c r="B3834" s="2">
        <v>11873.0</v>
      </c>
      <c r="C3834" s="1" t="s">
        <v>5</v>
      </c>
      <c r="D3834" s="1" t="s">
        <v>3123</v>
      </c>
      <c r="E3834" s="1" t="s">
        <v>7</v>
      </c>
    </row>
    <row r="3835">
      <c r="A3835" s="1">
        <v>4.90395255E8</v>
      </c>
      <c r="B3835" s="2">
        <v>11878.0</v>
      </c>
      <c r="C3835" s="1" t="s">
        <v>5</v>
      </c>
      <c r="D3835" s="1" t="s">
        <v>3124</v>
      </c>
      <c r="E3835" s="1" t="s">
        <v>11</v>
      </c>
    </row>
    <row r="3836">
      <c r="A3836" s="1">
        <v>4.90395259E8</v>
      </c>
      <c r="B3836" s="2">
        <v>11866.0</v>
      </c>
      <c r="C3836" s="1" t="s">
        <v>5</v>
      </c>
      <c r="D3836" s="1" t="s">
        <v>3125</v>
      </c>
      <c r="E3836" s="1" t="s">
        <v>7</v>
      </c>
    </row>
    <row r="3837">
      <c r="A3837" s="1">
        <v>4.90395261E8</v>
      </c>
      <c r="B3837" s="2">
        <v>11882.0</v>
      </c>
      <c r="C3837" s="1" t="s">
        <v>5</v>
      </c>
      <c r="D3837" s="1" t="s">
        <v>3126</v>
      </c>
      <c r="E3837" s="1" t="s">
        <v>11</v>
      </c>
    </row>
    <row r="3838">
      <c r="A3838" s="1">
        <v>4.90395263E8</v>
      </c>
      <c r="B3838" s="2">
        <v>11856.0</v>
      </c>
      <c r="C3838" s="1" t="s">
        <v>5</v>
      </c>
      <c r="D3838" s="1" t="s">
        <v>3127</v>
      </c>
      <c r="E3838" s="1" t="s">
        <v>7</v>
      </c>
    </row>
    <row r="3839">
      <c r="A3839" s="1">
        <v>4.90395268E8</v>
      </c>
      <c r="B3839" s="2">
        <v>11888.0</v>
      </c>
      <c r="C3839" s="1" t="s">
        <v>5</v>
      </c>
      <c r="D3839" s="1" t="s">
        <v>3128</v>
      </c>
      <c r="E3839" s="1" t="s">
        <v>11</v>
      </c>
    </row>
    <row r="3840">
      <c r="A3840" s="1">
        <v>4.90395269E8</v>
      </c>
      <c r="B3840" s="2">
        <v>11863.0</v>
      </c>
      <c r="C3840" s="1" t="s">
        <v>5</v>
      </c>
      <c r="D3840" s="1" t="s">
        <v>3129</v>
      </c>
      <c r="E3840" s="1" t="s">
        <v>7</v>
      </c>
    </row>
    <row r="3841">
      <c r="A3841" s="1">
        <v>4.90395274E8</v>
      </c>
      <c r="B3841" s="2">
        <v>11853.0</v>
      </c>
      <c r="C3841" s="1" t="s">
        <v>5</v>
      </c>
      <c r="D3841" s="1" t="s">
        <v>3130</v>
      </c>
      <c r="E3841" s="1" t="s">
        <v>11</v>
      </c>
    </row>
    <row r="3842">
      <c r="A3842" s="1">
        <v>4.90395284E8</v>
      </c>
      <c r="B3842" s="2">
        <v>11878.0</v>
      </c>
      <c r="C3842" s="1" t="s">
        <v>5</v>
      </c>
      <c r="D3842" s="1" t="s">
        <v>3131</v>
      </c>
      <c r="E3842" s="1" t="s">
        <v>11</v>
      </c>
    </row>
    <row r="3843">
      <c r="A3843" s="1">
        <v>4.90395288E8</v>
      </c>
      <c r="B3843" s="2">
        <v>11873.0</v>
      </c>
      <c r="C3843" s="1" t="s">
        <v>5</v>
      </c>
      <c r="D3843" s="1" t="s">
        <v>3132</v>
      </c>
      <c r="E3843" s="1" t="s">
        <v>7</v>
      </c>
    </row>
    <row r="3844">
      <c r="A3844" s="1">
        <v>4.90395292E8</v>
      </c>
      <c r="B3844" s="2">
        <v>11872.0</v>
      </c>
      <c r="C3844" s="1" t="s">
        <v>5</v>
      </c>
      <c r="D3844" s="1" t="s">
        <v>3133</v>
      </c>
      <c r="E3844" s="1" t="s">
        <v>11</v>
      </c>
    </row>
    <row r="3845">
      <c r="A3845" s="1">
        <v>4.90395293E8</v>
      </c>
      <c r="B3845" s="2">
        <v>11888.0</v>
      </c>
      <c r="C3845" s="1" t="s">
        <v>5</v>
      </c>
      <c r="D3845" s="1" t="s">
        <v>3134</v>
      </c>
      <c r="E3845" s="1" t="s">
        <v>11</v>
      </c>
    </row>
    <row r="3846">
      <c r="A3846" s="1">
        <v>4.90395298E8</v>
      </c>
      <c r="B3846" s="2">
        <v>11853.0</v>
      </c>
      <c r="C3846" s="1" t="s">
        <v>5</v>
      </c>
      <c r="D3846" s="1" t="s">
        <v>11</v>
      </c>
      <c r="E3846" s="1" t="s">
        <v>7</v>
      </c>
    </row>
    <row r="3847">
      <c r="A3847" s="1">
        <v>4.90395304E8</v>
      </c>
      <c r="B3847" s="2">
        <v>11869.0</v>
      </c>
      <c r="C3847" s="1" t="s">
        <v>5</v>
      </c>
      <c r="D3847" s="1" t="s">
        <v>11</v>
      </c>
      <c r="E3847" s="1" t="s">
        <v>7</v>
      </c>
    </row>
    <row r="3848">
      <c r="A3848" s="1">
        <v>4.90395308E8</v>
      </c>
      <c r="B3848" s="2">
        <v>11858.0</v>
      </c>
      <c r="C3848" s="1" t="s">
        <v>5</v>
      </c>
      <c r="D3848" s="1" t="s">
        <v>3135</v>
      </c>
      <c r="E3848" s="1" t="s">
        <v>11</v>
      </c>
    </row>
    <row r="3849">
      <c r="A3849" s="1">
        <v>4.90395309E8</v>
      </c>
      <c r="B3849" s="2">
        <v>11854.0</v>
      </c>
      <c r="C3849" s="1" t="s">
        <v>5</v>
      </c>
      <c r="D3849" s="1" t="s">
        <v>3136</v>
      </c>
      <c r="E3849" s="1" t="s">
        <v>11</v>
      </c>
    </row>
    <row r="3850">
      <c r="A3850" s="1">
        <v>4.9039531E8</v>
      </c>
      <c r="B3850" s="2">
        <v>11866.0</v>
      </c>
      <c r="C3850" s="1" t="s">
        <v>5</v>
      </c>
      <c r="D3850" s="1" t="s">
        <v>3137</v>
      </c>
      <c r="E3850" s="1" t="s">
        <v>11</v>
      </c>
    </row>
    <row r="3851">
      <c r="A3851" s="1">
        <v>4.90395315E8</v>
      </c>
      <c r="B3851" s="2">
        <v>11878.0</v>
      </c>
      <c r="C3851" s="1" t="s">
        <v>5</v>
      </c>
      <c r="D3851" s="1" t="s">
        <v>3138</v>
      </c>
      <c r="E3851" s="1" t="s">
        <v>11</v>
      </c>
    </row>
    <row r="3852">
      <c r="A3852" s="1">
        <v>4.90395318E8</v>
      </c>
      <c r="B3852" s="2">
        <v>11878.0</v>
      </c>
      <c r="C3852" s="1" t="s">
        <v>5</v>
      </c>
      <c r="D3852" s="1" t="s">
        <v>3139</v>
      </c>
      <c r="E3852" s="1" t="s">
        <v>7</v>
      </c>
    </row>
    <row r="3853">
      <c r="A3853" s="1">
        <v>4.90395324E8</v>
      </c>
      <c r="B3853" s="2">
        <v>11883.0</v>
      </c>
      <c r="C3853" s="1" t="s">
        <v>5</v>
      </c>
      <c r="D3853" s="1" t="s">
        <v>3140</v>
      </c>
      <c r="E3853" s="1" t="s">
        <v>11</v>
      </c>
    </row>
    <row r="3854">
      <c r="A3854" s="1">
        <v>4.90395325E8</v>
      </c>
      <c r="B3854" s="2">
        <v>11856.0</v>
      </c>
      <c r="C3854" s="1" t="s">
        <v>5</v>
      </c>
      <c r="D3854" s="1" t="s">
        <v>3141</v>
      </c>
      <c r="E3854" s="1" t="s">
        <v>7</v>
      </c>
    </row>
    <row r="3855">
      <c r="A3855" s="1">
        <v>4.90395335E8</v>
      </c>
      <c r="B3855" s="2">
        <v>11866.0</v>
      </c>
      <c r="C3855" s="1" t="s">
        <v>5</v>
      </c>
      <c r="D3855" s="1" t="s">
        <v>11</v>
      </c>
      <c r="E3855" s="1" t="s">
        <v>7</v>
      </c>
    </row>
    <row r="3856">
      <c r="A3856" s="1">
        <v>4.9039534E8</v>
      </c>
      <c r="B3856" s="2">
        <v>11877.0</v>
      </c>
      <c r="C3856" s="1" t="s">
        <v>5</v>
      </c>
      <c r="D3856" s="1" t="s">
        <v>3142</v>
      </c>
      <c r="E3856" s="1" t="s">
        <v>7</v>
      </c>
    </row>
    <row r="3857">
      <c r="A3857" s="1">
        <v>4.90395341E8</v>
      </c>
      <c r="B3857" s="2">
        <v>11856.0</v>
      </c>
      <c r="C3857" s="1" t="s">
        <v>5</v>
      </c>
      <c r="D3857" s="1" t="s">
        <v>11</v>
      </c>
      <c r="E3857" s="1" t="s">
        <v>7</v>
      </c>
    </row>
    <row r="3858">
      <c r="A3858" s="1">
        <v>4.90395345E8</v>
      </c>
      <c r="B3858" s="2">
        <v>11875.0</v>
      </c>
      <c r="C3858" s="1" t="s">
        <v>5</v>
      </c>
      <c r="D3858" s="1" t="s">
        <v>11</v>
      </c>
      <c r="E3858" s="1" t="s">
        <v>7</v>
      </c>
    </row>
    <row r="3859">
      <c r="A3859" s="1">
        <v>4.90395353E8</v>
      </c>
      <c r="B3859" s="2">
        <v>11856.0</v>
      </c>
      <c r="C3859" s="1" t="s">
        <v>5</v>
      </c>
      <c r="D3859" s="1" t="s">
        <v>2051</v>
      </c>
      <c r="E3859" s="1" t="s">
        <v>11</v>
      </c>
    </row>
    <row r="3860">
      <c r="A3860" s="1">
        <v>4.90395355E8</v>
      </c>
      <c r="B3860" s="2">
        <v>11861.0</v>
      </c>
      <c r="C3860" s="1" t="s">
        <v>5</v>
      </c>
      <c r="D3860" s="1" t="s">
        <v>11</v>
      </c>
      <c r="E3860" s="1" t="s">
        <v>7</v>
      </c>
    </row>
    <row r="3861">
      <c r="A3861" s="1">
        <v>4.90395357E8</v>
      </c>
      <c r="B3861" s="2">
        <v>11863.0</v>
      </c>
      <c r="C3861" s="1" t="s">
        <v>5</v>
      </c>
      <c r="D3861" s="1" t="s">
        <v>11</v>
      </c>
      <c r="E3861" s="1" t="s">
        <v>7</v>
      </c>
    </row>
    <row r="3862">
      <c r="A3862" s="1">
        <v>4.90395359E8</v>
      </c>
      <c r="B3862" s="2">
        <v>11887.0</v>
      </c>
      <c r="C3862" s="1" t="s">
        <v>5</v>
      </c>
      <c r="D3862" s="1" t="s">
        <v>3143</v>
      </c>
      <c r="E3862" s="1" t="s">
        <v>7</v>
      </c>
    </row>
    <row r="3863">
      <c r="A3863" s="1">
        <v>4.90395365E8</v>
      </c>
      <c r="B3863" s="2">
        <v>11878.0</v>
      </c>
      <c r="C3863" s="1" t="s">
        <v>5</v>
      </c>
      <c r="D3863" s="1" t="s">
        <v>11</v>
      </c>
      <c r="E3863" s="1" t="s">
        <v>7</v>
      </c>
    </row>
    <row r="3864">
      <c r="A3864" s="1">
        <v>4.90395369E8</v>
      </c>
      <c r="B3864" s="2">
        <v>11875.0</v>
      </c>
      <c r="C3864" s="1" t="s">
        <v>5</v>
      </c>
      <c r="D3864" s="1" t="s">
        <v>11</v>
      </c>
      <c r="E3864" s="1" t="s">
        <v>7</v>
      </c>
    </row>
    <row r="3865">
      <c r="A3865" s="1">
        <v>4.90395372E8</v>
      </c>
      <c r="B3865" s="2">
        <v>11868.0</v>
      </c>
      <c r="C3865" s="1" t="s">
        <v>5</v>
      </c>
      <c r="D3865" s="1" t="s">
        <v>3144</v>
      </c>
      <c r="E3865" s="1" t="s">
        <v>11</v>
      </c>
    </row>
    <row r="3866">
      <c r="A3866" s="1">
        <v>4.90395375E8</v>
      </c>
      <c r="B3866" s="2">
        <v>11856.0</v>
      </c>
      <c r="C3866" s="1" t="s">
        <v>5</v>
      </c>
      <c r="D3866" s="1" t="s">
        <v>3145</v>
      </c>
      <c r="E3866" s="1" t="s">
        <v>7</v>
      </c>
    </row>
    <row r="3867">
      <c r="A3867" s="1">
        <v>4.90395377E8</v>
      </c>
      <c r="B3867" s="2">
        <v>11888.0</v>
      </c>
      <c r="C3867" s="1" t="s">
        <v>5</v>
      </c>
      <c r="D3867" s="1" t="s">
        <v>3146</v>
      </c>
      <c r="E3867" s="1" t="s">
        <v>11</v>
      </c>
    </row>
    <row r="3868">
      <c r="A3868" s="1">
        <v>4.90395378E8</v>
      </c>
      <c r="B3868" s="2">
        <v>11872.0</v>
      </c>
      <c r="C3868" s="1" t="s">
        <v>5</v>
      </c>
      <c r="D3868" s="1" t="s">
        <v>3147</v>
      </c>
      <c r="E3868" s="1" t="s">
        <v>3148</v>
      </c>
    </row>
    <row r="3869">
      <c r="A3869" s="1">
        <v>4.90395387E8</v>
      </c>
      <c r="B3869" s="2">
        <v>11883.0</v>
      </c>
      <c r="C3869" s="1" t="s">
        <v>5</v>
      </c>
      <c r="D3869" s="1" t="s">
        <v>2384</v>
      </c>
      <c r="E3869" s="1" t="s">
        <v>11</v>
      </c>
    </row>
    <row r="3870">
      <c r="A3870" s="1">
        <v>4.90395393E8</v>
      </c>
      <c r="B3870" s="2">
        <v>11854.0</v>
      </c>
      <c r="C3870" s="1" t="s">
        <v>5</v>
      </c>
      <c r="D3870" s="1" t="s">
        <v>11</v>
      </c>
      <c r="E3870" s="1" t="s">
        <v>7</v>
      </c>
    </row>
    <row r="3871">
      <c r="A3871" s="1">
        <v>4.903954E8</v>
      </c>
      <c r="B3871" s="2">
        <v>11880.0</v>
      </c>
      <c r="C3871" s="1" t="s">
        <v>5</v>
      </c>
      <c r="D3871" s="1" t="s">
        <v>3149</v>
      </c>
      <c r="E3871" s="1" t="s">
        <v>11</v>
      </c>
    </row>
    <row r="3872">
      <c r="A3872" s="1">
        <v>4.90395409E8</v>
      </c>
      <c r="B3872" s="2">
        <v>11887.0</v>
      </c>
      <c r="C3872" s="1" t="s">
        <v>5</v>
      </c>
      <c r="D3872" s="1" t="s">
        <v>3150</v>
      </c>
      <c r="E3872" s="1" t="s">
        <v>11</v>
      </c>
    </row>
    <row r="3873">
      <c r="A3873" s="1">
        <v>4.90395411E8</v>
      </c>
      <c r="B3873" s="2">
        <v>11887.0</v>
      </c>
      <c r="C3873" s="1" t="s">
        <v>5</v>
      </c>
      <c r="D3873" s="1" t="s">
        <v>11</v>
      </c>
      <c r="E3873" s="1" t="s">
        <v>7</v>
      </c>
    </row>
    <row r="3874">
      <c r="A3874" s="1">
        <v>4.90395412E8</v>
      </c>
      <c r="B3874" s="2">
        <v>11877.0</v>
      </c>
      <c r="C3874" s="1" t="s">
        <v>5</v>
      </c>
      <c r="D3874" s="1" t="s">
        <v>3151</v>
      </c>
      <c r="E3874" s="1" t="s">
        <v>11</v>
      </c>
    </row>
    <row r="3875">
      <c r="A3875" s="1">
        <v>4.90395421E8</v>
      </c>
      <c r="B3875" s="2">
        <v>11888.0</v>
      </c>
      <c r="C3875" s="1" t="s">
        <v>5</v>
      </c>
      <c r="D3875" s="1" t="s">
        <v>3152</v>
      </c>
      <c r="E3875" s="1" t="s">
        <v>11</v>
      </c>
    </row>
    <row r="3876">
      <c r="A3876" s="1">
        <v>4.90395422E8</v>
      </c>
      <c r="B3876" s="2">
        <v>11861.0</v>
      </c>
      <c r="C3876" s="1" t="s">
        <v>5</v>
      </c>
      <c r="D3876" s="1" t="s">
        <v>3153</v>
      </c>
      <c r="E3876" s="1" t="s">
        <v>11</v>
      </c>
    </row>
    <row r="3877">
      <c r="A3877" s="1">
        <v>4.90395429E8</v>
      </c>
      <c r="B3877" s="2">
        <v>11887.0</v>
      </c>
      <c r="C3877" s="1" t="s">
        <v>5</v>
      </c>
      <c r="D3877" s="1" t="s">
        <v>3154</v>
      </c>
      <c r="E3877" s="1" t="s">
        <v>7</v>
      </c>
    </row>
    <row r="3878">
      <c r="A3878" s="1">
        <v>4.90395438E8</v>
      </c>
      <c r="B3878" s="2">
        <v>11852.0</v>
      </c>
      <c r="C3878" s="1" t="s">
        <v>5</v>
      </c>
      <c r="D3878" s="1" t="s">
        <v>3155</v>
      </c>
      <c r="E3878" s="1" t="s">
        <v>11</v>
      </c>
    </row>
    <row r="3879">
      <c r="A3879" s="1">
        <v>4.9039544E8</v>
      </c>
      <c r="B3879" s="2">
        <v>11888.0</v>
      </c>
      <c r="C3879" s="1" t="s">
        <v>5</v>
      </c>
      <c r="D3879" s="1" t="s">
        <v>3156</v>
      </c>
      <c r="E3879" s="1" t="s">
        <v>11</v>
      </c>
    </row>
    <row r="3880">
      <c r="A3880" s="1">
        <v>4.90395442E8</v>
      </c>
      <c r="B3880" s="2">
        <v>11860.0</v>
      </c>
      <c r="C3880" s="1" t="s">
        <v>5</v>
      </c>
      <c r="D3880" s="1" t="s">
        <v>3157</v>
      </c>
      <c r="E3880" s="1" t="s">
        <v>7</v>
      </c>
    </row>
    <row r="3881">
      <c r="A3881" s="1">
        <v>4.90395443E8</v>
      </c>
      <c r="B3881" s="2">
        <v>11865.0</v>
      </c>
      <c r="C3881" s="1" t="s">
        <v>5</v>
      </c>
      <c r="D3881" s="1" t="s">
        <v>3158</v>
      </c>
      <c r="E3881" s="1" t="s">
        <v>7</v>
      </c>
    </row>
    <row r="3882">
      <c r="A3882" s="1">
        <v>4.90395444E8</v>
      </c>
      <c r="B3882" s="2">
        <v>11863.0</v>
      </c>
      <c r="C3882" s="1" t="s">
        <v>5</v>
      </c>
      <c r="D3882" s="1" t="s">
        <v>3159</v>
      </c>
      <c r="E3882" s="1" t="s">
        <v>7</v>
      </c>
    </row>
    <row r="3883">
      <c r="A3883" s="1">
        <v>4.9039545E8</v>
      </c>
      <c r="B3883" s="2">
        <v>11887.0</v>
      </c>
      <c r="C3883" s="1" t="s">
        <v>5</v>
      </c>
      <c r="D3883" s="1" t="s">
        <v>3160</v>
      </c>
      <c r="E3883" s="1" t="s">
        <v>11</v>
      </c>
    </row>
    <row r="3884">
      <c r="A3884" s="1">
        <v>4.90395452E8</v>
      </c>
      <c r="B3884" s="2">
        <v>11866.0</v>
      </c>
      <c r="C3884" s="1" t="s">
        <v>5</v>
      </c>
      <c r="D3884" s="1" t="s">
        <v>3161</v>
      </c>
      <c r="E3884" s="1" t="s">
        <v>11</v>
      </c>
    </row>
    <row r="3885">
      <c r="A3885" s="1">
        <v>4.90395455E8</v>
      </c>
      <c r="B3885" s="2">
        <v>11877.0</v>
      </c>
      <c r="C3885" s="1" t="s">
        <v>5</v>
      </c>
      <c r="D3885" s="1" t="s">
        <v>3162</v>
      </c>
      <c r="E3885" s="1" t="s">
        <v>7</v>
      </c>
    </row>
    <row r="3886">
      <c r="A3886" s="1">
        <v>4.90395464E8</v>
      </c>
      <c r="B3886" s="2">
        <v>11878.0</v>
      </c>
      <c r="C3886" s="1" t="s">
        <v>5</v>
      </c>
      <c r="D3886" s="1" t="s">
        <v>3163</v>
      </c>
      <c r="E3886" s="1" t="s">
        <v>7</v>
      </c>
    </row>
    <row r="3887">
      <c r="A3887" s="1">
        <v>4.90395465E8</v>
      </c>
      <c r="B3887" s="2">
        <v>11872.0</v>
      </c>
      <c r="C3887" s="1" t="s">
        <v>5</v>
      </c>
      <c r="D3887" s="1" t="s">
        <v>3164</v>
      </c>
      <c r="E3887" s="1" t="s">
        <v>7</v>
      </c>
    </row>
    <row r="3888">
      <c r="A3888" s="1">
        <v>4.90395473E8</v>
      </c>
      <c r="B3888" s="2">
        <v>11865.0</v>
      </c>
      <c r="C3888" s="1" t="s">
        <v>5</v>
      </c>
      <c r="D3888" s="1" t="s">
        <v>3165</v>
      </c>
      <c r="E3888" s="1" t="s">
        <v>7</v>
      </c>
    </row>
    <row r="3889">
      <c r="A3889" s="1">
        <v>4.90395477E8</v>
      </c>
      <c r="B3889" s="2">
        <v>11880.0</v>
      </c>
      <c r="C3889" s="1" t="s">
        <v>5</v>
      </c>
      <c r="D3889" s="1" t="s">
        <v>3166</v>
      </c>
      <c r="E3889" s="1" t="s">
        <v>3167</v>
      </c>
    </row>
    <row r="3890">
      <c r="A3890" s="1">
        <v>4.90395479E8</v>
      </c>
      <c r="B3890" s="2">
        <v>11860.0</v>
      </c>
      <c r="C3890" s="1" t="s">
        <v>5</v>
      </c>
      <c r="D3890" s="1" t="s">
        <v>3168</v>
      </c>
      <c r="E3890" s="1" t="s">
        <v>3169</v>
      </c>
    </row>
    <row r="3891">
      <c r="A3891" s="1">
        <v>4.90395481E8</v>
      </c>
      <c r="B3891" s="2">
        <v>11866.0</v>
      </c>
      <c r="C3891" s="1" t="s">
        <v>5</v>
      </c>
      <c r="D3891" s="1" t="s">
        <v>3170</v>
      </c>
      <c r="E3891" s="1" t="s">
        <v>11</v>
      </c>
    </row>
    <row r="3892">
      <c r="A3892" s="1">
        <v>4.90395484E8</v>
      </c>
      <c r="B3892" s="2">
        <v>11878.0</v>
      </c>
      <c r="C3892" s="1" t="s">
        <v>5</v>
      </c>
      <c r="D3892" s="1" t="s">
        <v>11</v>
      </c>
      <c r="E3892" s="1" t="s">
        <v>7</v>
      </c>
    </row>
    <row r="3893">
      <c r="A3893" s="1">
        <v>4.90395485E8</v>
      </c>
      <c r="B3893" s="2">
        <v>11868.0</v>
      </c>
      <c r="C3893" s="1" t="s">
        <v>5</v>
      </c>
      <c r="D3893" s="1" t="s">
        <v>11</v>
      </c>
      <c r="E3893" s="1" t="s">
        <v>7</v>
      </c>
    </row>
    <row r="3894">
      <c r="A3894" s="1">
        <v>4.90395491E8</v>
      </c>
      <c r="B3894" s="2">
        <v>11877.0</v>
      </c>
      <c r="C3894" s="1" t="s">
        <v>5</v>
      </c>
      <c r="D3894" s="1" t="s">
        <v>11</v>
      </c>
      <c r="E3894" s="1" t="s">
        <v>7</v>
      </c>
    </row>
    <row r="3895">
      <c r="A3895" s="1">
        <v>4.90395492E8</v>
      </c>
      <c r="B3895" s="2">
        <v>11852.0</v>
      </c>
      <c r="C3895" s="1" t="s">
        <v>5</v>
      </c>
      <c r="D3895" s="1" t="s">
        <v>11</v>
      </c>
      <c r="E3895" s="1" t="s">
        <v>7</v>
      </c>
    </row>
    <row r="3896">
      <c r="A3896" s="1">
        <v>4.90395497E8</v>
      </c>
      <c r="B3896" s="2">
        <v>11880.0</v>
      </c>
      <c r="C3896" s="1" t="s">
        <v>5</v>
      </c>
      <c r="D3896" s="1" t="s">
        <v>11</v>
      </c>
      <c r="E3896" s="1" t="s">
        <v>7</v>
      </c>
    </row>
    <row r="3897">
      <c r="A3897" s="1">
        <v>4.90395503E8</v>
      </c>
      <c r="B3897" s="2">
        <v>11863.0</v>
      </c>
      <c r="C3897" s="1" t="s">
        <v>5</v>
      </c>
      <c r="D3897" s="1" t="s">
        <v>3171</v>
      </c>
      <c r="E3897" s="1" t="s">
        <v>3172</v>
      </c>
    </row>
    <row r="3898">
      <c r="A3898" s="1">
        <v>4.90395504E8</v>
      </c>
      <c r="B3898" s="2">
        <v>11878.0</v>
      </c>
      <c r="C3898" s="1" t="s">
        <v>5</v>
      </c>
      <c r="D3898" s="1" t="s">
        <v>3173</v>
      </c>
      <c r="E3898" s="1" t="s">
        <v>7</v>
      </c>
    </row>
    <row r="3899">
      <c r="A3899" s="1">
        <v>4.9039551E8</v>
      </c>
      <c r="B3899" s="2">
        <v>11856.0</v>
      </c>
      <c r="C3899" s="1" t="s">
        <v>5</v>
      </c>
      <c r="D3899" s="1" t="s">
        <v>3174</v>
      </c>
      <c r="E3899" s="1" t="s">
        <v>7</v>
      </c>
    </row>
    <row r="3900">
      <c r="A3900" s="1">
        <v>4.90395511E8</v>
      </c>
      <c r="B3900" s="2">
        <v>11877.0</v>
      </c>
      <c r="C3900" s="1" t="s">
        <v>5</v>
      </c>
      <c r="D3900" s="1" t="s">
        <v>3175</v>
      </c>
      <c r="E3900" s="1" t="s">
        <v>11</v>
      </c>
    </row>
    <row r="3901">
      <c r="A3901" s="1">
        <v>4.90395525E8</v>
      </c>
      <c r="B3901" s="2">
        <v>11863.0</v>
      </c>
      <c r="C3901" s="1" t="s">
        <v>5</v>
      </c>
      <c r="D3901" s="1" t="s">
        <v>11</v>
      </c>
      <c r="E3901" s="1" t="s">
        <v>7</v>
      </c>
    </row>
    <row r="3902">
      <c r="A3902" s="1">
        <v>4.90395526E8</v>
      </c>
      <c r="B3902" s="2">
        <v>11853.0</v>
      </c>
      <c r="C3902" s="1" t="s">
        <v>5</v>
      </c>
      <c r="D3902" s="1" t="s">
        <v>3176</v>
      </c>
      <c r="E3902" s="1" t="s">
        <v>3177</v>
      </c>
    </row>
    <row r="3903">
      <c r="A3903" s="1">
        <v>4.90395532E8</v>
      </c>
      <c r="B3903" s="2">
        <v>11882.0</v>
      </c>
      <c r="C3903" s="1" t="s">
        <v>5</v>
      </c>
      <c r="D3903" s="1" t="s">
        <v>11</v>
      </c>
      <c r="E3903" s="1" t="s">
        <v>7</v>
      </c>
    </row>
    <row r="3904">
      <c r="A3904" s="1">
        <v>4.90395534E8</v>
      </c>
      <c r="B3904" s="2">
        <v>11856.0</v>
      </c>
      <c r="C3904" s="1" t="s">
        <v>5</v>
      </c>
      <c r="D3904" s="1" t="s">
        <v>11</v>
      </c>
      <c r="E3904" s="1" t="s">
        <v>7</v>
      </c>
    </row>
    <row r="3905">
      <c r="A3905" s="1">
        <v>4.90395535E8</v>
      </c>
      <c r="B3905" s="2">
        <v>11849.0</v>
      </c>
      <c r="C3905" s="1" t="s">
        <v>5</v>
      </c>
      <c r="D3905" s="1" t="s">
        <v>11</v>
      </c>
      <c r="E3905" s="1" t="s">
        <v>7</v>
      </c>
    </row>
    <row r="3906">
      <c r="A3906" s="1">
        <v>4.90395538E8</v>
      </c>
      <c r="B3906" s="2">
        <v>11887.0</v>
      </c>
      <c r="C3906" s="1" t="s">
        <v>5</v>
      </c>
      <c r="D3906" s="1" t="s">
        <v>3178</v>
      </c>
      <c r="E3906" s="1" t="s">
        <v>11</v>
      </c>
    </row>
    <row r="3907">
      <c r="A3907" s="1">
        <v>4.90395543E8</v>
      </c>
      <c r="B3907" s="2">
        <v>11863.0</v>
      </c>
      <c r="C3907" s="1" t="s">
        <v>5</v>
      </c>
      <c r="D3907" s="1" t="s">
        <v>11</v>
      </c>
      <c r="E3907" s="1" t="s">
        <v>7</v>
      </c>
    </row>
    <row r="3908">
      <c r="A3908" s="1">
        <v>4.90395546E8</v>
      </c>
      <c r="B3908" s="2">
        <v>11887.0</v>
      </c>
      <c r="C3908" s="1" t="s">
        <v>5</v>
      </c>
      <c r="D3908" s="1" t="s">
        <v>3179</v>
      </c>
      <c r="E3908" s="1" t="s">
        <v>11</v>
      </c>
    </row>
    <row r="3909">
      <c r="A3909" s="1">
        <v>4.90395549E8</v>
      </c>
      <c r="B3909" s="2">
        <v>11872.0</v>
      </c>
      <c r="C3909" s="1" t="s">
        <v>5</v>
      </c>
      <c r="D3909" s="1" t="s">
        <v>3180</v>
      </c>
      <c r="E3909" s="1" t="s">
        <v>11</v>
      </c>
    </row>
    <row r="3910">
      <c r="A3910" s="1">
        <v>4.9039555E8</v>
      </c>
      <c r="B3910" s="2">
        <v>11860.0</v>
      </c>
      <c r="C3910" s="1" t="s">
        <v>5</v>
      </c>
      <c r="D3910" s="1" t="s">
        <v>3181</v>
      </c>
      <c r="E3910" s="1" t="s">
        <v>11</v>
      </c>
    </row>
    <row r="3911">
      <c r="A3911" s="1">
        <v>4.90395552E8</v>
      </c>
      <c r="B3911" s="2">
        <v>11853.0</v>
      </c>
      <c r="C3911" s="1" t="s">
        <v>5</v>
      </c>
      <c r="D3911" s="1" t="s">
        <v>3182</v>
      </c>
      <c r="E3911" s="1" t="s">
        <v>11</v>
      </c>
    </row>
    <row r="3912">
      <c r="A3912" s="1">
        <v>4.90395555E8</v>
      </c>
      <c r="B3912" s="2">
        <v>11877.0</v>
      </c>
      <c r="C3912" s="1" t="s">
        <v>5</v>
      </c>
      <c r="D3912" s="1" t="s">
        <v>169</v>
      </c>
      <c r="E3912" s="1" t="s">
        <v>7</v>
      </c>
    </row>
    <row r="3913">
      <c r="A3913" s="1">
        <v>4.9039556E8</v>
      </c>
      <c r="B3913" s="2">
        <v>11856.0</v>
      </c>
      <c r="C3913" s="1" t="s">
        <v>5</v>
      </c>
      <c r="D3913" s="1" t="s">
        <v>3183</v>
      </c>
      <c r="E3913" s="1" t="s">
        <v>7</v>
      </c>
    </row>
    <row r="3914">
      <c r="A3914" s="1">
        <v>4.90395565E8</v>
      </c>
      <c r="B3914" s="2">
        <v>11868.0</v>
      </c>
      <c r="C3914" s="1" t="s">
        <v>5</v>
      </c>
      <c r="D3914" s="1" t="s">
        <v>3184</v>
      </c>
      <c r="E3914" s="1" t="s">
        <v>7</v>
      </c>
    </row>
    <row r="3915">
      <c r="A3915" s="1">
        <v>4.9039557E8</v>
      </c>
      <c r="B3915" s="2">
        <v>11877.0</v>
      </c>
      <c r="C3915" s="1" t="s">
        <v>5</v>
      </c>
      <c r="D3915" s="1" t="s">
        <v>11</v>
      </c>
      <c r="E3915" s="1" t="s">
        <v>7</v>
      </c>
    </row>
    <row r="3916">
      <c r="A3916" s="1">
        <v>4.90395571E8</v>
      </c>
      <c r="B3916" s="2">
        <v>11882.0</v>
      </c>
      <c r="C3916" s="1" t="s">
        <v>5</v>
      </c>
      <c r="D3916" s="1" t="s">
        <v>3185</v>
      </c>
      <c r="E3916" s="1" t="s">
        <v>7</v>
      </c>
    </row>
    <row r="3917">
      <c r="A3917" s="1">
        <v>4.90395572E8</v>
      </c>
      <c r="B3917" s="2">
        <v>11856.0</v>
      </c>
      <c r="C3917" s="1" t="s">
        <v>5</v>
      </c>
      <c r="D3917" s="1" t="s">
        <v>3186</v>
      </c>
      <c r="E3917" s="1" t="s">
        <v>11</v>
      </c>
    </row>
    <row r="3918">
      <c r="A3918" s="1">
        <v>4.90395573E8</v>
      </c>
      <c r="B3918" s="2">
        <v>11854.0</v>
      </c>
      <c r="C3918" s="1" t="s">
        <v>5</v>
      </c>
      <c r="D3918" s="1" t="s">
        <v>3187</v>
      </c>
      <c r="E3918" s="1" t="s">
        <v>7</v>
      </c>
    </row>
    <row r="3919">
      <c r="A3919" s="1">
        <v>4.90395574E8</v>
      </c>
      <c r="B3919" s="2">
        <v>11887.0</v>
      </c>
      <c r="C3919" s="1" t="s">
        <v>5</v>
      </c>
      <c r="D3919" s="1" t="s">
        <v>3188</v>
      </c>
      <c r="E3919" s="1" t="s">
        <v>7</v>
      </c>
    </row>
    <row r="3920">
      <c r="A3920" s="1">
        <v>4.90395577E8</v>
      </c>
      <c r="B3920" s="2">
        <v>11910.0</v>
      </c>
      <c r="C3920" s="1" t="s">
        <v>5</v>
      </c>
      <c r="D3920" s="1" t="s">
        <v>3189</v>
      </c>
      <c r="E3920" s="1" t="s">
        <v>11</v>
      </c>
    </row>
    <row r="3921">
      <c r="A3921" s="1">
        <v>4.90395584E8</v>
      </c>
      <c r="B3921" s="2">
        <v>11871.0</v>
      </c>
      <c r="C3921" s="1" t="s">
        <v>5</v>
      </c>
      <c r="D3921" s="1" t="s">
        <v>3190</v>
      </c>
      <c r="E3921" s="1" t="s">
        <v>2045</v>
      </c>
    </row>
    <row r="3922">
      <c r="A3922" s="1">
        <v>4.90395589E8</v>
      </c>
      <c r="B3922" s="2">
        <v>11863.0</v>
      </c>
      <c r="C3922" s="1" t="s">
        <v>5</v>
      </c>
      <c r="D3922" s="1" t="s">
        <v>3191</v>
      </c>
      <c r="E3922" s="1" t="s">
        <v>7</v>
      </c>
    </row>
    <row r="3923">
      <c r="A3923" s="1">
        <v>4.90395591E8</v>
      </c>
      <c r="B3923" s="2">
        <v>11864.0</v>
      </c>
      <c r="C3923" s="1" t="s">
        <v>5</v>
      </c>
      <c r="D3923" s="1" t="s">
        <v>3192</v>
      </c>
      <c r="E3923" s="1" t="s">
        <v>7</v>
      </c>
    </row>
    <row r="3924">
      <c r="A3924" s="1">
        <v>4.90395598E8</v>
      </c>
      <c r="B3924" s="2">
        <v>11853.0</v>
      </c>
      <c r="C3924" s="1" t="s">
        <v>5</v>
      </c>
      <c r="D3924" s="1" t="s">
        <v>3193</v>
      </c>
      <c r="E3924" s="1" t="s">
        <v>11</v>
      </c>
    </row>
    <row r="3925">
      <c r="A3925" s="1">
        <v>4.90395606E8</v>
      </c>
      <c r="B3925" s="2">
        <v>11877.0</v>
      </c>
      <c r="C3925" s="1" t="s">
        <v>5</v>
      </c>
      <c r="D3925" s="1" t="s">
        <v>3194</v>
      </c>
      <c r="E3925" s="1" t="s">
        <v>7</v>
      </c>
    </row>
    <row r="3926">
      <c r="A3926" s="1">
        <v>4.90395607E8</v>
      </c>
      <c r="B3926" s="2">
        <v>11877.0</v>
      </c>
      <c r="C3926" s="1" t="s">
        <v>5</v>
      </c>
      <c r="D3926" s="1" t="s">
        <v>3195</v>
      </c>
      <c r="E3926" s="1" t="s">
        <v>7</v>
      </c>
    </row>
    <row r="3927">
      <c r="A3927" s="1">
        <v>4.90395609E8</v>
      </c>
      <c r="B3927" s="2">
        <v>11863.0</v>
      </c>
      <c r="C3927" s="1" t="s">
        <v>5</v>
      </c>
      <c r="D3927" s="1" t="s">
        <v>3196</v>
      </c>
      <c r="E3927" s="1" t="s">
        <v>11</v>
      </c>
    </row>
    <row r="3928">
      <c r="A3928" s="1">
        <v>4.90395619E8</v>
      </c>
      <c r="B3928" s="2">
        <v>11867.0</v>
      </c>
      <c r="C3928" s="1" t="s">
        <v>5</v>
      </c>
      <c r="D3928" s="1" t="s">
        <v>3197</v>
      </c>
      <c r="E3928" s="1" t="s">
        <v>11</v>
      </c>
    </row>
    <row r="3929">
      <c r="A3929" s="1">
        <v>4.90395622E8</v>
      </c>
      <c r="B3929" s="2">
        <v>11854.0</v>
      </c>
      <c r="C3929" s="1" t="s">
        <v>5</v>
      </c>
      <c r="D3929" s="1" t="s">
        <v>11</v>
      </c>
      <c r="E3929" s="1" t="s">
        <v>7</v>
      </c>
    </row>
    <row r="3930">
      <c r="A3930" s="1">
        <v>4.90395631E8</v>
      </c>
      <c r="B3930" s="2">
        <v>11856.0</v>
      </c>
      <c r="C3930" s="1" t="s">
        <v>5</v>
      </c>
      <c r="D3930" s="1" t="s">
        <v>11</v>
      </c>
      <c r="E3930" s="1" t="s">
        <v>7</v>
      </c>
    </row>
    <row r="3931">
      <c r="A3931" s="1">
        <v>4.90395634E8</v>
      </c>
      <c r="B3931" s="2">
        <v>11860.0</v>
      </c>
      <c r="C3931" s="1" t="s">
        <v>5</v>
      </c>
      <c r="D3931" s="1" t="s">
        <v>3198</v>
      </c>
      <c r="E3931" s="1" t="s">
        <v>7</v>
      </c>
    </row>
    <row r="3932">
      <c r="A3932" s="1">
        <v>4.90395638E8</v>
      </c>
      <c r="B3932" s="2">
        <v>11871.0</v>
      </c>
      <c r="C3932" s="1" t="s">
        <v>5</v>
      </c>
      <c r="D3932" s="1" t="s">
        <v>3199</v>
      </c>
      <c r="E3932" s="1" t="s">
        <v>11</v>
      </c>
    </row>
    <row r="3933">
      <c r="A3933" s="1">
        <v>4.90395643E8</v>
      </c>
      <c r="B3933" s="2">
        <v>11864.0</v>
      </c>
      <c r="C3933" s="1" t="s">
        <v>5</v>
      </c>
      <c r="D3933" s="1" t="s">
        <v>3200</v>
      </c>
      <c r="E3933" s="1" t="s">
        <v>7</v>
      </c>
    </row>
    <row r="3934">
      <c r="A3934" s="1">
        <v>4.90395648E8</v>
      </c>
      <c r="B3934" s="2">
        <v>11880.0</v>
      </c>
      <c r="C3934" s="1" t="s">
        <v>5</v>
      </c>
      <c r="D3934" s="1" t="s">
        <v>3201</v>
      </c>
      <c r="E3934" s="1" t="s">
        <v>7</v>
      </c>
    </row>
    <row r="3935">
      <c r="A3935" s="1">
        <v>4.90395651E8</v>
      </c>
      <c r="B3935" s="2">
        <v>11871.0</v>
      </c>
      <c r="C3935" s="1" t="s">
        <v>5</v>
      </c>
      <c r="D3935" s="1" t="s">
        <v>3202</v>
      </c>
      <c r="E3935" s="1" t="s">
        <v>3203</v>
      </c>
    </row>
    <row r="3936">
      <c r="A3936" s="1">
        <v>4.90395652E8</v>
      </c>
      <c r="B3936" s="2">
        <v>11864.0</v>
      </c>
      <c r="C3936" s="1" t="s">
        <v>5</v>
      </c>
      <c r="D3936" s="1" t="s">
        <v>3204</v>
      </c>
      <c r="E3936" s="1" t="s">
        <v>7</v>
      </c>
    </row>
    <row r="3937">
      <c r="A3937" s="1">
        <v>4.90395653E8</v>
      </c>
      <c r="B3937" s="2">
        <v>11854.0</v>
      </c>
      <c r="C3937" s="1" t="s">
        <v>5</v>
      </c>
      <c r="D3937" s="1" t="s">
        <v>11</v>
      </c>
      <c r="E3937" s="1" t="s">
        <v>7</v>
      </c>
    </row>
    <row r="3938">
      <c r="A3938" s="1">
        <v>4.90395657E8</v>
      </c>
      <c r="B3938" s="2">
        <v>11849.0</v>
      </c>
      <c r="C3938" s="1" t="s">
        <v>5</v>
      </c>
      <c r="D3938" s="1" t="s">
        <v>11</v>
      </c>
      <c r="E3938" s="1" t="s">
        <v>7</v>
      </c>
    </row>
    <row r="3939">
      <c r="A3939" s="1">
        <v>4.9039566E8</v>
      </c>
      <c r="B3939" s="2">
        <v>11882.0</v>
      </c>
      <c r="C3939" s="1" t="s">
        <v>5</v>
      </c>
      <c r="D3939" s="1" t="s">
        <v>3205</v>
      </c>
      <c r="E3939" s="1" t="s">
        <v>11</v>
      </c>
    </row>
    <row r="3940">
      <c r="A3940" s="1">
        <v>4.90395668E8</v>
      </c>
      <c r="B3940" s="2">
        <v>11863.0</v>
      </c>
      <c r="C3940" s="1" t="s">
        <v>5</v>
      </c>
      <c r="D3940" s="1" t="s">
        <v>3206</v>
      </c>
      <c r="E3940" s="1" t="s">
        <v>7</v>
      </c>
    </row>
    <row r="3941">
      <c r="A3941" s="1">
        <v>4.90395671E8</v>
      </c>
      <c r="B3941" s="2">
        <v>11887.0</v>
      </c>
      <c r="C3941" s="1" t="s">
        <v>5</v>
      </c>
      <c r="D3941" s="1" t="s">
        <v>3207</v>
      </c>
      <c r="E3941" s="1" t="s">
        <v>7</v>
      </c>
    </row>
    <row r="3942">
      <c r="A3942" s="1">
        <v>4.90395672E8</v>
      </c>
      <c r="B3942" s="2">
        <v>11876.0</v>
      </c>
      <c r="C3942" s="1" t="s">
        <v>5</v>
      </c>
      <c r="D3942" s="1" t="s">
        <v>3208</v>
      </c>
      <c r="E3942" s="1" t="s">
        <v>3209</v>
      </c>
    </row>
    <row r="3943">
      <c r="A3943" s="1">
        <v>4.90395673E8</v>
      </c>
      <c r="B3943" s="2">
        <v>11877.0</v>
      </c>
      <c r="C3943" s="1" t="s">
        <v>5</v>
      </c>
      <c r="D3943" s="1" t="s">
        <v>3210</v>
      </c>
      <c r="E3943" s="1" t="s">
        <v>11</v>
      </c>
    </row>
    <row r="3944">
      <c r="A3944" s="1">
        <v>4.90395684E8</v>
      </c>
      <c r="B3944" s="2">
        <v>11863.0</v>
      </c>
      <c r="C3944" s="1" t="s">
        <v>5</v>
      </c>
      <c r="D3944" s="1" t="s">
        <v>3211</v>
      </c>
      <c r="E3944" s="1" t="s">
        <v>11</v>
      </c>
    </row>
    <row r="3945">
      <c r="A3945" s="1">
        <v>4.90395689E8</v>
      </c>
      <c r="B3945" s="2">
        <v>11909.0</v>
      </c>
      <c r="C3945" s="1" t="s">
        <v>5</v>
      </c>
      <c r="D3945" s="1" t="s">
        <v>3212</v>
      </c>
      <c r="E3945" s="1" t="s">
        <v>7</v>
      </c>
    </row>
    <row r="3946">
      <c r="A3946" s="1">
        <v>4.90395693E8</v>
      </c>
      <c r="B3946" s="2">
        <v>11887.0</v>
      </c>
      <c r="C3946" s="1" t="s">
        <v>5</v>
      </c>
      <c r="D3946" s="1" t="s">
        <v>3213</v>
      </c>
      <c r="E3946" s="1" t="s">
        <v>7</v>
      </c>
    </row>
    <row r="3947">
      <c r="A3947" s="1">
        <v>4.90395697E8</v>
      </c>
      <c r="B3947" s="2">
        <v>11849.0</v>
      </c>
      <c r="C3947" s="1" t="s">
        <v>5</v>
      </c>
      <c r="D3947" s="1" t="s">
        <v>3214</v>
      </c>
      <c r="E3947" s="1" t="s">
        <v>7</v>
      </c>
    </row>
    <row r="3948">
      <c r="A3948" s="1">
        <v>4.90395698E8</v>
      </c>
      <c r="B3948" s="2">
        <v>11854.0</v>
      </c>
      <c r="C3948" s="1" t="s">
        <v>5</v>
      </c>
      <c r="D3948" s="1" t="s">
        <v>11</v>
      </c>
      <c r="E3948" s="1" t="s">
        <v>7</v>
      </c>
    </row>
    <row r="3949">
      <c r="A3949" s="1">
        <v>4.90395699E8</v>
      </c>
      <c r="B3949" s="2">
        <v>11876.0</v>
      </c>
      <c r="C3949" s="1" t="s">
        <v>5</v>
      </c>
      <c r="D3949" s="1" t="s">
        <v>3215</v>
      </c>
      <c r="E3949" s="1" t="s">
        <v>11</v>
      </c>
    </row>
    <row r="3950">
      <c r="A3950" s="1">
        <v>4.90395703E8</v>
      </c>
      <c r="B3950" s="2">
        <v>11854.0</v>
      </c>
      <c r="C3950" s="1" t="s">
        <v>5</v>
      </c>
      <c r="D3950" s="1" t="s">
        <v>3216</v>
      </c>
      <c r="E3950" s="1" t="s">
        <v>7</v>
      </c>
    </row>
    <row r="3951">
      <c r="A3951" s="1">
        <v>4.90395704E8</v>
      </c>
      <c r="B3951" s="2">
        <v>11860.0</v>
      </c>
      <c r="C3951" s="1" t="s">
        <v>5</v>
      </c>
      <c r="D3951" s="1" t="s">
        <v>3217</v>
      </c>
      <c r="E3951" s="1" t="s">
        <v>7</v>
      </c>
    </row>
    <row r="3952">
      <c r="A3952" s="1">
        <v>4.90395707E8</v>
      </c>
      <c r="B3952" s="2">
        <v>11864.0</v>
      </c>
      <c r="C3952" s="1" t="s">
        <v>5</v>
      </c>
      <c r="D3952" s="1" t="s">
        <v>3218</v>
      </c>
      <c r="E3952" s="1" t="s">
        <v>7</v>
      </c>
    </row>
    <row r="3953">
      <c r="A3953" s="1">
        <v>4.90395708E8</v>
      </c>
      <c r="B3953" s="2">
        <v>11864.0</v>
      </c>
      <c r="C3953" s="1" t="s">
        <v>5</v>
      </c>
      <c r="D3953" s="1" t="s">
        <v>3219</v>
      </c>
      <c r="E3953" s="1" t="s">
        <v>11</v>
      </c>
    </row>
    <row r="3954">
      <c r="A3954" s="1">
        <v>4.90395709E8</v>
      </c>
      <c r="B3954" s="2">
        <v>11887.0</v>
      </c>
      <c r="C3954" s="1" t="s">
        <v>5</v>
      </c>
      <c r="D3954" s="1" t="s">
        <v>11</v>
      </c>
      <c r="E3954" s="1" t="s">
        <v>7</v>
      </c>
    </row>
    <row r="3955">
      <c r="A3955" s="1">
        <v>4.9039571E8</v>
      </c>
      <c r="B3955" s="2">
        <v>11871.0</v>
      </c>
      <c r="C3955" s="1" t="s">
        <v>5</v>
      </c>
      <c r="D3955" s="1" t="s">
        <v>3220</v>
      </c>
      <c r="E3955" s="1" t="s">
        <v>11</v>
      </c>
    </row>
    <row r="3956">
      <c r="A3956" s="1">
        <v>4.90395711E8</v>
      </c>
      <c r="B3956" s="2">
        <v>11867.0</v>
      </c>
      <c r="C3956" s="1" t="s">
        <v>5</v>
      </c>
      <c r="D3956" s="1" t="s">
        <v>3221</v>
      </c>
      <c r="E3956" s="1" t="s">
        <v>7</v>
      </c>
    </row>
    <row r="3957">
      <c r="A3957" s="1">
        <v>4.90395713E8</v>
      </c>
      <c r="B3957" s="2">
        <v>11863.0</v>
      </c>
      <c r="C3957" s="1" t="s">
        <v>5</v>
      </c>
      <c r="D3957" s="1" t="s">
        <v>3222</v>
      </c>
      <c r="E3957" s="1" t="s">
        <v>11</v>
      </c>
    </row>
    <row r="3958">
      <c r="A3958" s="1">
        <v>4.90395718E8</v>
      </c>
      <c r="B3958" s="2">
        <v>11860.0</v>
      </c>
      <c r="C3958" s="1" t="s">
        <v>5</v>
      </c>
      <c r="D3958" s="1" t="s">
        <v>3223</v>
      </c>
      <c r="E3958" s="1" t="s">
        <v>11</v>
      </c>
    </row>
    <row r="3959">
      <c r="A3959" s="1">
        <v>4.90395719E8</v>
      </c>
      <c r="B3959" s="2">
        <v>11886.0</v>
      </c>
      <c r="C3959" s="1" t="s">
        <v>5</v>
      </c>
      <c r="D3959" s="1" t="s">
        <v>3224</v>
      </c>
      <c r="E3959" s="1" t="s">
        <v>7</v>
      </c>
    </row>
    <row r="3960">
      <c r="A3960" s="1">
        <v>4.90395721E8</v>
      </c>
      <c r="B3960" s="2">
        <v>11874.0</v>
      </c>
      <c r="C3960" s="1" t="s">
        <v>5</v>
      </c>
      <c r="D3960" s="1" t="s">
        <v>11</v>
      </c>
      <c r="E3960" s="1" t="s">
        <v>7</v>
      </c>
    </row>
    <row r="3961">
      <c r="A3961" s="1">
        <v>4.90395725E8</v>
      </c>
      <c r="B3961" s="2">
        <v>11854.0</v>
      </c>
      <c r="C3961" s="1" t="s">
        <v>5</v>
      </c>
      <c r="D3961" s="1" t="s">
        <v>3225</v>
      </c>
      <c r="E3961" s="1" t="s">
        <v>11</v>
      </c>
    </row>
    <row r="3962">
      <c r="A3962" s="1">
        <v>4.90395726E8</v>
      </c>
      <c r="B3962" s="2">
        <v>11854.0</v>
      </c>
      <c r="C3962" s="1" t="s">
        <v>5</v>
      </c>
      <c r="D3962" s="1" t="s">
        <v>7</v>
      </c>
      <c r="E3962" s="1" t="s">
        <v>7</v>
      </c>
    </row>
    <row r="3963">
      <c r="A3963" s="1">
        <v>4.90395728E8</v>
      </c>
      <c r="B3963" s="2">
        <v>11864.0</v>
      </c>
      <c r="C3963" s="1" t="s">
        <v>5</v>
      </c>
      <c r="D3963" s="1" t="s">
        <v>3226</v>
      </c>
      <c r="E3963" s="1" t="s">
        <v>7</v>
      </c>
    </row>
    <row r="3964">
      <c r="A3964" s="1">
        <v>4.9039573E8</v>
      </c>
      <c r="B3964" s="2">
        <v>11862.0</v>
      </c>
      <c r="C3964" s="1" t="s">
        <v>5</v>
      </c>
      <c r="D3964" s="1" t="s">
        <v>3227</v>
      </c>
      <c r="E3964" s="1" t="s">
        <v>11</v>
      </c>
    </row>
    <row r="3965">
      <c r="A3965" s="1">
        <v>4.90395736E8</v>
      </c>
      <c r="B3965" s="2">
        <v>11854.0</v>
      </c>
      <c r="C3965" s="1" t="s">
        <v>5</v>
      </c>
      <c r="D3965" s="1" t="s">
        <v>3228</v>
      </c>
      <c r="E3965" s="1" t="s">
        <v>11</v>
      </c>
    </row>
    <row r="3966">
      <c r="A3966" s="1">
        <v>4.90395741E8</v>
      </c>
      <c r="B3966" s="2">
        <v>11887.0</v>
      </c>
      <c r="C3966" s="1" t="s">
        <v>5</v>
      </c>
      <c r="D3966" s="1" t="s">
        <v>3229</v>
      </c>
      <c r="E3966" s="1" t="s">
        <v>7</v>
      </c>
    </row>
    <row r="3967">
      <c r="A3967" s="1">
        <v>4.90395745E8</v>
      </c>
      <c r="B3967" s="2">
        <v>11871.0</v>
      </c>
      <c r="C3967" s="1" t="s">
        <v>5</v>
      </c>
      <c r="D3967" s="1" t="s">
        <v>11</v>
      </c>
      <c r="E3967" s="1" t="s">
        <v>7</v>
      </c>
    </row>
    <row r="3968">
      <c r="A3968" s="1">
        <v>4.90395746E8</v>
      </c>
      <c r="B3968" s="2">
        <v>11862.0</v>
      </c>
      <c r="C3968" s="1" t="s">
        <v>5</v>
      </c>
      <c r="D3968" s="1" t="s">
        <v>3230</v>
      </c>
      <c r="E3968" s="1" t="s">
        <v>3231</v>
      </c>
    </row>
    <row r="3969">
      <c r="A3969" s="1">
        <v>4.90395754E8</v>
      </c>
      <c r="B3969" s="2">
        <v>11873.0</v>
      </c>
      <c r="C3969" s="1" t="s">
        <v>5</v>
      </c>
      <c r="D3969" s="1" t="s">
        <v>3232</v>
      </c>
      <c r="E3969" s="1" t="s">
        <v>7</v>
      </c>
    </row>
    <row r="3970">
      <c r="A3970" s="1">
        <v>4.90395757E8</v>
      </c>
      <c r="B3970" s="2">
        <v>11877.0</v>
      </c>
      <c r="C3970" s="1" t="s">
        <v>5</v>
      </c>
      <c r="D3970" s="1" t="s">
        <v>3233</v>
      </c>
      <c r="E3970" s="1" t="s">
        <v>11</v>
      </c>
    </row>
    <row r="3971">
      <c r="A3971" s="1">
        <v>4.90395761E8</v>
      </c>
      <c r="B3971" s="2">
        <v>11862.0</v>
      </c>
      <c r="C3971" s="1" t="s">
        <v>5</v>
      </c>
      <c r="D3971" s="1" t="s">
        <v>3234</v>
      </c>
      <c r="E3971" s="1" t="s">
        <v>7</v>
      </c>
    </row>
    <row r="3972">
      <c r="A3972" s="1">
        <v>4.90395767E8</v>
      </c>
      <c r="B3972" s="2">
        <v>11876.0</v>
      </c>
      <c r="C3972" s="1" t="s">
        <v>5</v>
      </c>
      <c r="D3972" s="1" t="s">
        <v>3235</v>
      </c>
      <c r="E3972" s="1" t="s">
        <v>3236</v>
      </c>
    </row>
    <row r="3973">
      <c r="A3973" s="1">
        <v>4.90395773E8</v>
      </c>
      <c r="B3973" s="2">
        <v>11876.0</v>
      </c>
      <c r="C3973" s="1" t="s">
        <v>5</v>
      </c>
      <c r="D3973" s="1" t="s">
        <v>3237</v>
      </c>
      <c r="E3973" s="1" t="s">
        <v>11</v>
      </c>
    </row>
    <row r="3974">
      <c r="A3974" s="1">
        <v>4.90395779E8</v>
      </c>
      <c r="B3974" s="2">
        <v>11854.0</v>
      </c>
      <c r="C3974" s="1" t="s">
        <v>5</v>
      </c>
      <c r="D3974" s="1" t="s">
        <v>3238</v>
      </c>
      <c r="E3974" s="1" t="s">
        <v>11</v>
      </c>
    </row>
    <row r="3975">
      <c r="A3975" s="1">
        <v>4.90395788E8</v>
      </c>
      <c r="B3975" s="2">
        <v>11906.0</v>
      </c>
      <c r="C3975" s="1" t="s">
        <v>5</v>
      </c>
      <c r="D3975" s="1" t="s">
        <v>3239</v>
      </c>
      <c r="E3975" s="1" t="s">
        <v>7</v>
      </c>
    </row>
    <row r="3976">
      <c r="A3976" s="1">
        <v>4.90395798E8</v>
      </c>
      <c r="B3976" s="2">
        <v>11879.0</v>
      </c>
      <c r="C3976" s="1" t="s">
        <v>5</v>
      </c>
      <c r="D3976" s="1" t="s">
        <v>3240</v>
      </c>
      <c r="E3976" s="1" t="s">
        <v>3241</v>
      </c>
    </row>
    <row r="3977">
      <c r="A3977" s="1">
        <v>4.90395801E8</v>
      </c>
      <c r="B3977" s="2">
        <v>11854.0</v>
      </c>
      <c r="C3977" s="1" t="s">
        <v>5</v>
      </c>
      <c r="D3977" s="1" t="s">
        <v>3242</v>
      </c>
      <c r="E3977" s="1" t="s">
        <v>7</v>
      </c>
    </row>
    <row r="3978">
      <c r="A3978" s="1">
        <v>4.90395805E8</v>
      </c>
      <c r="B3978" s="2">
        <v>11873.0</v>
      </c>
      <c r="C3978" s="1" t="s">
        <v>5</v>
      </c>
      <c r="D3978" s="1" t="s">
        <v>3243</v>
      </c>
      <c r="E3978" s="1" t="s">
        <v>7</v>
      </c>
    </row>
    <row r="3979">
      <c r="A3979" s="1">
        <v>4.90395807E8</v>
      </c>
      <c r="B3979" s="2">
        <v>11886.0</v>
      </c>
      <c r="C3979" s="1" t="s">
        <v>5</v>
      </c>
      <c r="D3979" s="1" t="s">
        <v>3244</v>
      </c>
      <c r="E3979" s="1" t="s">
        <v>7</v>
      </c>
    </row>
    <row r="3980">
      <c r="A3980" s="1">
        <v>4.90395808E8</v>
      </c>
      <c r="B3980" s="2">
        <v>11854.0</v>
      </c>
      <c r="C3980" s="1" t="s">
        <v>5</v>
      </c>
      <c r="D3980" s="1" t="s">
        <v>3245</v>
      </c>
      <c r="E3980" s="1" t="s">
        <v>11</v>
      </c>
    </row>
    <row r="3981">
      <c r="A3981" s="1">
        <v>4.90395809E8</v>
      </c>
      <c r="B3981" s="2">
        <v>11906.0</v>
      </c>
      <c r="C3981" s="1" t="s">
        <v>5</v>
      </c>
      <c r="D3981" s="1" t="s">
        <v>3246</v>
      </c>
      <c r="E3981" s="1" t="s">
        <v>3247</v>
      </c>
    </row>
    <row r="3982">
      <c r="A3982" s="1">
        <v>4.9039581E8</v>
      </c>
      <c r="B3982" s="2">
        <v>11876.0</v>
      </c>
      <c r="C3982" s="1" t="s">
        <v>5</v>
      </c>
      <c r="D3982" s="1" t="s">
        <v>3248</v>
      </c>
      <c r="E3982" s="1" t="s">
        <v>7</v>
      </c>
    </row>
    <row r="3983">
      <c r="A3983" s="1">
        <v>4.90395811E8</v>
      </c>
      <c r="B3983" s="2">
        <v>11845.0</v>
      </c>
      <c r="C3983" s="1" t="s">
        <v>5</v>
      </c>
      <c r="D3983" s="1" t="s">
        <v>3249</v>
      </c>
      <c r="E3983" s="1" t="s">
        <v>7</v>
      </c>
    </row>
    <row r="3984">
      <c r="A3984" s="1">
        <v>4.90395818E8</v>
      </c>
      <c r="B3984" s="2">
        <v>11863.0</v>
      </c>
      <c r="C3984" s="1" t="s">
        <v>5</v>
      </c>
      <c r="D3984" s="1" t="s">
        <v>3250</v>
      </c>
      <c r="E3984" s="1" t="s">
        <v>7</v>
      </c>
    </row>
    <row r="3985">
      <c r="A3985" s="1">
        <v>4.90395819E8</v>
      </c>
      <c r="B3985" s="2">
        <v>11862.0</v>
      </c>
      <c r="C3985" s="1" t="s">
        <v>5</v>
      </c>
      <c r="D3985" s="1" t="s">
        <v>11</v>
      </c>
      <c r="E3985" s="1" t="s">
        <v>7</v>
      </c>
    </row>
    <row r="3986">
      <c r="A3986" s="1">
        <v>4.90395821E8</v>
      </c>
      <c r="B3986" s="2">
        <v>11871.0</v>
      </c>
      <c r="C3986" s="1" t="s">
        <v>5</v>
      </c>
      <c r="D3986" s="1" t="s">
        <v>3251</v>
      </c>
      <c r="E3986" s="1" t="s">
        <v>7</v>
      </c>
    </row>
    <row r="3987">
      <c r="A3987" s="1">
        <v>4.90395822E8</v>
      </c>
      <c r="B3987" s="2">
        <v>11879.0</v>
      </c>
      <c r="C3987" s="1" t="s">
        <v>5</v>
      </c>
      <c r="D3987" s="1" t="s">
        <v>3252</v>
      </c>
      <c r="E3987" s="1" t="s">
        <v>7</v>
      </c>
    </row>
    <row r="3988">
      <c r="A3988" s="1">
        <v>4.90395831E8</v>
      </c>
      <c r="B3988" s="2">
        <v>11906.0</v>
      </c>
      <c r="C3988" s="1" t="s">
        <v>5</v>
      </c>
      <c r="D3988" s="1" t="s">
        <v>3253</v>
      </c>
      <c r="E3988" s="1" t="s">
        <v>7</v>
      </c>
    </row>
    <row r="3989">
      <c r="A3989" s="1">
        <v>4.90395833E8</v>
      </c>
      <c r="B3989" s="2">
        <v>11871.0</v>
      </c>
      <c r="C3989" s="1" t="s">
        <v>5</v>
      </c>
      <c r="D3989" s="1" t="s">
        <v>3254</v>
      </c>
      <c r="E3989" s="1" t="s">
        <v>7</v>
      </c>
    </row>
    <row r="3990">
      <c r="A3990" s="1">
        <v>4.90395838E8</v>
      </c>
      <c r="B3990" s="2">
        <v>11880.0</v>
      </c>
      <c r="C3990" s="1" t="s">
        <v>5</v>
      </c>
      <c r="D3990" s="1" t="s">
        <v>3255</v>
      </c>
      <c r="E3990" s="1" t="s">
        <v>7</v>
      </c>
    </row>
    <row r="3991">
      <c r="A3991" s="1">
        <v>4.9039584E8</v>
      </c>
      <c r="B3991" s="2">
        <v>11885.0</v>
      </c>
      <c r="C3991" s="1" t="s">
        <v>5</v>
      </c>
      <c r="D3991" s="1" t="s">
        <v>3256</v>
      </c>
      <c r="E3991" s="1" t="s">
        <v>7</v>
      </c>
    </row>
    <row r="3992">
      <c r="A3992" s="1">
        <v>4.90395842E8</v>
      </c>
      <c r="B3992" s="2">
        <v>11863.0</v>
      </c>
      <c r="C3992" s="1" t="s">
        <v>5</v>
      </c>
      <c r="D3992" s="1" t="s">
        <v>3257</v>
      </c>
      <c r="E3992" s="1" t="s">
        <v>11</v>
      </c>
    </row>
    <row r="3993">
      <c r="A3993" s="1">
        <v>4.90395844E8</v>
      </c>
      <c r="B3993" s="2">
        <v>11887.0</v>
      </c>
      <c r="C3993" s="1" t="s">
        <v>5</v>
      </c>
      <c r="D3993" s="1" t="s">
        <v>11</v>
      </c>
      <c r="E3993" s="1" t="s">
        <v>7</v>
      </c>
    </row>
    <row r="3994">
      <c r="A3994" s="1">
        <v>4.90395846E8</v>
      </c>
      <c r="B3994" s="2">
        <v>11862.0</v>
      </c>
      <c r="C3994" s="1" t="s">
        <v>5</v>
      </c>
      <c r="D3994" s="1" t="s">
        <v>11</v>
      </c>
      <c r="E3994" s="1" t="s">
        <v>7</v>
      </c>
    </row>
    <row r="3995">
      <c r="A3995" s="1">
        <v>4.90395848E8</v>
      </c>
      <c r="B3995" s="2">
        <v>11848.0</v>
      </c>
      <c r="C3995" s="1" t="s">
        <v>5</v>
      </c>
      <c r="D3995" s="1" t="s">
        <v>11</v>
      </c>
      <c r="E3995" s="1" t="s">
        <v>7</v>
      </c>
    </row>
    <row r="3996">
      <c r="A3996" s="1">
        <v>4.9039585E8</v>
      </c>
      <c r="B3996" s="2">
        <v>11877.0</v>
      </c>
      <c r="C3996" s="1" t="s">
        <v>5</v>
      </c>
      <c r="D3996" s="1" t="s">
        <v>11</v>
      </c>
      <c r="E3996" s="1" t="s">
        <v>7</v>
      </c>
    </row>
    <row r="3997">
      <c r="A3997" s="1">
        <v>4.90395862E8</v>
      </c>
      <c r="B3997" s="2">
        <v>11873.0</v>
      </c>
      <c r="C3997" s="1" t="s">
        <v>5</v>
      </c>
      <c r="D3997" s="1" t="s">
        <v>3258</v>
      </c>
      <c r="E3997" s="1" t="s">
        <v>7</v>
      </c>
    </row>
    <row r="3998">
      <c r="A3998" s="1">
        <v>4.90395876E8</v>
      </c>
      <c r="B3998" s="2">
        <v>11876.0</v>
      </c>
      <c r="C3998" s="1" t="s">
        <v>5</v>
      </c>
      <c r="D3998" s="1" t="s">
        <v>3259</v>
      </c>
      <c r="E3998" s="1" t="s">
        <v>11</v>
      </c>
    </row>
    <row r="3999">
      <c r="A3999" s="1">
        <v>4.90395878E8</v>
      </c>
      <c r="B3999" s="2">
        <v>11871.0</v>
      </c>
      <c r="C3999" s="1" t="s">
        <v>5</v>
      </c>
      <c r="D3999" s="1" t="s">
        <v>3260</v>
      </c>
      <c r="E3999" s="1" t="s">
        <v>11</v>
      </c>
    </row>
    <row r="4000">
      <c r="A4000" s="1">
        <v>4.90395883E8</v>
      </c>
      <c r="B4000" s="2">
        <v>11866.0</v>
      </c>
      <c r="C4000" s="1" t="s">
        <v>5</v>
      </c>
      <c r="D4000" s="1" t="s">
        <v>3261</v>
      </c>
      <c r="E4000" s="1" t="s">
        <v>7</v>
      </c>
    </row>
    <row r="4001">
      <c r="A4001" s="1">
        <v>4.90395888E8</v>
      </c>
      <c r="B4001" s="2">
        <v>11863.0</v>
      </c>
      <c r="C4001" s="1" t="s">
        <v>5</v>
      </c>
      <c r="D4001" s="1" t="s">
        <v>3262</v>
      </c>
      <c r="E4001" s="1" t="s">
        <v>11</v>
      </c>
    </row>
    <row r="4002">
      <c r="A4002" s="1">
        <v>4.90395891E8</v>
      </c>
      <c r="B4002" s="2">
        <v>11879.0</v>
      </c>
      <c r="C4002" s="1" t="s">
        <v>5</v>
      </c>
      <c r="D4002" s="1" t="s">
        <v>3263</v>
      </c>
      <c r="E4002" s="1" t="s">
        <v>7</v>
      </c>
    </row>
    <row r="4003">
      <c r="A4003" s="1">
        <v>4.90395893E8</v>
      </c>
      <c r="B4003" s="2">
        <v>11886.0</v>
      </c>
      <c r="C4003" s="1" t="s">
        <v>5</v>
      </c>
      <c r="D4003" s="1" t="s">
        <v>3264</v>
      </c>
      <c r="E4003" s="1" t="s">
        <v>3265</v>
      </c>
    </row>
    <row r="4004">
      <c r="A4004" s="1">
        <v>4.903959E8</v>
      </c>
      <c r="B4004" s="2">
        <v>11848.0</v>
      </c>
      <c r="C4004" s="1" t="s">
        <v>5</v>
      </c>
      <c r="D4004" s="1" t="s">
        <v>3266</v>
      </c>
      <c r="E4004" s="1" t="s">
        <v>11</v>
      </c>
    </row>
    <row r="4005">
      <c r="A4005" s="1">
        <v>4.90395903E8</v>
      </c>
      <c r="B4005" s="2">
        <v>11876.0</v>
      </c>
      <c r="C4005" s="1" t="s">
        <v>5</v>
      </c>
      <c r="D4005" s="1" t="s">
        <v>3267</v>
      </c>
      <c r="E4005" s="1" t="s">
        <v>11</v>
      </c>
    </row>
    <row r="4006">
      <c r="A4006" s="1">
        <v>4.90395906E8</v>
      </c>
      <c r="B4006" s="2">
        <v>11876.0</v>
      </c>
      <c r="C4006" s="1" t="s">
        <v>5</v>
      </c>
      <c r="D4006" s="1" t="s">
        <v>3268</v>
      </c>
      <c r="E4006" s="1" t="s">
        <v>11</v>
      </c>
    </row>
    <row r="4007">
      <c r="A4007" s="1">
        <v>4.90395908E8</v>
      </c>
      <c r="B4007" s="2">
        <v>11887.0</v>
      </c>
      <c r="C4007" s="1" t="s">
        <v>5</v>
      </c>
      <c r="D4007" s="1" t="s">
        <v>3269</v>
      </c>
      <c r="E4007" s="1" t="s">
        <v>7</v>
      </c>
    </row>
    <row r="4008">
      <c r="A4008" s="1">
        <v>4.90395912E8</v>
      </c>
      <c r="B4008" s="2">
        <v>11876.0</v>
      </c>
      <c r="C4008" s="1" t="s">
        <v>5</v>
      </c>
      <c r="D4008" s="1" t="s">
        <v>11</v>
      </c>
      <c r="E4008" s="1" t="s">
        <v>7</v>
      </c>
    </row>
    <row r="4009">
      <c r="A4009" s="1">
        <v>4.9039592E8</v>
      </c>
      <c r="B4009" s="2">
        <v>11886.0</v>
      </c>
      <c r="C4009" s="1" t="s">
        <v>5</v>
      </c>
      <c r="D4009" s="1" t="s">
        <v>3270</v>
      </c>
      <c r="E4009" s="1" t="s">
        <v>7</v>
      </c>
    </row>
    <row r="4010">
      <c r="A4010" s="1">
        <v>4.90395925E8</v>
      </c>
      <c r="B4010" s="2">
        <v>11879.0</v>
      </c>
      <c r="C4010" s="1" t="s">
        <v>5</v>
      </c>
      <c r="D4010" s="1" t="s">
        <v>3271</v>
      </c>
      <c r="E4010" s="1" t="s">
        <v>7</v>
      </c>
    </row>
    <row r="4011">
      <c r="A4011" s="1">
        <v>4.90395928E8</v>
      </c>
      <c r="B4011" s="2">
        <v>11862.0</v>
      </c>
      <c r="C4011" s="1" t="s">
        <v>5</v>
      </c>
      <c r="D4011" s="1" t="s">
        <v>3272</v>
      </c>
      <c r="E4011" s="1" t="s">
        <v>11</v>
      </c>
    </row>
    <row r="4012">
      <c r="A4012" s="1">
        <v>4.90395932E8</v>
      </c>
      <c r="B4012" s="2">
        <v>11875.0</v>
      </c>
      <c r="C4012" s="1" t="s">
        <v>5</v>
      </c>
      <c r="D4012" s="1" t="s">
        <v>3273</v>
      </c>
      <c r="E4012" s="1" t="s">
        <v>3274</v>
      </c>
    </row>
    <row r="4013">
      <c r="A4013" s="1">
        <v>4.90395933E8</v>
      </c>
      <c r="B4013" s="2">
        <v>11847.0</v>
      </c>
      <c r="C4013" s="1" t="s">
        <v>5</v>
      </c>
      <c r="D4013" s="1" t="s">
        <v>3275</v>
      </c>
      <c r="E4013" s="1" t="s">
        <v>7</v>
      </c>
    </row>
    <row r="4014">
      <c r="A4014" s="1">
        <v>4.90395934E8</v>
      </c>
      <c r="B4014" s="2">
        <v>11873.0</v>
      </c>
      <c r="C4014" s="1" t="s">
        <v>5</v>
      </c>
      <c r="D4014" s="1" t="s">
        <v>3276</v>
      </c>
      <c r="E4014" s="1" t="s">
        <v>11</v>
      </c>
    </row>
    <row r="4015">
      <c r="A4015" s="1">
        <v>4.90395946E8</v>
      </c>
      <c r="B4015" s="2">
        <v>11863.0</v>
      </c>
      <c r="C4015" s="1" t="s">
        <v>5</v>
      </c>
      <c r="D4015" s="1" t="s">
        <v>11</v>
      </c>
      <c r="E4015" s="1" t="s">
        <v>7</v>
      </c>
    </row>
    <row r="4016">
      <c r="A4016" s="1">
        <v>4.90395952E8</v>
      </c>
      <c r="B4016" s="2">
        <v>11846.0</v>
      </c>
      <c r="C4016" s="1" t="s">
        <v>5</v>
      </c>
      <c r="D4016" s="1" t="s">
        <v>3277</v>
      </c>
      <c r="E4016" s="1" t="s">
        <v>7</v>
      </c>
    </row>
    <row r="4017">
      <c r="A4017" s="1">
        <v>4.9039596E8</v>
      </c>
      <c r="B4017" s="2">
        <v>11862.0</v>
      </c>
      <c r="C4017" s="1" t="s">
        <v>5</v>
      </c>
      <c r="D4017" s="1" t="s">
        <v>3278</v>
      </c>
      <c r="E4017" s="1" t="s">
        <v>11</v>
      </c>
    </row>
    <row r="4018">
      <c r="A4018" s="1">
        <v>4.90395964E8</v>
      </c>
      <c r="B4018" s="2">
        <v>11886.0</v>
      </c>
      <c r="C4018" s="1" t="s">
        <v>5</v>
      </c>
      <c r="D4018" s="1" t="s">
        <v>3279</v>
      </c>
      <c r="E4018" s="1" t="s">
        <v>11</v>
      </c>
    </row>
    <row r="4019">
      <c r="A4019" s="1">
        <v>4.90395968E8</v>
      </c>
      <c r="B4019" s="2">
        <v>11863.0</v>
      </c>
      <c r="C4019" s="1" t="s">
        <v>5</v>
      </c>
      <c r="D4019" s="1" t="s">
        <v>3280</v>
      </c>
      <c r="E4019" s="1" t="s">
        <v>7</v>
      </c>
    </row>
    <row r="4020">
      <c r="A4020" s="1">
        <v>4.90395971E8</v>
      </c>
      <c r="B4020" s="2">
        <v>11879.0</v>
      </c>
      <c r="C4020" s="1" t="s">
        <v>5</v>
      </c>
      <c r="D4020" s="1" t="s">
        <v>3281</v>
      </c>
      <c r="E4020" s="1" t="s">
        <v>11</v>
      </c>
    </row>
    <row r="4021">
      <c r="A4021" s="1">
        <v>4.90395975E8</v>
      </c>
      <c r="B4021" s="2">
        <v>11873.0</v>
      </c>
      <c r="C4021" s="1" t="s">
        <v>5</v>
      </c>
      <c r="D4021" s="1" t="s">
        <v>3282</v>
      </c>
      <c r="E4021" s="1" t="s">
        <v>7</v>
      </c>
    </row>
    <row r="4022">
      <c r="A4022" s="1">
        <v>4.90395986E8</v>
      </c>
      <c r="B4022" s="2">
        <v>11849.0</v>
      </c>
      <c r="C4022" s="1" t="s">
        <v>5</v>
      </c>
      <c r="D4022" s="1" t="s">
        <v>3283</v>
      </c>
      <c r="E4022" s="1" t="s">
        <v>11</v>
      </c>
    </row>
    <row r="4023">
      <c r="A4023" s="1">
        <v>4.9039599E8</v>
      </c>
      <c r="B4023" s="2">
        <v>11905.0</v>
      </c>
      <c r="C4023" s="1" t="s">
        <v>5</v>
      </c>
      <c r="D4023" s="1" t="s">
        <v>3284</v>
      </c>
      <c r="E4023" s="1" t="s">
        <v>11</v>
      </c>
    </row>
    <row r="4024">
      <c r="A4024" s="1">
        <v>4.90395992E8</v>
      </c>
      <c r="B4024" s="2">
        <v>11886.0</v>
      </c>
      <c r="C4024" s="1" t="s">
        <v>5</v>
      </c>
      <c r="D4024" s="1" t="s">
        <v>3285</v>
      </c>
      <c r="E4024" s="1" t="s">
        <v>11</v>
      </c>
    </row>
    <row r="4025">
      <c r="A4025" s="1">
        <v>4.90395994E8</v>
      </c>
      <c r="B4025" s="2">
        <v>11843.0</v>
      </c>
      <c r="C4025" s="1" t="s">
        <v>5</v>
      </c>
      <c r="D4025" s="1" t="s">
        <v>3286</v>
      </c>
      <c r="E4025" s="1" t="s">
        <v>7</v>
      </c>
    </row>
    <row r="4026">
      <c r="A4026" s="1">
        <v>4.90395996E8</v>
      </c>
      <c r="B4026" s="2">
        <v>11879.0</v>
      </c>
      <c r="C4026" s="1" t="s">
        <v>5</v>
      </c>
      <c r="D4026" s="1" t="s">
        <v>3287</v>
      </c>
      <c r="E4026" s="1" t="s">
        <v>7</v>
      </c>
    </row>
    <row r="4027">
      <c r="A4027" s="1">
        <v>4.90395998E8</v>
      </c>
      <c r="B4027" s="2">
        <v>11886.0</v>
      </c>
      <c r="C4027" s="1" t="s">
        <v>5</v>
      </c>
      <c r="D4027" s="1" t="s">
        <v>3288</v>
      </c>
      <c r="E4027" s="1" t="s">
        <v>7</v>
      </c>
    </row>
    <row r="4028">
      <c r="A4028" s="1">
        <v>4.90395999E8</v>
      </c>
      <c r="B4028" s="2">
        <v>11905.0</v>
      </c>
      <c r="C4028" s="1" t="s">
        <v>5</v>
      </c>
      <c r="D4028" s="1" t="s">
        <v>3289</v>
      </c>
      <c r="E4028" s="1" t="s">
        <v>7</v>
      </c>
    </row>
    <row r="4029">
      <c r="A4029" s="1">
        <v>4.90396012E8</v>
      </c>
      <c r="B4029" s="2">
        <v>11876.0</v>
      </c>
      <c r="C4029" s="1" t="s">
        <v>5</v>
      </c>
      <c r="D4029" s="1" t="s">
        <v>3290</v>
      </c>
      <c r="E4029" s="1" t="s">
        <v>11</v>
      </c>
    </row>
    <row r="4030">
      <c r="A4030" s="1">
        <v>4.90396013E8</v>
      </c>
      <c r="B4030" s="2">
        <v>11848.0</v>
      </c>
      <c r="C4030" s="1" t="s">
        <v>5</v>
      </c>
      <c r="D4030" s="1" t="s">
        <v>3291</v>
      </c>
      <c r="E4030" s="1" t="s">
        <v>11</v>
      </c>
    </row>
    <row r="4031">
      <c r="A4031" s="1">
        <v>4.90396014E8</v>
      </c>
      <c r="B4031" s="2">
        <v>11853.0</v>
      </c>
      <c r="C4031" s="1" t="s">
        <v>5</v>
      </c>
      <c r="D4031" s="1" t="s">
        <v>3292</v>
      </c>
      <c r="E4031" s="1" t="s">
        <v>7</v>
      </c>
    </row>
    <row r="4032">
      <c r="A4032" s="1">
        <v>4.90396018E8</v>
      </c>
      <c r="B4032" s="2">
        <v>11875.0</v>
      </c>
      <c r="C4032" s="1" t="s">
        <v>5</v>
      </c>
      <c r="D4032" s="1" t="s">
        <v>3293</v>
      </c>
      <c r="E4032" s="1" t="s">
        <v>11</v>
      </c>
    </row>
    <row r="4033">
      <c r="A4033" s="1">
        <v>4.9039602E8</v>
      </c>
      <c r="B4033" s="2">
        <v>11863.0</v>
      </c>
      <c r="C4033" s="1" t="s">
        <v>5</v>
      </c>
      <c r="D4033" s="1" t="s">
        <v>3294</v>
      </c>
      <c r="E4033" s="1" t="s">
        <v>7</v>
      </c>
    </row>
    <row r="4034">
      <c r="A4034" s="1">
        <v>4.90396024E8</v>
      </c>
      <c r="B4034" s="2">
        <v>11856.0</v>
      </c>
      <c r="C4034" s="1" t="s">
        <v>5</v>
      </c>
      <c r="D4034" s="1" t="s">
        <v>3295</v>
      </c>
      <c r="E4034" s="1" t="s">
        <v>11</v>
      </c>
    </row>
    <row r="4035">
      <c r="A4035" s="1">
        <v>4.90396026E8</v>
      </c>
      <c r="B4035" s="2">
        <v>11875.0</v>
      </c>
      <c r="C4035" s="1" t="s">
        <v>5</v>
      </c>
      <c r="D4035" s="1" t="s">
        <v>3296</v>
      </c>
      <c r="E4035" s="1" t="s">
        <v>7</v>
      </c>
    </row>
    <row r="4036">
      <c r="A4036" s="1">
        <v>4.90396029E8</v>
      </c>
      <c r="B4036" s="2">
        <v>11862.0</v>
      </c>
      <c r="C4036" s="1" t="s">
        <v>5</v>
      </c>
      <c r="D4036" s="1" t="s">
        <v>3297</v>
      </c>
      <c r="E4036" s="1" t="s">
        <v>7</v>
      </c>
    </row>
    <row r="4037">
      <c r="A4037" s="1">
        <v>4.90396039E8</v>
      </c>
      <c r="B4037" s="2">
        <v>11861.0</v>
      </c>
      <c r="C4037" s="1" t="s">
        <v>5</v>
      </c>
      <c r="D4037" s="1" t="s">
        <v>3298</v>
      </c>
      <c r="E4037" s="1" t="s">
        <v>7</v>
      </c>
    </row>
    <row r="4038">
      <c r="A4038" s="1">
        <v>4.90396041E8</v>
      </c>
      <c r="B4038" s="2">
        <v>11905.0</v>
      </c>
      <c r="C4038" s="1" t="s">
        <v>5</v>
      </c>
      <c r="D4038" s="1" t="s">
        <v>3299</v>
      </c>
      <c r="E4038" s="1" t="s">
        <v>7</v>
      </c>
    </row>
    <row r="4039">
      <c r="A4039" s="1">
        <v>4.90396042E8</v>
      </c>
      <c r="B4039" s="2">
        <v>11876.0</v>
      </c>
      <c r="C4039" s="1" t="s">
        <v>5</v>
      </c>
      <c r="D4039" s="1" t="s">
        <v>3300</v>
      </c>
      <c r="E4039" s="1" t="s">
        <v>11</v>
      </c>
    </row>
    <row r="4040">
      <c r="A4040" s="1">
        <v>4.90396045E8</v>
      </c>
      <c r="B4040" s="2">
        <v>11876.0</v>
      </c>
      <c r="C4040" s="1" t="s">
        <v>5</v>
      </c>
      <c r="D4040" s="1" t="s">
        <v>3301</v>
      </c>
      <c r="E4040" s="1" t="s">
        <v>7</v>
      </c>
    </row>
    <row r="4041">
      <c r="A4041" s="1">
        <v>4.90396051E8</v>
      </c>
      <c r="B4041" s="2">
        <v>11886.0</v>
      </c>
      <c r="C4041" s="1" t="s">
        <v>5</v>
      </c>
      <c r="D4041" s="1" t="s">
        <v>169</v>
      </c>
      <c r="E4041" s="1" t="s">
        <v>7</v>
      </c>
    </row>
    <row r="4042">
      <c r="A4042" s="1">
        <v>4.90396062E8</v>
      </c>
      <c r="B4042" s="2">
        <v>11856.0</v>
      </c>
      <c r="C4042" s="1" t="s">
        <v>5</v>
      </c>
      <c r="D4042" s="1" t="s">
        <v>11</v>
      </c>
      <c r="E4042" s="1" t="s">
        <v>7</v>
      </c>
    </row>
    <row r="4043">
      <c r="A4043" s="1">
        <v>4.90396064E8</v>
      </c>
      <c r="B4043" s="2">
        <v>11875.0</v>
      </c>
      <c r="C4043" s="1" t="s">
        <v>5</v>
      </c>
      <c r="D4043" s="1" t="s">
        <v>3302</v>
      </c>
      <c r="E4043" s="1" t="s">
        <v>7</v>
      </c>
    </row>
    <row r="4044">
      <c r="A4044" s="1">
        <v>4.90396073E8</v>
      </c>
      <c r="B4044" s="2">
        <v>11861.0</v>
      </c>
      <c r="C4044" s="1" t="s">
        <v>5</v>
      </c>
      <c r="D4044" s="1" t="s">
        <v>3303</v>
      </c>
      <c r="E4044" s="1" t="s">
        <v>7</v>
      </c>
    </row>
    <row r="4045">
      <c r="A4045" s="1">
        <v>4.90396079E8</v>
      </c>
      <c r="B4045" s="2">
        <v>11886.0</v>
      </c>
      <c r="C4045" s="1" t="s">
        <v>5</v>
      </c>
      <c r="D4045" s="1" t="s">
        <v>3304</v>
      </c>
      <c r="E4045" s="1" t="s">
        <v>11</v>
      </c>
    </row>
    <row r="4046">
      <c r="A4046" s="1">
        <v>4.9039608E8</v>
      </c>
      <c r="B4046" s="2">
        <v>11853.0</v>
      </c>
      <c r="C4046" s="1" t="s">
        <v>5</v>
      </c>
      <c r="D4046" s="1" t="s">
        <v>3305</v>
      </c>
      <c r="E4046" s="1" t="s">
        <v>7</v>
      </c>
    </row>
    <row r="4047">
      <c r="A4047" s="1">
        <v>4.90396081E8</v>
      </c>
      <c r="B4047" s="2">
        <v>11932.0</v>
      </c>
      <c r="C4047" s="1" t="s">
        <v>5</v>
      </c>
      <c r="D4047" s="1" t="s">
        <v>11</v>
      </c>
      <c r="E4047" s="1" t="s">
        <v>7</v>
      </c>
    </row>
    <row r="4048">
      <c r="A4048" s="1">
        <v>4.90396083E8</v>
      </c>
      <c r="B4048" s="2">
        <v>11866.0</v>
      </c>
      <c r="C4048" s="1" t="s">
        <v>5</v>
      </c>
      <c r="D4048" s="1" t="s">
        <v>11</v>
      </c>
      <c r="E4048" s="1" t="s">
        <v>7</v>
      </c>
    </row>
    <row r="4049">
      <c r="A4049" s="1">
        <v>4.90396087E8</v>
      </c>
      <c r="B4049" s="2">
        <v>11872.0</v>
      </c>
      <c r="C4049" s="1" t="s">
        <v>5</v>
      </c>
      <c r="D4049" s="1" t="s">
        <v>3306</v>
      </c>
      <c r="E4049" s="1" t="s">
        <v>7</v>
      </c>
    </row>
    <row r="4050">
      <c r="A4050" s="1">
        <v>4.9039609E8</v>
      </c>
      <c r="B4050" s="2">
        <v>11862.0</v>
      </c>
      <c r="C4050" s="1" t="s">
        <v>5</v>
      </c>
      <c r="D4050" s="1" t="s">
        <v>3307</v>
      </c>
      <c r="E4050" s="1" t="s">
        <v>11</v>
      </c>
    </row>
    <row r="4051">
      <c r="A4051" s="1">
        <v>4.90396091E8</v>
      </c>
      <c r="B4051" s="2">
        <v>11876.0</v>
      </c>
      <c r="C4051" s="1" t="s">
        <v>5</v>
      </c>
      <c r="D4051" s="1" t="s">
        <v>3308</v>
      </c>
      <c r="E4051" s="1" t="s">
        <v>7</v>
      </c>
    </row>
    <row r="4052">
      <c r="A4052" s="1">
        <v>4.903961E8</v>
      </c>
      <c r="B4052" s="2">
        <v>11875.0</v>
      </c>
      <c r="C4052" s="1" t="s">
        <v>5</v>
      </c>
      <c r="D4052" s="1" t="s">
        <v>3309</v>
      </c>
      <c r="E4052" s="1" t="s">
        <v>3310</v>
      </c>
    </row>
    <row r="4053">
      <c r="A4053" s="1">
        <v>4.90396106E8</v>
      </c>
      <c r="B4053" s="2">
        <v>11876.0</v>
      </c>
      <c r="C4053" s="1" t="s">
        <v>5</v>
      </c>
      <c r="D4053" s="1" t="s">
        <v>169</v>
      </c>
      <c r="E4053" s="1" t="s">
        <v>7</v>
      </c>
    </row>
    <row r="4054">
      <c r="A4054" s="1">
        <v>4.90396109E8</v>
      </c>
      <c r="B4054" s="2">
        <v>11875.0</v>
      </c>
      <c r="C4054" s="1" t="s">
        <v>5</v>
      </c>
      <c r="D4054" s="1" t="s">
        <v>3311</v>
      </c>
      <c r="E4054" s="1" t="s">
        <v>11</v>
      </c>
    </row>
    <row r="4055">
      <c r="A4055" s="1">
        <v>4.9039611E8</v>
      </c>
      <c r="B4055" s="2">
        <v>11843.0</v>
      </c>
      <c r="C4055" s="1" t="s">
        <v>5</v>
      </c>
      <c r="D4055" s="1" t="s">
        <v>3312</v>
      </c>
      <c r="E4055" s="1" t="s">
        <v>11</v>
      </c>
    </row>
    <row r="4056">
      <c r="A4056" s="1">
        <v>4.90396111E8</v>
      </c>
      <c r="B4056" s="2">
        <v>11876.0</v>
      </c>
      <c r="C4056" s="1" t="s">
        <v>5</v>
      </c>
      <c r="D4056" s="1" t="s">
        <v>11</v>
      </c>
      <c r="E4056" s="1" t="s">
        <v>7</v>
      </c>
    </row>
    <row r="4057">
      <c r="A4057" s="1">
        <v>4.90396118E8</v>
      </c>
      <c r="B4057" s="2">
        <v>11861.0</v>
      </c>
      <c r="C4057" s="1" t="s">
        <v>5</v>
      </c>
      <c r="D4057" s="1" t="s">
        <v>11</v>
      </c>
      <c r="E4057" s="1" t="s">
        <v>7</v>
      </c>
    </row>
    <row r="4058">
      <c r="A4058" s="1">
        <v>4.90396128E8</v>
      </c>
      <c r="B4058" s="2">
        <v>11853.0</v>
      </c>
      <c r="C4058" s="1" t="s">
        <v>5</v>
      </c>
      <c r="D4058" s="1" t="s">
        <v>3313</v>
      </c>
      <c r="E4058" s="1" t="s">
        <v>11</v>
      </c>
    </row>
    <row r="4059">
      <c r="A4059" s="1">
        <v>4.90396129E8</v>
      </c>
      <c r="B4059" s="2">
        <v>11885.0</v>
      </c>
      <c r="C4059" s="1" t="s">
        <v>5</v>
      </c>
      <c r="D4059" s="1" t="s">
        <v>11</v>
      </c>
      <c r="E4059" s="1" t="s">
        <v>7</v>
      </c>
    </row>
    <row r="4060">
      <c r="A4060" s="1">
        <v>4.90396131E8</v>
      </c>
      <c r="B4060" s="2">
        <v>11853.0</v>
      </c>
      <c r="C4060" s="1" t="s">
        <v>5</v>
      </c>
      <c r="D4060" s="1" t="s">
        <v>3314</v>
      </c>
      <c r="E4060" s="1" t="s">
        <v>11</v>
      </c>
    </row>
    <row r="4061">
      <c r="A4061" s="1">
        <v>4.90396133E8</v>
      </c>
      <c r="B4061" s="2">
        <v>11875.0</v>
      </c>
      <c r="C4061" s="1" t="s">
        <v>5</v>
      </c>
      <c r="D4061" s="1" t="s">
        <v>3315</v>
      </c>
      <c r="E4061" s="1" t="s">
        <v>11</v>
      </c>
    </row>
    <row r="4062">
      <c r="A4062" s="1">
        <v>4.90396145E8</v>
      </c>
      <c r="B4062" s="2">
        <v>11932.0</v>
      </c>
      <c r="C4062" s="1" t="s">
        <v>5</v>
      </c>
      <c r="D4062" s="1" t="s">
        <v>3316</v>
      </c>
      <c r="E4062" s="1" t="s">
        <v>3317</v>
      </c>
    </row>
    <row r="4063">
      <c r="A4063" s="1">
        <v>4.90396146E8</v>
      </c>
      <c r="B4063" s="2">
        <v>11905.0</v>
      </c>
      <c r="C4063" s="1" t="s">
        <v>5</v>
      </c>
      <c r="D4063" s="1" t="s">
        <v>3318</v>
      </c>
      <c r="E4063" s="1" t="s">
        <v>7</v>
      </c>
    </row>
    <row r="4064">
      <c r="A4064" s="1">
        <v>4.90396151E8</v>
      </c>
      <c r="B4064" s="2">
        <v>11886.0</v>
      </c>
      <c r="C4064" s="1" t="s">
        <v>5</v>
      </c>
      <c r="D4064" s="1" t="s">
        <v>3319</v>
      </c>
      <c r="E4064" s="1" t="s">
        <v>7</v>
      </c>
    </row>
    <row r="4065">
      <c r="A4065" s="1">
        <v>4.90396158E8</v>
      </c>
      <c r="B4065" s="2">
        <v>11878.0</v>
      </c>
      <c r="C4065" s="1" t="s">
        <v>5</v>
      </c>
      <c r="D4065" s="1" t="s">
        <v>3320</v>
      </c>
      <c r="E4065" s="1" t="s">
        <v>7</v>
      </c>
    </row>
    <row r="4066">
      <c r="A4066" s="1">
        <v>4.90396161E8</v>
      </c>
      <c r="B4066" s="2">
        <v>11853.0</v>
      </c>
      <c r="C4066" s="1" t="s">
        <v>5</v>
      </c>
      <c r="D4066" s="1" t="s">
        <v>3321</v>
      </c>
      <c r="E4066" s="1" t="s">
        <v>11</v>
      </c>
    </row>
    <row r="4067">
      <c r="A4067" s="1">
        <v>4.90396162E8</v>
      </c>
      <c r="B4067" s="2">
        <v>11904.0</v>
      </c>
      <c r="C4067" s="1" t="s">
        <v>5</v>
      </c>
      <c r="D4067" s="1" t="s">
        <v>3322</v>
      </c>
      <c r="E4067" s="1" t="s">
        <v>11</v>
      </c>
    </row>
    <row r="4068">
      <c r="A4068" s="1">
        <v>4.90396163E8</v>
      </c>
      <c r="B4068" s="2">
        <v>11853.0</v>
      </c>
      <c r="C4068" s="1" t="s">
        <v>5</v>
      </c>
      <c r="D4068" s="1" t="s">
        <v>11</v>
      </c>
      <c r="E4068" s="1" t="s">
        <v>7</v>
      </c>
    </row>
    <row r="4069">
      <c r="A4069" s="1">
        <v>4.90396164E8</v>
      </c>
      <c r="B4069" s="2">
        <v>11856.0</v>
      </c>
      <c r="C4069" s="1" t="s">
        <v>5</v>
      </c>
      <c r="D4069" s="1" t="s">
        <v>3323</v>
      </c>
      <c r="E4069" s="1" t="s">
        <v>11</v>
      </c>
    </row>
    <row r="4070">
      <c r="A4070" s="1">
        <v>4.90396165E8</v>
      </c>
      <c r="B4070" s="2">
        <v>11878.0</v>
      </c>
      <c r="C4070" s="1" t="s">
        <v>5</v>
      </c>
      <c r="D4070" s="1" t="s">
        <v>3324</v>
      </c>
      <c r="E4070" s="1" t="s">
        <v>7</v>
      </c>
    </row>
    <row r="4071">
      <c r="A4071" s="1">
        <v>4.9039617E8</v>
      </c>
      <c r="B4071" s="2">
        <v>11865.0</v>
      </c>
      <c r="C4071" s="1" t="s">
        <v>5</v>
      </c>
      <c r="D4071" s="1" t="s">
        <v>73</v>
      </c>
      <c r="E4071" s="1" t="s">
        <v>7</v>
      </c>
    </row>
    <row r="4072">
      <c r="A4072" s="1">
        <v>4.90396172E8</v>
      </c>
      <c r="B4072" s="2">
        <v>11932.0</v>
      </c>
      <c r="C4072" s="1" t="s">
        <v>5</v>
      </c>
      <c r="D4072" s="1" t="s">
        <v>3325</v>
      </c>
      <c r="E4072" s="1" t="s">
        <v>7</v>
      </c>
    </row>
    <row r="4073">
      <c r="A4073" s="1">
        <v>4.90396173E8</v>
      </c>
      <c r="B4073" s="2">
        <v>11876.0</v>
      </c>
      <c r="C4073" s="1" t="s">
        <v>5</v>
      </c>
      <c r="D4073" s="1" t="s">
        <v>3326</v>
      </c>
      <c r="E4073" s="1" t="s">
        <v>11</v>
      </c>
    </row>
    <row r="4074">
      <c r="A4074" s="1">
        <v>4.90396178E8</v>
      </c>
      <c r="B4074" s="2">
        <v>11847.0</v>
      </c>
      <c r="C4074" s="1" t="s">
        <v>5</v>
      </c>
      <c r="D4074" s="1" t="s">
        <v>3327</v>
      </c>
      <c r="E4074" s="1" t="s">
        <v>7</v>
      </c>
    </row>
    <row r="4075">
      <c r="A4075" s="1">
        <v>4.90396181E8</v>
      </c>
      <c r="B4075" s="2">
        <v>11856.0</v>
      </c>
      <c r="C4075" s="1" t="s">
        <v>5</v>
      </c>
      <c r="D4075" s="1" t="s">
        <v>3328</v>
      </c>
      <c r="E4075" s="1" t="s">
        <v>7</v>
      </c>
    </row>
    <row r="4076">
      <c r="A4076" s="1">
        <v>4.90396185E8</v>
      </c>
      <c r="B4076" s="2">
        <v>11843.0</v>
      </c>
      <c r="C4076" s="1" t="s">
        <v>5</v>
      </c>
      <c r="D4076" s="1" t="s">
        <v>11</v>
      </c>
      <c r="E4076" s="1" t="s">
        <v>7</v>
      </c>
    </row>
    <row r="4077">
      <c r="A4077" s="1">
        <v>4.90396187E8</v>
      </c>
      <c r="B4077" s="2">
        <v>11904.0</v>
      </c>
      <c r="C4077" s="1" t="s">
        <v>5</v>
      </c>
      <c r="D4077" s="1" t="s">
        <v>3329</v>
      </c>
      <c r="E4077" s="1" t="s">
        <v>7</v>
      </c>
    </row>
    <row r="4078">
      <c r="A4078" s="1">
        <v>4.90396192E8</v>
      </c>
      <c r="B4078" s="2">
        <v>11875.0</v>
      </c>
      <c r="C4078" s="1" t="s">
        <v>5</v>
      </c>
      <c r="D4078" s="1" t="s">
        <v>3330</v>
      </c>
      <c r="E4078" s="1" t="s">
        <v>7</v>
      </c>
    </row>
    <row r="4079">
      <c r="A4079" s="1">
        <v>4.90396193E8</v>
      </c>
      <c r="B4079" s="2">
        <v>11876.0</v>
      </c>
      <c r="C4079" s="1" t="s">
        <v>5</v>
      </c>
      <c r="D4079" s="1" t="s">
        <v>1008</v>
      </c>
      <c r="E4079" s="1" t="s">
        <v>7</v>
      </c>
    </row>
    <row r="4080">
      <c r="A4080" s="1">
        <v>4.90396196E8</v>
      </c>
      <c r="B4080" s="2">
        <v>11872.0</v>
      </c>
      <c r="C4080" s="1" t="s">
        <v>5</v>
      </c>
      <c r="D4080" s="1" t="s">
        <v>3331</v>
      </c>
      <c r="E4080" s="1" t="s">
        <v>7</v>
      </c>
    </row>
    <row r="4081">
      <c r="A4081" s="1">
        <v>4.90396202E8</v>
      </c>
      <c r="B4081" s="2">
        <v>11875.0</v>
      </c>
      <c r="C4081" s="1" t="s">
        <v>5</v>
      </c>
      <c r="D4081" s="1" t="s">
        <v>3332</v>
      </c>
      <c r="E4081" s="1" t="s">
        <v>11</v>
      </c>
    </row>
    <row r="4082">
      <c r="A4082" s="1">
        <v>4.90396208E8</v>
      </c>
      <c r="B4082" s="2">
        <v>11885.0</v>
      </c>
      <c r="C4082" s="1" t="s">
        <v>5</v>
      </c>
      <c r="D4082" s="1" t="s">
        <v>3333</v>
      </c>
      <c r="E4082" s="1" t="s">
        <v>11</v>
      </c>
    </row>
    <row r="4083">
      <c r="A4083" s="1">
        <v>4.90396209E8</v>
      </c>
      <c r="B4083" s="2">
        <v>11853.0</v>
      </c>
      <c r="C4083" s="1" t="s">
        <v>5</v>
      </c>
      <c r="D4083" s="1" t="s">
        <v>3334</v>
      </c>
      <c r="E4083" s="1" t="s">
        <v>7</v>
      </c>
    </row>
    <row r="4084">
      <c r="A4084" s="1">
        <v>4.90396211E8</v>
      </c>
      <c r="B4084" s="2">
        <v>11847.0</v>
      </c>
      <c r="C4084" s="1" t="s">
        <v>5</v>
      </c>
      <c r="D4084" s="1" t="s">
        <v>3335</v>
      </c>
      <c r="E4084" s="1" t="s">
        <v>11</v>
      </c>
    </row>
    <row r="4085">
      <c r="A4085" s="1">
        <v>4.90396214E8</v>
      </c>
      <c r="B4085" s="2">
        <v>11863.0</v>
      </c>
      <c r="C4085" s="1" t="s">
        <v>5</v>
      </c>
      <c r="D4085" s="1" t="s">
        <v>11</v>
      </c>
      <c r="E4085" s="1" t="s">
        <v>7</v>
      </c>
    </row>
    <row r="4086">
      <c r="A4086" s="1">
        <v>4.90396218E8</v>
      </c>
      <c r="B4086" s="2">
        <v>11878.0</v>
      </c>
      <c r="C4086" s="1" t="s">
        <v>5</v>
      </c>
      <c r="D4086" s="1" t="s">
        <v>11</v>
      </c>
      <c r="E4086" s="1" t="s">
        <v>7</v>
      </c>
    </row>
    <row r="4087">
      <c r="A4087" s="1">
        <v>4.90396219E8</v>
      </c>
      <c r="B4087" s="2">
        <v>11847.0</v>
      </c>
      <c r="C4087" s="1" t="s">
        <v>5</v>
      </c>
      <c r="D4087" s="1" t="s">
        <v>3336</v>
      </c>
      <c r="E4087" s="1" t="s">
        <v>11</v>
      </c>
    </row>
    <row r="4088">
      <c r="A4088" s="1">
        <v>4.90396221E8</v>
      </c>
      <c r="B4088" s="2">
        <v>11843.0</v>
      </c>
      <c r="C4088" s="1" t="s">
        <v>5</v>
      </c>
      <c r="D4088" s="1" t="s">
        <v>11</v>
      </c>
      <c r="E4088" s="1" t="s">
        <v>7</v>
      </c>
    </row>
    <row r="4089">
      <c r="A4089" s="1">
        <v>4.90396231E8</v>
      </c>
      <c r="B4089" s="2">
        <v>11854.0</v>
      </c>
      <c r="C4089" s="1" t="s">
        <v>5</v>
      </c>
      <c r="D4089" s="1" t="s">
        <v>3337</v>
      </c>
      <c r="E4089" s="1" t="s">
        <v>3338</v>
      </c>
    </row>
    <row r="4090">
      <c r="A4090" s="1">
        <v>4.90396233E8</v>
      </c>
      <c r="B4090" s="2">
        <v>11885.0</v>
      </c>
      <c r="C4090" s="1" t="s">
        <v>5</v>
      </c>
      <c r="D4090" s="1" t="s">
        <v>3339</v>
      </c>
      <c r="E4090" s="1" t="s">
        <v>7</v>
      </c>
    </row>
    <row r="4091">
      <c r="A4091" s="1">
        <v>4.90396237E8</v>
      </c>
      <c r="B4091" s="2">
        <v>11853.0</v>
      </c>
      <c r="C4091" s="1" t="s">
        <v>5</v>
      </c>
      <c r="D4091" s="1" t="s">
        <v>3340</v>
      </c>
      <c r="E4091" s="1" t="s">
        <v>11</v>
      </c>
    </row>
    <row r="4092">
      <c r="A4092" s="1">
        <v>4.90396247E8</v>
      </c>
      <c r="B4092" s="2">
        <v>11872.0</v>
      </c>
      <c r="C4092" s="1" t="s">
        <v>5</v>
      </c>
      <c r="D4092" s="1" t="s">
        <v>3341</v>
      </c>
      <c r="E4092" s="1" t="s">
        <v>7</v>
      </c>
    </row>
    <row r="4093">
      <c r="A4093" s="1">
        <v>4.90396273E8</v>
      </c>
      <c r="B4093" s="2">
        <v>11845.0</v>
      </c>
      <c r="C4093" s="1" t="s">
        <v>5</v>
      </c>
      <c r="D4093" s="1" t="s">
        <v>3342</v>
      </c>
      <c r="E4093" s="1" t="s">
        <v>7</v>
      </c>
    </row>
    <row r="4094">
      <c r="A4094" s="1">
        <v>4.90396274E8</v>
      </c>
      <c r="B4094" s="2">
        <v>11853.0</v>
      </c>
      <c r="C4094" s="1" t="s">
        <v>5</v>
      </c>
      <c r="D4094" s="1" t="s">
        <v>3343</v>
      </c>
      <c r="E4094" s="1" t="s">
        <v>7</v>
      </c>
    </row>
    <row r="4095">
      <c r="A4095" s="1">
        <v>4.90396275E8</v>
      </c>
      <c r="B4095" s="2">
        <v>11853.0</v>
      </c>
      <c r="C4095" s="1" t="s">
        <v>5</v>
      </c>
      <c r="D4095" s="1" t="s">
        <v>3344</v>
      </c>
      <c r="E4095" s="1" t="s">
        <v>11</v>
      </c>
    </row>
    <row r="4096">
      <c r="A4096" s="1">
        <v>4.90396278E8</v>
      </c>
      <c r="B4096" s="2">
        <v>11863.0</v>
      </c>
      <c r="C4096" s="1" t="s">
        <v>5</v>
      </c>
      <c r="D4096" s="1" t="s">
        <v>3345</v>
      </c>
      <c r="E4096" s="1" t="s">
        <v>7</v>
      </c>
    </row>
    <row r="4097">
      <c r="A4097" s="1">
        <v>4.90396289E8</v>
      </c>
      <c r="B4097" s="2">
        <v>11906.0</v>
      </c>
      <c r="C4097" s="1" t="s">
        <v>5</v>
      </c>
      <c r="D4097" s="1" t="s">
        <v>3346</v>
      </c>
      <c r="E4097" s="1" t="s">
        <v>11</v>
      </c>
    </row>
    <row r="4098">
      <c r="A4098" s="1">
        <v>4.90396292E8</v>
      </c>
      <c r="B4098" s="2">
        <v>11853.0</v>
      </c>
      <c r="C4098" s="1" t="s">
        <v>5</v>
      </c>
      <c r="D4098" s="1" t="s">
        <v>3347</v>
      </c>
      <c r="E4098" s="1" t="s">
        <v>7</v>
      </c>
    </row>
    <row r="4099">
      <c r="A4099" s="1">
        <v>4.90396297E8</v>
      </c>
      <c r="B4099" s="2">
        <v>11847.0</v>
      </c>
      <c r="C4099" s="1" t="s">
        <v>5</v>
      </c>
      <c r="D4099" s="1" t="s">
        <v>3348</v>
      </c>
      <c r="E4099" s="1" t="s">
        <v>7</v>
      </c>
    </row>
    <row r="4100">
      <c r="A4100" s="1">
        <v>4.90396303E8</v>
      </c>
      <c r="B4100" s="2">
        <v>11903.0</v>
      </c>
      <c r="C4100" s="1" t="s">
        <v>5</v>
      </c>
      <c r="D4100" s="1" t="s">
        <v>3349</v>
      </c>
      <c r="E4100" s="1" t="s">
        <v>11</v>
      </c>
    </row>
    <row r="4101">
      <c r="A4101" s="1">
        <v>4.90396314E8</v>
      </c>
      <c r="B4101" s="2">
        <v>11856.0</v>
      </c>
      <c r="C4101" s="1" t="s">
        <v>5</v>
      </c>
      <c r="D4101" s="1" t="s">
        <v>3350</v>
      </c>
      <c r="E4101" s="1" t="s">
        <v>11</v>
      </c>
    </row>
    <row r="4102">
      <c r="A4102" s="1">
        <v>4.90396317E8</v>
      </c>
      <c r="B4102" s="2">
        <v>11852.0</v>
      </c>
      <c r="C4102" s="1" t="s">
        <v>5</v>
      </c>
      <c r="D4102" s="1" t="s">
        <v>3351</v>
      </c>
      <c r="E4102" s="1" t="s">
        <v>7</v>
      </c>
    </row>
    <row r="4103">
      <c r="A4103" s="1">
        <v>4.90396319E8</v>
      </c>
      <c r="B4103" s="2">
        <v>11852.0</v>
      </c>
      <c r="C4103" s="1" t="s">
        <v>5</v>
      </c>
      <c r="D4103" s="1" t="s">
        <v>3352</v>
      </c>
      <c r="E4103" s="1" t="s">
        <v>7</v>
      </c>
    </row>
    <row r="4104">
      <c r="A4104" s="1">
        <v>4.90396331E8</v>
      </c>
      <c r="B4104" s="2">
        <v>11874.0</v>
      </c>
      <c r="C4104" s="1" t="s">
        <v>5</v>
      </c>
      <c r="D4104" s="1" t="s">
        <v>3353</v>
      </c>
      <c r="E4104" s="1" t="s">
        <v>7</v>
      </c>
    </row>
    <row r="4105">
      <c r="A4105" s="1">
        <v>4.90396333E8</v>
      </c>
      <c r="B4105" s="2">
        <v>11875.0</v>
      </c>
      <c r="C4105" s="1" t="s">
        <v>5</v>
      </c>
      <c r="D4105" s="1" t="s">
        <v>11</v>
      </c>
      <c r="E4105" s="1" t="s">
        <v>7</v>
      </c>
    </row>
    <row r="4106">
      <c r="A4106" s="1">
        <v>4.90396338E8</v>
      </c>
      <c r="B4106" s="2">
        <v>11875.0</v>
      </c>
      <c r="C4106" s="1" t="s">
        <v>5</v>
      </c>
      <c r="D4106" s="1" t="s">
        <v>11</v>
      </c>
      <c r="E4106" s="1" t="s">
        <v>7</v>
      </c>
    </row>
    <row r="4107">
      <c r="A4107" s="1">
        <v>4.9039634E8</v>
      </c>
      <c r="B4107" s="2">
        <v>11906.0</v>
      </c>
      <c r="C4107" s="1" t="s">
        <v>5</v>
      </c>
      <c r="D4107" s="1" t="s">
        <v>3354</v>
      </c>
      <c r="E4107" s="1" t="s">
        <v>11</v>
      </c>
    </row>
    <row r="4108">
      <c r="A4108" s="1">
        <v>4.90396341E8</v>
      </c>
      <c r="B4108" s="2">
        <v>11845.0</v>
      </c>
      <c r="C4108" s="1" t="s">
        <v>5</v>
      </c>
      <c r="D4108" s="1" t="s">
        <v>3355</v>
      </c>
      <c r="E4108" s="1" t="s">
        <v>7</v>
      </c>
    </row>
    <row r="4109">
      <c r="A4109" s="1">
        <v>4.90396345E8</v>
      </c>
      <c r="B4109" s="2">
        <v>11874.0</v>
      </c>
      <c r="C4109" s="1" t="s">
        <v>5</v>
      </c>
      <c r="D4109" s="1" t="s">
        <v>3356</v>
      </c>
      <c r="E4109" s="1" t="s">
        <v>11</v>
      </c>
    </row>
    <row r="4110">
      <c r="A4110" s="1">
        <v>4.90396348E8</v>
      </c>
      <c r="B4110" s="2">
        <v>11860.0</v>
      </c>
      <c r="C4110" s="1" t="s">
        <v>5</v>
      </c>
      <c r="D4110" s="1" t="s">
        <v>3357</v>
      </c>
      <c r="E4110" s="1" t="s">
        <v>7</v>
      </c>
    </row>
    <row r="4111">
      <c r="A4111" s="1">
        <v>4.9039635E8</v>
      </c>
      <c r="B4111" s="2">
        <v>11931.0</v>
      </c>
      <c r="C4111" s="1" t="s">
        <v>5</v>
      </c>
      <c r="D4111" s="1" t="s">
        <v>11</v>
      </c>
      <c r="E4111" s="1" t="s">
        <v>7</v>
      </c>
    </row>
    <row r="4112">
      <c r="A4112" s="1">
        <v>4.90396352E8</v>
      </c>
      <c r="B4112" s="2">
        <v>11863.0</v>
      </c>
      <c r="C4112" s="1" t="s">
        <v>5</v>
      </c>
      <c r="D4112" s="1" t="s">
        <v>3358</v>
      </c>
      <c r="E4112" s="1" t="s">
        <v>11</v>
      </c>
    </row>
    <row r="4113">
      <c r="A4113" s="1">
        <v>4.90396353E8</v>
      </c>
      <c r="B4113" s="2">
        <v>11910.0</v>
      </c>
      <c r="C4113" s="1" t="s">
        <v>5</v>
      </c>
      <c r="D4113" s="1" t="s">
        <v>11</v>
      </c>
      <c r="E4113" s="1" t="s">
        <v>7</v>
      </c>
    </row>
    <row r="4114">
      <c r="A4114" s="1">
        <v>4.90396356E8</v>
      </c>
      <c r="B4114" s="2">
        <v>11874.0</v>
      </c>
      <c r="C4114" s="1" t="s">
        <v>5</v>
      </c>
      <c r="D4114" s="1" t="s">
        <v>3359</v>
      </c>
      <c r="E4114" s="1" t="s">
        <v>7</v>
      </c>
    </row>
    <row r="4115">
      <c r="A4115" s="1">
        <v>4.90396358E8</v>
      </c>
      <c r="B4115" s="2">
        <v>11932.0</v>
      </c>
      <c r="C4115" s="1" t="s">
        <v>5</v>
      </c>
      <c r="D4115" s="1" t="s">
        <v>3360</v>
      </c>
      <c r="E4115" s="1" t="s">
        <v>11</v>
      </c>
    </row>
    <row r="4116">
      <c r="A4116" s="1">
        <v>4.9039636E8</v>
      </c>
      <c r="B4116" s="2">
        <v>11878.0</v>
      </c>
      <c r="C4116" s="1" t="s">
        <v>5</v>
      </c>
      <c r="D4116" s="1" t="s">
        <v>11</v>
      </c>
      <c r="E4116" s="1" t="s">
        <v>7</v>
      </c>
    </row>
    <row r="4117">
      <c r="A4117" s="1">
        <v>4.90396363E8</v>
      </c>
      <c r="B4117" s="2">
        <v>11854.0</v>
      </c>
      <c r="C4117" s="1" t="s">
        <v>5</v>
      </c>
      <c r="D4117" s="1" t="s">
        <v>11</v>
      </c>
      <c r="E4117" s="1" t="s">
        <v>7</v>
      </c>
    </row>
    <row r="4118">
      <c r="A4118" s="1">
        <v>4.90396368E8</v>
      </c>
      <c r="B4118" s="2">
        <v>11845.0</v>
      </c>
      <c r="C4118" s="1" t="s">
        <v>5</v>
      </c>
      <c r="D4118" s="1" t="s">
        <v>11</v>
      </c>
      <c r="E4118" s="1" t="s">
        <v>7</v>
      </c>
    </row>
    <row r="4119">
      <c r="A4119" s="1">
        <v>4.90396371E8</v>
      </c>
      <c r="B4119" s="2">
        <v>11906.0</v>
      </c>
      <c r="C4119" s="1" t="s">
        <v>5</v>
      </c>
      <c r="D4119" s="1" t="s">
        <v>3361</v>
      </c>
      <c r="E4119" s="1" t="s">
        <v>11</v>
      </c>
    </row>
    <row r="4120">
      <c r="A4120" s="1">
        <v>4.90396373E8</v>
      </c>
      <c r="B4120" s="2">
        <v>11852.0</v>
      </c>
      <c r="C4120" s="1" t="s">
        <v>5</v>
      </c>
      <c r="D4120" s="1" t="s">
        <v>11</v>
      </c>
      <c r="E4120" s="1" t="s">
        <v>7</v>
      </c>
    </row>
    <row r="4121">
      <c r="A4121" s="1">
        <v>4.90396388E8</v>
      </c>
      <c r="B4121" s="2">
        <v>11843.0</v>
      </c>
      <c r="C4121" s="1" t="s">
        <v>5</v>
      </c>
      <c r="D4121" s="1" t="s">
        <v>3362</v>
      </c>
      <c r="E4121" s="1" t="s">
        <v>11</v>
      </c>
    </row>
    <row r="4122">
      <c r="A4122" s="1">
        <v>4.90396394E8</v>
      </c>
      <c r="B4122" s="2">
        <v>11860.0</v>
      </c>
      <c r="C4122" s="1" t="s">
        <v>5</v>
      </c>
      <c r="D4122" s="1" t="s">
        <v>3363</v>
      </c>
      <c r="E4122" s="1" t="s">
        <v>11</v>
      </c>
    </row>
    <row r="4123">
      <c r="A4123" s="1">
        <v>4.90396396E8</v>
      </c>
      <c r="B4123" s="2">
        <v>11932.0</v>
      </c>
      <c r="C4123" s="1" t="s">
        <v>5</v>
      </c>
      <c r="D4123" s="1" t="s">
        <v>3364</v>
      </c>
      <c r="E4123" s="1" t="s">
        <v>11</v>
      </c>
    </row>
    <row r="4124">
      <c r="A4124" s="1">
        <v>4.903964E8</v>
      </c>
      <c r="B4124" s="2">
        <v>11843.0</v>
      </c>
      <c r="C4124" s="1" t="s">
        <v>5</v>
      </c>
      <c r="D4124" s="1" t="s">
        <v>11</v>
      </c>
      <c r="E4124" s="1" t="s">
        <v>7</v>
      </c>
    </row>
    <row r="4125">
      <c r="A4125" s="1">
        <v>4.90396401E8</v>
      </c>
      <c r="B4125" s="2">
        <v>11852.0</v>
      </c>
      <c r="C4125" s="1" t="s">
        <v>5</v>
      </c>
      <c r="D4125" s="1" t="s">
        <v>3365</v>
      </c>
      <c r="E4125" s="1" t="s">
        <v>3366</v>
      </c>
    </row>
    <row r="4126">
      <c r="A4126" s="1">
        <v>4.90396409E8</v>
      </c>
      <c r="B4126" s="2">
        <v>11874.0</v>
      </c>
      <c r="C4126" s="1" t="s">
        <v>5</v>
      </c>
      <c r="D4126" s="1" t="s">
        <v>11</v>
      </c>
      <c r="E4126" s="1" t="s">
        <v>7</v>
      </c>
    </row>
    <row r="4127">
      <c r="A4127" s="1">
        <v>4.90396411E8</v>
      </c>
      <c r="B4127" s="2">
        <v>11878.0</v>
      </c>
      <c r="C4127" s="1" t="s">
        <v>5</v>
      </c>
      <c r="D4127" s="1" t="s">
        <v>3367</v>
      </c>
      <c r="E4127" s="1" t="s">
        <v>7</v>
      </c>
    </row>
    <row r="4128">
      <c r="A4128" s="1">
        <v>4.90396412E8</v>
      </c>
      <c r="B4128" s="2">
        <v>11862.0</v>
      </c>
      <c r="C4128" s="1" t="s">
        <v>5</v>
      </c>
      <c r="D4128" s="1" t="s">
        <v>11</v>
      </c>
      <c r="E4128" s="1" t="s">
        <v>7</v>
      </c>
    </row>
    <row r="4129">
      <c r="A4129" s="1">
        <v>4.90396413E8</v>
      </c>
      <c r="B4129" s="2">
        <v>11845.0</v>
      </c>
      <c r="C4129" s="1" t="s">
        <v>5</v>
      </c>
      <c r="D4129" s="1" t="s">
        <v>3368</v>
      </c>
      <c r="E4129" s="1" t="s">
        <v>7</v>
      </c>
    </row>
    <row r="4130">
      <c r="A4130" s="1">
        <v>4.90396414E8</v>
      </c>
      <c r="B4130" s="2">
        <v>11903.0</v>
      </c>
      <c r="C4130" s="1" t="s">
        <v>5</v>
      </c>
      <c r="D4130" s="1" t="s">
        <v>11</v>
      </c>
      <c r="E4130" s="1" t="s">
        <v>7</v>
      </c>
    </row>
    <row r="4131">
      <c r="A4131" s="1">
        <v>4.90396423E8</v>
      </c>
      <c r="B4131" s="2">
        <v>11842.0</v>
      </c>
      <c r="C4131" s="1" t="s">
        <v>5</v>
      </c>
      <c r="D4131" s="1" t="s">
        <v>3369</v>
      </c>
      <c r="E4131" s="1" t="s">
        <v>7</v>
      </c>
    </row>
    <row r="4132">
      <c r="A4132" s="1">
        <v>4.90396425E8</v>
      </c>
      <c r="B4132" s="2">
        <v>11932.0</v>
      </c>
      <c r="C4132" s="1" t="s">
        <v>5</v>
      </c>
      <c r="D4132" s="1" t="s">
        <v>3370</v>
      </c>
      <c r="E4132" s="1" t="s">
        <v>7</v>
      </c>
    </row>
    <row r="4133">
      <c r="A4133" s="1">
        <v>4.90396426E8</v>
      </c>
      <c r="B4133" s="2">
        <v>11864.0</v>
      </c>
      <c r="C4133" s="1" t="s">
        <v>5</v>
      </c>
      <c r="D4133" s="1" t="s">
        <v>3371</v>
      </c>
      <c r="E4133" s="1" t="s">
        <v>7</v>
      </c>
    </row>
    <row r="4134">
      <c r="A4134" s="1">
        <v>4.90396431E8</v>
      </c>
      <c r="B4134" s="2">
        <v>11845.0</v>
      </c>
      <c r="C4134" s="1" t="s">
        <v>5</v>
      </c>
      <c r="D4134" s="1" t="s">
        <v>3372</v>
      </c>
      <c r="E4134" s="1" t="s">
        <v>11</v>
      </c>
    </row>
    <row r="4135">
      <c r="A4135" s="1">
        <v>4.90396434E8</v>
      </c>
      <c r="B4135" s="2">
        <v>11906.0</v>
      </c>
      <c r="C4135" s="1" t="s">
        <v>5</v>
      </c>
      <c r="D4135" s="1" t="s">
        <v>3373</v>
      </c>
      <c r="E4135" s="1" t="s">
        <v>7</v>
      </c>
    </row>
    <row r="4136">
      <c r="A4136" s="1">
        <v>4.90396441E8</v>
      </c>
      <c r="B4136" s="2">
        <v>11877.0</v>
      </c>
      <c r="C4136" s="1" t="s">
        <v>5</v>
      </c>
      <c r="D4136" s="1" t="s">
        <v>3374</v>
      </c>
      <c r="E4136" s="1" t="s">
        <v>7</v>
      </c>
    </row>
    <row r="4137">
      <c r="A4137" s="1">
        <v>4.90396446E8</v>
      </c>
      <c r="B4137" s="2">
        <v>11864.0</v>
      </c>
      <c r="C4137" s="1" t="s">
        <v>5</v>
      </c>
      <c r="D4137" s="1" t="s">
        <v>3375</v>
      </c>
      <c r="E4137" s="1" t="s">
        <v>7</v>
      </c>
    </row>
    <row r="4138">
      <c r="A4138" s="1">
        <v>4.90396448E8</v>
      </c>
      <c r="B4138" s="2">
        <v>11874.0</v>
      </c>
      <c r="C4138" s="1" t="s">
        <v>5</v>
      </c>
      <c r="D4138" s="1" t="s">
        <v>3376</v>
      </c>
      <c r="E4138" s="1" t="s">
        <v>11</v>
      </c>
    </row>
    <row r="4139">
      <c r="A4139" s="1">
        <v>4.90396449E8</v>
      </c>
      <c r="B4139" s="2">
        <v>11932.0</v>
      </c>
      <c r="C4139" s="1" t="s">
        <v>5</v>
      </c>
      <c r="D4139" s="1" t="s">
        <v>3377</v>
      </c>
      <c r="E4139" s="1" t="s">
        <v>11</v>
      </c>
    </row>
    <row r="4140">
      <c r="A4140" s="1">
        <v>4.90396453E8</v>
      </c>
      <c r="B4140" s="2">
        <v>11878.0</v>
      </c>
      <c r="C4140" s="1" t="s">
        <v>5</v>
      </c>
      <c r="D4140" s="1" t="s">
        <v>11</v>
      </c>
      <c r="E4140" s="1" t="s">
        <v>7</v>
      </c>
    </row>
    <row r="4141">
      <c r="A4141" s="1">
        <v>4.90396461E8</v>
      </c>
      <c r="B4141" s="2">
        <v>11843.0</v>
      </c>
      <c r="C4141" s="1" t="s">
        <v>5</v>
      </c>
      <c r="D4141" s="1" t="s">
        <v>11</v>
      </c>
      <c r="E4141" s="1" t="s">
        <v>7</v>
      </c>
    </row>
    <row r="4142">
      <c r="A4142" s="1">
        <v>4.90396463E8</v>
      </c>
      <c r="B4142" s="2">
        <v>11871.0</v>
      </c>
      <c r="C4142" s="1" t="s">
        <v>5</v>
      </c>
      <c r="D4142" s="1" t="s">
        <v>3378</v>
      </c>
      <c r="E4142" s="1" t="s">
        <v>11</v>
      </c>
    </row>
    <row r="4143">
      <c r="A4143" s="1">
        <v>4.90396477E8</v>
      </c>
      <c r="B4143" s="2">
        <v>11877.0</v>
      </c>
      <c r="C4143" s="1" t="s">
        <v>5</v>
      </c>
      <c r="D4143" s="1" t="s">
        <v>3379</v>
      </c>
      <c r="E4143" s="1" t="s">
        <v>3380</v>
      </c>
    </row>
    <row r="4144">
      <c r="A4144" s="1">
        <v>4.90396478E8</v>
      </c>
      <c r="B4144" s="2">
        <v>11862.0</v>
      </c>
      <c r="C4144" s="1" t="s">
        <v>5</v>
      </c>
      <c r="D4144" s="1" t="s">
        <v>11</v>
      </c>
      <c r="E4144" s="1" t="s">
        <v>7</v>
      </c>
    </row>
    <row r="4145">
      <c r="A4145" s="1">
        <v>4.90396479E8</v>
      </c>
      <c r="B4145" s="2">
        <v>11874.0</v>
      </c>
      <c r="C4145" s="1" t="s">
        <v>5</v>
      </c>
      <c r="D4145" s="1" t="s">
        <v>3381</v>
      </c>
      <c r="E4145" s="1" t="s">
        <v>11</v>
      </c>
    </row>
    <row r="4146">
      <c r="A4146" s="1">
        <v>4.9039648E8</v>
      </c>
      <c r="B4146" s="2">
        <v>11842.0</v>
      </c>
      <c r="C4146" s="1" t="s">
        <v>5</v>
      </c>
      <c r="D4146" s="1" t="s">
        <v>3382</v>
      </c>
      <c r="E4146" s="1" t="s">
        <v>7</v>
      </c>
    </row>
    <row r="4147">
      <c r="A4147" s="1">
        <v>4.90396487E8</v>
      </c>
      <c r="B4147" s="2">
        <v>11905.0</v>
      </c>
      <c r="C4147" s="1" t="s">
        <v>5</v>
      </c>
      <c r="D4147" s="1" t="s">
        <v>11</v>
      </c>
      <c r="E4147" s="1" t="s">
        <v>7</v>
      </c>
    </row>
    <row r="4148">
      <c r="A4148" s="1">
        <v>4.90396491E8</v>
      </c>
      <c r="B4148" s="2">
        <v>11884.0</v>
      </c>
      <c r="C4148" s="1" t="s">
        <v>5</v>
      </c>
      <c r="D4148" s="1" t="s">
        <v>3383</v>
      </c>
      <c r="E4148" s="1" t="s">
        <v>11</v>
      </c>
    </row>
    <row r="4149">
      <c r="A4149" s="1">
        <v>4.90396497E8</v>
      </c>
      <c r="B4149" s="2">
        <v>11884.0</v>
      </c>
      <c r="C4149" s="1" t="s">
        <v>5</v>
      </c>
      <c r="D4149" s="1" t="s">
        <v>11</v>
      </c>
      <c r="E4149" s="1" t="s">
        <v>7</v>
      </c>
    </row>
    <row r="4150">
      <c r="A4150" s="1">
        <v>4.90396499E8</v>
      </c>
      <c r="B4150" s="2">
        <v>11858.0</v>
      </c>
      <c r="C4150" s="1" t="s">
        <v>5</v>
      </c>
      <c r="D4150" s="1" t="s">
        <v>3384</v>
      </c>
      <c r="E4150" s="1" t="s">
        <v>7</v>
      </c>
    </row>
    <row r="4151">
      <c r="A4151" s="1">
        <v>4.90396507E8</v>
      </c>
      <c r="B4151" s="2">
        <v>11853.0</v>
      </c>
      <c r="C4151" s="1" t="s">
        <v>5</v>
      </c>
      <c r="D4151" s="1" t="s">
        <v>3385</v>
      </c>
      <c r="E4151" s="1" t="s">
        <v>11</v>
      </c>
    </row>
    <row r="4152">
      <c r="A4152" s="1">
        <v>4.90396508E8</v>
      </c>
      <c r="B4152" s="2">
        <v>11875.0</v>
      </c>
      <c r="C4152" s="1" t="s">
        <v>5</v>
      </c>
      <c r="D4152" s="1" t="s">
        <v>3386</v>
      </c>
      <c r="E4152" s="1" t="s">
        <v>11</v>
      </c>
    </row>
    <row r="4153">
      <c r="A4153" s="1">
        <v>4.90396514E8</v>
      </c>
      <c r="B4153" s="2">
        <v>11863.0</v>
      </c>
      <c r="C4153" s="1" t="s">
        <v>5</v>
      </c>
      <c r="D4153" s="1" t="s">
        <v>11</v>
      </c>
      <c r="E4153" s="1" t="s">
        <v>7</v>
      </c>
    </row>
    <row r="4154">
      <c r="A4154" s="1">
        <v>4.90396517E8</v>
      </c>
      <c r="B4154" s="2">
        <v>11905.0</v>
      </c>
      <c r="C4154" s="1" t="s">
        <v>5</v>
      </c>
      <c r="D4154" s="1" t="s">
        <v>11</v>
      </c>
      <c r="E4154" s="1" t="s">
        <v>7</v>
      </c>
    </row>
    <row r="4155">
      <c r="A4155" s="1">
        <v>4.90396519E8</v>
      </c>
      <c r="B4155" s="2">
        <v>11903.0</v>
      </c>
      <c r="C4155" s="1" t="s">
        <v>5</v>
      </c>
      <c r="D4155" s="1" t="s">
        <v>3387</v>
      </c>
      <c r="E4155" s="1" t="s">
        <v>11</v>
      </c>
    </row>
    <row r="4156">
      <c r="A4156" s="1">
        <v>4.9039652E8</v>
      </c>
      <c r="B4156" s="2">
        <v>11874.0</v>
      </c>
      <c r="C4156" s="1" t="s">
        <v>5</v>
      </c>
      <c r="D4156" s="1" t="s">
        <v>3388</v>
      </c>
      <c r="E4156" s="1" t="s">
        <v>11</v>
      </c>
    </row>
    <row r="4157">
      <c r="A4157" s="1">
        <v>4.90396522E8</v>
      </c>
      <c r="B4157" s="2">
        <v>11858.0</v>
      </c>
      <c r="C4157" s="1" t="s">
        <v>5</v>
      </c>
      <c r="D4157" s="1" t="s">
        <v>3389</v>
      </c>
      <c r="E4157" s="1" t="s">
        <v>11</v>
      </c>
    </row>
    <row r="4158">
      <c r="A4158" s="1">
        <v>4.90396528E8</v>
      </c>
      <c r="B4158" s="2">
        <v>11852.0</v>
      </c>
      <c r="C4158" s="1" t="s">
        <v>5</v>
      </c>
      <c r="D4158" s="1" t="s">
        <v>11</v>
      </c>
      <c r="E4158" s="1" t="s">
        <v>7</v>
      </c>
    </row>
    <row r="4159">
      <c r="A4159" s="1">
        <v>4.90396529E8</v>
      </c>
      <c r="B4159" s="2">
        <v>11875.0</v>
      </c>
      <c r="C4159" s="1" t="s">
        <v>5</v>
      </c>
      <c r="D4159" s="1" t="s">
        <v>3390</v>
      </c>
      <c r="E4159" s="1" t="s">
        <v>7</v>
      </c>
    </row>
    <row r="4160">
      <c r="A4160" s="1">
        <v>4.90396531E8</v>
      </c>
      <c r="B4160" s="2">
        <v>11874.0</v>
      </c>
      <c r="C4160" s="1" t="s">
        <v>5</v>
      </c>
      <c r="D4160" s="1" t="s">
        <v>11</v>
      </c>
      <c r="E4160" s="1" t="s">
        <v>7</v>
      </c>
    </row>
    <row r="4161">
      <c r="A4161" s="1">
        <v>4.90396532E8</v>
      </c>
      <c r="B4161" s="2">
        <v>11864.0</v>
      </c>
      <c r="C4161" s="1" t="s">
        <v>5</v>
      </c>
      <c r="D4161" s="1" t="s">
        <v>3391</v>
      </c>
      <c r="E4161" s="1" t="s">
        <v>7</v>
      </c>
    </row>
    <row r="4162">
      <c r="A4162" s="1">
        <v>4.90396534E8</v>
      </c>
      <c r="B4162" s="2">
        <v>11845.0</v>
      </c>
      <c r="C4162" s="1" t="s">
        <v>5</v>
      </c>
      <c r="D4162" s="1" t="s">
        <v>3392</v>
      </c>
      <c r="E4162" s="1" t="s">
        <v>7</v>
      </c>
    </row>
    <row r="4163">
      <c r="A4163" s="1">
        <v>4.90396536E8</v>
      </c>
      <c r="B4163" s="2">
        <v>11885.0</v>
      </c>
      <c r="C4163" s="1" t="s">
        <v>5</v>
      </c>
      <c r="D4163" s="1" t="s">
        <v>11</v>
      </c>
      <c r="E4163" s="1" t="s">
        <v>7</v>
      </c>
    </row>
    <row r="4164">
      <c r="A4164" s="1">
        <v>4.9039654E8</v>
      </c>
      <c r="B4164" s="2">
        <v>11854.0</v>
      </c>
      <c r="C4164" s="1" t="s">
        <v>5</v>
      </c>
      <c r="D4164" s="1" t="s">
        <v>11</v>
      </c>
      <c r="E4164" s="1" t="s">
        <v>7</v>
      </c>
    </row>
    <row r="4165">
      <c r="A4165" s="1">
        <v>4.90396544E8</v>
      </c>
      <c r="B4165" s="2">
        <v>11862.0</v>
      </c>
      <c r="C4165" s="1" t="s">
        <v>5</v>
      </c>
      <c r="D4165" s="1" t="s">
        <v>11</v>
      </c>
      <c r="E4165" s="1" t="s">
        <v>7</v>
      </c>
    </row>
    <row r="4166">
      <c r="A4166" s="1">
        <v>4.90396553E8</v>
      </c>
      <c r="B4166" s="2">
        <v>11884.0</v>
      </c>
      <c r="C4166" s="1" t="s">
        <v>5</v>
      </c>
      <c r="D4166" s="1" t="s">
        <v>11</v>
      </c>
      <c r="E4166" s="1" t="s">
        <v>7</v>
      </c>
    </row>
    <row r="4167">
      <c r="A4167" s="1">
        <v>4.90396571E8</v>
      </c>
      <c r="B4167" s="2">
        <v>11854.0</v>
      </c>
      <c r="C4167" s="1" t="s">
        <v>5</v>
      </c>
      <c r="D4167" s="1" t="s">
        <v>3393</v>
      </c>
      <c r="E4167" s="1" t="s">
        <v>7</v>
      </c>
    </row>
    <row r="4168">
      <c r="A4168" s="1">
        <v>4.90396581E8</v>
      </c>
      <c r="B4168" s="2">
        <v>11842.0</v>
      </c>
      <c r="C4168" s="1" t="s">
        <v>5</v>
      </c>
      <c r="D4168" s="1" t="s">
        <v>11</v>
      </c>
      <c r="E4168" s="1" t="s">
        <v>7</v>
      </c>
    </row>
    <row r="4169">
      <c r="A4169" s="1">
        <v>4.90396583E8</v>
      </c>
      <c r="B4169" s="2">
        <v>11902.0</v>
      </c>
      <c r="C4169" s="1" t="s">
        <v>5</v>
      </c>
      <c r="D4169" s="1" t="s">
        <v>3394</v>
      </c>
      <c r="E4169" s="1" t="s">
        <v>11</v>
      </c>
    </row>
    <row r="4170">
      <c r="A4170" s="1">
        <v>4.9039659E8</v>
      </c>
      <c r="B4170" s="2">
        <v>11877.0</v>
      </c>
      <c r="C4170" s="1" t="s">
        <v>5</v>
      </c>
      <c r="D4170" s="1" t="s">
        <v>3395</v>
      </c>
      <c r="E4170" s="1" t="s">
        <v>7</v>
      </c>
    </row>
    <row r="4171">
      <c r="A4171" s="1">
        <v>4.90396593E8</v>
      </c>
      <c r="B4171" s="2">
        <v>11864.0</v>
      </c>
      <c r="C4171" s="1" t="s">
        <v>5</v>
      </c>
      <c r="D4171" s="1" t="s">
        <v>3396</v>
      </c>
      <c r="E4171" s="1" t="s">
        <v>11</v>
      </c>
    </row>
    <row r="4172">
      <c r="A4172" s="1">
        <v>4.90396594E8</v>
      </c>
      <c r="B4172" s="2">
        <v>11843.0</v>
      </c>
      <c r="C4172" s="1" t="s">
        <v>5</v>
      </c>
      <c r="D4172" s="1" t="s">
        <v>3397</v>
      </c>
      <c r="E4172" s="1" t="s">
        <v>3398</v>
      </c>
    </row>
    <row r="4173">
      <c r="A4173" s="1">
        <v>4.90396598E8</v>
      </c>
      <c r="B4173" s="2">
        <v>11858.0</v>
      </c>
      <c r="C4173" s="1" t="s">
        <v>5</v>
      </c>
      <c r="D4173" s="1" t="s">
        <v>3399</v>
      </c>
      <c r="E4173" s="1" t="s">
        <v>7</v>
      </c>
    </row>
    <row r="4174">
      <c r="A4174" s="1">
        <v>4.903966E8</v>
      </c>
      <c r="B4174" s="2">
        <v>11930.0</v>
      </c>
      <c r="C4174" s="1" t="s">
        <v>5</v>
      </c>
      <c r="D4174" s="1" t="s">
        <v>3400</v>
      </c>
      <c r="E4174" s="1" t="s">
        <v>11</v>
      </c>
    </row>
    <row r="4175">
      <c r="A4175" s="1">
        <v>4.90396601E8</v>
      </c>
      <c r="B4175" s="2">
        <v>11862.0</v>
      </c>
      <c r="C4175" s="1" t="s">
        <v>5</v>
      </c>
      <c r="D4175" s="1" t="s">
        <v>3401</v>
      </c>
      <c r="E4175" s="1" t="s">
        <v>7</v>
      </c>
    </row>
    <row r="4176">
      <c r="A4176" s="1">
        <v>4.90396611E8</v>
      </c>
      <c r="B4176" s="2">
        <v>11902.0</v>
      </c>
      <c r="C4176" s="1" t="s">
        <v>5</v>
      </c>
      <c r="D4176" s="1" t="s">
        <v>3402</v>
      </c>
      <c r="E4176" s="1" t="s">
        <v>7</v>
      </c>
    </row>
    <row r="4177">
      <c r="A4177" s="1">
        <v>4.90396612E8</v>
      </c>
      <c r="B4177" s="2">
        <v>11843.0</v>
      </c>
      <c r="C4177" s="1" t="s">
        <v>5</v>
      </c>
      <c r="D4177" s="1" t="s">
        <v>3403</v>
      </c>
      <c r="E4177" s="1" t="s">
        <v>11</v>
      </c>
    </row>
    <row r="4178">
      <c r="A4178" s="1">
        <v>4.90396618E8</v>
      </c>
      <c r="B4178" s="2">
        <v>11884.0</v>
      </c>
      <c r="C4178" s="1" t="s">
        <v>5</v>
      </c>
      <c r="D4178" s="1" t="s">
        <v>3404</v>
      </c>
      <c r="E4178" s="1" t="s">
        <v>11</v>
      </c>
    </row>
    <row r="4179">
      <c r="A4179" s="1">
        <v>4.90396619E8</v>
      </c>
      <c r="B4179" s="2">
        <v>11884.0</v>
      </c>
      <c r="C4179" s="1" t="s">
        <v>5</v>
      </c>
      <c r="D4179" s="1" t="s">
        <v>3405</v>
      </c>
      <c r="E4179" s="1" t="s">
        <v>7</v>
      </c>
    </row>
    <row r="4180">
      <c r="A4180" s="1">
        <v>4.9039662E8</v>
      </c>
      <c r="B4180" s="2">
        <v>11849.0</v>
      </c>
      <c r="C4180" s="1" t="s">
        <v>5</v>
      </c>
      <c r="D4180" s="1" t="s">
        <v>3406</v>
      </c>
      <c r="E4180" s="1" t="s">
        <v>7</v>
      </c>
    </row>
    <row r="4181">
      <c r="A4181" s="1">
        <v>4.90396621E8</v>
      </c>
      <c r="B4181" s="2">
        <v>11884.0</v>
      </c>
      <c r="C4181" s="1" t="s">
        <v>5</v>
      </c>
      <c r="D4181" s="1" t="s">
        <v>3407</v>
      </c>
      <c r="E4181" s="1" t="s">
        <v>11</v>
      </c>
    </row>
    <row r="4182">
      <c r="A4182" s="1">
        <v>4.90396634E8</v>
      </c>
      <c r="B4182" s="2">
        <v>11864.0</v>
      </c>
      <c r="C4182" s="1" t="s">
        <v>5</v>
      </c>
      <c r="D4182" s="1" t="s">
        <v>3408</v>
      </c>
      <c r="E4182" s="1" t="s">
        <v>11</v>
      </c>
    </row>
    <row r="4183">
      <c r="A4183" s="1">
        <v>4.90396637E8</v>
      </c>
      <c r="B4183" s="2">
        <v>11862.0</v>
      </c>
      <c r="C4183" s="1" t="s">
        <v>5</v>
      </c>
      <c r="D4183" s="1" t="s">
        <v>11</v>
      </c>
      <c r="E4183" s="1" t="s">
        <v>7</v>
      </c>
    </row>
    <row r="4184">
      <c r="A4184" s="1">
        <v>4.90396641E8</v>
      </c>
      <c r="B4184" s="2">
        <v>11874.0</v>
      </c>
      <c r="C4184" s="1" t="s">
        <v>5</v>
      </c>
      <c r="D4184" s="1" t="s">
        <v>11</v>
      </c>
      <c r="E4184" s="1" t="s">
        <v>7</v>
      </c>
    </row>
    <row r="4185">
      <c r="A4185" s="1">
        <v>4.90396651E8</v>
      </c>
      <c r="B4185" s="2">
        <v>11874.0</v>
      </c>
      <c r="C4185" s="1" t="s">
        <v>5</v>
      </c>
      <c r="D4185" s="1" t="s">
        <v>3409</v>
      </c>
      <c r="E4185" s="1" t="s">
        <v>11</v>
      </c>
    </row>
    <row r="4186">
      <c r="A4186" s="1">
        <v>4.90396654E8</v>
      </c>
      <c r="B4186" s="2">
        <v>11863.0</v>
      </c>
      <c r="C4186" s="1" t="s">
        <v>5</v>
      </c>
      <c r="D4186" s="1" t="s">
        <v>3410</v>
      </c>
      <c r="E4186" s="1" t="s">
        <v>11</v>
      </c>
    </row>
    <row r="4187">
      <c r="A4187" s="1">
        <v>4.90396673E8</v>
      </c>
      <c r="B4187" s="2">
        <v>11932.0</v>
      </c>
      <c r="C4187" s="1" t="s">
        <v>5</v>
      </c>
      <c r="D4187" s="1" t="s">
        <v>3411</v>
      </c>
      <c r="E4187" s="1" t="s">
        <v>11</v>
      </c>
    </row>
    <row r="4188">
      <c r="A4188" s="1">
        <v>4.90396674E8</v>
      </c>
      <c r="B4188" s="2">
        <v>11862.0</v>
      </c>
      <c r="C4188" s="1" t="s">
        <v>5</v>
      </c>
      <c r="D4188" s="1" t="s">
        <v>3412</v>
      </c>
      <c r="E4188" s="1" t="s">
        <v>7</v>
      </c>
    </row>
    <row r="4189">
      <c r="A4189" s="1">
        <v>4.90396677E8</v>
      </c>
      <c r="B4189" s="2">
        <v>11849.0</v>
      </c>
      <c r="C4189" s="1" t="s">
        <v>5</v>
      </c>
      <c r="D4189" s="1" t="s">
        <v>3413</v>
      </c>
      <c r="E4189" s="1" t="s">
        <v>7</v>
      </c>
    </row>
    <row r="4190">
      <c r="A4190" s="1">
        <v>4.90396678E8</v>
      </c>
      <c r="B4190" s="2">
        <v>11874.0</v>
      </c>
      <c r="C4190" s="1" t="s">
        <v>5</v>
      </c>
      <c r="D4190" s="1" t="s">
        <v>11</v>
      </c>
      <c r="E4190" s="1" t="s">
        <v>7</v>
      </c>
    </row>
    <row r="4191">
      <c r="A4191" s="1">
        <v>4.90396694E8</v>
      </c>
      <c r="B4191" s="2">
        <v>11849.0</v>
      </c>
      <c r="C4191" s="1" t="s">
        <v>5</v>
      </c>
      <c r="D4191" s="1" t="s">
        <v>3414</v>
      </c>
      <c r="E4191" s="1" t="s">
        <v>3415</v>
      </c>
    </row>
    <row r="4192">
      <c r="A4192" s="1">
        <v>4.90396704E8</v>
      </c>
      <c r="B4192" s="2">
        <v>11873.0</v>
      </c>
      <c r="C4192" s="1" t="s">
        <v>5</v>
      </c>
      <c r="D4192" s="1" t="s">
        <v>3416</v>
      </c>
      <c r="E4192" s="1" t="s">
        <v>3417</v>
      </c>
    </row>
    <row r="4193">
      <c r="A4193" s="1">
        <v>4.9039671E8</v>
      </c>
      <c r="B4193" s="2">
        <v>11951.0</v>
      </c>
      <c r="C4193" s="1" t="s">
        <v>5</v>
      </c>
      <c r="D4193" s="1" t="s">
        <v>11</v>
      </c>
      <c r="E4193" s="1" t="s">
        <v>7</v>
      </c>
    </row>
    <row r="4194">
      <c r="A4194" s="1">
        <v>4.90396712E8</v>
      </c>
      <c r="B4194" s="2">
        <v>11843.0</v>
      </c>
      <c r="C4194" s="1" t="s">
        <v>5</v>
      </c>
      <c r="D4194" s="1" t="s">
        <v>3418</v>
      </c>
      <c r="E4194" s="1" t="s">
        <v>11</v>
      </c>
    </row>
    <row r="4195">
      <c r="A4195" s="1">
        <v>4.90396714E8</v>
      </c>
      <c r="B4195" s="2">
        <v>11884.0</v>
      </c>
      <c r="C4195" s="1" t="s">
        <v>5</v>
      </c>
      <c r="D4195" s="1" t="s">
        <v>3419</v>
      </c>
      <c r="E4195" s="1" t="s">
        <v>11</v>
      </c>
    </row>
    <row r="4196">
      <c r="A4196" s="1">
        <v>4.90396718E8</v>
      </c>
      <c r="B4196" s="2">
        <v>11884.0</v>
      </c>
      <c r="C4196" s="1" t="s">
        <v>5</v>
      </c>
      <c r="D4196" s="1" t="s">
        <v>3420</v>
      </c>
      <c r="E4196" s="1" t="s">
        <v>7</v>
      </c>
    </row>
    <row r="4197">
      <c r="A4197" s="1">
        <v>4.90396721E8</v>
      </c>
      <c r="B4197" s="2">
        <v>11841.0</v>
      </c>
      <c r="C4197" s="1" t="s">
        <v>5</v>
      </c>
      <c r="D4197" s="1" t="s">
        <v>3421</v>
      </c>
      <c r="E4197" s="1" t="s">
        <v>11</v>
      </c>
    </row>
    <row r="4198">
      <c r="A4198" s="1">
        <v>4.90396723E8</v>
      </c>
      <c r="B4198" s="2">
        <v>11863.0</v>
      </c>
      <c r="C4198" s="1" t="s">
        <v>5</v>
      </c>
      <c r="D4198" s="1" t="s">
        <v>3422</v>
      </c>
      <c r="E4198" s="1" t="s">
        <v>7</v>
      </c>
    </row>
    <row r="4199">
      <c r="A4199" s="1">
        <v>4.90396728E8</v>
      </c>
      <c r="B4199" s="2">
        <v>11874.0</v>
      </c>
      <c r="C4199" s="1" t="s">
        <v>5</v>
      </c>
      <c r="D4199" s="1" t="s">
        <v>3423</v>
      </c>
      <c r="E4199" s="1" t="s">
        <v>7</v>
      </c>
    </row>
    <row r="4200">
      <c r="A4200" s="1">
        <v>4.90396741E8</v>
      </c>
      <c r="B4200" s="2">
        <v>11884.0</v>
      </c>
      <c r="C4200" s="1" t="s">
        <v>5</v>
      </c>
      <c r="D4200" s="1" t="s">
        <v>11</v>
      </c>
      <c r="E4200" s="1" t="s">
        <v>7</v>
      </c>
    </row>
    <row r="4201">
      <c r="A4201" s="1">
        <v>4.90396746E8</v>
      </c>
      <c r="B4201" s="2">
        <v>11849.0</v>
      </c>
      <c r="C4201" s="1" t="s">
        <v>5</v>
      </c>
      <c r="D4201" s="1" t="s">
        <v>11</v>
      </c>
      <c r="E4201" s="1" t="s">
        <v>7</v>
      </c>
    </row>
    <row r="4202">
      <c r="A4202" s="1">
        <v>4.90396748E8</v>
      </c>
      <c r="B4202" s="2">
        <v>11930.0</v>
      </c>
      <c r="C4202" s="1" t="s">
        <v>5</v>
      </c>
      <c r="D4202" s="1" t="s">
        <v>3424</v>
      </c>
      <c r="E4202" s="1" t="s">
        <v>7</v>
      </c>
    </row>
    <row r="4203">
      <c r="A4203" s="1">
        <v>4.90396752E8</v>
      </c>
      <c r="B4203" s="2">
        <v>11853.0</v>
      </c>
      <c r="C4203" s="1" t="s">
        <v>5</v>
      </c>
      <c r="D4203" s="1" t="s">
        <v>11</v>
      </c>
      <c r="E4203" s="1" t="s">
        <v>7</v>
      </c>
    </row>
    <row r="4204">
      <c r="A4204" s="1">
        <v>4.90396758E8</v>
      </c>
      <c r="B4204" s="2">
        <v>11951.0</v>
      </c>
      <c r="C4204" s="1" t="s">
        <v>5</v>
      </c>
      <c r="D4204" s="1" t="s">
        <v>3425</v>
      </c>
      <c r="E4204" s="1" t="s">
        <v>7</v>
      </c>
    </row>
    <row r="4205">
      <c r="A4205" s="1">
        <v>4.90396761E8</v>
      </c>
      <c r="B4205" s="2">
        <v>11843.0</v>
      </c>
      <c r="C4205" s="1" t="s">
        <v>5</v>
      </c>
      <c r="D4205" s="1" t="s">
        <v>3426</v>
      </c>
      <c r="E4205" s="1" t="s">
        <v>7</v>
      </c>
    </row>
    <row r="4206">
      <c r="A4206" s="1">
        <v>4.90396764E8</v>
      </c>
      <c r="B4206" s="2">
        <v>11854.0</v>
      </c>
      <c r="C4206" s="1" t="s">
        <v>5</v>
      </c>
      <c r="D4206" s="1" t="s">
        <v>3427</v>
      </c>
      <c r="E4206" s="1" t="s">
        <v>7</v>
      </c>
    </row>
    <row r="4207">
      <c r="A4207" s="1">
        <v>4.90396766E8</v>
      </c>
      <c r="B4207" s="2">
        <v>11849.0</v>
      </c>
      <c r="C4207" s="1" t="s">
        <v>5</v>
      </c>
      <c r="D4207" s="1" t="s">
        <v>3428</v>
      </c>
      <c r="E4207" s="1" t="s">
        <v>7</v>
      </c>
    </row>
    <row r="4208">
      <c r="A4208" s="1">
        <v>4.90396771E8</v>
      </c>
      <c r="B4208" s="2">
        <v>11930.0</v>
      </c>
      <c r="C4208" s="1" t="s">
        <v>5</v>
      </c>
      <c r="D4208" s="1" t="s">
        <v>3429</v>
      </c>
      <c r="E4208" s="1" t="s">
        <v>7</v>
      </c>
    </row>
    <row r="4209">
      <c r="A4209" s="1">
        <v>4.90396773E8</v>
      </c>
      <c r="B4209" s="2">
        <v>11849.0</v>
      </c>
      <c r="C4209" s="1" t="s">
        <v>5</v>
      </c>
      <c r="D4209" s="1" t="s">
        <v>3430</v>
      </c>
      <c r="E4209" s="1" t="s">
        <v>11</v>
      </c>
    </row>
    <row r="4210">
      <c r="A4210" s="1">
        <v>4.90396775E8</v>
      </c>
      <c r="B4210" s="2">
        <v>11931.0</v>
      </c>
      <c r="C4210" s="1" t="s">
        <v>5</v>
      </c>
      <c r="D4210" s="1" t="s">
        <v>3431</v>
      </c>
      <c r="E4210" s="1" t="s">
        <v>7</v>
      </c>
    </row>
    <row r="4211">
      <c r="A4211" s="1">
        <v>4.90396779E8</v>
      </c>
      <c r="B4211" s="2">
        <v>11884.0</v>
      </c>
      <c r="C4211" s="1" t="s">
        <v>5</v>
      </c>
      <c r="D4211" s="1" t="s">
        <v>11</v>
      </c>
      <c r="E4211" s="1" t="s">
        <v>7</v>
      </c>
    </row>
    <row r="4212">
      <c r="A4212" s="1">
        <v>4.90396781E8</v>
      </c>
      <c r="B4212" s="2">
        <v>11843.0</v>
      </c>
      <c r="C4212" s="1" t="s">
        <v>5</v>
      </c>
      <c r="D4212" s="1" t="s">
        <v>3432</v>
      </c>
      <c r="E4212" s="1" t="s">
        <v>11</v>
      </c>
    </row>
    <row r="4213">
      <c r="A4213" s="1">
        <v>4.90396784E8</v>
      </c>
      <c r="B4213" s="2">
        <v>11877.0</v>
      </c>
      <c r="C4213" s="1" t="s">
        <v>5</v>
      </c>
      <c r="D4213" s="1" t="s">
        <v>11</v>
      </c>
      <c r="E4213" s="1" t="s">
        <v>7</v>
      </c>
    </row>
    <row r="4214">
      <c r="A4214" s="1">
        <v>4.90396787E8</v>
      </c>
      <c r="B4214" s="2">
        <v>11962.0</v>
      </c>
      <c r="C4214" s="1" t="s">
        <v>5</v>
      </c>
      <c r="D4214" s="1" t="s">
        <v>3433</v>
      </c>
      <c r="E4214" s="1" t="s">
        <v>7</v>
      </c>
    </row>
    <row r="4215">
      <c r="A4215" s="1">
        <v>4.90396793E8</v>
      </c>
      <c r="B4215" s="2">
        <v>11874.0</v>
      </c>
      <c r="C4215" s="1" t="s">
        <v>5</v>
      </c>
      <c r="D4215" s="1" t="s">
        <v>3434</v>
      </c>
      <c r="E4215" s="1" t="s">
        <v>7</v>
      </c>
    </row>
    <row r="4216">
      <c r="A4216" s="1">
        <v>4.90396803E8</v>
      </c>
      <c r="B4216" s="2">
        <v>11853.0</v>
      </c>
      <c r="C4216" s="1" t="s">
        <v>5</v>
      </c>
      <c r="D4216" s="1" t="s">
        <v>3435</v>
      </c>
      <c r="E4216" s="1" t="s">
        <v>11</v>
      </c>
    </row>
    <row r="4217">
      <c r="A4217" s="1">
        <v>4.90396809E8</v>
      </c>
      <c r="B4217" s="2">
        <v>11910.0</v>
      </c>
      <c r="C4217" s="1" t="s">
        <v>5</v>
      </c>
      <c r="D4217" s="1" t="s">
        <v>3436</v>
      </c>
      <c r="E4217" s="1" t="s">
        <v>7</v>
      </c>
    </row>
    <row r="4218">
      <c r="A4218" s="1">
        <v>4.9039681E8</v>
      </c>
      <c r="B4218" s="2">
        <v>11843.0</v>
      </c>
      <c r="C4218" s="1" t="s">
        <v>5</v>
      </c>
      <c r="D4218" s="1" t="s">
        <v>11</v>
      </c>
      <c r="E4218" s="1" t="s">
        <v>7</v>
      </c>
    </row>
    <row r="4219">
      <c r="A4219" s="1">
        <v>4.90396818E8</v>
      </c>
      <c r="B4219" s="2">
        <v>11861.0</v>
      </c>
      <c r="C4219" s="1" t="s">
        <v>5</v>
      </c>
      <c r="D4219" s="1" t="s">
        <v>3437</v>
      </c>
      <c r="E4219" s="1" t="s">
        <v>7</v>
      </c>
    </row>
    <row r="4220">
      <c r="A4220" s="1">
        <v>4.90396819E8</v>
      </c>
      <c r="B4220" s="2">
        <v>11877.0</v>
      </c>
      <c r="C4220" s="1" t="s">
        <v>5</v>
      </c>
      <c r="D4220" s="1" t="s">
        <v>3438</v>
      </c>
      <c r="E4220" s="1" t="s">
        <v>7</v>
      </c>
    </row>
    <row r="4221">
      <c r="A4221" s="1">
        <v>4.90396829E8</v>
      </c>
      <c r="B4221" s="2">
        <v>11902.0</v>
      </c>
      <c r="C4221" s="1" t="s">
        <v>5</v>
      </c>
      <c r="D4221" s="1" t="s">
        <v>3439</v>
      </c>
      <c r="E4221" s="1" t="s">
        <v>7</v>
      </c>
    </row>
    <row r="4222">
      <c r="A4222" s="1">
        <v>4.90396833E8</v>
      </c>
      <c r="B4222" s="2">
        <v>11931.0</v>
      </c>
      <c r="C4222" s="1" t="s">
        <v>5</v>
      </c>
      <c r="D4222" s="1" t="s">
        <v>11</v>
      </c>
      <c r="E4222" s="1" t="s">
        <v>7</v>
      </c>
    </row>
    <row r="4223">
      <c r="A4223" s="1">
        <v>4.90396834E8</v>
      </c>
      <c r="B4223" s="2">
        <v>11932.0</v>
      </c>
      <c r="C4223" s="1" t="s">
        <v>5</v>
      </c>
      <c r="D4223" s="1" t="s">
        <v>11</v>
      </c>
      <c r="E4223" s="1" t="s">
        <v>7</v>
      </c>
    </row>
    <row r="4224">
      <c r="A4224" s="1">
        <v>4.90396835E8</v>
      </c>
      <c r="B4224" s="2">
        <v>11843.0</v>
      </c>
      <c r="C4224" s="1" t="s">
        <v>5</v>
      </c>
      <c r="D4224" s="1" t="s">
        <v>3440</v>
      </c>
      <c r="E4224" s="1" t="s">
        <v>7</v>
      </c>
    </row>
    <row r="4225">
      <c r="A4225" s="1">
        <v>4.9039684E8</v>
      </c>
      <c r="B4225" s="2">
        <v>11874.0</v>
      </c>
      <c r="C4225" s="1" t="s">
        <v>5</v>
      </c>
      <c r="D4225" s="1" t="s">
        <v>11</v>
      </c>
      <c r="E4225" s="1" t="s">
        <v>7</v>
      </c>
    </row>
    <row r="4226">
      <c r="A4226" s="1">
        <v>4.90396843E8</v>
      </c>
      <c r="B4226" s="2">
        <v>11873.0</v>
      </c>
      <c r="C4226" s="1" t="s">
        <v>5</v>
      </c>
      <c r="D4226" s="1" t="s">
        <v>3441</v>
      </c>
      <c r="E4226" s="1" t="s">
        <v>7</v>
      </c>
    </row>
    <row r="4227">
      <c r="A4227" s="1">
        <v>4.90396846E8</v>
      </c>
      <c r="B4227" s="2">
        <v>11883.0</v>
      </c>
      <c r="C4227" s="1" t="s">
        <v>5</v>
      </c>
      <c r="D4227" s="1" t="s">
        <v>3442</v>
      </c>
      <c r="E4227" s="1" t="s">
        <v>7</v>
      </c>
    </row>
    <row r="4228">
      <c r="A4228" s="1">
        <v>4.90396847E8</v>
      </c>
      <c r="B4228" s="2">
        <v>11848.0</v>
      </c>
      <c r="C4228" s="1" t="s">
        <v>5</v>
      </c>
      <c r="D4228" s="1" t="s">
        <v>3443</v>
      </c>
      <c r="E4228" s="1" t="s">
        <v>7</v>
      </c>
    </row>
    <row r="4229">
      <c r="A4229" s="1">
        <v>4.90396852E8</v>
      </c>
      <c r="B4229" s="2">
        <v>11894.0</v>
      </c>
      <c r="C4229" s="1" t="s">
        <v>5</v>
      </c>
      <c r="D4229" s="1" t="s">
        <v>3444</v>
      </c>
      <c r="E4229" s="1" t="s">
        <v>7</v>
      </c>
    </row>
    <row r="4230">
      <c r="A4230" s="1">
        <v>4.90396853E8</v>
      </c>
      <c r="B4230" s="2">
        <v>11846.0</v>
      </c>
      <c r="C4230" s="1" t="s">
        <v>5</v>
      </c>
      <c r="D4230" s="1" t="s">
        <v>3445</v>
      </c>
      <c r="E4230" s="1" t="s">
        <v>7</v>
      </c>
    </row>
    <row r="4231">
      <c r="A4231" s="1">
        <v>4.90396854E8</v>
      </c>
      <c r="B4231" s="2">
        <v>11848.0</v>
      </c>
      <c r="C4231" s="1" t="s">
        <v>5</v>
      </c>
      <c r="D4231" s="1" t="s">
        <v>3446</v>
      </c>
      <c r="E4231" s="1" t="s">
        <v>7</v>
      </c>
    </row>
    <row r="4232">
      <c r="A4232" s="1">
        <v>4.90396858E8</v>
      </c>
      <c r="B4232" s="2">
        <v>11883.0</v>
      </c>
      <c r="C4232" s="1" t="s">
        <v>5</v>
      </c>
      <c r="D4232" s="1" t="s">
        <v>3447</v>
      </c>
      <c r="E4232" s="1" t="s">
        <v>11</v>
      </c>
    </row>
    <row r="4233">
      <c r="A4233" s="1">
        <v>4.90396859E8</v>
      </c>
      <c r="B4233" s="2">
        <v>11929.0</v>
      </c>
      <c r="C4233" s="1" t="s">
        <v>5</v>
      </c>
      <c r="D4233" s="1" t="s">
        <v>11</v>
      </c>
      <c r="E4233" s="1" t="s">
        <v>7</v>
      </c>
    </row>
    <row r="4234">
      <c r="A4234" s="1">
        <v>4.90396863E8</v>
      </c>
      <c r="B4234" s="2">
        <v>11843.0</v>
      </c>
      <c r="C4234" s="1" t="s">
        <v>5</v>
      </c>
      <c r="D4234" s="1" t="s">
        <v>11</v>
      </c>
      <c r="E4234" s="1" t="s">
        <v>7</v>
      </c>
    </row>
    <row r="4235">
      <c r="A4235" s="1">
        <v>4.90396864E8</v>
      </c>
      <c r="B4235" s="2">
        <v>11853.0</v>
      </c>
      <c r="C4235" s="1" t="s">
        <v>5</v>
      </c>
      <c r="D4235" s="1" t="s">
        <v>11</v>
      </c>
      <c r="E4235" s="1" t="s">
        <v>7</v>
      </c>
    </row>
    <row r="4236">
      <c r="A4236" s="1">
        <v>4.90396865E8</v>
      </c>
      <c r="B4236" s="2">
        <v>11863.0</v>
      </c>
      <c r="C4236" s="1" t="s">
        <v>5</v>
      </c>
      <c r="D4236" s="1" t="s">
        <v>2758</v>
      </c>
      <c r="E4236" s="1" t="s">
        <v>11</v>
      </c>
    </row>
    <row r="4237">
      <c r="A4237" s="1">
        <v>4.90396868E8</v>
      </c>
      <c r="B4237" s="2">
        <v>11873.0</v>
      </c>
      <c r="C4237" s="1" t="s">
        <v>5</v>
      </c>
      <c r="D4237" s="1" t="s">
        <v>3448</v>
      </c>
      <c r="E4237" s="1" t="s">
        <v>11</v>
      </c>
    </row>
    <row r="4238">
      <c r="A4238" s="1">
        <v>4.90396875E8</v>
      </c>
      <c r="B4238" s="2">
        <v>11874.0</v>
      </c>
      <c r="C4238" s="1" t="s">
        <v>5</v>
      </c>
      <c r="D4238" s="1" t="s">
        <v>11</v>
      </c>
      <c r="E4238" s="1" t="s">
        <v>7</v>
      </c>
    </row>
    <row r="4239">
      <c r="A4239" s="1">
        <v>4.90396878E8</v>
      </c>
      <c r="B4239" s="2">
        <v>11894.0</v>
      </c>
      <c r="C4239" s="1" t="s">
        <v>5</v>
      </c>
      <c r="D4239" s="1" t="s">
        <v>11</v>
      </c>
      <c r="E4239" s="1" t="s">
        <v>7</v>
      </c>
    </row>
    <row r="4240">
      <c r="A4240" s="1">
        <v>4.90396891E8</v>
      </c>
      <c r="B4240" s="2">
        <v>11873.0</v>
      </c>
      <c r="C4240" s="1" t="s">
        <v>5</v>
      </c>
      <c r="D4240" s="1" t="s">
        <v>3449</v>
      </c>
      <c r="E4240" s="1" t="s">
        <v>7</v>
      </c>
    </row>
    <row r="4241">
      <c r="A4241" s="1">
        <v>4.90396897E8</v>
      </c>
      <c r="B4241" s="2">
        <v>11931.0</v>
      </c>
      <c r="C4241" s="1" t="s">
        <v>5</v>
      </c>
      <c r="D4241" s="1" t="s">
        <v>3450</v>
      </c>
      <c r="E4241" s="1" t="s">
        <v>7</v>
      </c>
    </row>
    <row r="4242">
      <c r="A4242" s="1">
        <v>4.90396898E8</v>
      </c>
      <c r="B4242" s="2">
        <v>11884.0</v>
      </c>
      <c r="C4242" s="1" t="s">
        <v>5</v>
      </c>
      <c r="D4242" s="1" t="s">
        <v>3451</v>
      </c>
      <c r="E4242" s="1" t="s">
        <v>11</v>
      </c>
    </row>
    <row r="4243">
      <c r="A4243" s="1">
        <v>4.90396907E8</v>
      </c>
      <c r="B4243" s="2">
        <v>11848.0</v>
      </c>
      <c r="C4243" s="1" t="s">
        <v>5</v>
      </c>
      <c r="D4243" s="1" t="s">
        <v>3452</v>
      </c>
      <c r="E4243" s="1" t="s">
        <v>7</v>
      </c>
    </row>
    <row r="4244">
      <c r="A4244" s="1">
        <v>4.90396918E8</v>
      </c>
      <c r="B4244" s="2">
        <v>11931.0</v>
      </c>
      <c r="C4244" s="1" t="s">
        <v>5</v>
      </c>
      <c r="D4244" s="1" t="s">
        <v>11</v>
      </c>
      <c r="E4244" s="1" t="s">
        <v>7</v>
      </c>
    </row>
    <row r="4245">
      <c r="A4245" s="1">
        <v>4.90396927E8</v>
      </c>
      <c r="B4245" s="2">
        <v>11854.0</v>
      </c>
      <c r="C4245" s="1" t="s">
        <v>5</v>
      </c>
      <c r="D4245" s="1" t="s">
        <v>3453</v>
      </c>
      <c r="E4245" s="1" t="s">
        <v>7</v>
      </c>
    </row>
    <row r="4246">
      <c r="A4246" s="1">
        <v>4.90396929E8</v>
      </c>
      <c r="B4246" s="2">
        <v>11873.0</v>
      </c>
      <c r="C4246" s="1" t="s">
        <v>5</v>
      </c>
      <c r="D4246" s="1" t="s">
        <v>11</v>
      </c>
      <c r="E4246" s="1" t="s">
        <v>7</v>
      </c>
    </row>
    <row r="4247">
      <c r="A4247" s="1">
        <v>4.90396932E8</v>
      </c>
      <c r="B4247" s="2">
        <v>11862.0</v>
      </c>
      <c r="C4247" s="1" t="s">
        <v>5</v>
      </c>
      <c r="D4247" s="1" t="s">
        <v>3454</v>
      </c>
      <c r="E4247" s="1" t="s">
        <v>3455</v>
      </c>
    </row>
    <row r="4248">
      <c r="A4248" s="1">
        <v>4.90396933E8</v>
      </c>
      <c r="B4248" s="2">
        <v>11910.0</v>
      </c>
      <c r="C4248" s="1" t="s">
        <v>5</v>
      </c>
      <c r="D4248" s="1" t="s">
        <v>3456</v>
      </c>
      <c r="E4248" s="1" t="s">
        <v>7</v>
      </c>
    </row>
    <row r="4249">
      <c r="A4249" s="1">
        <v>4.90396938E8</v>
      </c>
      <c r="B4249" s="2">
        <v>11883.0</v>
      </c>
      <c r="C4249" s="1" t="s">
        <v>5</v>
      </c>
      <c r="D4249" s="1" t="s">
        <v>3457</v>
      </c>
      <c r="E4249" s="1" t="s">
        <v>11</v>
      </c>
    </row>
    <row r="4250">
      <c r="A4250" s="1">
        <v>4.9039694E8</v>
      </c>
      <c r="B4250" s="2">
        <v>11877.0</v>
      </c>
      <c r="C4250" s="1" t="s">
        <v>5</v>
      </c>
      <c r="D4250" s="1" t="s">
        <v>3458</v>
      </c>
      <c r="E4250" s="1" t="s">
        <v>7</v>
      </c>
    </row>
    <row r="4251">
      <c r="A4251" s="1">
        <v>4.90396941E8</v>
      </c>
      <c r="B4251" s="2">
        <v>11853.0</v>
      </c>
      <c r="C4251" s="1" t="s">
        <v>5</v>
      </c>
      <c r="D4251" s="1" t="s">
        <v>3459</v>
      </c>
      <c r="E4251" s="1" t="s">
        <v>7</v>
      </c>
    </row>
    <row r="4252">
      <c r="A4252" s="1">
        <v>4.90396944E8</v>
      </c>
      <c r="B4252" s="2">
        <v>11848.0</v>
      </c>
      <c r="C4252" s="1" t="s">
        <v>5</v>
      </c>
      <c r="D4252" s="1" t="s">
        <v>3460</v>
      </c>
      <c r="E4252" s="1" t="s">
        <v>7</v>
      </c>
    </row>
    <row r="4253">
      <c r="A4253" s="1">
        <v>4.90396957E8</v>
      </c>
      <c r="B4253" s="2">
        <v>11854.0</v>
      </c>
      <c r="C4253" s="1" t="s">
        <v>5</v>
      </c>
      <c r="D4253" s="1" t="s">
        <v>11</v>
      </c>
      <c r="E4253" s="1" t="s">
        <v>7</v>
      </c>
    </row>
    <row r="4254">
      <c r="A4254" s="1">
        <v>4.90396962E8</v>
      </c>
      <c r="B4254" s="2">
        <v>11884.0</v>
      </c>
      <c r="C4254" s="1" t="s">
        <v>5</v>
      </c>
      <c r="D4254" s="1" t="s">
        <v>169</v>
      </c>
      <c r="E4254" s="1" t="s">
        <v>7</v>
      </c>
    </row>
    <row r="4255">
      <c r="A4255" s="1">
        <v>4.90396968E8</v>
      </c>
      <c r="B4255" s="2">
        <v>11902.0</v>
      </c>
      <c r="C4255" s="1" t="s">
        <v>5</v>
      </c>
      <c r="D4255" s="1" t="s">
        <v>3461</v>
      </c>
      <c r="E4255" s="1" t="s">
        <v>11</v>
      </c>
    </row>
    <row r="4256">
      <c r="A4256" s="1">
        <v>4.90396971E8</v>
      </c>
      <c r="B4256" s="2">
        <v>11853.0</v>
      </c>
      <c r="C4256" s="1" t="s">
        <v>5</v>
      </c>
      <c r="D4256" s="1" t="s">
        <v>3462</v>
      </c>
      <c r="E4256" s="1" t="s">
        <v>11</v>
      </c>
    </row>
    <row r="4257">
      <c r="A4257" s="1">
        <v>4.90396978E8</v>
      </c>
      <c r="B4257" s="2">
        <v>11874.0</v>
      </c>
      <c r="C4257" s="1" t="s">
        <v>5</v>
      </c>
      <c r="D4257" s="1" t="s">
        <v>3463</v>
      </c>
      <c r="E4257" s="1" t="s">
        <v>11</v>
      </c>
    </row>
    <row r="4258">
      <c r="A4258" s="1">
        <v>4.90396979E8</v>
      </c>
      <c r="B4258" s="2">
        <v>11894.0</v>
      </c>
      <c r="C4258" s="1" t="s">
        <v>5</v>
      </c>
      <c r="D4258" s="1" t="s">
        <v>3464</v>
      </c>
      <c r="E4258" s="1" t="s">
        <v>7</v>
      </c>
    </row>
    <row r="4259">
      <c r="A4259" s="1">
        <v>4.90396981E8</v>
      </c>
      <c r="B4259" s="2">
        <v>11877.0</v>
      </c>
      <c r="C4259" s="1" t="s">
        <v>5</v>
      </c>
      <c r="D4259" s="1" t="s">
        <v>11</v>
      </c>
      <c r="E4259" s="1" t="s">
        <v>7</v>
      </c>
    </row>
    <row r="4260">
      <c r="A4260" s="1">
        <v>4.90396985E8</v>
      </c>
      <c r="B4260" s="2">
        <v>11909.0</v>
      </c>
      <c r="C4260" s="1" t="s">
        <v>5</v>
      </c>
      <c r="D4260" s="1" t="s">
        <v>3465</v>
      </c>
      <c r="E4260" s="1" t="s">
        <v>3466</v>
      </c>
    </row>
    <row r="4261">
      <c r="A4261" s="1">
        <v>4.90396986E8</v>
      </c>
      <c r="B4261" s="2">
        <v>11842.0</v>
      </c>
      <c r="C4261" s="1" t="s">
        <v>5</v>
      </c>
      <c r="D4261" s="1" t="s">
        <v>3467</v>
      </c>
      <c r="E4261" s="1" t="s">
        <v>7</v>
      </c>
    </row>
    <row r="4262">
      <c r="A4262" s="1">
        <v>4.90396987E8</v>
      </c>
      <c r="B4262" s="2">
        <v>11852.0</v>
      </c>
      <c r="C4262" s="1" t="s">
        <v>5</v>
      </c>
      <c r="D4262" s="1" t="s">
        <v>3468</v>
      </c>
      <c r="E4262" s="1" t="s">
        <v>7</v>
      </c>
    </row>
    <row r="4263">
      <c r="A4263" s="1">
        <v>4.90396988E8</v>
      </c>
      <c r="B4263" s="2">
        <v>11962.0</v>
      </c>
      <c r="C4263" s="1" t="s">
        <v>5</v>
      </c>
      <c r="D4263" s="1" t="s">
        <v>3469</v>
      </c>
      <c r="E4263" s="1" t="s">
        <v>11</v>
      </c>
    </row>
    <row r="4264">
      <c r="A4264" s="1">
        <v>4.9039699E8</v>
      </c>
      <c r="B4264" s="2">
        <v>11848.0</v>
      </c>
      <c r="C4264" s="1" t="s">
        <v>5</v>
      </c>
      <c r="D4264" s="1" t="s">
        <v>3470</v>
      </c>
      <c r="E4264" s="1" t="s">
        <v>11</v>
      </c>
    </row>
    <row r="4265">
      <c r="A4265" s="1">
        <v>4.90396991E8</v>
      </c>
      <c r="B4265" s="2">
        <v>11930.0</v>
      </c>
      <c r="C4265" s="1" t="s">
        <v>5</v>
      </c>
      <c r="D4265" s="1" t="s">
        <v>11</v>
      </c>
      <c r="E4265" s="1" t="s">
        <v>7</v>
      </c>
    </row>
    <row r="4266">
      <c r="A4266" s="1">
        <v>4.90396993E8</v>
      </c>
      <c r="B4266" s="2">
        <v>11882.0</v>
      </c>
      <c r="C4266" s="1" t="s">
        <v>5</v>
      </c>
      <c r="D4266" s="1" t="s">
        <v>3471</v>
      </c>
      <c r="E4266" s="1" t="s">
        <v>7</v>
      </c>
    </row>
    <row r="4267">
      <c r="A4267" s="1">
        <v>4.90396998E8</v>
      </c>
      <c r="B4267" s="2">
        <v>11883.0</v>
      </c>
      <c r="C4267" s="1" t="s">
        <v>5</v>
      </c>
      <c r="D4267" s="1" t="s">
        <v>3472</v>
      </c>
      <c r="E4267" s="1" t="s">
        <v>7</v>
      </c>
    </row>
    <row r="4268">
      <c r="A4268" s="1">
        <v>4.90397001E8</v>
      </c>
      <c r="B4268" s="2">
        <v>11860.0</v>
      </c>
      <c r="C4268" s="1" t="s">
        <v>5</v>
      </c>
      <c r="D4268" s="1" t="s">
        <v>3473</v>
      </c>
      <c r="E4268" s="1" t="s">
        <v>7</v>
      </c>
    </row>
    <row r="4269">
      <c r="A4269" s="1">
        <v>4.90397003E8</v>
      </c>
      <c r="B4269" s="2">
        <v>11929.0</v>
      </c>
      <c r="C4269" s="1" t="s">
        <v>5</v>
      </c>
      <c r="D4269" s="1" t="s">
        <v>3474</v>
      </c>
      <c r="E4269" s="1" t="s">
        <v>11</v>
      </c>
    </row>
    <row r="4270">
      <c r="A4270" s="1">
        <v>4.90397008E8</v>
      </c>
      <c r="B4270" s="2">
        <v>11874.0</v>
      </c>
      <c r="C4270" s="1" t="s">
        <v>5</v>
      </c>
      <c r="D4270" s="1" t="s">
        <v>3475</v>
      </c>
      <c r="E4270" s="1" t="s">
        <v>7</v>
      </c>
    </row>
    <row r="4271">
      <c r="A4271" s="1">
        <v>4.90397012E8</v>
      </c>
      <c r="B4271" s="2">
        <v>11902.0</v>
      </c>
      <c r="C4271" s="1" t="s">
        <v>5</v>
      </c>
      <c r="D4271" s="1" t="s">
        <v>3476</v>
      </c>
      <c r="E4271" s="1" t="s">
        <v>7</v>
      </c>
    </row>
    <row r="4272">
      <c r="A4272" s="1">
        <v>4.90397017E8</v>
      </c>
      <c r="B4272" s="2">
        <v>11962.0</v>
      </c>
      <c r="C4272" s="1" t="s">
        <v>5</v>
      </c>
      <c r="D4272" s="1" t="s">
        <v>3477</v>
      </c>
      <c r="E4272" s="1" t="s">
        <v>7</v>
      </c>
    </row>
    <row r="4273">
      <c r="A4273" s="1">
        <v>4.90397018E8</v>
      </c>
      <c r="B4273" s="2">
        <v>11854.0</v>
      </c>
      <c r="C4273" s="1" t="s">
        <v>5</v>
      </c>
      <c r="D4273" s="1" t="s">
        <v>3478</v>
      </c>
      <c r="E4273" s="1" t="s">
        <v>3479</v>
      </c>
    </row>
    <row r="4274">
      <c r="A4274" s="1">
        <v>4.90397019E8</v>
      </c>
      <c r="B4274" s="2">
        <v>11877.0</v>
      </c>
      <c r="C4274" s="1" t="s">
        <v>5</v>
      </c>
      <c r="D4274" s="1" t="s">
        <v>3480</v>
      </c>
      <c r="E4274" s="1" t="s">
        <v>7</v>
      </c>
    </row>
    <row r="4275">
      <c r="A4275" s="1">
        <v>4.9039702E8</v>
      </c>
      <c r="B4275" s="2">
        <v>11882.0</v>
      </c>
      <c r="C4275" s="1" t="s">
        <v>5</v>
      </c>
      <c r="D4275" s="1" t="s">
        <v>11</v>
      </c>
      <c r="E4275" s="1" t="s">
        <v>7</v>
      </c>
    </row>
    <row r="4276">
      <c r="A4276" s="1">
        <v>4.90397023E8</v>
      </c>
      <c r="B4276" s="2">
        <v>11906.0</v>
      </c>
      <c r="C4276" s="1" t="s">
        <v>5</v>
      </c>
      <c r="D4276" s="1" t="s">
        <v>3481</v>
      </c>
      <c r="E4276" s="1" t="s">
        <v>11</v>
      </c>
    </row>
    <row r="4277">
      <c r="A4277" s="1">
        <v>4.90397028E8</v>
      </c>
      <c r="B4277" s="2">
        <v>11860.0</v>
      </c>
      <c r="C4277" s="1" t="s">
        <v>5</v>
      </c>
      <c r="D4277" s="1" t="s">
        <v>3482</v>
      </c>
      <c r="E4277" s="1" t="s">
        <v>7</v>
      </c>
    </row>
    <row r="4278">
      <c r="A4278" s="1">
        <v>4.9039703E8</v>
      </c>
      <c r="B4278" s="2">
        <v>11929.0</v>
      </c>
      <c r="C4278" s="1" t="s">
        <v>5</v>
      </c>
      <c r="D4278" s="1" t="s">
        <v>11</v>
      </c>
      <c r="E4278" s="1" t="s">
        <v>7</v>
      </c>
    </row>
    <row r="4279">
      <c r="A4279" s="1">
        <v>4.90397031E8</v>
      </c>
      <c r="B4279" s="2">
        <v>11845.0</v>
      </c>
      <c r="C4279" s="1" t="s">
        <v>5</v>
      </c>
      <c r="D4279" s="1" t="s">
        <v>3483</v>
      </c>
      <c r="E4279" s="1" t="s">
        <v>11</v>
      </c>
    </row>
    <row r="4280">
      <c r="A4280" s="1">
        <v>4.90397032E8</v>
      </c>
      <c r="B4280" s="2">
        <v>11842.0</v>
      </c>
      <c r="C4280" s="1" t="s">
        <v>5</v>
      </c>
      <c r="D4280" s="1" t="s">
        <v>3484</v>
      </c>
      <c r="E4280" s="1" t="s">
        <v>7</v>
      </c>
    </row>
    <row r="4281">
      <c r="A4281" s="1">
        <v>4.90397033E8</v>
      </c>
      <c r="B4281" s="2">
        <v>11847.0</v>
      </c>
      <c r="C4281" s="1" t="s">
        <v>5</v>
      </c>
      <c r="D4281" s="1" t="s">
        <v>3485</v>
      </c>
      <c r="E4281" s="1" t="s">
        <v>7</v>
      </c>
    </row>
    <row r="4282">
      <c r="A4282" s="1">
        <v>4.90397034E8</v>
      </c>
      <c r="B4282" s="2">
        <v>11842.0</v>
      </c>
      <c r="C4282" s="1" t="s">
        <v>5</v>
      </c>
      <c r="D4282" s="1" t="s">
        <v>3486</v>
      </c>
      <c r="E4282" s="1" t="s">
        <v>11</v>
      </c>
    </row>
    <row r="4283">
      <c r="A4283" s="1">
        <v>4.90397038E8</v>
      </c>
      <c r="B4283" s="2">
        <v>11902.0</v>
      </c>
      <c r="C4283" s="1" t="s">
        <v>5</v>
      </c>
      <c r="D4283" s="1" t="s">
        <v>3487</v>
      </c>
      <c r="E4283" s="1" t="s">
        <v>11</v>
      </c>
    </row>
    <row r="4284">
      <c r="A4284" s="1">
        <v>4.90397039E8</v>
      </c>
      <c r="B4284" s="2">
        <v>11930.0</v>
      </c>
      <c r="C4284" s="1" t="s">
        <v>5</v>
      </c>
      <c r="D4284" s="1" t="s">
        <v>3488</v>
      </c>
      <c r="E4284" s="1" t="s">
        <v>11</v>
      </c>
    </row>
    <row r="4285">
      <c r="A4285" s="1">
        <v>4.9039704E8</v>
      </c>
      <c r="B4285" s="2">
        <v>11876.0</v>
      </c>
      <c r="C4285" s="1" t="s">
        <v>5</v>
      </c>
      <c r="D4285" s="1" t="s">
        <v>3489</v>
      </c>
      <c r="E4285" s="1" t="s">
        <v>11</v>
      </c>
    </row>
    <row r="4286">
      <c r="A4286" s="1">
        <v>4.90397041E8</v>
      </c>
      <c r="B4286" s="2">
        <v>11873.0</v>
      </c>
      <c r="C4286" s="1" t="s">
        <v>5</v>
      </c>
      <c r="D4286" s="1" t="s">
        <v>11</v>
      </c>
      <c r="E4286" s="1" t="s">
        <v>7</v>
      </c>
    </row>
    <row r="4287">
      <c r="A4287" s="1">
        <v>4.90397045E8</v>
      </c>
      <c r="B4287" s="2">
        <v>11854.0</v>
      </c>
      <c r="C4287" s="1" t="s">
        <v>5</v>
      </c>
      <c r="D4287" s="1" t="s">
        <v>3490</v>
      </c>
      <c r="E4287" s="1" t="s">
        <v>11</v>
      </c>
    </row>
    <row r="4288">
      <c r="A4288" s="1">
        <v>4.9039705E8</v>
      </c>
      <c r="B4288" s="2">
        <v>11962.0</v>
      </c>
      <c r="C4288" s="1" t="s">
        <v>5</v>
      </c>
      <c r="D4288" s="1" t="s">
        <v>3491</v>
      </c>
      <c r="E4288" s="1" t="s">
        <v>11</v>
      </c>
    </row>
    <row r="4289">
      <c r="A4289" s="1">
        <v>4.90397052E8</v>
      </c>
      <c r="B4289" s="2">
        <v>11932.0</v>
      </c>
      <c r="C4289" s="1" t="s">
        <v>5</v>
      </c>
      <c r="D4289" s="1" t="s">
        <v>3492</v>
      </c>
      <c r="E4289" s="1" t="s">
        <v>11</v>
      </c>
    </row>
    <row r="4290">
      <c r="A4290" s="1">
        <v>4.9039706E8</v>
      </c>
      <c r="B4290" s="2">
        <v>11876.0</v>
      </c>
      <c r="C4290" s="1" t="s">
        <v>5</v>
      </c>
      <c r="D4290" s="1" t="s">
        <v>11</v>
      </c>
      <c r="E4290" s="1" t="s">
        <v>7</v>
      </c>
    </row>
    <row r="4291">
      <c r="A4291" s="1">
        <v>4.90397064E8</v>
      </c>
      <c r="B4291" s="2">
        <v>11860.0</v>
      </c>
      <c r="C4291" s="1" t="s">
        <v>5</v>
      </c>
      <c r="D4291" s="1" t="s">
        <v>11</v>
      </c>
      <c r="E4291" s="1" t="s">
        <v>7</v>
      </c>
    </row>
    <row r="4292">
      <c r="A4292" s="1">
        <v>4.90397065E8</v>
      </c>
      <c r="B4292" s="2">
        <v>11883.0</v>
      </c>
      <c r="C4292" s="1" t="s">
        <v>5</v>
      </c>
      <c r="D4292" s="1" t="s">
        <v>3493</v>
      </c>
      <c r="E4292" s="1" t="s">
        <v>3494</v>
      </c>
    </row>
    <row r="4293">
      <c r="A4293" s="1">
        <v>4.90397066E8</v>
      </c>
      <c r="B4293" s="2">
        <v>11910.0</v>
      </c>
      <c r="C4293" s="1" t="s">
        <v>5</v>
      </c>
      <c r="D4293" s="1" t="s">
        <v>3495</v>
      </c>
      <c r="E4293" s="1" t="s">
        <v>11</v>
      </c>
    </row>
    <row r="4294">
      <c r="A4294" s="1">
        <v>4.90397074E8</v>
      </c>
      <c r="B4294" s="2">
        <v>11842.0</v>
      </c>
      <c r="C4294" s="1" t="s">
        <v>5</v>
      </c>
      <c r="D4294" s="1" t="s">
        <v>11</v>
      </c>
      <c r="E4294" s="1" t="s">
        <v>7</v>
      </c>
    </row>
    <row r="4295">
      <c r="A4295" s="1">
        <v>4.90397076E8</v>
      </c>
      <c r="B4295" s="2">
        <v>11962.0</v>
      </c>
      <c r="C4295" s="1" t="s">
        <v>5</v>
      </c>
      <c r="D4295" s="1" t="s">
        <v>3496</v>
      </c>
      <c r="E4295" s="1" t="s">
        <v>11</v>
      </c>
    </row>
    <row r="4296">
      <c r="A4296" s="1">
        <v>4.90397078E8</v>
      </c>
      <c r="B4296" s="2">
        <v>11876.0</v>
      </c>
      <c r="C4296" s="1" t="s">
        <v>5</v>
      </c>
      <c r="D4296" s="1" t="s">
        <v>11</v>
      </c>
      <c r="E4296" s="1" t="s">
        <v>7</v>
      </c>
    </row>
    <row r="4297">
      <c r="A4297" s="1">
        <v>4.90397079E8</v>
      </c>
      <c r="B4297" s="2">
        <v>11905.0</v>
      </c>
      <c r="C4297" s="1" t="s">
        <v>5</v>
      </c>
      <c r="D4297" s="1" t="s">
        <v>3497</v>
      </c>
      <c r="E4297" s="1" t="s">
        <v>7</v>
      </c>
    </row>
    <row r="4298">
      <c r="A4298" s="1">
        <v>4.90397085E8</v>
      </c>
      <c r="B4298" s="2">
        <v>11902.0</v>
      </c>
      <c r="C4298" s="1" t="s">
        <v>5</v>
      </c>
      <c r="D4298" s="1" t="s">
        <v>3498</v>
      </c>
      <c r="E4298" s="1" t="s">
        <v>7</v>
      </c>
    </row>
    <row r="4299">
      <c r="A4299" s="1">
        <v>4.90397094E8</v>
      </c>
      <c r="B4299" s="2">
        <v>11854.0</v>
      </c>
      <c r="C4299" s="1" t="s">
        <v>5</v>
      </c>
      <c r="D4299" s="1" t="s">
        <v>3499</v>
      </c>
      <c r="E4299" s="1" t="s">
        <v>7</v>
      </c>
    </row>
    <row r="4300">
      <c r="A4300" s="1">
        <v>4.90397099E8</v>
      </c>
      <c r="B4300" s="2">
        <v>11860.0</v>
      </c>
      <c r="C4300" s="1" t="s">
        <v>5</v>
      </c>
      <c r="D4300" s="1" t="s">
        <v>11</v>
      </c>
      <c r="E4300" s="1" t="s">
        <v>7</v>
      </c>
    </row>
    <row r="4301">
      <c r="A4301" s="1">
        <v>4.90397101E8</v>
      </c>
      <c r="B4301" s="2">
        <v>11842.0</v>
      </c>
      <c r="C4301" s="1" t="s">
        <v>5</v>
      </c>
      <c r="D4301" s="1" t="s">
        <v>3500</v>
      </c>
      <c r="E4301" s="1" t="s">
        <v>11</v>
      </c>
    </row>
    <row r="4302">
      <c r="A4302" s="1">
        <v>4.90397106E8</v>
      </c>
      <c r="B4302" s="2">
        <v>11872.0</v>
      </c>
      <c r="C4302" s="1" t="s">
        <v>5</v>
      </c>
      <c r="D4302" s="1" t="s">
        <v>3501</v>
      </c>
      <c r="E4302" s="1" t="s">
        <v>7</v>
      </c>
    </row>
    <row r="4303">
      <c r="A4303" s="1">
        <v>4.90397121E8</v>
      </c>
      <c r="B4303" s="2">
        <v>11905.0</v>
      </c>
      <c r="C4303" s="1" t="s">
        <v>5</v>
      </c>
      <c r="D4303" s="1" t="s">
        <v>3502</v>
      </c>
      <c r="E4303" s="1" t="s">
        <v>7</v>
      </c>
    </row>
    <row r="4304">
      <c r="A4304" s="1">
        <v>4.90397124E8</v>
      </c>
      <c r="B4304" s="2">
        <v>11876.0</v>
      </c>
      <c r="C4304" s="1" t="s">
        <v>5</v>
      </c>
      <c r="D4304" s="1" t="s">
        <v>3503</v>
      </c>
      <c r="E4304" s="1" t="s">
        <v>7</v>
      </c>
    </row>
    <row r="4305">
      <c r="A4305" s="1">
        <v>4.90397125E8</v>
      </c>
      <c r="B4305" s="2">
        <v>11873.0</v>
      </c>
      <c r="C4305" s="1" t="s">
        <v>5</v>
      </c>
      <c r="D4305" s="1" t="s">
        <v>11</v>
      </c>
      <c r="E4305" s="1" t="s">
        <v>7</v>
      </c>
    </row>
    <row r="4306">
      <c r="A4306" s="1">
        <v>4.90397126E8</v>
      </c>
      <c r="B4306" s="2">
        <v>11846.0</v>
      </c>
      <c r="C4306" s="1" t="s">
        <v>5</v>
      </c>
      <c r="D4306" s="1" t="s">
        <v>3504</v>
      </c>
      <c r="E4306" s="1" t="s">
        <v>11</v>
      </c>
    </row>
    <row r="4307">
      <c r="A4307" s="1">
        <v>4.90397135E8</v>
      </c>
      <c r="B4307" s="2">
        <v>11860.0</v>
      </c>
      <c r="C4307" s="1" t="s">
        <v>5</v>
      </c>
      <c r="D4307" s="1" t="s">
        <v>11</v>
      </c>
      <c r="E4307" s="1" t="s">
        <v>7</v>
      </c>
    </row>
    <row r="4308">
      <c r="A4308" s="1">
        <v>4.90397138E8</v>
      </c>
      <c r="B4308" s="2">
        <v>11846.0</v>
      </c>
      <c r="C4308" s="1" t="s">
        <v>5</v>
      </c>
      <c r="D4308" s="1" t="s">
        <v>3505</v>
      </c>
      <c r="E4308" s="1" t="s">
        <v>11</v>
      </c>
    </row>
    <row r="4309">
      <c r="A4309" s="1">
        <v>4.90397141E8</v>
      </c>
      <c r="B4309" s="2">
        <v>11842.0</v>
      </c>
      <c r="C4309" s="1" t="s">
        <v>5</v>
      </c>
      <c r="D4309" s="1" t="s">
        <v>3506</v>
      </c>
      <c r="E4309" s="1" t="s">
        <v>7</v>
      </c>
    </row>
    <row r="4310">
      <c r="A4310" s="1">
        <v>4.90397143E8</v>
      </c>
      <c r="B4310" s="2">
        <v>11873.0</v>
      </c>
      <c r="C4310" s="1" t="s">
        <v>5</v>
      </c>
      <c r="D4310" s="1" t="s">
        <v>3507</v>
      </c>
      <c r="E4310" s="1" t="s">
        <v>3508</v>
      </c>
    </row>
    <row r="4311">
      <c r="A4311" s="1">
        <v>4.90397147E8</v>
      </c>
      <c r="B4311" s="2">
        <v>11858.0</v>
      </c>
      <c r="C4311" s="1" t="s">
        <v>5</v>
      </c>
      <c r="D4311" s="1" t="s">
        <v>3509</v>
      </c>
      <c r="E4311" s="1" t="s">
        <v>11</v>
      </c>
    </row>
    <row r="4312">
      <c r="A4312" s="1">
        <v>4.90397157E8</v>
      </c>
      <c r="B4312" s="2">
        <v>11872.0</v>
      </c>
      <c r="C4312" s="1" t="s">
        <v>5</v>
      </c>
      <c r="D4312" s="1" t="s">
        <v>3510</v>
      </c>
      <c r="E4312" s="1" t="s">
        <v>11</v>
      </c>
    </row>
    <row r="4313">
      <c r="A4313" s="1">
        <v>4.90397161E8</v>
      </c>
      <c r="B4313" s="2">
        <v>11930.0</v>
      </c>
      <c r="C4313" s="1" t="s">
        <v>5</v>
      </c>
      <c r="D4313" s="1" t="s">
        <v>3511</v>
      </c>
      <c r="E4313" s="1" t="s">
        <v>7</v>
      </c>
    </row>
    <row r="4314">
      <c r="A4314" s="1">
        <v>4.90397169E8</v>
      </c>
      <c r="B4314" s="2">
        <v>11873.0</v>
      </c>
      <c r="C4314" s="1" t="s">
        <v>5</v>
      </c>
      <c r="D4314" s="1" t="s">
        <v>11</v>
      </c>
      <c r="E4314" s="1" t="s">
        <v>7</v>
      </c>
    </row>
    <row r="4315">
      <c r="A4315" s="1">
        <v>4.90397173E8</v>
      </c>
      <c r="B4315" s="2">
        <v>11906.0</v>
      </c>
      <c r="C4315" s="1" t="s">
        <v>5</v>
      </c>
      <c r="D4315" s="1" t="s">
        <v>3512</v>
      </c>
      <c r="E4315" s="1" t="s">
        <v>11</v>
      </c>
    </row>
    <row r="4316">
      <c r="A4316" s="1">
        <v>4.90397178E8</v>
      </c>
      <c r="B4316" s="2">
        <v>11872.0</v>
      </c>
      <c r="C4316" s="1" t="s">
        <v>5</v>
      </c>
      <c r="D4316" s="1" t="s">
        <v>3513</v>
      </c>
      <c r="E4316" s="1" t="s">
        <v>7</v>
      </c>
    </row>
    <row r="4317">
      <c r="A4317" s="1">
        <v>4.9039718E8</v>
      </c>
      <c r="B4317" s="2">
        <v>11882.0</v>
      </c>
      <c r="C4317" s="1" t="s">
        <v>5</v>
      </c>
      <c r="D4317" s="1" t="s">
        <v>3514</v>
      </c>
      <c r="E4317" s="1" t="s">
        <v>11</v>
      </c>
    </row>
    <row r="4318">
      <c r="A4318" s="1">
        <v>4.90397181E8</v>
      </c>
      <c r="B4318" s="2">
        <v>11873.0</v>
      </c>
      <c r="C4318" s="1" t="s">
        <v>5</v>
      </c>
      <c r="D4318" s="1" t="s">
        <v>3515</v>
      </c>
      <c r="E4318" s="1" t="s">
        <v>7</v>
      </c>
    </row>
    <row r="4319">
      <c r="A4319" s="1">
        <v>4.90397182E8</v>
      </c>
      <c r="B4319" s="2">
        <v>11894.0</v>
      </c>
      <c r="C4319" s="1" t="s">
        <v>5</v>
      </c>
      <c r="D4319" s="1" t="s">
        <v>3516</v>
      </c>
      <c r="E4319" s="1" t="s">
        <v>11</v>
      </c>
    </row>
    <row r="4320">
      <c r="A4320" s="1">
        <v>4.90397185E8</v>
      </c>
      <c r="B4320" s="2">
        <v>11902.0</v>
      </c>
      <c r="C4320" s="1" t="s">
        <v>5</v>
      </c>
      <c r="D4320" s="1" t="s">
        <v>3517</v>
      </c>
      <c r="E4320" s="1" t="s">
        <v>11</v>
      </c>
    </row>
    <row r="4321">
      <c r="A4321" s="1">
        <v>4.90397188E8</v>
      </c>
      <c r="B4321" s="2">
        <v>11883.0</v>
      </c>
      <c r="C4321" s="1" t="s">
        <v>5</v>
      </c>
      <c r="D4321" s="1" t="s">
        <v>3518</v>
      </c>
      <c r="E4321" s="1" t="s">
        <v>11</v>
      </c>
    </row>
    <row r="4322">
      <c r="A4322" s="1">
        <v>4.90397189E8</v>
      </c>
      <c r="B4322" s="2">
        <v>11841.0</v>
      </c>
      <c r="C4322" s="1" t="s">
        <v>5</v>
      </c>
      <c r="D4322" s="1" t="s">
        <v>3519</v>
      </c>
      <c r="E4322" s="1" t="s">
        <v>11</v>
      </c>
    </row>
    <row r="4323">
      <c r="A4323" s="1">
        <v>4.90397191E8</v>
      </c>
      <c r="B4323" s="2">
        <v>11876.0</v>
      </c>
      <c r="C4323" s="1" t="s">
        <v>5</v>
      </c>
      <c r="D4323" s="1" t="s">
        <v>3520</v>
      </c>
      <c r="E4323" s="1" t="s">
        <v>7</v>
      </c>
    </row>
    <row r="4324">
      <c r="A4324" s="1">
        <v>4.90397193E8</v>
      </c>
      <c r="B4324" s="2">
        <v>11846.0</v>
      </c>
      <c r="C4324" s="1" t="s">
        <v>5</v>
      </c>
      <c r="D4324" s="1" t="s">
        <v>1636</v>
      </c>
      <c r="E4324" s="1" t="s">
        <v>7</v>
      </c>
    </row>
    <row r="4325">
      <c r="A4325" s="1">
        <v>4.90397196E8</v>
      </c>
      <c r="B4325" s="2">
        <v>11858.0</v>
      </c>
      <c r="C4325" s="1" t="s">
        <v>5</v>
      </c>
      <c r="D4325" s="1" t="s">
        <v>3521</v>
      </c>
      <c r="E4325" s="1" t="s">
        <v>7</v>
      </c>
    </row>
    <row r="4326">
      <c r="A4326" s="1">
        <v>4.90397201E8</v>
      </c>
      <c r="B4326" s="2">
        <v>11930.0</v>
      </c>
      <c r="C4326" s="1" t="s">
        <v>5</v>
      </c>
      <c r="D4326" s="1" t="s">
        <v>3522</v>
      </c>
      <c r="E4326" s="1" t="s">
        <v>11</v>
      </c>
    </row>
    <row r="4327">
      <c r="A4327" s="1">
        <v>4.90397209E8</v>
      </c>
      <c r="B4327" s="2">
        <v>11873.0</v>
      </c>
      <c r="C4327" s="1" t="s">
        <v>5</v>
      </c>
      <c r="D4327" s="1" t="s">
        <v>3523</v>
      </c>
      <c r="E4327" s="1" t="s">
        <v>7</v>
      </c>
    </row>
    <row r="4328">
      <c r="A4328" s="1">
        <v>4.90397211E8</v>
      </c>
      <c r="B4328" s="2">
        <v>11872.0</v>
      </c>
      <c r="C4328" s="1" t="s">
        <v>5</v>
      </c>
      <c r="D4328" s="1" t="s">
        <v>3524</v>
      </c>
      <c r="E4328" s="1" t="s">
        <v>11</v>
      </c>
    </row>
    <row r="4329">
      <c r="A4329" s="1">
        <v>4.90397213E8</v>
      </c>
      <c r="B4329" s="2">
        <v>11873.0</v>
      </c>
      <c r="C4329" s="1" t="s">
        <v>5</v>
      </c>
      <c r="D4329" s="1" t="s">
        <v>3525</v>
      </c>
      <c r="E4329" s="1" t="s">
        <v>7</v>
      </c>
    </row>
    <row r="4330">
      <c r="A4330" s="1">
        <v>4.90397215E8</v>
      </c>
      <c r="B4330" s="2">
        <v>11862.0</v>
      </c>
      <c r="C4330" s="1" t="s">
        <v>5</v>
      </c>
      <c r="D4330" s="1" t="s">
        <v>3526</v>
      </c>
      <c r="E4330" s="1" t="s">
        <v>11</v>
      </c>
    </row>
    <row r="4331">
      <c r="A4331" s="1">
        <v>4.90397218E8</v>
      </c>
      <c r="B4331" s="2">
        <v>11931.0</v>
      </c>
      <c r="C4331" s="1" t="s">
        <v>5</v>
      </c>
      <c r="D4331" s="1" t="s">
        <v>3527</v>
      </c>
      <c r="E4331" s="1" t="s">
        <v>7</v>
      </c>
    </row>
    <row r="4332">
      <c r="A4332" s="1">
        <v>4.90397223E8</v>
      </c>
      <c r="B4332" s="2">
        <v>11905.0</v>
      </c>
      <c r="C4332" s="1" t="s">
        <v>5</v>
      </c>
      <c r="D4332" s="1" t="s">
        <v>11</v>
      </c>
      <c r="E4332" s="1" t="s">
        <v>7</v>
      </c>
    </row>
    <row r="4333">
      <c r="A4333" s="1">
        <v>4.90397234E8</v>
      </c>
      <c r="B4333" s="2">
        <v>11876.0</v>
      </c>
      <c r="C4333" s="1" t="s">
        <v>5</v>
      </c>
      <c r="D4333" s="1" t="s">
        <v>11</v>
      </c>
      <c r="E4333" s="1" t="s">
        <v>7</v>
      </c>
    </row>
    <row r="4334">
      <c r="A4334" s="1">
        <v>4.90397251E8</v>
      </c>
      <c r="B4334" s="2">
        <v>11845.0</v>
      </c>
      <c r="C4334" s="1" t="s">
        <v>5</v>
      </c>
      <c r="D4334" s="1" t="s">
        <v>3528</v>
      </c>
      <c r="E4334" s="1" t="s">
        <v>7</v>
      </c>
    </row>
    <row r="4335">
      <c r="A4335" s="1">
        <v>4.9039726E8</v>
      </c>
      <c r="B4335" s="2">
        <v>11905.0</v>
      </c>
      <c r="C4335" s="1" t="s">
        <v>5</v>
      </c>
      <c r="D4335" s="1" t="s">
        <v>11</v>
      </c>
      <c r="E4335" s="1" t="s">
        <v>7</v>
      </c>
    </row>
    <row r="4336">
      <c r="A4336" s="1">
        <v>4.90397266E8</v>
      </c>
      <c r="B4336" s="2">
        <v>11872.0</v>
      </c>
      <c r="C4336" s="1" t="s">
        <v>5</v>
      </c>
      <c r="D4336" s="1" t="s">
        <v>3529</v>
      </c>
      <c r="E4336" s="1" t="s">
        <v>7</v>
      </c>
    </row>
    <row r="4337">
      <c r="A4337" s="1">
        <v>4.90397267E8</v>
      </c>
      <c r="B4337" s="2">
        <v>11873.0</v>
      </c>
      <c r="C4337" s="1" t="s">
        <v>5</v>
      </c>
      <c r="D4337" s="1" t="s">
        <v>3530</v>
      </c>
      <c r="E4337" s="1" t="s">
        <v>7</v>
      </c>
    </row>
    <row r="4338">
      <c r="A4338" s="1">
        <v>4.90397271E8</v>
      </c>
      <c r="B4338" s="2">
        <v>11961.0</v>
      </c>
      <c r="C4338" s="1" t="s">
        <v>5</v>
      </c>
      <c r="D4338" s="1" t="s">
        <v>3531</v>
      </c>
      <c r="E4338" s="1" t="s">
        <v>11</v>
      </c>
    </row>
    <row r="4339">
      <c r="A4339" s="1">
        <v>4.90397279E8</v>
      </c>
      <c r="B4339" s="2">
        <v>11853.0</v>
      </c>
      <c r="C4339" s="1" t="s">
        <v>5</v>
      </c>
      <c r="D4339" s="1" t="s">
        <v>3532</v>
      </c>
      <c r="E4339" s="1" t="s">
        <v>11</v>
      </c>
    </row>
    <row r="4340">
      <c r="A4340" s="1">
        <v>4.90397289E8</v>
      </c>
      <c r="B4340" s="2">
        <v>11849.0</v>
      </c>
      <c r="C4340" s="1" t="s">
        <v>5</v>
      </c>
      <c r="D4340" s="1" t="s">
        <v>3533</v>
      </c>
      <c r="E4340" s="1" t="s">
        <v>7</v>
      </c>
    </row>
    <row r="4341">
      <c r="A4341" s="1">
        <v>4.90397291E8</v>
      </c>
      <c r="B4341" s="2">
        <v>11860.0</v>
      </c>
      <c r="C4341" s="1" t="s">
        <v>5</v>
      </c>
      <c r="D4341" s="1" t="s">
        <v>3534</v>
      </c>
      <c r="E4341" s="1" t="s">
        <v>11</v>
      </c>
    </row>
    <row r="4342">
      <c r="A4342" s="1">
        <v>4.90397304E8</v>
      </c>
      <c r="B4342" s="2">
        <v>11962.0</v>
      </c>
      <c r="C4342" s="1" t="s">
        <v>5</v>
      </c>
      <c r="D4342" s="1" t="s">
        <v>3535</v>
      </c>
      <c r="E4342" s="1" t="s">
        <v>3536</v>
      </c>
    </row>
    <row r="4343">
      <c r="A4343" s="1">
        <v>4.90397308E8</v>
      </c>
      <c r="B4343" s="2">
        <v>11853.0</v>
      </c>
      <c r="C4343" s="1" t="s">
        <v>5</v>
      </c>
      <c r="D4343" s="1" t="s">
        <v>3537</v>
      </c>
      <c r="E4343" s="1" t="s">
        <v>7</v>
      </c>
    </row>
    <row r="4344">
      <c r="A4344" s="1">
        <v>4.90397319E8</v>
      </c>
      <c r="B4344" s="2">
        <v>11905.0</v>
      </c>
      <c r="C4344" s="1" t="s">
        <v>5</v>
      </c>
      <c r="D4344" s="1" t="s">
        <v>3538</v>
      </c>
      <c r="E4344" s="1" t="s">
        <v>7</v>
      </c>
    </row>
    <row r="4345">
      <c r="A4345" s="1">
        <v>4.9039732E8</v>
      </c>
      <c r="B4345" s="2">
        <v>11876.0</v>
      </c>
      <c r="C4345" s="1" t="s">
        <v>5</v>
      </c>
      <c r="D4345" s="1" t="s">
        <v>3539</v>
      </c>
      <c r="E4345" s="1" t="s">
        <v>11</v>
      </c>
    </row>
    <row r="4346">
      <c r="A4346" s="1">
        <v>4.90397325E8</v>
      </c>
      <c r="B4346" s="2">
        <v>11881.0</v>
      </c>
      <c r="C4346" s="1" t="s">
        <v>5</v>
      </c>
      <c r="D4346" s="1" t="s">
        <v>3540</v>
      </c>
      <c r="E4346" s="1" t="s">
        <v>7</v>
      </c>
    </row>
    <row r="4347">
      <c r="A4347" s="1">
        <v>4.90397339E8</v>
      </c>
      <c r="B4347" s="2">
        <v>11860.0</v>
      </c>
      <c r="C4347" s="1" t="s">
        <v>5</v>
      </c>
      <c r="D4347" s="1" t="s">
        <v>11</v>
      </c>
      <c r="E4347" s="1" t="s">
        <v>7</v>
      </c>
    </row>
    <row r="4348">
      <c r="A4348" s="1">
        <v>4.90397342E8</v>
      </c>
      <c r="B4348" s="2">
        <v>11871.0</v>
      </c>
      <c r="C4348" s="1" t="s">
        <v>5</v>
      </c>
      <c r="D4348" s="1" t="s">
        <v>3541</v>
      </c>
      <c r="E4348" s="1" t="s">
        <v>7</v>
      </c>
    </row>
    <row r="4349">
      <c r="A4349" s="1">
        <v>4.90397343E8</v>
      </c>
      <c r="B4349" s="2">
        <v>11961.0</v>
      </c>
      <c r="C4349" s="1" t="s">
        <v>5</v>
      </c>
      <c r="D4349" s="1" t="s">
        <v>3542</v>
      </c>
      <c r="E4349" s="1" t="s">
        <v>7</v>
      </c>
    </row>
    <row r="4350">
      <c r="A4350" s="1">
        <v>4.90397344E8</v>
      </c>
      <c r="B4350" s="2">
        <v>11856.0</v>
      </c>
      <c r="C4350" s="1" t="s">
        <v>5</v>
      </c>
      <c r="D4350" s="1" t="s">
        <v>3543</v>
      </c>
      <c r="E4350" s="1" t="s">
        <v>11</v>
      </c>
    </row>
    <row r="4351">
      <c r="A4351" s="1">
        <v>4.90397345E8</v>
      </c>
      <c r="B4351" s="2">
        <v>11961.0</v>
      </c>
      <c r="C4351" s="1" t="s">
        <v>5</v>
      </c>
      <c r="D4351" s="1" t="s">
        <v>3544</v>
      </c>
      <c r="E4351" s="1" t="s">
        <v>11</v>
      </c>
    </row>
    <row r="4352">
      <c r="A4352" s="1">
        <v>4.90397348E8</v>
      </c>
      <c r="B4352" s="2">
        <v>11894.0</v>
      </c>
      <c r="C4352" s="1" t="s">
        <v>5</v>
      </c>
      <c r="D4352" s="1" t="s">
        <v>11</v>
      </c>
      <c r="E4352" s="1" t="s">
        <v>7</v>
      </c>
    </row>
    <row r="4353">
      <c r="A4353" s="1">
        <v>4.90397352E8</v>
      </c>
      <c r="B4353" s="2">
        <v>11882.0</v>
      </c>
      <c r="C4353" s="1" t="s">
        <v>5</v>
      </c>
      <c r="D4353" s="1" t="s">
        <v>3545</v>
      </c>
      <c r="E4353" s="1" t="s">
        <v>11</v>
      </c>
    </row>
    <row r="4354">
      <c r="A4354" s="1">
        <v>4.90397359E8</v>
      </c>
      <c r="B4354" s="2">
        <v>11876.0</v>
      </c>
      <c r="C4354" s="1" t="s">
        <v>5</v>
      </c>
      <c r="D4354" s="1" t="s">
        <v>3546</v>
      </c>
      <c r="E4354" s="1" t="s">
        <v>11</v>
      </c>
    </row>
    <row r="4355">
      <c r="A4355" s="1">
        <v>4.90397363E8</v>
      </c>
      <c r="B4355" s="2">
        <v>11881.0</v>
      </c>
      <c r="C4355" s="1" t="s">
        <v>5</v>
      </c>
      <c r="D4355" s="1" t="s">
        <v>3547</v>
      </c>
      <c r="E4355" s="1" t="s">
        <v>11</v>
      </c>
    </row>
    <row r="4356">
      <c r="A4356" s="1">
        <v>4.90397373E8</v>
      </c>
      <c r="B4356" s="2">
        <v>11961.0</v>
      </c>
      <c r="C4356" s="1" t="s">
        <v>5</v>
      </c>
      <c r="D4356" s="1" t="s">
        <v>11</v>
      </c>
      <c r="E4356" s="1" t="s">
        <v>7</v>
      </c>
    </row>
    <row r="4357">
      <c r="A4357" s="1">
        <v>4.90397381E8</v>
      </c>
      <c r="B4357" s="2">
        <v>11873.0</v>
      </c>
      <c r="C4357" s="1" t="s">
        <v>5</v>
      </c>
      <c r="D4357" s="1" t="s">
        <v>3548</v>
      </c>
      <c r="E4357" s="1" t="s">
        <v>11</v>
      </c>
    </row>
    <row r="4358">
      <c r="A4358" s="1">
        <v>4.90397386E8</v>
      </c>
      <c r="B4358" s="2">
        <v>11845.0</v>
      </c>
      <c r="C4358" s="1" t="s">
        <v>5</v>
      </c>
      <c r="D4358" s="1" t="s">
        <v>11</v>
      </c>
      <c r="E4358" s="1" t="s">
        <v>7</v>
      </c>
    </row>
    <row r="4359">
      <c r="A4359" s="1">
        <v>4.90397388E8</v>
      </c>
      <c r="B4359" s="2">
        <v>11927.0</v>
      </c>
      <c r="C4359" s="1" t="s">
        <v>5</v>
      </c>
      <c r="D4359" s="1" t="s">
        <v>3549</v>
      </c>
      <c r="E4359" s="1" t="s">
        <v>3550</v>
      </c>
    </row>
    <row r="4360">
      <c r="A4360" s="1">
        <v>4.90397393E8</v>
      </c>
      <c r="B4360" s="2">
        <v>11882.0</v>
      </c>
      <c r="C4360" s="1" t="s">
        <v>5</v>
      </c>
      <c r="D4360" s="1" t="s">
        <v>11</v>
      </c>
      <c r="E4360" s="1" t="s">
        <v>7</v>
      </c>
    </row>
    <row r="4361">
      <c r="A4361" s="1">
        <v>4.90397395E8</v>
      </c>
      <c r="B4361" s="2">
        <v>11961.0</v>
      </c>
      <c r="C4361" s="1" t="s">
        <v>5</v>
      </c>
      <c r="D4361" s="1" t="s">
        <v>11</v>
      </c>
      <c r="E4361" s="1" t="s">
        <v>7</v>
      </c>
    </row>
    <row r="4362">
      <c r="A4362" s="1">
        <v>4.90397397E8</v>
      </c>
      <c r="B4362" s="2">
        <v>11853.0</v>
      </c>
      <c r="C4362" s="1" t="s">
        <v>5</v>
      </c>
      <c r="D4362" s="1" t="s">
        <v>3551</v>
      </c>
      <c r="E4362" s="1" t="s">
        <v>11</v>
      </c>
    </row>
    <row r="4363">
      <c r="A4363" s="1">
        <v>4.90397398E8</v>
      </c>
      <c r="B4363" s="2">
        <v>11856.0</v>
      </c>
      <c r="C4363" s="1" t="s">
        <v>5</v>
      </c>
      <c r="D4363" s="1" t="s">
        <v>11</v>
      </c>
      <c r="E4363" s="1" t="s">
        <v>7</v>
      </c>
    </row>
    <row r="4364">
      <c r="A4364" s="1">
        <v>4.90397399E8</v>
      </c>
      <c r="B4364" s="2">
        <v>11894.0</v>
      </c>
      <c r="C4364" s="1" t="s">
        <v>5</v>
      </c>
      <c r="D4364" s="1" t="s">
        <v>3552</v>
      </c>
      <c r="E4364" s="1" t="s">
        <v>7</v>
      </c>
    </row>
    <row r="4365">
      <c r="A4365" s="1">
        <v>4.90397401E8</v>
      </c>
      <c r="B4365" s="2">
        <v>11929.0</v>
      </c>
      <c r="C4365" s="1" t="s">
        <v>5</v>
      </c>
      <c r="D4365" s="1" t="s">
        <v>3553</v>
      </c>
      <c r="E4365" s="1" t="s">
        <v>11</v>
      </c>
    </row>
    <row r="4366">
      <c r="A4366" s="1">
        <v>4.90397403E8</v>
      </c>
      <c r="B4366" s="2">
        <v>11873.0</v>
      </c>
      <c r="C4366" s="1" t="s">
        <v>5</v>
      </c>
      <c r="D4366" s="1" t="s">
        <v>3554</v>
      </c>
      <c r="E4366" s="1" t="s">
        <v>11</v>
      </c>
    </row>
    <row r="4367">
      <c r="A4367" s="1">
        <v>4.90397413E8</v>
      </c>
      <c r="B4367" s="2">
        <v>11871.0</v>
      </c>
      <c r="C4367" s="1" t="s">
        <v>5</v>
      </c>
      <c r="D4367" s="1" t="s">
        <v>3555</v>
      </c>
      <c r="E4367" s="1" t="s">
        <v>7</v>
      </c>
    </row>
    <row r="4368">
      <c r="A4368" s="1">
        <v>4.90397417E8</v>
      </c>
      <c r="B4368" s="2">
        <v>11880.0</v>
      </c>
      <c r="C4368" s="1" t="s">
        <v>5</v>
      </c>
      <c r="D4368" s="1" t="s">
        <v>3556</v>
      </c>
      <c r="E4368" s="1" t="s">
        <v>11</v>
      </c>
    </row>
    <row r="4369">
      <c r="A4369" s="1">
        <v>4.90397424E8</v>
      </c>
      <c r="B4369" s="2">
        <v>11927.0</v>
      </c>
      <c r="C4369" s="1" t="s">
        <v>5</v>
      </c>
      <c r="D4369" s="1" t="s">
        <v>3557</v>
      </c>
      <c r="E4369" s="1" t="s">
        <v>7</v>
      </c>
    </row>
    <row r="4370">
      <c r="A4370" s="1">
        <v>4.90397434E8</v>
      </c>
      <c r="B4370" s="2">
        <v>11903.0</v>
      </c>
      <c r="C4370" s="1" t="s">
        <v>5</v>
      </c>
      <c r="D4370" s="1" t="s">
        <v>3558</v>
      </c>
      <c r="E4370" s="1" t="s">
        <v>7</v>
      </c>
    </row>
    <row r="4371">
      <c r="A4371" s="1">
        <v>4.90397438E8</v>
      </c>
      <c r="B4371" s="2">
        <v>11880.0</v>
      </c>
      <c r="C4371" s="1" t="s">
        <v>5</v>
      </c>
      <c r="D4371" s="1" t="s">
        <v>3559</v>
      </c>
      <c r="E4371" s="1" t="s">
        <v>11</v>
      </c>
    </row>
    <row r="4372">
      <c r="A4372" s="1">
        <v>4.90397441E8</v>
      </c>
      <c r="B4372" s="2">
        <v>11873.0</v>
      </c>
      <c r="C4372" s="1" t="s">
        <v>5</v>
      </c>
      <c r="D4372" s="1" t="s">
        <v>3560</v>
      </c>
      <c r="E4372" s="1" t="s">
        <v>11</v>
      </c>
    </row>
    <row r="4373">
      <c r="A4373" s="1">
        <v>4.90397442E8</v>
      </c>
      <c r="B4373" s="2">
        <v>11871.0</v>
      </c>
      <c r="C4373" s="1" t="s">
        <v>5</v>
      </c>
      <c r="D4373" s="1" t="s">
        <v>3561</v>
      </c>
      <c r="E4373" s="1" t="s">
        <v>7</v>
      </c>
    </row>
    <row r="4374">
      <c r="A4374" s="1">
        <v>4.90397443E8</v>
      </c>
      <c r="B4374" s="2">
        <v>11910.0</v>
      </c>
      <c r="C4374" s="1" t="s">
        <v>5</v>
      </c>
      <c r="D4374" s="1" t="s">
        <v>11</v>
      </c>
      <c r="E4374" s="1" t="s">
        <v>7</v>
      </c>
    </row>
    <row r="4375">
      <c r="A4375" s="1">
        <v>4.90397444E8</v>
      </c>
      <c r="B4375" s="2">
        <v>11852.0</v>
      </c>
      <c r="C4375" s="1" t="s">
        <v>5</v>
      </c>
      <c r="D4375" s="1" t="s">
        <v>3562</v>
      </c>
      <c r="E4375" s="1" t="s">
        <v>7</v>
      </c>
    </row>
    <row r="4376">
      <c r="A4376" s="1">
        <v>4.90397445E8</v>
      </c>
      <c r="B4376" s="2">
        <v>11871.0</v>
      </c>
      <c r="C4376" s="1" t="s">
        <v>5</v>
      </c>
      <c r="D4376" s="1" t="s">
        <v>3563</v>
      </c>
      <c r="E4376" s="1" t="s">
        <v>7</v>
      </c>
    </row>
    <row r="4377">
      <c r="A4377" s="1">
        <v>4.90397453E8</v>
      </c>
      <c r="B4377" s="2">
        <v>11894.0</v>
      </c>
      <c r="C4377" s="1" t="s">
        <v>5</v>
      </c>
      <c r="D4377" s="1" t="s">
        <v>3564</v>
      </c>
      <c r="E4377" s="1" t="s">
        <v>11</v>
      </c>
    </row>
    <row r="4378">
      <c r="A4378" s="1">
        <v>4.90397454E8</v>
      </c>
      <c r="B4378" s="2">
        <v>11853.0</v>
      </c>
      <c r="C4378" s="1" t="s">
        <v>5</v>
      </c>
      <c r="D4378" s="1" t="s">
        <v>3565</v>
      </c>
      <c r="E4378" s="1" t="s">
        <v>3566</v>
      </c>
    </row>
    <row r="4379">
      <c r="A4379" s="1">
        <v>4.90397456E8</v>
      </c>
      <c r="B4379" s="2">
        <v>11927.0</v>
      </c>
      <c r="C4379" s="1" t="s">
        <v>5</v>
      </c>
      <c r="D4379" s="1" t="s">
        <v>3567</v>
      </c>
      <c r="E4379" s="1" t="s">
        <v>11</v>
      </c>
    </row>
    <row r="4380">
      <c r="A4380" s="1">
        <v>4.90397461E8</v>
      </c>
      <c r="B4380" s="2">
        <v>11856.0</v>
      </c>
      <c r="C4380" s="1" t="s">
        <v>5</v>
      </c>
      <c r="D4380" s="1" t="s">
        <v>11</v>
      </c>
      <c r="E4380" s="1" t="s">
        <v>7</v>
      </c>
    </row>
    <row r="4381">
      <c r="A4381" s="1">
        <v>4.90397472E8</v>
      </c>
      <c r="B4381" s="2">
        <v>11871.0</v>
      </c>
      <c r="C4381" s="1" t="s">
        <v>5</v>
      </c>
      <c r="D4381" s="1" t="s">
        <v>3568</v>
      </c>
      <c r="E4381" s="1" t="s">
        <v>7</v>
      </c>
    </row>
    <row r="4382">
      <c r="A4382" s="1">
        <v>4.90397473E8</v>
      </c>
      <c r="B4382" s="2">
        <v>11876.0</v>
      </c>
      <c r="C4382" s="1" t="s">
        <v>5</v>
      </c>
      <c r="D4382" s="1" t="s">
        <v>3569</v>
      </c>
      <c r="E4382" s="1" t="s">
        <v>11</v>
      </c>
    </row>
    <row r="4383">
      <c r="A4383" s="1">
        <v>4.90397474E8</v>
      </c>
      <c r="B4383" s="2">
        <v>11858.0</v>
      </c>
      <c r="C4383" s="1" t="s">
        <v>5</v>
      </c>
      <c r="D4383" s="1" t="s">
        <v>3570</v>
      </c>
      <c r="E4383" s="1" t="s">
        <v>3571</v>
      </c>
    </row>
    <row r="4384">
      <c r="A4384" s="1">
        <v>4.90397478E8</v>
      </c>
      <c r="B4384" s="2">
        <v>11894.0</v>
      </c>
      <c r="C4384" s="1" t="s">
        <v>5</v>
      </c>
      <c r="D4384" s="1" t="s">
        <v>11</v>
      </c>
      <c r="E4384" s="1" t="s">
        <v>7</v>
      </c>
    </row>
    <row r="4385">
      <c r="A4385" s="1">
        <v>4.90397487E8</v>
      </c>
      <c r="B4385" s="2">
        <v>11927.0</v>
      </c>
      <c r="C4385" s="1" t="s">
        <v>5</v>
      </c>
      <c r="D4385" s="1" t="s">
        <v>3572</v>
      </c>
      <c r="E4385" s="1" t="s">
        <v>11</v>
      </c>
    </row>
    <row r="4386">
      <c r="A4386" s="1">
        <v>4.90397488E8</v>
      </c>
      <c r="B4386" s="2">
        <v>11880.0</v>
      </c>
      <c r="C4386" s="1" t="s">
        <v>5</v>
      </c>
      <c r="D4386" s="1" t="s">
        <v>3573</v>
      </c>
      <c r="E4386" s="1" t="s">
        <v>7</v>
      </c>
    </row>
    <row r="4387">
      <c r="A4387" s="1">
        <v>4.90397499E8</v>
      </c>
      <c r="B4387" s="2">
        <v>11843.0</v>
      </c>
      <c r="C4387" s="1" t="s">
        <v>5</v>
      </c>
      <c r="D4387" s="1" t="s">
        <v>3574</v>
      </c>
      <c r="E4387" s="1" t="s">
        <v>7</v>
      </c>
    </row>
    <row r="4388">
      <c r="A4388" s="1">
        <v>4.90397508E8</v>
      </c>
      <c r="B4388" s="2">
        <v>11961.0</v>
      </c>
      <c r="C4388" s="1" t="s">
        <v>5</v>
      </c>
      <c r="D4388" s="1" t="s">
        <v>3575</v>
      </c>
      <c r="E4388" s="1" t="s">
        <v>3576</v>
      </c>
    </row>
    <row r="4389">
      <c r="A4389" s="1">
        <v>4.90397509E8</v>
      </c>
      <c r="B4389" s="2">
        <v>11930.0</v>
      </c>
      <c r="C4389" s="1" t="s">
        <v>5</v>
      </c>
      <c r="D4389" s="1" t="s">
        <v>3577</v>
      </c>
      <c r="E4389" s="1" t="s">
        <v>7</v>
      </c>
    </row>
    <row r="4390">
      <c r="A4390" s="1">
        <v>4.90397511E8</v>
      </c>
      <c r="B4390" s="2">
        <v>11871.0</v>
      </c>
      <c r="C4390" s="1" t="s">
        <v>5</v>
      </c>
      <c r="D4390" s="1" t="s">
        <v>3578</v>
      </c>
      <c r="E4390" s="1" t="s">
        <v>7</v>
      </c>
    </row>
    <row r="4391">
      <c r="A4391" s="1">
        <v>4.90397513E8</v>
      </c>
      <c r="B4391" s="2">
        <v>11903.0</v>
      </c>
      <c r="C4391" s="1" t="s">
        <v>5</v>
      </c>
      <c r="D4391" s="1" t="s">
        <v>3579</v>
      </c>
      <c r="E4391" s="1" t="s">
        <v>7</v>
      </c>
    </row>
    <row r="4392">
      <c r="A4392" s="1">
        <v>4.90397521E8</v>
      </c>
      <c r="B4392" s="2">
        <v>11910.0</v>
      </c>
      <c r="C4392" s="1" t="s">
        <v>5</v>
      </c>
      <c r="D4392" s="1" t="s">
        <v>11</v>
      </c>
      <c r="E4392" s="1" t="s">
        <v>7</v>
      </c>
    </row>
    <row r="4393">
      <c r="A4393" s="1">
        <v>4.90397531E8</v>
      </c>
      <c r="B4393" s="2">
        <v>11880.0</v>
      </c>
      <c r="C4393" s="1" t="s">
        <v>5</v>
      </c>
      <c r="D4393" s="1" t="s">
        <v>3580</v>
      </c>
      <c r="E4393" s="1" t="s">
        <v>7</v>
      </c>
    </row>
    <row r="4394">
      <c r="A4394" s="1">
        <v>4.90397534E8</v>
      </c>
      <c r="B4394" s="2">
        <v>11871.0</v>
      </c>
      <c r="C4394" s="1" t="s">
        <v>5</v>
      </c>
      <c r="D4394" s="1" t="s">
        <v>11</v>
      </c>
      <c r="E4394" s="1" t="s">
        <v>7</v>
      </c>
    </row>
    <row r="4395">
      <c r="A4395" s="1">
        <v>4.90397543E8</v>
      </c>
      <c r="B4395" s="2">
        <v>11871.0</v>
      </c>
      <c r="C4395" s="1" t="s">
        <v>5</v>
      </c>
      <c r="D4395" s="1" t="s">
        <v>3581</v>
      </c>
      <c r="E4395" s="1" t="s">
        <v>11</v>
      </c>
    </row>
    <row r="4396">
      <c r="A4396" s="1">
        <v>4.90397546E8</v>
      </c>
      <c r="B4396" s="2">
        <v>11961.0</v>
      </c>
      <c r="C4396" s="1" t="s">
        <v>5</v>
      </c>
      <c r="D4396" s="1" t="s">
        <v>11</v>
      </c>
      <c r="E4396" s="1" t="s">
        <v>7</v>
      </c>
    </row>
    <row r="4397">
      <c r="A4397" s="1">
        <v>4.9039755E8</v>
      </c>
      <c r="B4397" s="2">
        <v>11880.0</v>
      </c>
      <c r="C4397" s="1" t="s">
        <v>5</v>
      </c>
      <c r="D4397" s="1" t="s">
        <v>3582</v>
      </c>
      <c r="E4397" s="1" t="s">
        <v>7</v>
      </c>
    </row>
    <row r="4398">
      <c r="A4398" s="1">
        <v>4.90397553E8</v>
      </c>
      <c r="B4398" s="2">
        <v>11875.0</v>
      </c>
      <c r="C4398" s="1" t="s">
        <v>5</v>
      </c>
      <c r="D4398" s="1" t="s">
        <v>11</v>
      </c>
      <c r="E4398" s="1" t="s">
        <v>7</v>
      </c>
    </row>
    <row r="4399">
      <c r="A4399" s="1">
        <v>4.90397555E8</v>
      </c>
      <c r="B4399" s="2">
        <v>11927.0</v>
      </c>
      <c r="C4399" s="1" t="s">
        <v>5</v>
      </c>
      <c r="D4399" s="1" t="s">
        <v>3583</v>
      </c>
      <c r="E4399" s="1" t="s">
        <v>11</v>
      </c>
    </row>
    <row r="4400">
      <c r="A4400" s="1">
        <v>4.90397563E8</v>
      </c>
      <c r="B4400" s="2">
        <v>11872.0</v>
      </c>
      <c r="C4400" s="1" t="s">
        <v>5</v>
      </c>
      <c r="D4400" s="1" t="s">
        <v>169</v>
      </c>
      <c r="E4400" s="1" t="s">
        <v>7</v>
      </c>
    </row>
    <row r="4401">
      <c r="A4401" s="1">
        <v>4.90397568E8</v>
      </c>
      <c r="B4401" s="2">
        <v>11930.0</v>
      </c>
      <c r="C4401" s="1" t="s">
        <v>5</v>
      </c>
      <c r="D4401" s="1" t="s">
        <v>3584</v>
      </c>
      <c r="E4401" s="1" t="s">
        <v>7</v>
      </c>
    </row>
    <row r="4402">
      <c r="A4402" s="1">
        <v>4.90397573E8</v>
      </c>
      <c r="B4402" s="2">
        <v>11843.0</v>
      </c>
      <c r="C4402" s="1" t="s">
        <v>5</v>
      </c>
      <c r="D4402" s="1" t="s">
        <v>3585</v>
      </c>
      <c r="E4402" s="1" t="s">
        <v>11</v>
      </c>
    </row>
    <row r="4403">
      <c r="A4403" s="1">
        <v>4.90397589E8</v>
      </c>
      <c r="B4403" s="2">
        <v>11880.0</v>
      </c>
      <c r="C4403" s="1" t="s">
        <v>5</v>
      </c>
      <c r="D4403" s="1" t="s">
        <v>3586</v>
      </c>
      <c r="E4403" s="1" t="s">
        <v>11</v>
      </c>
    </row>
    <row r="4404">
      <c r="A4404" s="1">
        <v>4.90397598E8</v>
      </c>
      <c r="B4404" s="2">
        <v>11882.0</v>
      </c>
      <c r="C4404" s="1" t="s">
        <v>5</v>
      </c>
      <c r="D4404" s="1" t="s">
        <v>11</v>
      </c>
      <c r="E4404" s="1" t="s">
        <v>7</v>
      </c>
    </row>
    <row r="4405">
      <c r="A4405" s="1">
        <v>4.903976E8</v>
      </c>
      <c r="B4405" s="2">
        <v>11871.0</v>
      </c>
      <c r="C4405" s="1" t="s">
        <v>5</v>
      </c>
      <c r="D4405" s="1" t="s">
        <v>7</v>
      </c>
      <c r="E4405" s="1" t="s">
        <v>7</v>
      </c>
    </row>
    <row r="4406">
      <c r="A4406" s="1">
        <v>4.90397608E8</v>
      </c>
      <c r="B4406" s="2">
        <v>11909.0</v>
      </c>
      <c r="C4406" s="1" t="s">
        <v>5</v>
      </c>
      <c r="D4406" s="1" t="s">
        <v>3587</v>
      </c>
      <c r="E4406" s="1" t="s">
        <v>7</v>
      </c>
    </row>
    <row r="4407">
      <c r="A4407" s="1">
        <v>4.90397613E8</v>
      </c>
      <c r="B4407" s="2">
        <v>11960.0</v>
      </c>
      <c r="C4407" s="1" t="s">
        <v>5</v>
      </c>
      <c r="D4407" s="1" t="s">
        <v>3588</v>
      </c>
      <c r="E4407" s="1" t="s">
        <v>7</v>
      </c>
    </row>
    <row r="4408">
      <c r="A4408" s="1">
        <v>4.90397619E8</v>
      </c>
      <c r="B4408" s="2">
        <v>11847.0</v>
      </c>
      <c r="C4408" s="1" t="s">
        <v>5</v>
      </c>
      <c r="D4408" s="1" t="s">
        <v>11</v>
      </c>
      <c r="E4408" s="1" t="s">
        <v>7</v>
      </c>
    </row>
    <row r="4409">
      <c r="A4409" s="1">
        <v>4.90397635E8</v>
      </c>
      <c r="B4409" s="2">
        <v>11881.0</v>
      </c>
      <c r="C4409" s="1" t="s">
        <v>5</v>
      </c>
      <c r="D4409" s="1" t="s">
        <v>3589</v>
      </c>
      <c r="E4409" s="1" t="s">
        <v>7</v>
      </c>
    </row>
    <row r="4410">
      <c r="A4410" s="1">
        <v>4.90397636E8</v>
      </c>
      <c r="B4410" s="2">
        <v>11871.0</v>
      </c>
      <c r="C4410" s="1" t="s">
        <v>5</v>
      </c>
      <c r="D4410" s="1" t="s">
        <v>3590</v>
      </c>
      <c r="E4410" s="1" t="s">
        <v>7</v>
      </c>
    </row>
    <row r="4411">
      <c r="A4411" s="1">
        <v>4.90397637E8</v>
      </c>
      <c r="B4411" s="2">
        <v>11843.0</v>
      </c>
      <c r="C4411" s="1" t="s">
        <v>5</v>
      </c>
      <c r="D4411" s="1" t="s">
        <v>3591</v>
      </c>
      <c r="E4411" s="1" t="s">
        <v>7</v>
      </c>
    </row>
    <row r="4412">
      <c r="A4412" s="1">
        <v>4.90397639E8</v>
      </c>
      <c r="B4412" s="2">
        <v>11929.0</v>
      </c>
      <c r="C4412" s="1" t="s">
        <v>5</v>
      </c>
      <c r="D4412" s="1" t="s">
        <v>3592</v>
      </c>
      <c r="E4412" s="1" t="s">
        <v>7</v>
      </c>
    </row>
    <row r="4413">
      <c r="A4413" s="1">
        <v>4.90397645E8</v>
      </c>
      <c r="B4413" s="2">
        <v>11909.0</v>
      </c>
      <c r="C4413" s="1" t="s">
        <v>5</v>
      </c>
      <c r="D4413" s="1" t="s">
        <v>3593</v>
      </c>
      <c r="E4413" s="1" t="s">
        <v>7</v>
      </c>
    </row>
    <row r="4414">
      <c r="A4414" s="1">
        <v>4.90397646E8</v>
      </c>
      <c r="B4414" s="2">
        <v>11880.0</v>
      </c>
      <c r="C4414" s="1" t="s">
        <v>5</v>
      </c>
      <c r="D4414" s="1" t="s">
        <v>3594</v>
      </c>
      <c r="E4414" s="1" t="s">
        <v>3595</v>
      </c>
    </row>
    <row r="4415">
      <c r="A4415" s="1">
        <v>4.90397648E8</v>
      </c>
      <c r="B4415" s="2">
        <v>11880.0</v>
      </c>
      <c r="C4415" s="1" t="s">
        <v>5</v>
      </c>
      <c r="D4415" s="1" t="s">
        <v>3596</v>
      </c>
      <c r="E4415" s="1" t="s">
        <v>7</v>
      </c>
    </row>
    <row r="4416">
      <c r="A4416" s="1">
        <v>4.90397649E8</v>
      </c>
      <c r="B4416" s="2">
        <v>11903.0</v>
      </c>
      <c r="C4416" s="1" t="s">
        <v>5</v>
      </c>
      <c r="D4416" s="1" t="s">
        <v>3597</v>
      </c>
      <c r="E4416" s="1" t="s">
        <v>7</v>
      </c>
    </row>
    <row r="4417">
      <c r="A4417" s="1">
        <v>4.90397656E8</v>
      </c>
      <c r="B4417" s="2">
        <v>11871.0</v>
      </c>
      <c r="C4417" s="1" t="s">
        <v>5</v>
      </c>
      <c r="D4417" s="1" t="s">
        <v>3598</v>
      </c>
      <c r="E4417" s="1" t="s">
        <v>11</v>
      </c>
    </row>
    <row r="4418">
      <c r="A4418" s="1">
        <v>4.90397663E8</v>
      </c>
      <c r="B4418" s="2">
        <v>11858.0</v>
      </c>
      <c r="C4418" s="1" t="s">
        <v>5</v>
      </c>
      <c r="D4418" s="1" t="s">
        <v>11</v>
      </c>
      <c r="E4418" s="1" t="s">
        <v>7</v>
      </c>
    </row>
    <row r="4419">
      <c r="A4419" s="1">
        <v>4.90397667E8</v>
      </c>
      <c r="B4419" s="2">
        <v>11930.0</v>
      </c>
      <c r="C4419" s="1" t="s">
        <v>5</v>
      </c>
      <c r="D4419" s="1" t="s">
        <v>3599</v>
      </c>
      <c r="E4419" s="1" t="s">
        <v>7</v>
      </c>
    </row>
    <row r="4420">
      <c r="A4420" s="1">
        <v>4.90397669E8</v>
      </c>
      <c r="B4420" s="2">
        <v>11842.0</v>
      </c>
      <c r="C4420" s="1" t="s">
        <v>5</v>
      </c>
      <c r="D4420" s="1" t="s">
        <v>3600</v>
      </c>
      <c r="E4420" s="1" t="s">
        <v>11</v>
      </c>
    </row>
    <row r="4421">
      <c r="A4421" s="1">
        <v>4.90397674E8</v>
      </c>
      <c r="B4421" s="2">
        <v>11880.0</v>
      </c>
      <c r="C4421" s="1" t="s">
        <v>5</v>
      </c>
      <c r="D4421" s="1" t="s">
        <v>11</v>
      </c>
      <c r="E4421" s="1" t="s">
        <v>7</v>
      </c>
    </row>
    <row r="4422">
      <c r="A4422" s="1">
        <v>4.90397677E8</v>
      </c>
      <c r="B4422" s="2">
        <v>11960.0</v>
      </c>
      <c r="C4422" s="1" t="s">
        <v>5</v>
      </c>
      <c r="D4422" s="1" t="s">
        <v>3601</v>
      </c>
      <c r="E4422" s="1" t="s">
        <v>7</v>
      </c>
    </row>
    <row r="4423">
      <c r="A4423" s="1">
        <v>4.90397678E8</v>
      </c>
      <c r="B4423" s="2">
        <v>11880.0</v>
      </c>
      <c r="C4423" s="1" t="s">
        <v>5</v>
      </c>
      <c r="D4423" s="1" t="s">
        <v>3602</v>
      </c>
      <c r="E4423" s="1" t="s">
        <v>7</v>
      </c>
    </row>
    <row r="4424">
      <c r="A4424" s="1">
        <v>4.90397695E8</v>
      </c>
      <c r="B4424" s="2">
        <v>11871.0</v>
      </c>
      <c r="C4424" s="1" t="s">
        <v>5</v>
      </c>
      <c r="D4424" s="1" t="s">
        <v>11</v>
      </c>
      <c r="E4424" s="1" t="s">
        <v>7</v>
      </c>
    </row>
    <row r="4425">
      <c r="A4425" s="1">
        <v>4.90397698E8</v>
      </c>
      <c r="B4425" s="2">
        <v>11932.0</v>
      </c>
      <c r="C4425" s="1" t="s">
        <v>5</v>
      </c>
      <c r="D4425" s="1" t="s">
        <v>3603</v>
      </c>
      <c r="E4425" s="1" t="s">
        <v>7</v>
      </c>
    </row>
    <row r="4426">
      <c r="A4426" s="1">
        <v>4.90397699E8</v>
      </c>
      <c r="B4426" s="2">
        <v>11906.0</v>
      </c>
      <c r="C4426" s="1" t="s">
        <v>5</v>
      </c>
      <c r="D4426" s="1" t="s">
        <v>3604</v>
      </c>
      <c r="E4426" s="1" t="s">
        <v>7</v>
      </c>
    </row>
    <row r="4427">
      <c r="A4427" s="1">
        <v>4.90397704E8</v>
      </c>
      <c r="B4427" s="2">
        <v>11842.0</v>
      </c>
      <c r="C4427" s="1" t="s">
        <v>5</v>
      </c>
      <c r="D4427" s="1" t="s">
        <v>3605</v>
      </c>
      <c r="E4427" s="1" t="s">
        <v>11</v>
      </c>
    </row>
    <row r="4428">
      <c r="A4428" s="1">
        <v>4.90397708E8</v>
      </c>
      <c r="B4428" s="2">
        <v>11961.0</v>
      </c>
      <c r="C4428" s="1" t="s">
        <v>5</v>
      </c>
      <c r="D4428" s="1" t="s">
        <v>3606</v>
      </c>
      <c r="E4428" s="1" t="s">
        <v>7</v>
      </c>
    </row>
    <row r="4429">
      <c r="A4429" s="1">
        <v>4.90397709E8</v>
      </c>
      <c r="B4429" s="2">
        <v>11906.0</v>
      </c>
      <c r="C4429" s="1" t="s">
        <v>5</v>
      </c>
      <c r="D4429" s="1" t="s">
        <v>3607</v>
      </c>
      <c r="E4429" s="1" t="s">
        <v>7</v>
      </c>
    </row>
    <row r="4430">
      <c r="A4430" s="1">
        <v>4.90397714E8</v>
      </c>
      <c r="B4430" s="2">
        <v>11880.0</v>
      </c>
      <c r="C4430" s="1" t="s">
        <v>5</v>
      </c>
      <c r="D4430" s="1" t="s">
        <v>3608</v>
      </c>
      <c r="E4430" s="1" t="s">
        <v>11</v>
      </c>
    </row>
    <row r="4431">
      <c r="A4431" s="1">
        <v>4.90397715E8</v>
      </c>
      <c r="B4431" s="2">
        <v>11909.0</v>
      </c>
      <c r="C4431" s="1" t="s">
        <v>5</v>
      </c>
      <c r="D4431" s="1" t="s">
        <v>11</v>
      </c>
      <c r="E4431" s="1" t="s">
        <v>7</v>
      </c>
    </row>
    <row r="4432">
      <c r="A4432" s="1">
        <v>4.90397718E8</v>
      </c>
      <c r="B4432" s="2">
        <v>11875.0</v>
      </c>
      <c r="C4432" s="1" t="s">
        <v>5</v>
      </c>
      <c r="D4432" s="1" t="s">
        <v>3609</v>
      </c>
      <c r="E4432" s="1" t="s">
        <v>7</v>
      </c>
    </row>
    <row r="4433">
      <c r="A4433" s="1">
        <v>4.9039772E8</v>
      </c>
      <c r="B4433" s="2">
        <v>11871.0</v>
      </c>
      <c r="C4433" s="1" t="s">
        <v>5</v>
      </c>
      <c r="D4433" s="1" t="s">
        <v>3610</v>
      </c>
      <c r="E4433" s="1" t="s">
        <v>7</v>
      </c>
    </row>
    <row r="4434">
      <c r="A4434" s="1">
        <v>4.90397725E8</v>
      </c>
      <c r="B4434" s="2">
        <v>11843.0</v>
      </c>
      <c r="C4434" s="1" t="s">
        <v>5</v>
      </c>
      <c r="D4434" s="1" t="s">
        <v>3611</v>
      </c>
      <c r="E4434" s="1" t="s">
        <v>11</v>
      </c>
    </row>
    <row r="4435">
      <c r="A4435" s="1">
        <v>4.90397728E8</v>
      </c>
      <c r="B4435" s="2">
        <v>11843.0</v>
      </c>
      <c r="C4435" s="1" t="s">
        <v>5</v>
      </c>
      <c r="D4435" s="1" t="s">
        <v>3612</v>
      </c>
      <c r="E4435" s="1" t="s">
        <v>7</v>
      </c>
    </row>
    <row r="4436">
      <c r="A4436" s="1">
        <v>4.90397729E8</v>
      </c>
      <c r="B4436" s="2">
        <v>11880.0</v>
      </c>
      <c r="C4436" s="1" t="s">
        <v>5</v>
      </c>
      <c r="D4436" s="1" t="s">
        <v>3613</v>
      </c>
      <c r="E4436" s="1" t="s">
        <v>11</v>
      </c>
    </row>
    <row r="4437">
      <c r="A4437" s="1">
        <v>4.90397733E8</v>
      </c>
      <c r="B4437" s="2">
        <v>11880.0</v>
      </c>
      <c r="C4437" s="1" t="s">
        <v>5</v>
      </c>
      <c r="D4437" s="1" t="s">
        <v>3614</v>
      </c>
      <c r="E4437" s="1" t="s">
        <v>11</v>
      </c>
    </row>
    <row r="4438">
      <c r="A4438" s="1">
        <v>4.90397734E8</v>
      </c>
      <c r="B4438" s="2">
        <v>11871.0</v>
      </c>
      <c r="C4438" s="1" t="s">
        <v>5</v>
      </c>
      <c r="D4438" s="1" t="s">
        <v>3615</v>
      </c>
      <c r="E4438" s="1" t="s">
        <v>7</v>
      </c>
    </row>
    <row r="4439">
      <c r="A4439" s="1">
        <v>4.90397736E8</v>
      </c>
      <c r="B4439" s="2">
        <v>11860.0</v>
      </c>
      <c r="C4439" s="1" t="s">
        <v>5</v>
      </c>
      <c r="D4439" s="1" t="s">
        <v>3616</v>
      </c>
      <c r="E4439" s="1" t="s">
        <v>7</v>
      </c>
    </row>
    <row r="4440">
      <c r="A4440" s="1">
        <v>4.90397747E8</v>
      </c>
      <c r="B4440" s="2">
        <v>11881.0</v>
      </c>
      <c r="C4440" s="1" t="s">
        <v>5</v>
      </c>
      <c r="D4440" s="1" t="s">
        <v>3617</v>
      </c>
      <c r="E4440" s="1" t="s">
        <v>11</v>
      </c>
    </row>
    <row r="4441">
      <c r="A4441" s="1">
        <v>4.9039775E8</v>
      </c>
      <c r="B4441" s="2">
        <v>11960.0</v>
      </c>
      <c r="C4441" s="1" t="s">
        <v>5</v>
      </c>
      <c r="D4441" s="1" t="s">
        <v>3618</v>
      </c>
      <c r="E4441" s="1" t="s">
        <v>11</v>
      </c>
    </row>
    <row r="4442">
      <c r="A4442" s="1">
        <v>4.90397752E8</v>
      </c>
      <c r="B4442" s="2">
        <v>11842.0</v>
      </c>
      <c r="C4442" s="1" t="s">
        <v>5</v>
      </c>
      <c r="D4442" s="1" t="s">
        <v>11</v>
      </c>
      <c r="E4442" s="1" t="s">
        <v>7</v>
      </c>
    </row>
    <row r="4443">
      <c r="A4443" s="1">
        <v>4.90397753E8</v>
      </c>
      <c r="B4443" s="2">
        <v>11872.0</v>
      </c>
      <c r="C4443" s="1" t="s">
        <v>5</v>
      </c>
      <c r="D4443" s="1" t="s">
        <v>11</v>
      </c>
      <c r="E4443" s="1" t="s">
        <v>7</v>
      </c>
    </row>
    <row r="4444">
      <c r="A4444" s="1">
        <v>4.90397754E8</v>
      </c>
      <c r="B4444" s="2">
        <v>11843.0</v>
      </c>
      <c r="C4444" s="1" t="s">
        <v>5</v>
      </c>
      <c r="D4444" s="1" t="s">
        <v>11</v>
      </c>
      <c r="E4444" s="1" t="s">
        <v>7</v>
      </c>
    </row>
    <row r="4445">
      <c r="A4445" s="1">
        <v>4.90397757E8</v>
      </c>
      <c r="B4445" s="2">
        <v>11930.0</v>
      </c>
      <c r="C4445" s="1" t="s">
        <v>5</v>
      </c>
      <c r="D4445" s="1" t="s">
        <v>3619</v>
      </c>
      <c r="E4445" s="1" t="s">
        <v>7</v>
      </c>
    </row>
    <row r="4446">
      <c r="A4446" s="1">
        <v>4.90397758E8</v>
      </c>
      <c r="B4446" s="2">
        <v>11853.0</v>
      </c>
      <c r="C4446" s="1" t="s">
        <v>5</v>
      </c>
      <c r="D4446" s="1" t="s">
        <v>3620</v>
      </c>
      <c r="E4446" s="1" t="s">
        <v>11</v>
      </c>
    </row>
    <row r="4447">
      <c r="A4447" s="1">
        <v>4.90397761E8</v>
      </c>
      <c r="B4447" s="2">
        <v>11906.0</v>
      </c>
      <c r="C4447" s="1" t="s">
        <v>5</v>
      </c>
      <c r="D4447" s="1" t="s">
        <v>7</v>
      </c>
      <c r="E4447" s="1" t="s">
        <v>7</v>
      </c>
    </row>
    <row r="4448">
      <c r="A4448" s="1">
        <v>4.90397763E8</v>
      </c>
      <c r="B4448" s="2">
        <v>11842.0</v>
      </c>
      <c r="C4448" s="1" t="s">
        <v>5</v>
      </c>
      <c r="D4448" s="1" t="s">
        <v>3621</v>
      </c>
      <c r="E4448" s="1" t="s">
        <v>11</v>
      </c>
    </row>
    <row r="4449">
      <c r="A4449" s="1">
        <v>4.90397765E8</v>
      </c>
      <c r="B4449" s="2">
        <v>11854.0</v>
      </c>
      <c r="C4449" s="1" t="s">
        <v>5</v>
      </c>
      <c r="D4449" s="1" t="s">
        <v>3622</v>
      </c>
      <c r="E4449" s="1" t="s">
        <v>3623</v>
      </c>
    </row>
    <row r="4450">
      <c r="A4450" s="1">
        <v>4.90397769E8</v>
      </c>
      <c r="B4450" s="2">
        <v>11880.0</v>
      </c>
      <c r="C4450" s="1" t="s">
        <v>5</v>
      </c>
      <c r="D4450" s="1" t="s">
        <v>11</v>
      </c>
      <c r="E4450" s="1" t="s">
        <v>7</v>
      </c>
    </row>
    <row r="4451">
      <c r="A4451" s="1">
        <v>4.9039777E8</v>
      </c>
      <c r="B4451" s="2">
        <v>11902.0</v>
      </c>
      <c r="C4451" s="1" t="s">
        <v>5</v>
      </c>
      <c r="D4451" s="1" t="s">
        <v>3624</v>
      </c>
      <c r="E4451" s="1" t="s">
        <v>11</v>
      </c>
    </row>
    <row r="4452">
      <c r="A4452" s="1">
        <v>4.90397779E8</v>
      </c>
      <c r="B4452" s="2">
        <v>11902.0</v>
      </c>
      <c r="C4452" s="1" t="s">
        <v>5</v>
      </c>
      <c r="D4452" s="1" t="s">
        <v>11</v>
      </c>
      <c r="E4452" s="1" t="s">
        <v>7</v>
      </c>
    </row>
    <row r="4453">
      <c r="A4453" s="1">
        <v>4.90397783E8</v>
      </c>
      <c r="B4453" s="2">
        <v>11853.0</v>
      </c>
      <c r="C4453" s="1" t="s">
        <v>5</v>
      </c>
      <c r="D4453" s="1" t="s">
        <v>11</v>
      </c>
      <c r="E4453" s="1" t="s">
        <v>7</v>
      </c>
    </row>
    <row r="4454">
      <c r="A4454" s="1">
        <v>4.90397799E8</v>
      </c>
      <c r="B4454" s="2">
        <v>11875.0</v>
      </c>
      <c r="C4454" s="1" t="s">
        <v>5</v>
      </c>
      <c r="D4454" s="1" t="s">
        <v>11</v>
      </c>
      <c r="E4454" s="1" t="s">
        <v>7</v>
      </c>
    </row>
    <row r="4455">
      <c r="A4455" s="1">
        <v>4.90397806E8</v>
      </c>
      <c r="B4455" s="2">
        <v>11845.0</v>
      </c>
      <c r="C4455" s="1" t="s">
        <v>5</v>
      </c>
      <c r="D4455" s="1" t="s">
        <v>3625</v>
      </c>
      <c r="E4455" s="1" t="s">
        <v>7</v>
      </c>
    </row>
    <row r="4456">
      <c r="A4456" s="1">
        <v>4.90397814E8</v>
      </c>
      <c r="B4456" s="2">
        <v>11902.0</v>
      </c>
      <c r="C4456" s="1" t="s">
        <v>5</v>
      </c>
      <c r="D4456" s="1" t="s">
        <v>11</v>
      </c>
      <c r="E4456" s="1" t="s">
        <v>7</v>
      </c>
    </row>
    <row r="4457">
      <c r="A4457" s="1">
        <v>4.90397818E8</v>
      </c>
      <c r="B4457" s="2">
        <v>11906.0</v>
      </c>
      <c r="C4457" s="1" t="s">
        <v>5</v>
      </c>
      <c r="D4457" s="1" t="s">
        <v>11</v>
      </c>
      <c r="E4457" s="1" t="s">
        <v>7</v>
      </c>
    </row>
    <row r="4458">
      <c r="A4458" s="1">
        <v>4.90397821E8</v>
      </c>
      <c r="B4458" s="2">
        <v>11959.0</v>
      </c>
      <c r="C4458" s="1" t="s">
        <v>5</v>
      </c>
      <c r="D4458" s="1" t="s">
        <v>3626</v>
      </c>
      <c r="E4458" s="1" t="s">
        <v>3627</v>
      </c>
    </row>
    <row r="4459">
      <c r="A4459" s="1">
        <v>4.90397823E8</v>
      </c>
      <c r="B4459" s="2">
        <v>11843.0</v>
      </c>
      <c r="C4459" s="1" t="s">
        <v>5</v>
      </c>
      <c r="D4459" s="1" t="s">
        <v>3628</v>
      </c>
      <c r="E4459" s="1" t="s">
        <v>11</v>
      </c>
    </row>
    <row r="4460">
      <c r="A4460" s="1">
        <v>4.90397824E8</v>
      </c>
      <c r="B4460" s="2">
        <v>11843.0</v>
      </c>
      <c r="C4460" s="1" t="s">
        <v>5</v>
      </c>
      <c r="D4460" s="1" t="s">
        <v>3629</v>
      </c>
      <c r="E4460" s="1" t="s">
        <v>11</v>
      </c>
    </row>
    <row r="4461">
      <c r="A4461" s="1">
        <v>4.90397829E8</v>
      </c>
      <c r="B4461" s="2">
        <v>11905.0</v>
      </c>
      <c r="C4461" s="1" t="s">
        <v>5</v>
      </c>
      <c r="D4461" s="1" t="s">
        <v>11</v>
      </c>
      <c r="E4461" s="1" t="s">
        <v>7</v>
      </c>
    </row>
    <row r="4462">
      <c r="A4462" s="1">
        <v>4.9039783E8</v>
      </c>
      <c r="B4462" s="2">
        <v>11871.0</v>
      </c>
      <c r="C4462" s="1" t="s">
        <v>5</v>
      </c>
      <c r="D4462" s="1" t="s">
        <v>3630</v>
      </c>
      <c r="E4462" s="1" t="s">
        <v>11</v>
      </c>
    </row>
    <row r="4463">
      <c r="A4463" s="1">
        <v>4.90397832E8</v>
      </c>
      <c r="B4463" s="2">
        <v>11853.0</v>
      </c>
      <c r="C4463" s="1" t="s">
        <v>5</v>
      </c>
      <c r="D4463" s="1" t="s">
        <v>11</v>
      </c>
      <c r="E4463" s="1" t="s">
        <v>7</v>
      </c>
    </row>
    <row r="4464">
      <c r="A4464" s="1">
        <v>4.90397835E8</v>
      </c>
      <c r="B4464" s="2">
        <v>11845.0</v>
      </c>
      <c r="C4464" s="1" t="s">
        <v>5</v>
      </c>
      <c r="D4464" s="1" t="s">
        <v>3631</v>
      </c>
      <c r="E4464" s="1" t="s">
        <v>11</v>
      </c>
    </row>
    <row r="4465">
      <c r="A4465" s="1">
        <v>4.90397837E8</v>
      </c>
      <c r="B4465" s="2">
        <v>11906.0</v>
      </c>
      <c r="C4465" s="1" t="s">
        <v>5</v>
      </c>
      <c r="D4465" s="1" t="s">
        <v>11</v>
      </c>
      <c r="E4465" s="1" t="s">
        <v>7</v>
      </c>
    </row>
    <row r="4466">
      <c r="A4466" s="1">
        <v>4.90397843E8</v>
      </c>
      <c r="B4466" s="2">
        <v>11856.0</v>
      </c>
      <c r="C4466" s="1" t="s">
        <v>5</v>
      </c>
      <c r="D4466" s="1" t="s">
        <v>3632</v>
      </c>
      <c r="E4466" s="1" t="s">
        <v>7</v>
      </c>
    </row>
    <row r="4467">
      <c r="A4467" s="1">
        <v>4.90397845E8</v>
      </c>
      <c r="B4467" s="2">
        <v>11905.0</v>
      </c>
      <c r="C4467" s="1" t="s">
        <v>5</v>
      </c>
      <c r="D4467" s="1" t="s">
        <v>11</v>
      </c>
      <c r="E4467" s="1" t="s">
        <v>7</v>
      </c>
    </row>
    <row r="4468">
      <c r="A4468" s="1">
        <v>4.90397863E8</v>
      </c>
      <c r="B4468" s="2">
        <v>11843.0</v>
      </c>
      <c r="C4468" s="1" t="s">
        <v>5</v>
      </c>
      <c r="D4468" s="1" t="s">
        <v>11</v>
      </c>
      <c r="E4468" s="1" t="s">
        <v>7</v>
      </c>
    </row>
    <row r="4469">
      <c r="A4469" s="1">
        <v>4.90397865E8</v>
      </c>
      <c r="B4469" s="2">
        <v>11902.0</v>
      </c>
      <c r="C4469" s="1" t="s">
        <v>5</v>
      </c>
      <c r="D4469" s="1" t="s">
        <v>1392</v>
      </c>
      <c r="E4469" s="1" t="s">
        <v>7</v>
      </c>
    </row>
    <row r="4470">
      <c r="A4470" s="1">
        <v>4.90397878E8</v>
      </c>
      <c r="B4470" s="2">
        <v>11853.0</v>
      </c>
      <c r="C4470" s="1" t="s">
        <v>5</v>
      </c>
      <c r="D4470" s="1" t="s">
        <v>3633</v>
      </c>
      <c r="E4470" s="1" t="s">
        <v>11</v>
      </c>
    </row>
    <row r="4471">
      <c r="A4471" s="1">
        <v>4.90397879E8</v>
      </c>
      <c r="B4471" s="2">
        <v>11841.0</v>
      </c>
      <c r="C4471" s="1" t="s">
        <v>5</v>
      </c>
      <c r="D4471" s="1" t="s">
        <v>3634</v>
      </c>
      <c r="E4471" s="1" t="s">
        <v>11</v>
      </c>
    </row>
    <row r="4472">
      <c r="A4472" s="1">
        <v>4.90397887E8</v>
      </c>
      <c r="B4472" s="2">
        <v>11849.0</v>
      </c>
      <c r="C4472" s="1" t="s">
        <v>5</v>
      </c>
      <c r="D4472" s="1" t="s">
        <v>3635</v>
      </c>
      <c r="E4472" s="1" t="s">
        <v>7</v>
      </c>
    </row>
    <row r="4473">
      <c r="A4473" s="1">
        <v>4.90397888E8</v>
      </c>
      <c r="B4473" s="2">
        <v>11902.0</v>
      </c>
      <c r="C4473" s="1" t="s">
        <v>5</v>
      </c>
      <c r="D4473" s="1" t="s">
        <v>3636</v>
      </c>
      <c r="E4473" s="1" t="s">
        <v>11</v>
      </c>
    </row>
    <row r="4474">
      <c r="A4474" s="1">
        <v>4.90397889E8</v>
      </c>
      <c r="B4474" s="2">
        <v>11928.0</v>
      </c>
      <c r="C4474" s="1" t="s">
        <v>5</v>
      </c>
      <c r="D4474" s="1" t="s">
        <v>3637</v>
      </c>
      <c r="E4474" s="1" t="s">
        <v>11</v>
      </c>
    </row>
    <row r="4475">
      <c r="A4475" s="1">
        <v>4.90397891E8</v>
      </c>
      <c r="B4475" s="2">
        <v>11880.0</v>
      </c>
      <c r="C4475" s="1" t="s">
        <v>5</v>
      </c>
      <c r="D4475" s="1" t="s">
        <v>3638</v>
      </c>
      <c r="E4475" s="1" t="s">
        <v>7</v>
      </c>
    </row>
    <row r="4476">
      <c r="A4476" s="1">
        <v>4.903979E8</v>
      </c>
      <c r="B4476" s="2">
        <v>11960.0</v>
      </c>
      <c r="C4476" s="1" t="s">
        <v>5</v>
      </c>
      <c r="D4476" s="1" t="s">
        <v>3639</v>
      </c>
      <c r="E4476" s="1" t="s">
        <v>11</v>
      </c>
    </row>
    <row r="4477">
      <c r="A4477" s="1">
        <v>4.90397901E8</v>
      </c>
      <c r="B4477" s="2">
        <v>11905.0</v>
      </c>
      <c r="C4477" s="1" t="s">
        <v>5</v>
      </c>
      <c r="D4477" s="1" t="s">
        <v>3640</v>
      </c>
      <c r="E4477" s="1" t="s">
        <v>7</v>
      </c>
    </row>
    <row r="4478">
      <c r="A4478" s="1">
        <v>4.90397908E8</v>
      </c>
      <c r="B4478" s="2">
        <v>11902.0</v>
      </c>
      <c r="C4478" s="1" t="s">
        <v>5</v>
      </c>
      <c r="D4478" s="1" t="s">
        <v>11</v>
      </c>
      <c r="E4478" s="1" t="s">
        <v>7</v>
      </c>
    </row>
    <row r="4479">
      <c r="A4479" s="1">
        <v>4.90397915E8</v>
      </c>
      <c r="B4479" s="2">
        <v>11860.0</v>
      </c>
      <c r="C4479" s="1" t="s">
        <v>5</v>
      </c>
      <c r="D4479" s="1" t="s">
        <v>169</v>
      </c>
      <c r="E4479" s="1" t="s">
        <v>7</v>
      </c>
    </row>
    <row r="4480">
      <c r="A4480" s="1">
        <v>4.90397918E8</v>
      </c>
      <c r="B4480" s="2">
        <v>11904.0</v>
      </c>
      <c r="C4480" s="1" t="s">
        <v>5</v>
      </c>
      <c r="D4480" s="1" t="s">
        <v>3641</v>
      </c>
      <c r="E4480" s="1" t="s">
        <v>11</v>
      </c>
    </row>
    <row r="4481">
      <c r="A4481" s="1">
        <v>4.90397922E8</v>
      </c>
      <c r="B4481" s="2">
        <v>11932.0</v>
      </c>
      <c r="C4481" s="1" t="s">
        <v>5</v>
      </c>
      <c r="D4481" s="1" t="s">
        <v>3642</v>
      </c>
      <c r="E4481" s="1" t="s">
        <v>11</v>
      </c>
    </row>
    <row r="4482">
      <c r="A4482" s="1">
        <v>4.90397943E8</v>
      </c>
      <c r="B4482" s="2">
        <v>11905.0</v>
      </c>
      <c r="C4482" s="1" t="s">
        <v>5</v>
      </c>
      <c r="D4482" s="1" t="s">
        <v>3643</v>
      </c>
      <c r="E4482" s="1" t="s">
        <v>7</v>
      </c>
    </row>
    <row r="4483">
      <c r="A4483" s="1">
        <v>4.90397945E8</v>
      </c>
      <c r="B4483" s="2">
        <v>11904.0</v>
      </c>
      <c r="C4483" s="1" t="s">
        <v>5</v>
      </c>
      <c r="D4483" s="1" t="s">
        <v>3644</v>
      </c>
      <c r="E4483" s="1" t="s">
        <v>7</v>
      </c>
    </row>
    <row r="4484">
      <c r="A4484" s="1">
        <v>4.90397948E8</v>
      </c>
      <c r="B4484" s="2">
        <v>11848.0</v>
      </c>
      <c r="C4484" s="1" t="s">
        <v>5</v>
      </c>
      <c r="D4484" s="1" t="s">
        <v>3645</v>
      </c>
      <c r="E4484" s="1" t="s">
        <v>7</v>
      </c>
    </row>
    <row r="4485">
      <c r="A4485" s="1">
        <v>4.90397949E8</v>
      </c>
      <c r="B4485" s="2">
        <v>11932.0</v>
      </c>
      <c r="C4485" s="1" t="s">
        <v>5</v>
      </c>
      <c r="D4485" s="1" t="s">
        <v>3646</v>
      </c>
      <c r="E4485" s="1" t="s">
        <v>7</v>
      </c>
    </row>
    <row r="4486">
      <c r="A4486" s="1">
        <v>4.90397954E8</v>
      </c>
      <c r="B4486" s="2">
        <v>11874.0</v>
      </c>
      <c r="C4486" s="1" t="s">
        <v>5</v>
      </c>
      <c r="D4486" s="1" t="s">
        <v>3647</v>
      </c>
      <c r="E4486" s="1" t="s">
        <v>7</v>
      </c>
    </row>
    <row r="4487">
      <c r="A4487" s="1">
        <v>4.90397958E8</v>
      </c>
      <c r="B4487" s="2">
        <v>11879.0</v>
      </c>
      <c r="C4487" s="1" t="s">
        <v>5</v>
      </c>
      <c r="D4487" s="1" t="s">
        <v>3648</v>
      </c>
      <c r="E4487" s="1" t="s">
        <v>7</v>
      </c>
    </row>
    <row r="4488">
      <c r="A4488" s="1">
        <v>4.9039796E8</v>
      </c>
      <c r="B4488" s="2">
        <v>11843.0</v>
      </c>
      <c r="C4488" s="1" t="s">
        <v>5</v>
      </c>
      <c r="D4488" s="1" t="s">
        <v>3649</v>
      </c>
      <c r="E4488" s="1" t="s">
        <v>11</v>
      </c>
    </row>
    <row r="4489">
      <c r="A4489" s="1">
        <v>4.90397968E8</v>
      </c>
      <c r="B4489" s="2">
        <v>11904.0</v>
      </c>
      <c r="C4489" s="1" t="s">
        <v>5</v>
      </c>
      <c r="D4489" s="1" t="s">
        <v>3650</v>
      </c>
      <c r="E4489" s="1" t="s">
        <v>11</v>
      </c>
    </row>
    <row r="4490">
      <c r="A4490" s="1">
        <v>4.90397973E8</v>
      </c>
      <c r="B4490" s="2">
        <v>11860.0</v>
      </c>
      <c r="C4490" s="1" t="s">
        <v>5</v>
      </c>
      <c r="D4490" s="1" t="s">
        <v>3651</v>
      </c>
      <c r="E4490" s="1" t="s">
        <v>11</v>
      </c>
    </row>
    <row r="4491">
      <c r="A4491" s="1">
        <v>4.90397974E8</v>
      </c>
      <c r="B4491" s="2">
        <v>11874.0</v>
      </c>
      <c r="C4491" s="1" t="s">
        <v>5</v>
      </c>
      <c r="D4491" s="1" t="s">
        <v>11</v>
      </c>
      <c r="E4491" s="1" t="s">
        <v>7</v>
      </c>
    </row>
    <row r="4492">
      <c r="A4492" s="1">
        <v>4.90397978E8</v>
      </c>
      <c r="B4492" s="2">
        <v>11879.0</v>
      </c>
      <c r="C4492" s="1" t="s">
        <v>5</v>
      </c>
      <c r="D4492" s="1" t="s">
        <v>11</v>
      </c>
      <c r="E4492" s="1" t="s">
        <v>7</v>
      </c>
    </row>
    <row r="4493">
      <c r="A4493" s="1">
        <v>4.90397996E8</v>
      </c>
      <c r="B4493" s="2">
        <v>11841.0</v>
      </c>
      <c r="C4493" s="1" t="s">
        <v>5</v>
      </c>
      <c r="D4493" s="1" t="s">
        <v>11</v>
      </c>
      <c r="E4493" s="1" t="s">
        <v>7</v>
      </c>
    </row>
    <row r="4494">
      <c r="A4494" s="1">
        <v>4.90397997E8</v>
      </c>
      <c r="B4494" s="2">
        <v>11931.0</v>
      </c>
      <c r="C4494" s="1" t="s">
        <v>5</v>
      </c>
      <c r="D4494" s="1" t="s">
        <v>11</v>
      </c>
      <c r="E4494" s="1" t="s">
        <v>7</v>
      </c>
    </row>
    <row r="4495">
      <c r="A4495" s="1">
        <v>4.90398E8</v>
      </c>
      <c r="B4495" s="2">
        <v>11905.0</v>
      </c>
      <c r="C4495" s="1" t="s">
        <v>5</v>
      </c>
      <c r="D4495" s="1" t="s">
        <v>3652</v>
      </c>
      <c r="E4495" s="1" t="s">
        <v>7</v>
      </c>
    </row>
    <row r="4496">
      <c r="A4496" s="1">
        <v>4.90398003E8</v>
      </c>
      <c r="B4496" s="2">
        <v>11959.0</v>
      </c>
      <c r="C4496" s="1" t="s">
        <v>5</v>
      </c>
      <c r="D4496" s="1" t="s">
        <v>3653</v>
      </c>
      <c r="E4496" s="1" t="s">
        <v>11</v>
      </c>
    </row>
    <row r="4497">
      <c r="A4497" s="1">
        <v>4.90398007E8</v>
      </c>
      <c r="B4497" s="2">
        <v>11932.0</v>
      </c>
      <c r="C4497" s="1" t="s">
        <v>5</v>
      </c>
      <c r="D4497" s="1" t="s">
        <v>3654</v>
      </c>
      <c r="E4497" s="1" t="s">
        <v>11</v>
      </c>
    </row>
    <row r="4498">
      <c r="A4498" s="1">
        <v>4.90398011E8</v>
      </c>
      <c r="B4498" s="2">
        <v>11848.0</v>
      </c>
      <c r="C4498" s="1" t="s">
        <v>5</v>
      </c>
      <c r="D4498" s="1" t="s">
        <v>3655</v>
      </c>
      <c r="E4498" s="1" t="s">
        <v>11</v>
      </c>
    </row>
    <row r="4499">
      <c r="A4499" s="1">
        <v>4.90398013E8</v>
      </c>
      <c r="B4499" s="2">
        <v>11879.0</v>
      </c>
      <c r="C4499" s="1" t="s">
        <v>5</v>
      </c>
      <c r="D4499" s="1" t="s">
        <v>3656</v>
      </c>
      <c r="E4499" s="1" t="s">
        <v>11</v>
      </c>
    </row>
    <row r="4500">
      <c r="A4500" s="1">
        <v>4.90398019E8</v>
      </c>
      <c r="B4500" s="2">
        <v>11932.0</v>
      </c>
      <c r="C4500" s="1" t="s">
        <v>5</v>
      </c>
      <c r="D4500" s="1" t="s">
        <v>3657</v>
      </c>
      <c r="E4500" s="1" t="s">
        <v>11</v>
      </c>
    </row>
    <row r="4501">
      <c r="A4501" s="1">
        <v>4.9039802E8</v>
      </c>
      <c r="B4501" s="2">
        <v>11874.0</v>
      </c>
      <c r="C4501" s="1" t="s">
        <v>5</v>
      </c>
      <c r="D4501" s="1" t="s">
        <v>3658</v>
      </c>
      <c r="E4501" s="1" t="s">
        <v>7</v>
      </c>
    </row>
    <row r="4502">
      <c r="A4502" s="1">
        <v>4.90398023E8</v>
      </c>
      <c r="B4502" s="2">
        <v>11951.0</v>
      </c>
      <c r="C4502" s="1" t="s">
        <v>5</v>
      </c>
      <c r="D4502" s="1" t="s">
        <v>11</v>
      </c>
      <c r="E4502" s="1" t="s">
        <v>7</v>
      </c>
    </row>
    <row r="4503">
      <c r="A4503" s="1">
        <v>4.90398026E8</v>
      </c>
      <c r="B4503" s="2">
        <v>11910.0</v>
      </c>
      <c r="C4503" s="1" t="s">
        <v>5</v>
      </c>
      <c r="D4503" s="1" t="s">
        <v>3659</v>
      </c>
      <c r="E4503" s="1" t="s">
        <v>7</v>
      </c>
    </row>
    <row r="4504">
      <c r="A4504" s="1">
        <v>4.90398037E8</v>
      </c>
      <c r="B4504" s="2">
        <v>11903.0</v>
      </c>
      <c r="C4504" s="1" t="s">
        <v>5</v>
      </c>
      <c r="D4504" s="1" t="s">
        <v>3660</v>
      </c>
      <c r="E4504" s="1" t="s">
        <v>11</v>
      </c>
    </row>
    <row r="4505">
      <c r="A4505" s="1">
        <v>4.90398046E8</v>
      </c>
      <c r="B4505" s="2">
        <v>11927.0</v>
      </c>
      <c r="C4505" s="1" t="s">
        <v>5</v>
      </c>
      <c r="D4505" s="1" t="s">
        <v>3661</v>
      </c>
      <c r="E4505" s="1" t="s">
        <v>11</v>
      </c>
    </row>
    <row r="4506">
      <c r="A4506" s="1">
        <v>4.90398048E8</v>
      </c>
      <c r="B4506" s="2">
        <v>11932.0</v>
      </c>
      <c r="C4506" s="1" t="s">
        <v>5</v>
      </c>
      <c r="D4506" s="1" t="s">
        <v>3662</v>
      </c>
      <c r="E4506" s="1" t="s">
        <v>7</v>
      </c>
    </row>
    <row r="4507">
      <c r="A4507" s="1">
        <v>4.90398064E8</v>
      </c>
      <c r="B4507" s="2">
        <v>11951.0</v>
      </c>
      <c r="C4507" s="1" t="s">
        <v>5</v>
      </c>
      <c r="D4507" s="1" t="s">
        <v>3663</v>
      </c>
      <c r="E4507" s="1" t="s">
        <v>7</v>
      </c>
    </row>
    <row r="4508">
      <c r="A4508" s="1">
        <v>4.90398066E8</v>
      </c>
      <c r="B4508" s="2">
        <v>11841.0</v>
      </c>
      <c r="C4508" s="1" t="s">
        <v>5</v>
      </c>
      <c r="D4508" s="1" t="s">
        <v>11</v>
      </c>
      <c r="E4508" s="1" t="s">
        <v>7</v>
      </c>
    </row>
    <row r="4509">
      <c r="A4509" s="1">
        <v>4.90398068E8</v>
      </c>
      <c r="B4509" s="2">
        <v>11959.0</v>
      </c>
      <c r="C4509" s="1" t="s">
        <v>5</v>
      </c>
      <c r="D4509" s="1" t="s">
        <v>3664</v>
      </c>
      <c r="E4509" s="1" t="s">
        <v>7</v>
      </c>
    </row>
    <row r="4510">
      <c r="A4510" s="1">
        <v>4.90398069E8</v>
      </c>
      <c r="B4510" s="2">
        <v>11927.0</v>
      </c>
      <c r="C4510" s="1" t="s">
        <v>5</v>
      </c>
      <c r="D4510" s="1" t="s">
        <v>3665</v>
      </c>
      <c r="E4510" s="1" t="s">
        <v>7</v>
      </c>
    </row>
    <row r="4511">
      <c r="A4511" s="1">
        <v>4.9039807E8</v>
      </c>
      <c r="B4511" s="2">
        <v>11875.0</v>
      </c>
      <c r="C4511" s="1" t="s">
        <v>5</v>
      </c>
      <c r="D4511" s="1" t="s">
        <v>3666</v>
      </c>
      <c r="E4511" s="1" t="s">
        <v>11</v>
      </c>
    </row>
    <row r="4512">
      <c r="A4512" s="1">
        <v>4.90398078E8</v>
      </c>
      <c r="B4512" s="2">
        <v>11843.0</v>
      </c>
      <c r="C4512" s="1" t="s">
        <v>5</v>
      </c>
      <c r="D4512" s="1" t="s">
        <v>3667</v>
      </c>
      <c r="E4512" s="1" t="s">
        <v>3668</v>
      </c>
    </row>
    <row r="4513">
      <c r="A4513" s="1">
        <v>4.90398079E8</v>
      </c>
      <c r="B4513" s="2">
        <v>11929.0</v>
      </c>
      <c r="C4513" s="1" t="s">
        <v>5</v>
      </c>
      <c r="D4513" s="1" t="s">
        <v>3669</v>
      </c>
      <c r="E4513" s="1" t="s">
        <v>7</v>
      </c>
    </row>
    <row r="4514">
      <c r="A4514" s="1">
        <v>4.90398084E8</v>
      </c>
      <c r="B4514" s="2">
        <v>11931.0</v>
      </c>
      <c r="C4514" s="1" t="s">
        <v>5</v>
      </c>
      <c r="D4514" s="1" t="s">
        <v>3670</v>
      </c>
      <c r="E4514" s="1" t="s">
        <v>11</v>
      </c>
    </row>
    <row r="4515">
      <c r="A4515" s="1">
        <v>4.90398085E8</v>
      </c>
      <c r="B4515" s="2">
        <v>11853.0</v>
      </c>
      <c r="C4515" s="1" t="s">
        <v>5</v>
      </c>
      <c r="D4515" s="1" t="s">
        <v>7</v>
      </c>
      <c r="E4515" s="1" t="s">
        <v>7</v>
      </c>
    </row>
    <row r="4516">
      <c r="A4516" s="1">
        <v>4.90398088E8</v>
      </c>
      <c r="B4516" s="2">
        <v>11932.0</v>
      </c>
      <c r="C4516" s="1" t="s">
        <v>5</v>
      </c>
      <c r="D4516" s="1" t="s">
        <v>3671</v>
      </c>
      <c r="E4516" s="1" t="s">
        <v>11</v>
      </c>
    </row>
    <row r="4517">
      <c r="A4517" s="1">
        <v>4.90398093E8</v>
      </c>
      <c r="B4517" s="2">
        <v>11879.0</v>
      </c>
      <c r="C4517" s="1" t="s">
        <v>5</v>
      </c>
      <c r="D4517" s="1" t="s">
        <v>3672</v>
      </c>
      <c r="E4517" s="1" t="s">
        <v>7</v>
      </c>
    </row>
    <row r="4518">
      <c r="A4518" s="1">
        <v>4.90398095E8</v>
      </c>
      <c r="B4518" s="2">
        <v>11879.0</v>
      </c>
      <c r="C4518" s="1" t="s">
        <v>5</v>
      </c>
      <c r="D4518" s="1" t="s">
        <v>11</v>
      </c>
      <c r="E4518" s="1" t="s">
        <v>7</v>
      </c>
    </row>
    <row r="4519">
      <c r="A4519" s="1">
        <v>4.90398105E8</v>
      </c>
      <c r="B4519" s="2">
        <v>11841.0</v>
      </c>
      <c r="C4519" s="1" t="s">
        <v>5</v>
      </c>
      <c r="D4519" s="1" t="s">
        <v>3673</v>
      </c>
      <c r="E4519" s="1" t="s">
        <v>7</v>
      </c>
    </row>
    <row r="4520">
      <c r="A4520" s="1">
        <v>4.90398108E8</v>
      </c>
      <c r="B4520" s="2">
        <v>11894.0</v>
      </c>
      <c r="C4520" s="1" t="s">
        <v>5</v>
      </c>
      <c r="D4520" s="1" t="s">
        <v>3674</v>
      </c>
      <c r="E4520" s="1" t="s">
        <v>7</v>
      </c>
    </row>
    <row r="4521">
      <c r="A4521" s="1">
        <v>4.90398123E8</v>
      </c>
      <c r="B4521" s="2">
        <v>11932.0</v>
      </c>
      <c r="C4521" s="1" t="s">
        <v>5</v>
      </c>
      <c r="D4521" s="1" t="s">
        <v>3675</v>
      </c>
      <c r="E4521" s="1" t="s">
        <v>7</v>
      </c>
    </row>
    <row r="4522">
      <c r="A4522" s="1">
        <v>4.90398126E8</v>
      </c>
      <c r="B4522" s="2">
        <v>11902.0</v>
      </c>
      <c r="C4522" s="1" t="s">
        <v>5</v>
      </c>
      <c r="D4522" s="1" t="s">
        <v>3676</v>
      </c>
      <c r="E4522" s="1" t="s">
        <v>7</v>
      </c>
    </row>
    <row r="4523">
      <c r="A4523" s="1">
        <v>4.90398133E8</v>
      </c>
      <c r="B4523" s="2">
        <v>11959.0</v>
      </c>
      <c r="C4523" s="1" t="s">
        <v>5</v>
      </c>
      <c r="D4523" s="1" t="s">
        <v>3677</v>
      </c>
      <c r="E4523" s="1" t="s">
        <v>7</v>
      </c>
    </row>
    <row r="4524">
      <c r="A4524" s="1">
        <v>4.90398144E8</v>
      </c>
      <c r="B4524" s="2">
        <v>11853.0</v>
      </c>
      <c r="C4524" s="1" t="s">
        <v>5</v>
      </c>
      <c r="D4524" s="1" t="s">
        <v>3678</v>
      </c>
      <c r="E4524" s="1" t="s">
        <v>7</v>
      </c>
    </row>
    <row r="4525">
      <c r="A4525" s="1">
        <v>4.90398145E8</v>
      </c>
      <c r="B4525" s="2">
        <v>11878.0</v>
      </c>
      <c r="C4525" s="1" t="s">
        <v>5</v>
      </c>
      <c r="D4525" s="1" t="s">
        <v>3679</v>
      </c>
      <c r="E4525" s="1" t="s">
        <v>7</v>
      </c>
    </row>
    <row r="4526">
      <c r="A4526" s="1">
        <v>4.90398152E8</v>
      </c>
      <c r="B4526" s="2">
        <v>11879.0</v>
      </c>
      <c r="C4526" s="1" t="s">
        <v>5</v>
      </c>
      <c r="D4526" s="1" t="s">
        <v>3680</v>
      </c>
      <c r="E4526" s="1" t="s">
        <v>7</v>
      </c>
    </row>
    <row r="4527">
      <c r="A4527" s="1">
        <v>4.90398166E8</v>
      </c>
      <c r="B4527" s="2">
        <v>11903.0</v>
      </c>
      <c r="C4527" s="1" t="s">
        <v>5</v>
      </c>
      <c r="D4527" s="1" t="s">
        <v>11</v>
      </c>
      <c r="E4527" s="1" t="s">
        <v>7</v>
      </c>
    </row>
    <row r="4528">
      <c r="A4528" s="1">
        <v>4.90398169E8</v>
      </c>
      <c r="B4528" s="2">
        <v>11926.0</v>
      </c>
      <c r="C4528" s="1" t="s">
        <v>5</v>
      </c>
      <c r="D4528" s="1" t="s">
        <v>3681</v>
      </c>
      <c r="E4528" s="1" t="s">
        <v>7</v>
      </c>
    </row>
    <row r="4529">
      <c r="A4529" s="1">
        <v>4.9039817E8</v>
      </c>
      <c r="B4529" s="2">
        <v>11959.0</v>
      </c>
      <c r="C4529" s="1" t="s">
        <v>5</v>
      </c>
      <c r="D4529" s="1" t="s">
        <v>11</v>
      </c>
      <c r="E4529" s="1" t="s">
        <v>7</v>
      </c>
    </row>
    <row r="4530">
      <c r="A4530" s="1">
        <v>4.90398177E8</v>
      </c>
      <c r="B4530" s="2">
        <v>11849.0</v>
      </c>
      <c r="C4530" s="1" t="s">
        <v>5</v>
      </c>
      <c r="D4530" s="1" t="s">
        <v>3682</v>
      </c>
      <c r="E4530" s="1" t="s">
        <v>11</v>
      </c>
    </row>
    <row r="4531">
      <c r="A4531" s="1">
        <v>4.9039818E8</v>
      </c>
      <c r="B4531" s="2">
        <v>11927.0</v>
      </c>
      <c r="C4531" s="1" t="s">
        <v>5</v>
      </c>
      <c r="D4531" s="1" t="s">
        <v>3683</v>
      </c>
      <c r="E4531" s="1" t="s">
        <v>11</v>
      </c>
    </row>
    <row r="4532">
      <c r="A4532" s="1">
        <v>4.90398184E8</v>
      </c>
      <c r="B4532" s="2">
        <v>11951.0</v>
      </c>
      <c r="C4532" s="1" t="s">
        <v>5</v>
      </c>
      <c r="D4532" s="1" t="s">
        <v>11</v>
      </c>
      <c r="E4532" s="1" t="s">
        <v>7</v>
      </c>
    </row>
    <row r="4533">
      <c r="A4533" s="1">
        <v>4.90398185E8</v>
      </c>
      <c r="B4533" s="2">
        <v>11928.0</v>
      </c>
      <c r="C4533" s="1" t="s">
        <v>5</v>
      </c>
      <c r="D4533" s="1" t="s">
        <v>3684</v>
      </c>
      <c r="E4533" s="1" t="s">
        <v>3685</v>
      </c>
    </row>
    <row r="4534">
      <c r="A4534" s="1">
        <v>4.90398186E8</v>
      </c>
      <c r="B4534" s="2">
        <v>11930.0</v>
      </c>
      <c r="C4534" s="1" t="s">
        <v>5</v>
      </c>
      <c r="D4534" s="1" t="s">
        <v>3686</v>
      </c>
      <c r="E4534" s="1" t="s">
        <v>11</v>
      </c>
    </row>
    <row r="4535">
      <c r="A4535" s="1">
        <v>4.90398191E8</v>
      </c>
      <c r="B4535" s="2">
        <v>11903.0</v>
      </c>
      <c r="C4535" s="1" t="s">
        <v>5</v>
      </c>
      <c r="D4535" s="1" t="s">
        <v>3687</v>
      </c>
      <c r="E4535" s="1" t="s">
        <v>11</v>
      </c>
    </row>
    <row r="4536">
      <c r="A4536" s="1">
        <v>4.90398193E8</v>
      </c>
      <c r="B4536" s="2">
        <v>11842.0</v>
      </c>
      <c r="C4536" s="1" t="s">
        <v>5</v>
      </c>
      <c r="D4536" s="1" t="s">
        <v>11</v>
      </c>
      <c r="E4536" s="1" t="s">
        <v>7</v>
      </c>
    </row>
    <row r="4537">
      <c r="A4537" s="1">
        <v>4.903982E8</v>
      </c>
      <c r="B4537" s="2">
        <v>11958.0</v>
      </c>
      <c r="C4537" s="1" t="s">
        <v>5</v>
      </c>
      <c r="D4537" s="1" t="s">
        <v>3688</v>
      </c>
      <c r="E4537" s="1" t="s">
        <v>7</v>
      </c>
    </row>
    <row r="4538">
      <c r="A4538" s="1">
        <v>4.90398203E8</v>
      </c>
      <c r="B4538" s="2">
        <v>11894.0</v>
      </c>
      <c r="C4538" s="1" t="s">
        <v>5</v>
      </c>
      <c r="D4538" s="1" t="s">
        <v>11</v>
      </c>
      <c r="E4538" s="1" t="s">
        <v>7</v>
      </c>
    </row>
    <row r="4539">
      <c r="A4539" s="1">
        <v>4.90398213E8</v>
      </c>
      <c r="B4539" s="2">
        <v>11843.0</v>
      </c>
      <c r="C4539" s="1" t="s">
        <v>5</v>
      </c>
      <c r="D4539" s="1" t="s">
        <v>3689</v>
      </c>
      <c r="E4539" s="1" t="s">
        <v>7</v>
      </c>
    </row>
    <row r="4540">
      <c r="A4540" s="1">
        <v>4.90398214E8</v>
      </c>
      <c r="B4540" s="2">
        <v>11932.0</v>
      </c>
      <c r="C4540" s="1" t="s">
        <v>5</v>
      </c>
      <c r="D4540" s="1" t="s">
        <v>11</v>
      </c>
      <c r="E4540" s="1" t="s">
        <v>7</v>
      </c>
    </row>
    <row r="4541">
      <c r="A4541" s="1">
        <v>4.90398218E8</v>
      </c>
      <c r="B4541" s="2">
        <v>11932.0</v>
      </c>
      <c r="C4541" s="1" t="s">
        <v>5</v>
      </c>
      <c r="D4541" s="1" t="s">
        <v>3690</v>
      </c>
      <c r="E4541" s="1" t="s">
        <v>11</v>
      </c>
    </row>
    <row r="4542">
      <c r="A4542" s="1">
        <v>4.90398219E8</v>
      </c>
      <c r="B4542" s="2">
        <v>11926.0</v>
      </c>
      <c r="C4542" s="1" t="s">
        <v>5</v>
      </c>
      <c r="D4542" s="1" t="s">
        <v>11</v>
      </c>
      <c r="E4542" s="1" t="s">
        <v>7</v>
      </c>
    </row>
    <row r="4543">
      <c r="A4543" s="1">
        <v>4.90398223E8</v>
      </c>
      <c r="B4543" s="2">
        <v>11903.0</v>
      </c>
      <c r="C4543" s="1" t="s">
        <v>5</v>
      </c>
      <c r="D4543" s="1" t="s">
        <v>3691</v>
      </c>
      <c r="E4543" s="1" t="s">
        <v>7</v>
      </c>
    </row>
    <row r="4544">
      <c r="A4544" s="1">
        <v>4.90398225E8</v>
      </c>
      <c r="B4544" s="2">
        <v>11856.0</v>
      </c>
      <c r="C4544" s="1" t="s">
        <v>5</v>
      </c>
      <c r="D4544" s="1" t="s">
        <v>3692</v>
      </c>
      <c r="E4544" s="1" t="s">
        <v>7</v>
      </c>
    </row>
    <row r="4545">
      <c r="A4545" s="1">
        <v>4.90398232E8</v>
      </c>
      <c r="B4545" s="2">
        <v>11906.0</v>
      </c>
      <c r="C4545" s="1" t="s">
        <v>5</v>
      </c>
      <c r="D4545" s="1" t="s">
        <v>3693</v>
      </c>
      <c r="E4545" s="1" t="s">
        <v>3694</v>
      </c>
    </row>
    <row r="4546">
      <c r="A4546" s="1">
        <v>4.90398234E8</v>
      </c>
      <c r="B4546" s="2">
        <v>11878.0</v>
      </c>
      <c r="C4546" s="1" t="s">
        <v>5</v>
      </c>
      <c r="D4546" s="1" t="s">
        <v>3695</v>
      </c>
      <c r="E4546" s="1" t="s">
        <v>3696</v>
      </c>
    </row>
    <row r="4547">
      <c r="A4547" s="1">
        <v>4.90398237E8</v>
      </c>
      <c r="B4547" s="2">
        <v>11932.0</v>
      </c>
      <c r="C4547" s="1" t="s">
        <v>5</v>
      </c>
      <c r="D4547" s="1" t="s">
        <v>3697</v>
      </c>
      <c r="E4547" s="1" t="s">
        <v>7</v>
      </c>
    </row>
    <row r="4548">
      <c r="A4548" s="1">
        <v>4.90398238E8</v>
      </c>
      <c r="B4548" s="2">
        <v>11878.0</v>
      </c>
      <c r="C4548" s="1" t="s">
        <v>5</v>
      </c>
      <c r="D4548" s="1" t="s">
        <v>3698</v>
      </c>
      <c r="E4548" s="1" t="s">
        <v>7</v>
      </c>
    </row>
    <row r="4549">
      <c r="A4549" s="1">
        <v>4.90398247E8</v>
      </c>
      <c r="B4549" s="2">
        <v>11871.0</v>
      </c>
      <c r="C4549" s="1" t="s">
        <v>5</v>
      </c>
      <c r="D4549" s="1" t="s">
        <v>3699</v>
      </c>
      <c r="E4549" s="1" t="s">
        <v>7</v>
      </c>
    </row>
    <row r="4550">
      <c r="A4550" s="1">
        <v>4.90398253E8</v>
      </c>
      <c r="B4550" s="2">
        <v>11959.0</v>
      </c>
      <c r="C4550" s="1" t="s">
        <v>5</v>
      </c>
      <c r="D4550" s="1" t="s">
        <v>3700</v>
      </c>
      <c r="E4550" s="1" t="s">
        <v>11</v>
      </c>
    </row>
    <row r="4551">
      <c r="A4551" s="1">
        <v>4.90398258E8</v>
      </c>
      <c r="B4551" s="2">
        <v>11958.0</v>
      </c>
      <c r="C4551" s="1" t="s">
        <v>5</v>
      </c>
      <c r="D4551" s="1" t="s">
        <v>3701</v>
      </c>
      <c r="E4551" s="1" t="s">
        <v>7</v>
      </c>
    </row>
    <row r="4552">
      <c r="A4552" s="1">
        <v>4.90398259E8</v>
      </c>
      <c r="B4552" s="2">
        <v>11906.0</v>
      </c>
      <c r="C4552" s="1" t="s">
        <v>5</v>
      </c>
      <c r="D4552" s="1" t="s">
        <v>3702</v>
      </c>
      <c r="E4552" s="1" t="s">
        <v>7</v>
      </c>
    </row>
    <row r="4553">
      <c r="A4553" s="1">
        <v>4.90398268E8</v>
      </c>
      <c r="B4553" s="2">
        <v>11962.0</v>
      </c>
      <c r="C4553" s="1" t="s">
        <v>5</v>
      </c>
      <c r="D4553" s="1" t="s">
        <v>11</v>
      </c>
      <c r="E4553" s="1" t="s">
        <v>7</v>
      </c>
    </row>
    <row r="4554">
      <c r="A4554" s="1">
        <v>4.90398269E8</v>
      </c>
      <c r="B4554" s="2">
        <v>11847.0</v>
      </c>
      <c r="C4554" s="1" t="s">
        <v>5</v>
      </c>
      <c r="D4554" s="1" t="s">
        <v>3703</v>
      </c>
      <c r="E4554" s="1" t="s">
        <v>7</v>
      </c>
    </row>
    <row r="4555">
      <c r="A4555" s="1">
        <v>4.90398271E8</v>
      </c>
      <c r="B4555" s="2">
        <v>11854.0</v>
      </c>
      <c r="C4555" s="1" t="s">
        <v>5</v>
      </c>
      <c r="D4555" s="1" t="s">
        <v>11</v>
      </c>
      <c r="E4555" s="1" t="s">
        <v>7</v>
      </c>
    </row>
    <row r="4556">
      <c r="A4556" s="1">
        <v>4.90398279E8</v>
      </c>
      <c r="B4556" s="2">
        <v>11902.0</v>
      </c>
      <c r="C4556" s="1" t="s">
        <v>5</v>
      </c>
      <c r="D4556" s="1" t="s">
        <v>3704</v>
      </c>
      <c r="E4556" s="1" t="s">
        <v>7</v>
      </c>
    </row>
    <row r="4557">
      <c r="A4557" s="1">
        <v>4.90398284E8</v>
      </c>
      <c r="B4557" s="2">
        <v>11874.0</v>
      </c>
      <c r="C4557" s="1" t="s">
        <v>5</v>
      </c>
      <c r="D4557" s="1" t="s">
        <v>3705</v>
      </c>
      <c r="E4557" s="1" t="s">
        <v>11</v>
      </c>
    </row>
    <row r="4558">
      <c r="A4558" s="1">
        <v>4.90398294E8</v>
      </c>
      <c r="B4558" s="2">
        <v>11903.0</v>
      </c>
      <c r="C4558" s="1" t="s">
        <v>5</v>
      </c>
      <c r="D4558" s="1" t="s">
        <v>3706</v>
      </c>
      <c r="E4558" s="1" t="s">
        <v>7</v>
      </c>
    </row>
    <row r="4559">
      <c r="A4559" s="1">
        <v>4.90398298E8</v>
      </c>
      <c r="B4559" s="2">
        <v>11845.0</v>
      </c>
      <c r="C4559" s="1" t="s">
        <v>5</v>
      </c>
      <c r="D4559" s="1" t="s">
        <v>3707</v>
      </c>
      <c r="E4559" s="1" t="s">
        <v>7</v>
      </c>
    </row>
    <row r="4560">
      <c r="A4560" s="1">
        <v>4.903983E8</v>
      </c>
      <c r="B4560" s="2">
        <v>11853.0</v>
      </c>
      <c r="C4560" s="1" t="s">
        <v>5</v>
      </c>
      <c r="D4560" s="1" t="s">
        <v>3708</v>
      </c>
      <c r="E4560" s="1" t="s">
        <v>7</v>
      </c>
    </row>
    <row r="4561">
      <c r="A4561" s="1">
        <v>4.90398301E8</v>
      </c>
      <c r="B4561" s="2">
        <v>11932.0</v>
      </c>
      <c r="C4561" s="1" t="s">
        <v>5</v>
      </c>
      <c r="D4561" s="1" t="s">
        <v>3709</v>
      </c>
      <c r="E4561" s="1" t="s">
        <v>11</v>
      </c>
    </row>
    <row r="4562">
      <c r="A4562" s="1">
        <v>4.90398303E8</v>
      </c>
      <c r="B4562" s="2">
        <v>11878.0</v>
      </c>
      <c r="C4562" s="1" t="s">
        <v>5</v>
      </c>
      <c r="D4562" s="1" t="s">
        <v>3710</v>
      </c>
      <c r="E4562" s="1" t="s">
        <v>11</v>
      </c>
    </row>
    <row r="4563">
      <c r="A4563" s="1">
        <v>4.90398308E8</v>
      </c>
      <c r="B4563" s="2">
        <v>11962.0</v>
      </c>
      <c r="C4563" s="1" t="s">
        <v>5</v>
      </c>
      <c r="D4563" s="1" t="s">
        <v>3711</v>
      </c>
      <c r="E4563" s="1" t="s">
        <v>11</v>
      </c>
    </row>
    <row r="4564">
      <c r="A4564" s="1">
        <v>4.90398314E8</v>
      </c>
      <c r="B4564" s="2">
        <v>11894.0</v>
      </c>
      <c r="C4564" s="1" t="s">
        <v>5</v>
      </c>
      <c r="D4564" s="1" t="s">
        <v>11</v>
      </c>
      <c r="E4564" s="1" t="s">
        <v>7</v>
      </c>
    </row>
    <row r="4565">
      <c r="A4565" s="1">
        <v>4.90398318E8</v>
      </c>
      <c r="B4565" s="2">
        <v>11874.0</v>
      </c>
      <c r="C4565" s="1" t="s">
        <v>5</v>
      </c>
      <c r="D4565" s="1" t="s">
        <v>3712</v>
      </c>
      <c r="E4565" s="1" t="s">
        <v>3713</v>
      </c>
    </row>
    <row r="4566">
      <c r="A4566" s="1">
        <v>4.90398326E8</v>
      </c>
      <c r="B4566" s="2">
        <v>11932.0</v>
      </c>
      <c r="C4566" s="1" t="s">
        <v>5</v>
      </c>
      <c r="D4566" s="1" t="s">
        <v>3714</v>
      </c>
      <c r="E4566" s="1" t="s">
        <v>11</v>
      </c>
    </row>
    <row r="4567">
      <c r="A4567" s="1">
        <v>4.90398328E8</v>
      </c>
      <c r="B4567" s="2">
        <v>11932.0</v>
      </c>
      <c r="C4567" s="1" t="s">
        <v>5</v>
      </c>
      <c r="D4567" s="1" t="s">
        <v>11</v>
      </c>
      <c r="E4567" s="1" t="s">
        <v>7</v>
      </c>
    </row>
    <row r="4568">
      <c r="A4568" s="1">
        <v>4.90398329E8</v>
      </c>
      <c r="B4568" s="2">
        <v>11878.0</v>
      </c>
      <c r="C4568" s="1" t="s">
        <v>5</v>
      </c>
      <c r="D4568" s="1" t="s">
        <v>11</v>
      </c>
      <c r="E4568" s="1" t="s">
        <v>7</v>
      </c>
    </row>
    <row r="4569">
      <c r="A4569" s="1">
        <v>4.90398338E8</v>
      </c>
      <c r="B4569" s="2">
        <v>11903.0</v>
      </c>
      <c r="C4569" s="1" t="s">
        <v>5</v>
      </c>
      <c r="D4569" s="1" t="s">
        <v>3715</v>
      </c>
      <c r="E4569" s="1" t="s">
        <v>7</v>
      </c>
    </row>
    <row r="4570">
      <c r="A4570" s="1">
        <v>4.90398343E8</v>
      </c>
      <c r="B4570" s="2">
        <v>11906.0</v>
      </c>
      <c r="C4570" s="1" t="s">
        <v>5</v>
      </c>
      <c r="D4570" s="1" t="s">
        <v>3716</v>
      </c>
      <c r="E4570" s="1" t="s">
        <v>11</v>
      </c>
    </row>
    <row r="4571">
      <c r="A4571" s="1">
        <v>4.90398353E8</v>
      </c>
      <c r="B4571" s="2">
        <v>11856.0</v>
      </c>
      <c r="C4571" s="1" t="s">
        <v>5</v>
      </c>
      <c r="D4571" s="1" t="s">
        <v>7</v>
      </c>
      <c r="E4571" s="1" t="s">
        <v>7</v>
      </c>
    </row>
    <row r="4572">
      <c r="A4572" s="1">
        <v>4.90398356E8</v>
      </c>
      <c r="B4572" s="2">
        <v>11874.0</v>
      </c>
      <c r="C4572" s="1" t="s">
        <v>5</v>
      </c>
      <c r="D4572" s="1" t="s">
        <v>11</v>
      </c>
      <c r="E4572" s="1" t="s">
        <v>7</v>
      </c>
    </row>
    <row r="4573">
      <c r="A4573" s="1">
        <v>4.9039836E8</v>
      </c>
      <c r="B4573" s="2">
        <v>11878.0</v>
      </c>
      <c r="C4573" s="1" t="s">
        <v>5</v>
      </c>
      <c r="D4573" s="1" t="s">
        <v>3717</v>
      </c>
      <c r="E4573" s="1" t="s">
        <v>11</v>
      </c>
    </row>
    <row r="4574">
      <c r="A4574" s="1">
        <v>4.90398367E8</v>
      </c>
      <c r="B4574" s="2">
        <v>11925.0</v>
      </c>
      <c r="C4574" s="1" t="s">
        <v>5</v>
      </c>
      <c r="D4574" s="1" t="s">
        <v>3718</v>
      </c>
      <c r="E4574" s="1" t="s">
        <v>7</v>
      </c>
    </row>
    <row r="4575">
      <c r="A4575" s="1">
        <v>4.90398368E8</v>
      </c>
      <c r="B4575" s="2">
        <v>11854.0</v>
      </c>
      <c r="C4575" s="1" t="s">
        <v>5</v>
      </c>
      <c r="D4575" s="1" t="s">
        <v>3719</v>
      </c>
      <c r="E4575" s="1" t="s">
        <v>3720</v>
      </c>
    </row>
    <row r="4576">
      <c r="A4576" s="1">
        <v>4.90398374E8</v>
      </c>
      <c r="B4576" s="2">
        <v>11906.0</v>
      </c>
      <c r="C4576" s="1" t="s">
        <v>5</v>
      </c>
      <c r="D4576" s="1" t="s">
        <v>3721</v>
      </c>
      <c r="E4576" s="1" t="s">
        <v>7</v>
      </c>
    </row>
    <row r="4577">
      <c r="A4577" s="1">
        <v>4.9039838E8</v>
      </c>
      <c r="B4577" s="2">
        <v>11909.0</v>
      </c>
      <c r="C4577" s="1" t="s">
        <v>5</v>
      </c>
      <c r="D4577" s="1" t="s">
        <v>3722</v>
      </c>
      <c r="E4577" s="1" t="s">
        <v>7</v>
      </c>
    </row>
    <row r="4578">
      <c r="A4578" s="1">
        <v>4.90398384E8</v>
      </c>
      <c r="B4578" s="2">
        <v>11959.0</v>
      </c>
      <c r="C4578" s="1" t="s">
        <v>5</v>
      </c>
      <c r="D4578" s="1" t="s">
        <v>3723</v>
      </c>
      <c r="E4578" s="1" t="s">
        <v>11</v>
      </c>
    </row>
    <row r="4579">
      <c r="A4579" s="1">
        <v>4.90398386E8</v>
      </c>
      <c r="B4579" s="2">
        <v>11894.0</v>
      </c>
      <c r="C4579" s="1" t="s">
        <v>5</v>
      </c>
      <c r="D4579" s="1" t="s">
        <v>3724</v>
      </c>
      <c r="E4579" s="1" t="s">
        <v>7</v>
      </c>
    </row>
    <row r="4580">
      <c r="A4580" s="1">
        <v>4.90398388E8</v>
      </c>
      <c r="B4580" s="2">
        <v>11958.0</v>
      </c>
      <c r="C4580" s="1" t="s">
        <v>5</v>
      </c>
      <c r="D4580" s="1" t="s">
        <v>3725</v>
      </c>
      <c r="E4580" s="1" t="s">
        <v>7</v>
      </c>
    </row>
    <row r="4581">
      <c r="A4581" s="1">
        <v>4.90398393E8</v>
      </c>
      <c r="B4581" s="2">
        <v>11902.0</v>
      </c>
      <c r="C4581" s="1" t="s">
        <v>5</v>
      </c>
      <c r="D4581" s="1" t="s">
        <v>3726</v>
      </c>
      <c r="E4581" s="1" t="s">
        <v>7</v>
      </c>
    </row>
    <row r="4582">
      <c r="A4582" s="1">
        <v>4.90398396E8</v>
      </c>
      <c r="B4582" s="2">
        <v>11931.0</v>
      </c>
      <c r="C4582" s="1" t="s">
        <v>5</v>
      </c>
      <c r="D4582" s="1" t="s">
        <v>3727</v>
      </c>
      <c r="E4582" s="1" t="s">
        <v>11</v>
      </c>
    </row>
    <row r="4583">
      <c r="A4583" s="1">
        <v>4.90398418E8</v>
      </c>
      <c r="B4583" s="2">
        <v>11931.0</v>
      </c>
      <c r="C4583" s="1" t="s">
        <v>5</v>
      </c>
      <c r="D4583" s="1" t="s">
        <v>11</v>
      </c>
      <c r="E4583" s="1" t="s">
        <v>7</v>
      </c>
    </row>
    <row r="4584">
      <c r="A4584" s="1">
        <v>4.90398434E8</v>
      </c>
      <c r="B4584" s="2">
        <v>11903.0</v>
      </c>
      <c r="C4584" s="1" t="s">
        <v>5</v>
      </c>
      <c r="D4584" s="1" t="s">
        <v>3728</v>
      </c>
      <c r="E4584" s="1" t="s">
        <v>7</v>
      </c>
    </row>
    <row r="4585">
      <c r="A4585" s="1">
        <v>4.90398438E8</v>
      </c>
      <c r="B4585" s="2">
        <v>11878.0</v>
      </c>
      <c r="C4585" s="1" t="s">
        <v>5</v>
      </c>
      <c r="D4585" s="1" t="s">
        <v>3729</v>
      </c>
      <c r="E4585" s="1" t="s">
        <v>11</v>
      </c>
    </row>
    <row r="4586">
      <c r="A4586" s="1">
        <v>4.90398439E8</v>
      </c>
      <c r="B4586" s="2">
        <v>11902.0</v>
      </c>
      <c r="C4586" s="1" t="s">
        <v>5</v>
      </c>
      <c r="D4586" s="1" t="s">
        <v>3730</v>
      </c>
      <c r="E4586" s="1" t="s">
        <v>11</v>
      </c>
    </row>
    <row r="4587">
      <c r="A4587" s="1">
        <v>4.90398442E8</v>
      </c>
      <c r="B4587" s="2">
        <v>11958.0</v>
      </c>
      <c r="C4587" s="1" t="s">
        <v>5</v>
      </c>
      <c r="D4587" s="1" t="s">
        <v>3731</v>
      </c>
      <c r="E4587" s="1" t="s">
        <v>3732</v>
      </c>
    </row>
    <row r="4588">
      <c r="A4588" s="1">
        <v>4.9039845E8</v>
      </c>
      <c r="B4588" s="2">
        <v>11856.0</v>
      </c>
      <c r="C4588" s="1" t="s">
        <v>5</v>
      </c>
      <c r="D4588" s="1" t="s">
        <v>11</v>
      </c>
      <c r="E4588" s="1" t="s">
        <v>7</v>
      </c>
    </row>
    <row r="4589">
      <c r="A4589" s="1">
        <v>4.90398452E8</v>
      </c>
      <c r="B4589" s="2">
        <v>11932.0</v>
      </c>
      <c r="C4589" s="1" t="s">
        <v>5</v>
      </c>
      <c r="D4589" s="1" t="s">
        <v>3733</v>
      </c>
      <c r="E4589" s="1" t="s">
        <v>11</v>
      </c>
    </row>
    <row r="4590">
      <c r="A4590" s="1">
        <v>4.90398458E8</v>
      </c>
      <c r="B4590" s="2">
        <v>11881.0</v>
      </c>
      <c r="C4590" s="1" t="s">
        <v>5</v>
      </c>
      <c r="D4590" s="1" t="s">
        <v>3734</v>
      </c>
      <c r="E4590" s="1" t="s">
        <v>7</v>
      </c>
    </row>
    <row r="4591">
      <c r="A4591" s="1">
        <v>4.90398464E8</v>
      </c>
      <c r="B4591" s="2">
        <v>11894.0</v>
      </c>
      <c r="C4591" s="1" t="s">
        <v>5</v>
      </c>
      <c r="D4591" s="1" t="s">
        <v>3735</v>
      </c>
      <c r="E4591" s="1" t="s">
        <v>3736</v>
      </c>
    </row>
    <row r="4592">
      <c r="A4592" s="1">
        <v>4.90398465E8</v>
      </c>
      <c r="B4592" s="2">
        <v>11878.0</v>
      </c>
      <c r="C4592" s="1" t="s">
        <v>5</v>
      </c>
      <c r="D4592" s="1" t="s">
        <v>3737</v>
      </c>
      <c r="E4592" s="1" t="s">
        <v>7</v>
      </c>
    </row>
    <row r="4593">
      <c r="A4593" s="1">
        <v>4.90398468E8</v>
      </c>
      <c r="B4593" s="2">
        <v>11841.0</v>
      </c>
      <c r="C4593" s="1" t="s">
        <v>5</v>
      </c>
      <c r="D4593" s="1" t="s">
        <v>3738</v>
      </c>
      <c r="E4593" s="1" t="s">
        <v>7</v>
      </c>
    </row>
    <row r="4594">
      <c r="A4594" s="1">
        <v>4.90398469E8</v>
      </c>
      <c r="B4594" s="2">
        <v>11925.0</v>
      </c>
      <c r="C4594" s="1" t="s">
        <v>5</v>
      </c>
      <c r="D4594" s="1" t="s">
        <v>3739</v>
      </c>
      <c r="E4594" s="1" t="s">
        <v>11</v>
      </c>
    </row>
    <row r="4595">
      <c r="A4595" s="1">
        <v>4.9039847E8</v>
      </c>
      <c r="B4595" s="2">
        <v>11842.0</v>
      </c>
      <c r="C4595" s="1" t="s">
        <v>5</v>
      </c>
      <c r="D4595" s="1" t="s">
        <v>11</v>
      </c>
      <c r="E4595" s="1" t="s">
        <v>7</v>
      </c>
    </row>
    <row r="4596">
      <c r="A4596" s="1">
        <v>4.90398473E8</v>
      </c>
      <c r="B4596" s="2">
        <v>11873.0</v>
      </c>
      <c r="C4596" s="1" t="s">
        <v>5</v>
      </c>
      <c r="D4596" s="1" t="s">
        <v>3740</v>
      </c>
      <c r="E4596" s="1" t="s">
        <v>11</v>
      </c>
    </row>
    <row r="4597">
      <c r="A4597" s="1">
        <v>4.90398477E8</v>
      </c>
      <c r="B4597" s="2">
        <v>11931.0</v>
      </c>
      <c r="C4597" s="1" t="s">
        <v>5</v>
      </c>
      <c r="D4597" s="1" t="s">
        <v>11</v>
      </c>
      <c r="E4597" s="1" t="s">
        <v>7</v>
      </c>
    </row>
    <row r="4598">
      <c r="A4598" s="1">
        <v>4.90398478E8</v>
      </c>
      <c r="B4598" s="2">
        <v>11962.0</v>
      </c>
      <c r="C4598" s="1" t="s">
        <v>5</v>
      </c>
      <c r="D4598" s="1" t="s">
        <v>3741</v>
      </c>
      <c r="E4598" s="1" t="s">
        <v>7</v>
      </c>
    </row>
    <row r="4599">
      <c r="A4599" s="1">
        <v>4.90398479E8</v>
      </c>
      <c r="B4599" s="2">
        <v>11852.0</v>
      </c>
      <c r="C4599" s="1" t="s">
        <v>5</v>
      </c>
      <c r="D4599" s="1" t="s">
        <v>3742</v>
      </c>
      <c r="E4599" s="1" t="s">
        <v>7</v>
      </c>
    </row>
    <row r="4600">
      <c r="A4600" s="1">
        <v>4.90398484E8</v>
      </c>
      <c r="B4600" s="2">
        <v>11878.0</v>
      </c>
      <c r="C4600" s="1" t="s">
        <v>5</v>
      </c>
      <c r="D4600" s="1" t="s">
        <v>3743</v>
      </c>
      <c r="E4600" s="1" t="s">
        <v>11</v>
      </c>
    </row>
    <row r="4601">
      <c r="A4601" s="1">
        <v>4.90398487E8</v>
      </c>
      <c r="B4601" s="2">
        <v>11873.0</v>
      </c>
      <c r="C4601" s="1" t="s">
        <v>5</v>
      </c>
      <c r="D4601" s="1" t="s">
        <v>11</v>
      </c>
      <c r="E4601" s="1" t="s">
        <v>7</v>
      </c>
    </row>
    <row r="4602">
      <c r="A4602" s="1">
        <v>4.90398488E8</v>
      </c>
      <c r="B4602" s="2">
        <v>11930.0</v>
      </c>
      <c r="C4602" s="1" t="s">
        <v>5</v>
      </c>
      <c r="D4602" s="1" t="s">
        <v>3744</v>
      </c>
      <c r="E4602" s="1" t="s">
        <v>11</v>
      </c>
    </row>
    <row r="4603">
      <c r="A4603" s="1">
        <v>4.9039849E8</v>
      </c>
      <c r="B4603" s="2">
        <v>11927.0</v>
      </c>
      <c r="C4603" s="1" t="s">
        <v>5</v>
      </c>
      <c r="D4603" s="1" t="s">
        <v>11</v>
      </c>
      <c r="E4603" s="1" t="s">
        <v>7</v>
      </c>
    </row>
    <row r="4604">
      <c r="A4604" s="1">
        <v>4.90398493E8</v>
      </c>
      <c r="B4604" s="2">
        <v>11931.0</v>
      </c>
      <c r="C4604" s="1" t="s">
        <v>5</v>
      </c>
      <c r="D4604" s="1" t="s">
        <v>3745</v>
      </c>
      <c r="E4604" s="1" t="s">
        <v>11</v>
      </c>
    </row>
    <row r="4605">
      <c r="A4605" s="1">
        <v>4.90398498E8</v>
      </c>
      <c r="B4605" s="2">
        <v>11931.0</v>
      </c>
      <c r="C4605" s="1" t="s">
        <v>5</v>
      </c>
      <c r="D4605" s="1" t="s">
        <v>3746</v>
      </c>
      <c r="E4605" s="1" t="s">
        <v>7</v>
      </c>
    </row>
    <row r="4606">
      <c r="A4606" s="1">
        <v>4.903985E8</v>
      </c>
      <c r="B4606" s="2">
        <v>11881.0</v>
      </c>
      <c r="C4606" s="1" t="s">
        <v>5</v>
      </c>
      <c r="D4606" s="1" t="s">
        <v>3747</v>
      </c>
      <c r="E4606" s="1" t="s">
        <v>7</v>
      </c>
    </row>
    <row r="4607">
      <c r="A4607" s="1">
        <v>4.90398504E8</v>
      </c>
      <c r="B4607" s="2">
        <v>11932.0</v>
      </c>
      <c r="C4607" s="1" t="s">
        <v>5</v>
      </c>
      <c r="D4607" s="1" t="s">
        <v>3748</v>
      </c>
      <c r="E4607" s="1" t="s">
        <v>11</v>
      </c>
    </row>
    <row r="4608">
      <c r="A4608" s="1">
        <v>4.90398507E8</v>
      </c>
      <c r="B4608" s="2">
        <v>11926.0</v>
      </c>
      <c r="C4608" s="1" t="s">
        <v>5</v>
      </c>
      <c r="D4608" s="1" t="s">
        <v>3749</v>
      </c>
      <c r="E4608" s="1" t="s">
        <v>7</v>
      </c>
    </row>
    <row r="4609">
      <c r="A4609" s="1">
        <v>4.90398508E8</v>
      </c>
      <c r="B4609" s="2">
        <v>11957.0</v>
      </c>
      <c r="C4609" s="1" t="s">
        <v>5</v>
      </c>
      <c r="D4609" s="1" t="s">
        <v>3750</v>
      </c>
      <c r="E4609" s="1" t="s">
        <v>11</v>
      </c>
    </row>
    <row r="4610">
      <c r="A4610" s="1">
        <v>4.90398509E8</v>
      </c>
      <c r="B4610" s="2">
        <v>11910.0</v>
      </c>
      <c r="C4610" s="1" t="s">
        <v>5</v>
      </c>
      <c r="D4610" s="1" t="s">
        <v>3751</v>
      </c>
      <c r="E4610" s="1" t="s">
        <v>11</v>
      </c>
    </row>
    <row r="4611">
      <c r="A4611" s="1">
        <v>4.90398516E8</v>
      </c>
      <c r="B4611" s="2">
        <v>11930.0</v>
      </c>
      <c r="C4611" s="1" t="s">
        <v>5</v>
      </c>
      <c r="D4611" s="1" t="s">
        <v>3752</v>
      </c>
      <c r="E4611" s="1" t="s">
        <v>11</v>
      </c>
    </row>
    <row r="4612">
      <c r="A4612" s="1">
        <v>4.9039852E8</v>
      </c>
      <c r="B4612" s="2">
        <v>11902.0</v>
      </c>
      <c r="C4612" s="1" t="s">
        <v>5</v>
      </c>
      <c r="D4612" s="1" t="s">
        <v>3753</v>
      </c>
      <c r="E4612" s="1" t="s">
        <v>11</v>
      </c>
    </row>
    <row r="4613">
      <c r="A4613" s="1">
        <v>4.90398524E8</v>
      </c>
      <c r="B4613" s="2">
        <v>11878.0</v>
      </c>
      <c r="C4613" s="1" t="s">
        <v>5</v>
      </c>
      <c r="D4613" s="1" t="s">
        <v>3754</v>
      </c>
      <c r="E4613" s="1" t="s">
        <v>11</v>
      </c>
    </row>
    <row r="4614">
      <c r="A4614" s="1">
        <v>4.90398533E8</v>
      </c>
      <c r="B4614" s="2">
        <v>11910.0</v>
      </c>
      <c r="C4614" s="1" t="s">
        <v>5</v>
      </c>
      <c r="D4614" s="1" t="s">
        <v>3755</v>
      </c>
      <c r="E4614" s="1" t="s">
        <v>7</v>
      </c>
    </row>
    <row r="4615">
      <c r="A4615" s="1">
        <v>4.90398535E8</v>
      </c>
      <c r="B4615" s="2">
        <v>11894.0</v>
      </c>
      <c r="C4615" s="1" t="s">
        <v>5</v>
      </c>
      <c r="D4615" s="1" t="s">
        <v>11</v>
      </c>
      <c r="E4615" s="1" t="s">
        <v>7</v>
      </c>
    </row>
    <row r="4616">
      <c r="A4616" s="1">
        <v>4.90398538E8</v>
      </c>
      <c r="B4616" s="2">
        <v>11932.0</v>
      </c>
      <c r="C4616" s="1" t="s">
        <v>5</v>
      </c>
      <c r="D4616" s="1" t="s">
        <v>3756</v>
      </c>
      <c r="E4616" s="1" t="s">
        <v>11</v>
      </c>
    </row>
    <row r="4617">
      <c r="A4617" s="1">
        <v>4.9039854E8</v>
      </c>
      <c r="B4617" s="2">
        <v>11856.0</v>
      </c>
      <c r="C4617" s="1" t="s">
        <v>5</v>
      </c>
      <c r="D4617" s="1" t="s">
        <v>3757</v>
      </c>
      <c r="E4617" s="1" t="s">
        <v>11</v>
      </c>
    </row>
    <row r="4618">
      <c r="A4618" s="1">
        <v>4.90398541E8</v>
      </c>
      <c r="B4618" s="2">
        <v>11957.0</v>
      </c>
      <c r="C4618" s="1" t="s">
        <v>5</v>
      </c>
      <c r="D4618" s="1" t="s">
        <v>3758</v>
      </c>
      <c r="E4618" s="1" t="s">
        <v>11</v>
      </c>
    </row>
    <row r="4619">
      <c r="A4619" s="1">
        <v>4.90398543E8</v>
      </c>
      <c r="B4619" s="2">
        <v>11905.0</v>
      </c>
      <c r="C4619" s="1" t="s">
        <v>5</v>
      </c>
      <c r="D4619" s="1" t="s">
        <v>169</v>
      </c>
      <c r="E4619" s="1" t="s">
        <v>7</v>
      </c>
    </row>
    <row r="4620">
      <c r="A4620" s="1">
        <v>4.90398546E8</v>
      </c>
      <c r="B4620" s="2">
        <v>11853.0</v>
      </c>
      <c r="C4620" s="1" t="s">
        <v>5</v>
      </c>
      <c r="D4620" s="1" t="s">
        <v>3759</v>
      </c>
      <c r="E4620" s="1" t="s">
        <v>7</v>
      </c>
    </row>
    <row r="4621">
      <c r="A4621" s="1">
        <v>4.90398548E8</v>
      </c>
      <c r="B4621" s="2">
        <v>11902.0</v>
      </c>
      <c r="C4621" s="1" t="s">
        <v>5</v>
      </c>
      <c r="D4621" s="1" t="s">
        <v>11</v>
      </c>
      <c r="E4621" s="1" t="s">
        <v>7</v>
      </c>
    </row>
    <row r="4622">
      <c r="A4622" s="1">
        <v>4.9039855E8</v>
      </c>
      <c r="B4622" s="2">
        <v>11931.0</v>
      </c>
      <c r="C4622" s="1" t="s">
        <v>5</v>
      </c>
      <c r="D4622" s="1" t="s">
        <v>11</v>
      </c>
      <c r="E4622" s="1" t="s">
        <v>7</v>
      </c>
    </row>
    <row r="4623">
      <c r="A4623" s="1">
        <v>4.90398551E8</v>
      </c>
      <c r="B4623" s="2">
        <v>11906.0</v>
      </c>
      <c r="C4623" s="1" t="s">
        <v>5</v>
      </c>
      <c r="D4623" s="1" t="s">
        <v>3760</v>
      </c>
      <c r="E4623" s="1" t="s">
        <v>7</v>
      </c>
    </row>
    <row r="4624">
      <c r="A4624" s="1">
        <v>4.90398559E8</v>
      </c>
      <c r="B4624" s="2">
        <v>11842.0</v>
      </c>
      <c r="C4624" s="1" t="s">
        <v>5</v>
      </c>
      <c r="D4624" s="1" t="s">
        <v>3761</v>
      </c>
      <c r="E4624" s="1" t="s">
        <v>3762</v>
      </c>
    </row>
    <row r="4625">
      <c r="A4625" s="1">
        <v>4.90398562E8</v>
      </c>
      <c r="B4625" s="2">
        <v>11873.0</v>
      </c>
      <c r="C4625" s="1" t="s">
        <v>5</v>
      </c>
      <c r="D4625" s="1" t="s">
        <v>3763</v>
      </c>
      <c r="E4625" s="1" t="s">
        <v>7</v>
      </c>
    </row>
    <row r="4626">
      <c r="A4626" s="1">
        <v>4.90398563E8</v>
      </c>
      <c r="B4626" s="2">
        <v>11902.0</v>
      </c>
      <c r="C4626" s="1" t="s">
        <v>5</v>
      </c>
      <c r="D4626" s="1" t="s">
        <v>11</v>
      </c>
      <c r="E4626" s="1" t="s">
        <v>7</v>
      </c>
    </row>
    <row r="4627">
      <c r="A4627" s="1">
        <v>4.90398569E8</v>
      </c>
      <c r="B4627" s="2">
        <v>11873.0</v>
      </c>
      <c r="C4627" s="1" t="s">
        <v>5</v>
      </c>
      <c r="D4627" s="1" t="s">
        <v>3764</v>
      </c>
      <c r="E4627" s="1" t="s">
        <v>11</v>
      </c>
    </row>
    <row r="4628">
      <c r="A4628" s="1">
        <v>4.90398571E8</v>
      </c>
      <c r="B4628" s="2">
        <v>11905.0</v>
      </c>
      <c r="C4628" s="1" t="s">
        <v>5</v>
      </c>
      <c r="D4628" s="1" t="s">
        <v>3765</v>
      </c>
      <c r="E4628" s="1" t="s">
        <v>7</v>
      </c>
    </row>
    <row r="4629">
      <c r="A4629" s="1">
        <v>4.9039858E8</v>
      </c>
      <c r="B4629" s="2">
        <v>11926.0</v>
      </c>
      <c r="C4629" s="1" t="s">
        <v>5</v>
      </c>
      <c r="D4629" s="1" t="s">
        <v>11</v>
      </c>
      <c r="E4629" s="1" t="s">
        <v>7</v>
      </c>
    </row>
    <row r="4630">
      <c r="A4630" s="1">
        <v>4.90398583E8</v>
      </c>
      <c r="B4630" s="2">
        <v>11856.0</v>
      </c>
      <c r="C4630" s="1" t="s">
        <v>5</v>
      </c>
      <c r="D4630" s="1" t="s">
        <v>3766</v>
      </c>
      <c r="E4630" s="1" t="s">
        <v>7</v>
      </c>
    </row>
    <row r="4631">
      <c r="A4631" s="1">
        <v>4.90398587E8</v>
      </c>
      <c r="B4631" s="2">
        <v>11852.0</v>
      </c>
      <c r="C4631" s="1" t="s">
        <v>5</v>
      </c>
      <c r="D4631" s="1" t="s">
        <v>3767</v>
      </c>
      <c r="E4631" s="1" t="s">
        <v>7</v>
      </c>
    </row>
    <row r="4632">
      <c r="A4632" s="1">
        <v>4.90398588E8</v>
      </c>
      <c r="B4632" s="2">
        <v>11877.0</v>
      </c>
      <c r="C4632" s="1" t="s">
        <v>5</v>
      </c>
      <c r="D4632" s="1" t="s">
        <v>3768</v>
      </c>
      <c r="E4632" s="1" t="s">
        <v>7</v>
      </c>
    </row>
    <row r="4633">
      <c r="A4633" s="1">
        <v>4.90398596E8</v>
      </c>
      <c r="B4633" s="2">
        <v>11873.0</v>
      </c>
      <c r="C4633" s="1" t="s">
        <v>5</v>
      </c>
      <c r="D4633" s="1" t="s">
        <v>1008</v>
      </c>
      <c r="E4633" s="1" t="s">
        <v>7</v>
      </c>
    </row>
    <row r="4634">
      <c r="A4634" s="1">
        <v>4.90398604E8</v>
      </c>
      <c r="B4634" s="2">
        <v>11951.0</v>
      </c>
      <c r="C4634" s="1" t="s">
        <v>5</v>
      </c>
      <c r="D4634" s="1" t="s">
        <v>11</v>
      </c>
      <c r="E4634" s="1" t="s">
        <v>7</v>
      </c>
    </row>
    <row r="4635">
      <c r="A4635" s="1">
        <v>4.90398613E8</v>
      </c>
      <c r="B4635" s="2">
        <v>11854.0</v>
      </c>
      <c r="C4635" s="1" t="s">
        <v>5</v>
      </c>
      <c r="D4635" s="1" t="s">
        <v>3769</v>
      </c>
      <c r="E4635" s="1" t="s">
        <v>3770</v>
      </c>
    </row>
    <row r="4636">
      <c r="A4636" s="1">
        <v>4.90398621E8</v>
      </c>
      <c r="B4636" s="2">
        <v>11847.0</v>
      </c>
      <c r="C4636" s="1" t="s">
        <v>5</v>
      </c>
      <c r="D4636" s="1" t="s">
        <v>3771</v>
      </c>
      <c r="E4636" s="1" t="s">
        <v>7</v>
      </c>
    </row>
    <row r="4637">
      <c r="A4637" s="1">
        <v>4.90398625E8</v>
      </c>
      <c r="B4637" s="2">
        <v>11931.0</v>
      </c>
      <c r="C4637" s="1" t="s">
        <v>5</v>
      </c>
      <c r="D4637" s="1" t="s">
        <v>11</v>
      </c>
      <c r="E4637" s="1" t="s">
        <v>7</v>
      </c>
    </row>
    <row r="4638">
      <c r="A4638" s="1">
        <v>4.90398627E8</v>
      </c>
      <c r="B4638" s="2">
        <v>11931.0</v>
      </c>
      <c r="C4638" s="1" t="s">
        <v>5</v>
      </c>
      <c r="D4638" s="1" t="s">
        <v>3772</v>
      </c>
      <c r="E4638" s="1" t="s">
        <v>11</v>
      </c>
    </row>
    <row r="4639">
      <c r="A4639" s="1">
        <v>4.9039863E8</v>
      </c>
      <c r="B4639" s="2">
        <v>11878.0</v>
      </c>
      <c r="C4639" s="1" t="s">
        <v>5</v>
      </c>
      <c r="D4639" s="1" t="s">
        <v>3773</v>
      </c>
      <c r="E4639" s="1" t="s">
        <v>11</v>
      </c>
    </row>
    <row r="4640">
      <c r="A4640" s="1">
        <v>4.90398632E8</v>
      </c>
      <c r="B4640" s="2">
        <v>11927.0</v>
      </c>
      <c r="C4640" s="1" t="s">
        <v>5</v>
      </c>
      <c r="D4640" s="1" t="s">
        <v>3774</v>
      </c>
      <c r="E4640" s="1" t="s">
        <v>11</v>
      </c>
    </row>
    <row r="4641">
      <c r="A4641" s="1">
        <v>4.90398633E8</v>
      </c>
      <c r="B4641" s="2">
        <v>11843.0</v>
      </c>
      <c r="C4641" s="1" t="s">
        <v>5</v>
      </c>
      <c r="D4641" s="1" t="s">
        <v>3775</v>
      </c>
      <c r="E4641" s="1" t="s">
        <v>7</v>
      </c>
    </row>
    <row r="4642">
      <c r="A4642" s="1">
        <v>4.90398636E8</v>
      </c>
      <c r="B4642" s="2">
        <v>11957.0</v>
      </c>
      <c r="C4642" s="1" t="s">
        <v>5</v>
      </c>
      <c r="D4642" s="1" t="s">
        <v>11</v>
      </c>
      <c r="E4642" s="1" t="s">
        <v>7</v>
      </c>
    </row>
    <row r="4643">
      <c r="A4643" s="1">
        <v>4.90398643E8</v>
      </c>
      <c r="B4643" s="2">
        <v>11894.0</v>
      </c>
      <c r="C4643" s="1" t="s">
        <v>5</v>
      </c>
      <c r="D4643" s="1" t="s">
        <v>3776</v>
      </c>
      <c r="E4643" s="1" t="s">
        <v>7</v>
      </c>
    </row>
    <row r="4644">
      <c r="A4644" s="1">
        <v>4.90398646E8</v>
      </c>
      <c r="B4644" s="2">
        <v>11931.0</v>
      </c>
      <c r="C4644" s="1" t="s">
        <v>5</v>
      </c>
      <c r="D4644" s="1" t="s">
        <v>3777</v>
      </c>
      <c r="E4644" s="1" t="s">
        <v>7</v>
      </c>
    </row>
    <row r="4645">
      <c r="A4645" s="1">
        <v>4.90398653E8</v>
      </c>
      <c r="B4645" s="2">
        <v>11951.0</v>
      </c>
      <c r="C4645" s="1" t="s">
        <v>5</v>
      </c>
      <c r="D4645" s="1" t="s">
        <v>3778</v>
      </c>
      <c r="E4645" s="1" t="s">
        <v>7</v>
      </c>
    </row>
    <row r="4646">
      <c r="A4646" s="1">
        <v>4.90398654E8</v>
      </c>
      <c r="B4646" s="2">
        <v>11854.0</v>
      </c>
      <c r="C4646" s="1" t="s">
        <v>5</v>
      </c>
      <c r="D4646" s="1" t="s">
        <v>11</v>
      </c>
      <c r="E4646" s="1" t="s">
        <v>7</v>
      </c>
    </row>
    <row r="4647">
      <c r="A4647" s="1">
        <v>4.90398665E8</v>
      </c>
      <c r="B4647" s="2">
        <v>11925.0</v>
      </c>
      <c r="C4647" s="1" t="s">
        <v>5</v>
      </c>
      <c r="D4647" s="1" t="s">
        <v>3779</v>
      </c>
      <c r="E4647" s="1" t="s">
        <v>7</v>
      </c>
    </row>
    <row r="4648">
      <c r="A4648" s="1">
        <v>4.9039867E8</v>
      </c>
      <c r="B4648" s="2">
        <v>11902.0</v>
      </c>
      <c r="C4648" s="1" t="s">
        <v>5</v>
      </c>
      <c r="D4648" s="1" t="s">
        <v>3780</v>
      </c>
      <c r="E4648" s="1" t="s">
        <v>7</v>
      </c>
    </row>
    <row r="4649">
      <c r="A4649" s="1">
        <v>4.90398672E8</v>
      </c>
      <c r="B4649" s="2">
        <v>11853.0</v>
      </c>
      <c r="C4649" s="1" t="s">
        <v>5</v>
      </c>
      <c r="D4649" s="1" t="s">
        <v>11</v>
      </c>
      <c r="E4649" s="1" t="s">
        <v>7</v>
      </c>
    </row>
    <row r="4650">
      <c r="A4650" s="1">
        <v>4.90398674E8</v>
      </c>
      <c r="B4650" s="2">
        <v>11951.0</v>
      </c>
      <c r="C4650" s="1" t="s">
        <v>5</v>
      </c>
      <c r="D4650" s="1" t="s">
        <v>11</v>
      </c>
      <c r="E4650" s="1" t="s">
        <v>7</v>
      </c>
    </row>
    <row r="4651">
      <c r="A4651" s="1">
        <v>4.90398675E8</v>
      </c>
      <c r="B4651" s="2">
        <v>11877.0</v>
      </c>
      <c r="C4651" s="1" t="s">
        <v>5</v>
      </c>
      <c r="D4651" s="1" t="s">
        <v>3781</v>
      </c>
      <c r="E4651" s="1" t="s">
        <v>7</v>
      </c>
    </row>
    <row r="4652">
      <c r="A4652" s="1">
        <v>4.90398677E8</v>
      </c>
      <c r="B4652" s="2">
        <v>11873.0</v>
      </c>
      <c r="C4652" s="1" t="s">
        <v>5</v>
      </c>
      <c r="D4652" s="1" t="s">
        <v>3782</v>
      </c>
      <c r="E4652" s="1" t="s">
        <v>7</v>
      </c>
    </row>
    <row r="4653">
      <c r="A4653" s="1">
        <v>4.90398684E8</v>
      </c>
      <c r="B4653" s="2">
        <v>11873.0</v>
      </c>
      <c r="C4653" s="1" t="s">
        <v>5</v>
      </c>
      <c r="D4653" s="1" t="s">
        <v>3783</v>
      </c>
      <c r="E4653" s="1" t="s">
        <v>7</v>
      </c>
    </row>
    <row r="4654">
      <c r="A4654" s="1">
        <v>4.90398693E8</v>
      </c>
      <c r="B4654" s="2">
        <v>11926.0</v>
      </c>
      <c r="C4654" s="1" t="s">
        <v>5</v>
      </c>
      <c r="D4654" s="1" t="s">
        <v>11</v>
      </c>
      <c r="E4654" s="1" t="s">
        <v>7</v>
      </c>
    </row>
    <row r="4655">
      <c r="A4655" s="1">
        <v>4.90398698E8</v>
      </c>
      <c r="B4655" s="2">
        <v>11931.0</v>
      </c>
      <c r="C4655" s="1" t="s">
        <v>5</v>
      </c>
      <c r="D4655" s="1" t="s">
        <v>3784</v>
      </c>
      <c r="E4655" s="1" t="s">
        <v>11</v>
      </c>
    </row>
    <row r="4656">
      <c r="A4656" s="1">
        <v>4.90398704E8</v>
      </c>
      <c r="B4656" s="2">
        <v>11926.0</v>
      </c>
      <c r="C4656" s="1" t="s">
        <v>5</v>
      </c>
      <c r="D4656" s="1" t="s">
        <v>3785</v>
      </c>
      <c r="E4656" s="1" t="s">
        <v>11</v>
      </c>
    </row>
    <row r="4657">
      <c r="A4657" s="1">
        <v>4.90398705E8</v>
      </c>
      <c r="B4657" s="2">
        <v>11853.0</v>
      </c>
      <c r="C4657" s="1" t="s">
        <v>5</v>
      </c>
      <c r="D4657" s="1" t="s">
        <v>3786</v>
      </c>
      <c r="E4657" s="1" t="s">
        <v>7</v>
      </c>
    </row>
    <row r="4658">
      <c r="A4658" s="1">
        <v>4.90398706E8</v>
      </c>
      <c r="B4658" s="2">
        <v>11849.0</v>
      </c>
      <c r="C4658" s="1" t="s">
        <v>5</v>
      </c>
      <c r="D4658" s="1" t="s">
        <v>1636</v>
      </c>
      <c r="E4658" s="1" t="s">
        <v>7</v>
      </c>
    </row>
    <row r="4659">
      <c r="A4659" s="1">
        <v>4.90398708E8</v>
      </c>
      <c r="B4659" s="2">
        <v>11961.0</v>
      </c>
      <c r="C4659" s="1" t="s">
        <v>5</v>
      </c>
      <c r="D4659" s="1" t="s">
        <v>11</v>
      </c>
      <c r="E4659" s="1" t="s">
        <v>7</v>
      </c>
    </row>
    <row r="4660">
      <c r="A4660" s="1">
        <v>4.90398716E8</v>
      </c>
      <c r="B4660" s="2">
        <v>11902.0</v>
      </c>
      <c r="C4660" s="1" t="s">
        <v>5</v>
      </c>
      <c r="D4660" s="1" t="s">
        <v>3787</v>
      </c>
      <c r="E4660" s="1" t="s">
        <v>7</v>
      </c>
    </row>
    <row r="4661">
      <c r="A4661" s="1">
        <v>4.90398727E8</v>
      </c>
      <c r="B4661" s="2">
        <v>11873.0</v>
      </c>
      <c r="C4661" s="1" t="s">
        <v>5</v>
      </c>
      <c r="D4661" s="1" t="s">
        <v>3788</v>
      </c>
      <c r="E4661" s="1" t="s">
        <v>7</v>
      </c>
    </row>
    <row r="4662">
      <c r="A4662" s="1">
        <v>4.9039873E8</v>
      </c>
      <c r="B4662" s="2">
        <v>11906.0</v>
      </c>
      <c r="C4662" s="1" t="s">
        <v>5</v>
      </c>
      <c r="D4662" s="1" t="s">
        <v>11</v>
      </c>
      <c r="E4662" s="1" t="s">
        <v>7</v>
      </c>
    </row>
    <row r="4663">
      <c r="A4663" s="1">
        <v>4.90398737E8</v>
      </c>
      <c r="B4663" s="2">
        <v>11853.0</v>
      </c>
      <c r="C4663" s="1" t="s">
        <v>5</v>
      </c>
      <c r="D4663" s="1" t="s">
        <v>3789</v>
      </c>
      <c r="E4663" s="1" t="s">
        <v>7</v>
      </c>
    </row>
    <row r="4664">
      <c r="A4664" s="1">
        <v>4.90398738E8</v>
      </c>
      <c r="B4664" s="2">
        <v>11902.0</v>
      </c>
      <c r="C4664" s="1" t="s">
        <v>5</v>
      </c>
      <c r="D4664" s="1" t="s">
        <v>11</v>
      </c>
      <c r="E4664" s="1" t="s">
        <v>7</v>
      </c>
    </row>
    <row r="4665">
      <c r="A4665" s="1">
        <v>4.90398748E8</v>
      </c>
      <c r="B4665" s="2">
        <v>11873.0</v>
      </c>
      <c r="C4665" s="1" t="s">
        <v>5</v>
      </c>
      <c r="D4665" s="1" t="s">
        <v>11</v>
      </c>
      <c r="E4665" s="1" t="s">
        <v>7</v>
      </c>
    </row>
    <row r="4666">
      <c r="A4666" s="1">
        <v>4.90398756E8</v>
      </c>
      <c r="B4666" s="2">
        <v>11842.0</v>
      </c>
      <c r="C4666" s="1" t="s">
        <v>5</v>
      </c>
      <c r="D4666" s="1" t="s">
        <v>3790</v>
      </c>
      <c r="E4666" s="1" t="s">
        <v>7</v>
      </c>
    </row>
    <row r="4667">
      <c r="A4667" s="1">
        <v>4.90398759E8</v>
      </c>
      <c r="B4667" s="2">
        <v>11910.0</v>
      </c>
      <c r="C4667" s="1" t="s">
        <v>5</v>
      </c>
      <c r="D4667" s="1" t="s">
        <v>11</v>
      </c>
      <c r="E4667" s="1" t="s">
        <v>7</v>
      </c>
    </row>
    <row r="4668">
      <c r="A4668" s="1">
        <v>4.90398763E8</v>
      </c>
      <c r="B4668" s="2">
        <v>11853.0</v>
      </c>
      <c r="C4668" s="1" t="s">
        <v>5</v>
      </c>
      <c r="D4668" s="1" t="s">
        <v>3791</v>
      </c>
      <c r="E4668" s="1" t="s">
        <v>11</v>
      </c>
    </row>
    <row r="4669">
      <c r="A4669" s="1">
        <v>4.90398773E8</v>
      </c>
      <c r="B4669" s="2">
        <v>11906.0</v>
      </c>
      <c r="C4669" s="1" t="s">
        <v>5</v>
      </c>
      <c r="D4669" s="1" t="s">
        <v>3792</v>
      </c>
      <c r="E4669" s="1" t="s">
        <v>7</v>
      </c>
    </row>
    <row r="4670">
      <c r="A4670" s="1">
        <v>4.90398774E8</v>
      </c>
      <c r="B4670" s="2">
        <v>11910.0</v>
      </c>
      <c r="C4670" s="1" t="s">
        <v>5</v>
      </c>
      <c r="D4670" s="1" t="s">
        <v>3793</v>
      </c>
      <c r="E4670" s="1" t="s">
        <v>7</v>
      </c>
    </row>
    <row r="4671">
      <c r="A4671" s="1">
        <v>4.90398777E8</v>
      </c>
      <c r="B4671" s="2">
        <v>11951.0</v>
      </c>
      <c r="C4671" s="1" t="s">
        <v>5</v>
      </c>
      <c r="D4671" s="1" t="s">
        <v>11</v>
      </c>
      <c r="E4671" s="1" t="s">
        <v>7</v>
      </c>
    </row>
    <row r="4672">
      <c r="A4672" s="1">
        <v>4.90398783E8</v>
      </c>
      <c r="B4672" s="2">
        <v>11930.0</v>
      </c>
      <c r="C4672" s="1" t="s">
        <v>5</v>
      </c>
      <c r="D4672" s="1" t="s">
        <v>3794</v>
      </c>
      <c r="E4672" s="1" t="s">
        <v>3795</v>
      </c>
    </row>
    <row r="4673">
      <c r="A4673" s="1">
        <v>4.90398786E8</v>
      </c>
      <c r="B4673" s="2">
        <v>11926.0</v>
      </c>
      <c r="C4673" s="1" t="s">
        <v>5</v>
      </c>
      <c r="D4673" s="1" t="s">
        <v>3796</v>
      </c>
      <c r="E4673" s="1" t="s">
        <v>7</v>
      </c>
    </row>
    <row r="4674">
      <c r="A4674" s="1">
        <v>4.90398789E8</v>
      </c>
      <c r="B4674" s="2">
        <v>11841.0</v>
      </c>
      <c r="C4674" s="1" t="s">
        <v>5</v>
      </c>
      <c r="D4674" s="1" t="s">
        <v>11</v>
      </c>
      <c r="E4674" s="1" t="s">
        <v>7</v>
      </c>
    </row>
    <row r="4675">
      <c r="A4675" s="1">
        <v>4.90398798E8</v>
      </c>
      <c r="B4675" s="2">
        <v>11931.0</v>
      </c>
      <c r="C4675" s="1" t="s">
        <v>5</v>
      </c>
      <c r="D4675" s="1" t="s">
        <v>3797</v>
      </c>
      <c r="E4675" s="1" t="s">
        <v>11</v>
      </c>
    </row>
    <row r="4676">
      <c r="A4676" s="1">
        <v>4.90398809E8</v>
      </c>
      <c r="B4676" s="2">
        <v>11877.0</v>
      </c>
      <c r="C4676" s="1" t="s">
        <v>5</v>
      </c>
      <c r="D4676" s="1" t="s">
        <v>3798</v>
      </c>
      <c r="E4676" s="1" t="s">
        <v>11</v>
      </c>
    </row>
    <row r="4677">
      <c r="A4677" s="1">
        <v>4.90398813E8</v>
      </c>
      <c r="B4677" s="2">
        <v>11905.0</v>
      </c>
      <c r="C4677" s="1" t="s">
        <v>5</v>
      </c>
      <c r="D4677" s="1" t="s">
        <v>3799</v>
      </c>
      <c r="E4677" s="1" t="s">
        <v>7</v>
      </c>
    </row>
    <row r="4678">
      <c r="A4678" s="1">
        <v>4.90398819E8</v>
      </c>
      <c r="B4678" s="2">
        <v>11853.0</v>
      </c>
      <c r="C4678" s="1" t="s">
        <v>5</v>
      </c>
      <c r="D4678" s="1" t="s">
        <v>3800</v>
      </c>
      <c r="E4678" s="1" t="s">
        <v>7</v>
      </c>
    </row>
    <row r="4679">
      <c r="A4679" s="1">
        <v>4.90398822E8</v>
      </c>
      <c r="B4679" s="2">
        <v>11957.0</v>
      </c>
      <c r="C4679" s="1" t="s">
        <v>5</v>
      </c>
      <c r="D4679" s="1" t="s">
        <v>11</v>
      </c>
      <c r="E4679" s="1" t="s">
        <v>7</v>
      </c>
    </row>
    <row r="4680">
      <c r="A4680" s="1">
        <v>4.90398823E8</v>
      </c>
      <c r="B4680" s="2">
        <v>11906.0</v>
      </c>
      <c r="C4680" s="1" t="s">
        <v>5</v>
      </c>
      <c r="D4680" s="1" t="s">
        <v>11</v>
      </c>
      <c r="E4680" s="1" t="s">
        <v>7</v>
      </c>
    </row>
    <row r="4681">
      <c r="A4681" s="1">
        <v>4.90398839E8</v>
      </c>
      <c r="B4681" s="2">
        <v>11854.0</v>
      </c>
      <c r="C4681" s="1" t="s">
        <v>5</v>
      </c>
      <c r="D4681" s="1" t="s">
        <v>3801</v>
      </c>
      <c r="E4681" s="1" t="s">
        <v>7</v>
      </c>
    </row>
    <row r="4682">
      <c r="A4682" s="1">
        <v>4.90398844E8</v>
      </c>
      <c r="B4682" s="2">
        <v>11962.0</v>
      </c>
      <c r="C4682" s="1" t="s">
        <v>5</v>
      </c>
      <c r="D4682" s="1" t="s">
        <v>11</v>
      </c>
      <c r="E4682" s="1" t="s">
        <v>7</v>
      </c>
    </row>
    <row r="4683">
      <c r="A4683" s="1">
        <v>4.90398846E8</v>
      </c>
      <c r="B4683" s="2">
        <v>11845.0</v>
      </c>
      <c r="C4683" s="1" t="s">
        <v>5</v>
      </c>
      <c r="D4683" s="1" t="s">
        <v>3802</v>
      </c>
      <c r="E4683" s="1" t="s">
        <v>7</v>
      </c>
    </row>
    <row r="4684">
      <c r="A4684" s="1">
        <v>4.90398857E8</v>
      </c>
      <c r="B4684" s="2">
        <v>11931.0</v>
      </c>
      <c r="C4684" s="1" t="s">
        <v>5</v>
      </c>
      <c r="D4684" s="1" t="s">
        <v>3803</v>
      </c>
      <c r="E4684" s="1" t="s">
        <v>7</v>
      </c>
    </row>
    <row r="4685">
      <c r="A4685" s="1">
        <v>4.90398864E8</v>
      </c>
      <c r="B4685" s="2">
        <v>11877.0</v>
      </c>
      <c r="C4685" s="1" t="s">
        <v>5</v>
      </c>
      <c r="D4685" s="1" t="s">
        <v>3804</v>
      </c>
      <c r="E4685" s="1" t="s">
        <v>11</v>
      </c>
    </row>
    <row r="4686">
      <c r="A4686" s="1">
        <v>4.90398874E8</v>
      </c>
      <c r="B4686" s="2">
        <v>11930.0</v>
      </c>
      <c r="C4686" s="1" t="s">
        <v>5</v>
      </c>
      <c r="D4686" s="1" t="s">
        <v>3805</v>
      </c>
      <c r="E4686" s="1" t="s">
        <v>7</v>
      </c>
    </row>
    <row r="4687">
      <c r="A4687" s="1">
        <v>4.90398876E8</v>
      </c>
      <c r="B4687" s="2">
        <v>11841.0</v>
      </c>
      <c r="C4687" s="1" t="s">
        <v>5</v>
      </c>
      <c r="D4687" s="1" t="s">
        <v>3806</v>
      </c>
      <c r="E4687" s="1" t="s">
        <v>7</v>
      </c>
    </row>
    <row r="4688">
      <c r="A4688" s="1">
        <v>4.90398879E8</v>
      </c>
      <c r="B4688" s="2">
        <v>11960.0</v>
      </c>
      <c r="C4688" s="1" t="s">
        <v>5</v>
      </c>
      <c r="D4688" s="1" t="s">
        <v>3807</v>
      </c>
      <c r="E4688" s="1" t="s">
        <v>11</v>
      </c>
    </row>
    <row r="4689">
      <c r="A4689" s="1">
        <v>4.90398889E8</v>
      </c>
      <c r="B4689" s="2">
        <v>11931.0</v>
      </c>
      <c r="C4689" s="1" t="s">
        <v>5</v>
      </c>
      <c r="D4689" s="1" t="s">
        <v>3808</v>
      </c>
      <c r="E4689" s="1" t="s">
        <v>11</v>
      </c>
    </row>
    <row r="4690">
      <c r="A4690" s="1">
        <v>4.9039889E8</v>
      </c>
      <c r="B4690" s="2">
        <v>11894.0</v>
      </c>
      <c r="C4690" s="1" t="s">
        <v>5</v>
      </c>
      <c r="D4690" s="1" t="s">
        <v>11</v>
      </c>
      <c r="E4690" s="1" t="s">
        <v>7</v>
      </c>
    </row>
    <row r="4691">
      <c r="A4691" s="1">
        <v>4.90398898E8</v>
      </c>
      <c r="B4691" s="2">
        <v>11903.0</v>
      </c>
      <c r="C4691" s="1" t="s">
        <v>5</v>
      </c>
      <c r="D4691" s="1" t="s">
        <v>3809</v>
      </c>
      <c r="E4691" s="1" t="s">
        <v>7</v>
      </c>
    </row>
    <row r="4692">
      <c r="A4692" s="1">
        <v>4.90398905E8</v>
      </c>
      <c r="B4692" s="2">
        <v>11848.0</v>
      </c>
      <c r="C4692" s="1" t="s">
        <v>5</v>
      </c>
      <c r="D4692" s="1" t="s">
        <v>3810</v>
      </c>
      <c r="E4692" s="1" t="s">
        <v>7</v>
      </c>
    </row>
    <row r="4693">
      <c r="A4693" s="1">
        <v>4.90398906E8</v>
      </c>
      <c r="B4693" s="2">
        <v>11909.0</v>
      </c>
      <c r="C4693" s="1" t="s">
        <v>5</v>
      </c>
      <c r="D4693" s="1" t="s">
        <v>11</v>
      </c>
      <c r="E4693" s="1" t="s">
        <v>7</v>
      </c>
    </row>
    <row r="4694">
      <c r="A4694" s="1">
        <v>4.90398907E8</v>
      </c>
      <c r="B4694" s="2">
        <v>11872.0</v>
      </c>
      <c r="C4694" s="1" t="s">
        <v>5</v>
      </c>
      <c r="D4694" s="1" t="s">
        <v>3811</v>
      </c>
      <c r="E4694" s="1" t="s">
        <v>7</v>
      </c>
    </row>
    <row r="4695">
      <c r="A4695" s="1">
        <v>4.90398908E8</v>
      </c>
      <c r="B4695" s="2">
        <v>11962.0</v>
      </c>
      <c r="C4695" s="1" t="s">
        <v>5</v>
      </c>
      <c r="D4695" s="1" t="s">
        <v>3812</v>
      </c>
      <c r="E4695" s="1" t="s">
        <v>7</v>
      </c>
    </row>
    <row r="4696">
      <c r="A4696" s="1">
        <v>4.90398917E8</v>
      </c>
      <c r="B4696" s="2">
        <v>11931.0</v>
      </c>
      <c r="C4696" s="1" t="s">
        <v>5</v>
      </c>
      <c r="D4696" s="1" t="s">
        <v>11</v>
      </c>
      <c r="E4696" s="1" t="s">
        <v>7</v>
      </c>
    </row>
    <row r="4697">
      <c r="A4697" s="1">
        <v>4.90398919E8</v>
      </c>
      <c r="B4697" s="2">
        <v>11894.0</v>
      </c>
      <c r="C4697" s="1" t="s">
        <v>5</v>
      </c>
      <c r="D4697" s="1" t="s">
        <v>3813</v>
      </c>
      <c r="E4697" s="1" t="s">
        <v>7</v>
      </c>
    </row>
    <row r="4698">
      <c r="A4698" s="1">
        <v>4.90398925E8</v>
      </c>
      <c r="B4698" s="2">
        <v>11877.0</v>
      </c>
      <c r="C4698" s="1" t="s">
        <v>5</v>
      </c>
      <c r="D4698" s="1" t="s">
        <v>3814</v>
      </c>
      <c r="E4698" s="1" t="s">
        <v>11</v>
      </c>
    </row>
    <row r="4699">
      <c r="A4699" s="1">
        <v>4.9039894E8</v>
      </c>
      <c r="B4699" s="2">
        <v>11962.0</v>
      </c>
      <c r="C4699" s="1" t="s">
        <v>5</v>
      </c>
      <c r="D4699" s="1" t="s">
        <v>3815</v>
      </c>
      <c r="E4699" s="1" t="s">
        <v>7</v>
      </c>
    </row>
    <row r="4700">
      <c r="A4700" s="1">
        <v>4.90398944E8</v>
      </c>
      <c r="B4700" s="2">
        <v>11961.0</v>
      </c>
      <c r="C4700" s="1" t="s">
        <v>5</v>
      </c>
      <c r="D4700" s="1" t="s">
        <v>3816</v>
      </c>
      <c r="E4700" s="1" t="s">
        <v>11</v>
      </c>
    </row>
    <row r="4701">
      <c r="A4701" s="1">
        <v>4.90398964E8</v>
      </c>
      <c r="B4701" s="2">
        <v>11930.0</v>
      </c>
      <c r="C4701" s="1" t="s">
        <v>5</v>
      </c>
      <c r="D4701" s="1" t="s">
        <v>3817</v>
      </c>
      <c r="E4701" s="1" t="s">
        <v>7</v>
      </c>
    </row>
    <row r="4702">
      <c r="A4702" s="1">
        <v>4.90398968E8</v>
      </c>
      <c r="B4702" s="2">
        <v>11853.0</v>
      </c>
      <c r="C4702" s="1" t="s">
        <v>5</v>
      </c>
      <c r="D4702" s="1" t="s">
        <v>3818</v>
      </c>
      <c r="E4702" s="1" t="s">
        <v>7</v>
      </c>
    </row>
    <row r="4703">
      <c r="A4703" s="1">
        <v>4.90398973E8</v>
      </c>
      <c r="B4703" s="2">
        <v>11906.0</v>
      </c>
      <c r="C4703" s="1" t="s">
        <v>5</v>
      </c>
      <c r="D4703" s="1" t="s">
        <v>3819</v>
      </c>
      <c r="E4703" s="1" t="s">
        <v>11</v>
      </c>
    </row>
    <row r="4704">
      <c r="A4704" s="1">
        <v>4.90398981E8</v>
      </c>
      <c r="B4704" s="2">
        <v>11843.0</v>
      </c>
      <c r="C4704" s="1" t="s">
        <v>5</v>
      </c>
      <c r="D4704" s="1" t="s">
        <v>3820</v>
      </c>
      <c r="E4704" s="1" t="s">
        <v>7</v>
      </c>
    </row>
    <row r="4705">
      <c r="A4705" s="1">
        <v>4.90398983E8</v>
      </c>
      <c r="B4705" s="2">
        <v>11877.0</v>
      </c>
      <c r="C4705" s="1" t="s">
        <v>5</v>
      </c>
      <c r="D4705" s="1" t="s">
        <v>3821</v>
      </c>
      <c r="E4705" s="1" t="s">
        <v>7</v>
      </c>
    </row>
    <row r="4706">
      <c r="A4706" s="1">
        <v>4.90398984E8</v>
      </c>
      <c r="B4706" s="2">
        <v>11951.0</v>
      </c>
      <c r="C4706" s="1" t="s">
        <v>5</v>
      </c>
      <c r="D4706" s="1" t="s">
        <v>3822</v>
      </c>
      <c r="E4706" s="1" t="s">
        <v>7</v>
      </c>
    </row>
    <row r="4707">
      <c r="A4707" s="1">
        <v>4.90398987E8</v>
      </c>
      <c r="B4707" s="2">
        <v>11933.0</v>
      </c>
      <c r="C4707" s="1" t="s">
        <v>5</v>
      </c>
      <c r="D4707" s="1" t="s">
        <v>3823</v>
      </c>
      <c r="E4707" s="1" t="s">
        <v>7</v>
      </c>
    </row>
    <row r="4708">
      <c r="A4708" s="1">
        <v>4.90398988E8</v>
      </c>
      <c r="B4708" s="2">
        <v>11960.0</v>
      </c>
      <c r="C4708" s="1" t="s">
        <v>5</v>
      </c>
      <c r="D4708" s="1" t="s">
        <v>3824</v>
      </c>
      <c r="E4708" s="1" t="s">
        <v>11</v>
      </c>
    </row>
    <row r="4709">
      <c r="A4709" s="1">
        <v>4.90398993E8</v>
      </c>
      <c r="B4709" s="2">
        <v>11929.0</v>
      </c>
      <c r="C4709" s="1" t="s">
        <v>5</v>
      </c>
      <c r="D4709" s="1" t="s">
        <v>3825</v>
      </c>
      <c r="E4709" s="1" t="s">
        <v>7</v>
      </c>
    </row>
    <row r="4710">
      <c r="A4710" s="1">
        <v>4.90398994E8</v>
      </c>
      <c r="B4710" s="2">
        <v>11871.0</v>
      </c>
      <c r="C4710" s="1" t="s">
        <v>5</v>
      </c>
      <c r="D4710" s="1" t="s">
        <v>3826</v>
      </c>
      <c r="E4710" s="1" t="s">
        <v>7</v>
      </c>
    </row>
    <row r="4711">
      <c r="A4711" s="1">
        <v>4.90398997E8</v>
      </c>
      <c r="B4711" s="2">
        <v>11930.0</v>
      </c>
      <c r="C4711" s="1" t="s">
        <v>5</v>
      </c>
      <c r="D4711" s="1" t="s">
        <v>3827</v>
      </c>
      <c r="E4711" s="1" t="s">
        <v>7</v>
      </c>
    </row>
    <row r="4712">
      <c r="A4712" s="1">
        <v>4.90399E8</v>
      </c>
      <c r="B4712" s="2">
        <v>11961.0</v>
      </c>
      <c r="C4712" s="1" t="s">
        <v>5</v>
      </c>
      <c r="D4712" s="1" t="s">
        <v>11</v>
      </c>
      <c r="E4712" s="1" t="s">
        <v>7</v>
      </c>
    </row>
    <row r="4713">
      <c r="A4713" s="1">
        <v>4.90399004E8</v>
      </c>
      <c r="B4713" s="2">
        <v>11843.0</v>
      </c>
      <c r="C4713" s="1" t="s">
        <v>5</v>
      </c>
      <c r="D4713" s="1" t="s">
        <v>3828</v>
      </c>
      <c r="E4713" s="1" t="s">
        <v>11</v>
      </c>
    </row>
    <row r="4714">
      <c r="A4714" s="1">
        <v>4.9039902E8</v>
      </c>
      <c r="B4714" s="2">
        <v>11894.0</v>
      </c>
      <c r="C4714" s="1" t="s">
        <v>5</v>
      </c>
      <c r="D4714" s="1" t="s">
        <v>3829</v>
      </c>
      <c r="E4714" s="1" t="s">
        <v>7</v>
      </c>
    </row>
    <row r="4715">
      <c r="A4715" s="1">
        <v>4.90399021E8</v>
      </c>
      <c r="B4715" s="2">
        <v>11931.0</v>
      </c>
      <c r="C4715" s="1" t="s">
        <v>5</v>
      </c>
      <c r="D4715" s="1" t="s">
        <v>11</v>
      </c>
      <c r="E4715" s="1" t="s">
        <v>7</v>
      </c>
    </row>
    <row r="4716">
      <c r="A4716" s="1">
        <v>4.90399022E8</v>
      </c>
      <c r="B4716" s="2">
        <v>11961.0</v>
      </c>
      <c r="C4716" s="1" t="s">
        <v>5</v>
      </c>
      <c r="D4716" s="1" t="s">
        <v>11</v>
      </c>
      <c r="E4716" s="1" t="s">
        <v>7</v>
      </c>
    </row>
    <row r="4717">
      <c r="A4717" s="1">
        <v>4.90399023E8</v>
      </c>
      <c r="B4717" s="2">
        <v>11903.0</v>
      </c>
      <c r="C4717" s="1" t="s">
        <v>5</v>
      </c>
      <c r="D4717" s="1" t="s">
        <v>3830</v>
      </c>
      <c r="E4717" s="1" t="s">
        <v>7</v>
      </c>
    </row>
    <row r="4718">
      <c r="A4718" s="1">
        <v>4.90399033E8</v>
      </c>
      <c r="B4718" s="2">
        <v>11961.0</v>
      </c>
      <c r="C4718" s="1" t="s">
        <v>5</v>
      </c>
      <c r="D4718" s="1" t="s">
        <v>3831</v>
      </c>
      <c r="E4718" s="1" t="s">
        <v>7</v>
      </c>
    </row>
    <row r="4719">
      <c r="A4719" s="1">
        <v>4.90399039E8</v>
      </c>
      <c r="B4719" s="2">
        <v>11872.0</v>
      </c>
      <c r="C4719" s="1" t="s">
        <v>5</v>
      </c>
      <c r="D4719" s="1" t="s">
        <v>3832</v>
      </c>
      <c r="E4719" s="1" t="s">
        <v>7</v>
      </c>
    </row>
    <row r="4720">
      <c r="A4720" s="1">
        <v>4.9039905E8</v>
      </c>
      <c r="B4720" s="2">
        <v>11931.0</v>
      </c>
      <c r="C4720" s="1" t="s">
        <v>5</v>
      </c>
      <c r="D4720" s="1" t="s">
        <v>3833</v>
      </c>
      <c r="E4720" s="1" t="s">
        <v>7</v>
      </c>
    </row>
    <row r="4721">
      <c r="A4721" s="1">
        <v>4.90399053E8</v>
      </c>
      <c r="B4721" s="2">
        <v>11961.0</v>
      </c>
      <c r="C4721" s="1" t="s">
        <v>5</v>
      </c>
      <c r="D4721" s="1" t="s">
        <v>11</v>
      </c>
      <c r="E4721" s="1" t="s">
        <v>7</v>
      </c>
    </row>
    <row r="4722">
      <c r="A4722" s="1">
        <v>4.90399056E8</v>
      </c>
      <c r="B4722" s="2">
        <v>11849.0</v>
      </c>
      <c r="C4722" s="1" t="s">
        <v>5</v>
      </c>
      <c r="D4722" s="1" t="s">
        <v>3834</v>
      </c>
      <c r="E4722" s="1" t="s">
        <v>7</v>
      </c>
    </row>
    <row r="4723">
      <c r="A4723" s="1">
        <v>4.9039906E8</v>
      </c>
      <c r="B4723" s="2">
        <v>11903.0</v>
      </c>
      <c r="C4723" s="1" t="s">
        <v>5</v>
      </c>
      <c r="D4723" s="1" t="s">
        <v>3835</v>
      </c>
      <c r="E4723" s="1" t="s">
        <v>7</v>
      </c>
    </row>
    <row r="4724">
      <c r="A4724" s="1">
        <v>4.90399063E8</v>
      </c>
      <c r="B4724" s="2">
        <v>11843.0</v>
      </c>
      <c r="C4724" s="1" t="s">
        <v>5</v>
      </c>
      <c r="D4724" s="1" t="s">
        <v>3836</v>
      </c>
      <c r="E4724" s="1" t="s">
        <v>7</v>
      </c>
    </row>
    <row r="4725">
      <c r="A4725" s="1">
        <v>4.90399067E8</v>
      </c>
      <c r="B4725" s="2">
        <v>11933.0</v>
      </c>
      <c r="C4725" s="1" t="s">
        <v>5</v>
      </c>
      <c r="D4725" s="1" t="s">
        <v>3837</v>
      </c>
      <c r="E4725" s="1" t="s">
        <v>11</v>
      </c>
    </row>
    <row r="4726">
      <c r="A4726" s="1">
        <v>4.90399073E8</v>
      </c>
      <c r="B4726" s="2">
        <v>11930.0</v>
      </c>
      <c r="C4726" s="1" t="s">
        <v>5</v>
      </c>
      <c r="D4726" s="1" t="s">
        <v>3838</v>
      </c>
      <c r="E4726" s="1" t="s">
        <v>11</v>
      </c>
    </row>
    <row r="4727">
      <c r="A4727" s="1">
        <v>4.90399088E8</v>
      </c>
      <c r="B4727" s="2">
        <v>11902.0</v>
      </c>
      <c r="C4727" s="1" t="s">
        <v>5</v>
      </c>
      <c r="D4727" s="1" t="s">
        <v>3839</v>
      </c>
      <c r="E4727" s="1" t="s">
        <v>11</v>
      </c>
    </row>
    <row r="4728">
      <c r="A4728" s="1">
        <v>4.90399089E8</v>
      </c>
      <c r="B4728" s="2">
        <v>11930.0</v>
      </c>
      <c r="C4728" s="1" t="s">
        <v>5</v>
      </c>
      <c r="D4728" s="1" t="s">
        <v>11</v>
      </c>
      <c r="E4728" s="1" t="s">
        <v>7</v>
      </c>
    </row>
    <row r="4729">
      <c r="A4729" s="1">
        <v>4.9039909E8</v>
      </c>
      <c r="B4729" s="2">
        <v>11876.0</v>
      </c>
      <c r="C4729" s="1" t="s">
        <v>5</v>
      </c>
      <c r="D4729" s="1" t="s">
        <v>3840</v>
      </c>
      <c r="E4729" s="1" t="s">
        <v>11</v>
      </c>
    </row>
    <row r="4730">
      <c r="A4730" s="1">
        <v>4.90399097E8</v>
      </c>
      <c r="B4730" s="2">
        <v>11961.0</v>
      </c>
      <c r="C4730" s="1" t="s">
        <v>5</v>
      </c>
      <c r="D4730" s="1" t="s">
        <v>3841</v>
      </c>
      <c r="E4730" s="1" t="s">
        <v>7</v>
      </c>
    </row>
    <row r="4731">
      <c r="A4731" s="1">
        <v>4.90399104E8</v>
      </c>
      <c r="B4731" s="2">
        <v>11961.0</v>
      </c>
      <c r="C4731" s="1" t="s">
        <v>5</v>
      </c>
      <c r="D4731" s="1" t="s">
        <v>3842</v>
      </c>
      <c r="E4731" s="1" t="s">
        <v>7</v>
      </c>
    </row>
    <row r="4732">
      <c r="A4732" s="1">
        <v>4.90399106E8</v>
      </c>
      <c r="B4732" s="2">
        <v>11876.0</v>
      </c>
      <c r="C4732" s="1" t="s">
        <v>5</v>
      </c>
      <c r="D4732" s="1" t="s">
        <v>11</v>
      </c>
      <c r="E4732" s="1" t="s">
        <v>7</v>
      </c>
    </row>
    <row r="4733">
      <c r="A4733" s="1">
        <v>4.90399107E8</v>
      </c>
      <c r="B4733" s="2">
        <v>11871.0</v>
      </c>
      <c r="C4733" s="1" t="s">
        <v>5</v>
      </c>
      <c r="D4733" s="1" t="s">
        <v>3843</v>
      </c>
      <c r="E4733" s="1" t="s">
        <v>11</v>
      </c>
    </row>
    <row r="4734">
      <c r="A4734" s="1">
        <v>4.90399114E8</v>
      </c>
      <c r="B4734" s="2">
        <v>11847.0</v>
      </c>
      <c r="C4734" s="1" t="s">
        <v>5</v>
      </c>
      <c r="D4734" s="1" t="s">
        <v>3844</v>
      </c>
      <c r="E4734" s="1" t="s">
        <v>3845</v>
      </c>
    </row>
    <row r="4735">
      <c r="A4735" s="1">
        <v>4.90399115E8</v>
      </c>
      <c r="B4735" s="2">
        <v>11930.0</v>
      </c>
      <c r="C4735" s="1" t="s">
        <v>5</v>
      </c>
      <c r="D4735" s="1" t="s">
        <v>11</v>
      </c>
      <c r="E4735" s="1" t="s">
        <v>7</v>
      </c>
    </row>
    <row r="4736">
      <c r="A4736" s="1">
        <v>4.90399116E8</v>
      </c>
      <c r="B4736" s="2">
        <v>11876.0</v>
      </c>
      <c r="C4736" s="1" t="s">
        <v>5</v>
      </c>
      <c r="D4736" s="1" t="s">
        <v>3846</v>
      </c>
      <c r="E4736" s="1" t="s">
        <v>7</v>
      </c>
    </row>
    <row r="4737">
      <c r="A4737" s="1">
        <v>4.90399123E8</v>
      </c>
      <c r="B4737" s="2">
        <v>11902.0</v>
      </c>
      <c r="C4737" s="1" t="s">
        <v>5</v>
      </c>
      <c r="D4737" s="1" t="s">
        <v>1633</v>
      </c>
      <c r="E4737" s="1" t="s">
        <v>11</v>
      </c>
    </row>
    <row r="4738">
      <c r="A4738" s="1">
        <v>4.90399124E8</v>
      </c>
      <c r="B4738" s="2">
        <v>11930.0</v>
      </c>
      <c r="C4738" s="1" t="s">
        <v>5</v>
      </c>
      <c r="D4738" s="1" t="s">
        <v>3847</v>
      </c>
      <c r="E4738" s="1" t="s">
        <v>11</v>
      </c>
    </row>
    <row r="4739">
      <c r="A4739" s="1">
        <v>4.90399132E8</v>
      </c>
      <c r="B4739" s="2">
        <v>11903.0</v>
      </c>
      <c r="C4739" s="1" t="s">
        <v>5</v>
      </c>
      <c r="D4739" s="1" t="s">
        <v>3848</v>
      </c>
      <c r="E4739" s="1" t="s">
        <v>11</v>
      </c>
    </row>
    <row r="4740">
      <c r="A4740" s="1">
        <v>4.90399137E8</v>
      </c>
      <c r="B4740" s="2">
        <v>11876.0</v>
      </c>
      <c r="C4740" s="1" t="s">
        <v>5</v>
      </c>
      <c r="D4740" s="1" t="s">
        <v>11</v>
      </c>
      <c r="E4740" s="1" t="s">
        <v>7</v>
      </c>
    </row>
    <row r="4741">
      <c r="A4741" s="1">
        <v>4.90399143E8</v>
      </c>
      <c r="B4741" s="2">
        <v>11871.0</v>
      </c>
      <c r="C4741" s="1" t="s">
        <v>5</v>
      </c>
      <c r="D4741" s="1" t="s">
        <v>11</v>
      </c>
      <c r="E4741" s="1" t="s">
        <v>7</v>
      </c>
    </row>
    <row r="4742">
      <c r="A4742" s="1">
        <v>4.90399144E8</v>
      </c>
      <c r="B4742" s="2">
        <v>11933.0</v>
      </c>
      <c r="C4742" s="1" t="s">
        <v>5</v>
      </c>
      <c r="D4742" s="1" t="s">
        <v>3849</v>
      </c>
      <c r="E4742" s="1" t="s">
        <v>7</v>
      </c>
    </row>
    <row r="4743">
      <c r="A4743" s="1">
        <v>4.90399153E8</v>
      </c>
      <c r="B4743" s="2">
        <v>11876.0</v>
      </c>
      <c r="C4743" s="1" t="s">
        <v>5</v>
      </c>
      <c r="D4743" s="1" t="s">
        <v>3850</v>
      </c>
      <c r="E4743" s="1" t="s">
        <v>11</v>
      </c>
    </row>
    <row r="4744">
      <c r="A4744" s="1">
        <v>4.90399157E8</v>
      </c>
      <c r="B4744" s="2">
        <v>11871.0</v>
      </c>
      <c r="C4744" s="1" t="s">
        <v>5</v>
      </c>
      <c r="D4744" s="1" t="s">
        <v>11</v>
      </c>
      <c r="E4744" s="1" t="s">
        <v>7</v>
      </c>
    </row>
    <row r="4745">
      <c r="A4745" s="1">
        <v>4.90399163E8</v>
      </c>
      <c r="B4745" s="2">
        <v>11924.0</v>
      </c>
      <c r="C4745" s="1" t="s">
        <v>5</v>
      </c>
      <c r="D4745" s="1" t="s">
        <v>3851</v>
      </c>
      <c r="E4745" s="1" t="s">
        <v>11</v>
      </c>
    </row>
    <row r="4746">
      <c r="A4746" s="1">
        <v>4.90399165E8</v>
      </c>
      <c r="B4746" s="2">
        <v>11903.0</v>
      </c>
      <c r="C4746" s="1" t="s">
        <v>5</v>
      </c>
      <c r="D4746" s="1" t="s">
        <v>3852</v>
      </c>
      <c r="E4746" s="1" t="s">
        <v>7</v>
      </c>
    </row>
    <row r="4747">
      <c r="A4747" s="1">
        <v>4.90399168E8</v>
      </c>
      <c r="B4747" s="2">
        <v>11961.0</v>
      </c>
      <c r="C4747" s="1" t="s">
        <v>5</v>
      </c>
      <c r="D4747" s="1" t="s">
        <v>3853</v>
      </c>
      <c r="E4747" s="1" t="s">
        <v>11</v>
      </c>
    </row>
    <row r="4748">
      <c r="A4748" s="1">
        <v>4.90399177E8</v>
      </c>
      <c r="B4748" s="2">
        <v>11894.0</v>
      </c>
      <c r="C4748" s="1" t="s">
        <v>5</v>
      </c>
      <c r="D4748" s="1" t="s">
        <v>3854</v>
      </c>
      <c r="E4748" s="1" t="s">
        <v>11</v>
      </c>
    </row>
    <row r="4749">
      <c r="A4749" s="1">
        <v>4.90399183E8</v>
      </c>
      <c r="B4749" s="2">
        <v>11853.0</v>
      </c>
      <c r="C4749" s="1" t="s">
        <v>5</v>
      </c>
      <c r="D4749" s="1" t="s">
        <v>73</v>
      </c>
      <c r="E4749" s="1" t="s">
        <v>7</v>
      </c>
    </row>
    <row r="4750">
      <c r="A4750" s="1">
        <v>4.90399185E8</v>
      </c>
      <c r="B4750" s="2">
        <v>11929.0</v>
      </c>
      <c r="C4750" s="1" t="s">
        <v>5</v>
      </c>
      <c r="D4750" s="1" t="s">
        <v>3855</v>
      </c>
      <c r="E4750" s="1" t="s">
        <v>7</v>
      </c>
    </row>
    <row r="4751">
      <c r="A4751" s="1">
        <v>4.90399192E8</v>
      </c>
      <c r="B4751" s="2">
        <v>11962.0</v>
      </c>
      <c r="C4751" s="1" t="s">
        <v>5</v>
      </c>
      <c r="D4751" s="1" t="s">
        <v>3856</v>
      </c>
      <c r="E4751" s="1" t="s">
        <v>11</v>
      </c>
    </row>
    <row r="4752">
      <c r="A4752" s="1">
        <v>4.90399193E8</v>
      </c>
      <c r="B4752" s="2">
        <v>11930.0</v>
      </c>
      <c r="C4752" s="1" t="s">
        <v>5</v>
      </c>
      <c r="D4752" s="1" t="s">
        <v>3857</v>
      </c>
      <c r="E4752" s="1" t="s">
        <v>7</v>
      </c>
    </row>
    <row r="4753">
      <c r="A4753" s="1">
        <v>4.90399195E8</v>
      </c>
      <c r="B4753" s="2">
        <v>11903.0</v>
      </c>
      <c r="C4753" s="1" t="s">
        <v>5</v>
      </c>
      <c r="D4753" s="1" t="s">
        <v>3858</v>
      </c>
      <c r="E4753" s="1" t="s">
        <v>11</v>
      </c>
    </row>
    <row r="4754">
      <c r="A4754" s="1">
        <v>4.90399197E8</v>
      </c>
      <c r="B4754" s="2">
        <v>11926.0</v>
      </c>
      <c r="C4754" s="1" t="s">
        <v>5</v>
      </c>
      <c r="D4754" s="1" t="s">
        <v>3859</v>
      </c>
      <c r="E4754" s="1" t="s">
        <v>7</v>
      </c>
    </row>
    <row r="4755">
      <c r="A4755" s="1">
        <v>4.90399199E8</v>
      </c>
      <c r="B4755" s="2">
        <v>11876.0</v>
      </c>
      <c r="C4755" s="1" t="s">
        <v>5</v>
      </c>
      <c r="D4755" s="1" t="s">
        <v>1008</v>
      </c>
      <c r="E4755" s="1" t="s">
        <v>7</v>
      </c>
    </row>
    <row r="4756">
      <c r="A4756" s="1">
        <v>4.90399206E8</v>
      </c>
      <c r="B4756" s="2">
        <v>11853.0</v>
      </c>
      <c r="C4756" s="1" t="s">
        <v>5</v>
      </c>
      <c r="D4756" s="1" t="s">
        <v>3860</v>
      </c>
      <c r="E4756" s="1" t="s">
        <v>7</v>
      </c>
    </row>
    <row r="4757">
      <c r="A4757" s="1">
        <v>4.90399211E8</v>
      </c>
      <c r="B4757" s="2">
        <v>11849.0</v>
      </c>
      <c r="C4757" s="1" t="s">
        <v>5</v>
      </c>
      <c r="D4757" s="1" t="s">
        <v>3861</v>
      </c>
      <c r="E4757" s="1" t="s">
        <v>7</v>
      </c>
    </row>
    <row r="4758">
      <c r="A4758" s="1">
        <v>4.90399213E8</v>
      </c>
      <c r="B4758" s="2">
        <v>11957.0</v>
      </c>
      <c r="C4758" s="1" t="s">
        <v>5</v>
      </c>
      <c r="D4758" s="1" t="s">
        <v>11</v>
      </c>
      <c r="E4758" s="1" t="s">
        <v>7</v>
      </c>
    </row>
    <row r="4759">
      <c r="A4759" s="1">
        <v>4.90399224E8</v>
      </c>
      <c r="B4759" s="2">
        <v>11902.0</v>
      </c>
      <c r="C4759" s="1" t="s">
        <v>5</v>
      </c>
      <c r="D4759" s="1" t="s">
        <v>11</v>
      </c>
      <c r="E4759" s="1" t="s">
        <v>7</v>
      </c>
    </row>
    <row r="4760">
      <c r="A4760" s="1">
        <v>4.90399228E8</v>
      </c>
      <c r="B4760" s="2">
        <v>11928.0</v>
      </c>
      <c r="C4760" s="1" t="s">
        <v>5</v>
      </c>
      <c r="D4760" s="1" t="s">
        <v>3862</v>
      </c>
      <c r="E4760" s="1" t="s">
        <v>7</v>
      </c>
    </row>
    <row r="4761">
      <c r="A4761" s="1">
        <v>4.90399233E8</v>
      </c>
      <c r="B4761" s="2">
        <v>11961.0</v>
      </c>
      <c r="C4761" s="1" t="s">
        <v>5</v>
      </c>
      <c r="D4761" s="1" t="s">
        <v>3863</v>
      </c>
      <c r="E4761" s="1" t="s">
        <v>11</v>
      </c>
    </row>
    <row r="4762">
      <c r="A4762" s="1">
        <v>4.90399238E8</v>
      </c>
      <c r="B4762" s="2">
        <v>11894.0</v>
      </c>
      <c r="C4762" s="1" t="s">
        <v>5</v>
      </c>
      <c r="D4762" s="1" t="s">
        <v>11</v>
      </c>
      <c r="E4762" s="1" t="s">
        <v>7</v>
      </c>
    </row>
    <row r="4763">
      <c r="A4763" s="1">
        <v>4.90399239E8</v>
      </c>
      <c r="B4763" s="2">
        <v>11848.0</v>
      </c>
      <c r="C4763" s="1" t="s">
        <v>5</v>
      </c>
      <c r="D4763" s="1" t="s">
        <v>3864</v>
      </c>
      <c r="E4763" s="1" t="s">
        <v>11</v>
      </c>
    </row>
    <row r="4764">
      <c r="A4764" s="1">
        <v>4.90399246E8</v>
      </c>
      <c r="B4764" s="2">
        <v>11902.0</v>
      </c>
      <c r="C4764" s="1" t="s">
        <v>5</v>
      </c>
      <c r="D4764" s="1" t="s">
        <v>3865</v>
      </c>
      <c r="E4764" s="1" t="s">
        <v>11</v>
      </c>
    </row>
    <row r="4765">
      <c r="A4765" s="1">
        <v>4.90399248E8</v>
      </c>
      <c r="B4765" s="2">
        <v>11925.0</v>
      </c>
      <c r="C4765" s="1" t="s">
        <v>5</v>
      </c>
      <c r="D4765" s="1" t="s">
        <v>11</v>
      </c>
      <c r="E4765" s="1" t="s">
        <v>7</v>
      </c>
    </row>
    <row r="4766">
      <c r="A4766" s="1">
        <v>4.90399252E8</v>
      </c>
      <c r="B4766" s="2">
        <v>11933.0</v>
      </c>
      <c r="C4766" s="1" t="s">
        <v>5</v>
      </c>
      <c r="D4766" s="1" t="s">
        <v>3866</v>
      </c>
      <c r="E4766" s="1" t="s">
        <v>11</v>
      </c>
    </row>
    <row r="4767">
      <c r="A4767" s="1">
        <v>4.90399253E8</v>
      </c>
      <c r="B4767" s="2">
        <v>11961.0</v>
      </c>
      <c r="C4767" s="1" t="s">
        <v>5</v>
      </c>
      <c r="D4767" s="1" t="s">
        <v>11</v>
      </c>
      <c r="E4767" s="1" t="s">
        <v>7</v>
      </c>
    </row>
    <row r="4768">
      <c r="A4768" s="1">
        <v>4.90399267E8</v>
      </c>
      <c r="B4768" s="2">
        <v>11930.0</v>
      </c>
      <c r="C4768" s="1" t="s">
        <v>5</v>
      </c>
      <c r="D4768" s="1" t="s">
        <v>3867</v>
      </c>
      <c r="E4768" s="1" t="s">
        <v>11</v>
      </c>
    </row>
    <row r="4769">
      <c r="A4769" s="1">
        <v>4.90399268E8</v>
      </c>
      <c r="B4769" s="2">
        <v>11871.0</v>
      </c>
      <c r="C4769" s="1" t="s">
        <v>5</v>
      </c>
      <c r="D4769" s="1" t="s">
        <v>3868</v>
      </c>
      <c r="E4769" s="1" t="s">
        <v>7</v>
      </c>
    </row>
    <row r="4770">
      <c r="A4770" s="1">
        <v>4.90399269E8</v>
      </c>
      <c r="B4770" s="2">
        <v>11926.0</v>
      </c>
      <c r="C4770" s="1" t="s">
        <v>5</v>
      </c>
      <c r="D4770" s="1" t="s">
        <v>3869</v>
      </c>
      <c r="E4770" s="1" t="s">
        <v>7</v>
      </c>
    </row>
    <row r="4771">
      <c r="A4771" s="1">
        <v>4.90399278E8</v>
      </c>
      <c r="B4771" s="2">
        <v>11853.0</v>
      </c>
      <c r="C4771" s="1" t="s">
        <v>5</v>
      </c>
      <c r="D4771" s="1" t="s">
        <v>11</v>
      </c>
      <c r="E4771" s="1" t="s">
        <v>7</v>
      </c>
    </row>
    <row r="4772">
      <c r="A4772" s="1">
        <v>4.90399283E8</v>
      </c>
      <c r="B4772" s="2">
        <v>11961.0</v>
      </c>
      <c r="C4772" s="1" t="s">
        <v>5</v>
      </c>
      <c r="D4772" s="1" t="s">
        <v>3870</v>
      </c>
      <c r="E4772" s="1" t="s">
        <v>7</v>
      </c>
    </row>
    <row r="4773">
      <c r="A4773" s="1">
        <v>4.90399287E8</v>
      </c>
      <c r="B4773" s="2">
        <v>11902.0</v>
      </c>
      <c r="C4773" s="1" t="s">
        <v>5</v>
      </c>
      <c r="D4773" s="1" t="s">
        <v>3871</v>
      </c>
      <c r="E4773" s="1" t="s">
        <v>7</v>
      </c>
    </row>
    <row r="4774">
      <c r="A4774" s="1">
        <v>4.90399288E8</v>
      </c>
      <c r="B4774" s="2">
        <v>11959.0</v>
      </c>
      <c r="C4774" s="1" t="s">
        <v>5</v>
      </c>
      <c r="D4774" s="1" t="s">
        <v>3872</v>
      </c>
      <c r="E4774" s="1" t="s">
        <v>11</v>
      </c>
    </row>
    <row r="4775">
      <c r="A4775" s="1">
        <v>4.90399298E8</v>
      </c>
      <c r="B4775" s="2">
        <v>11871.0</v>
      </c>
      <c r="C4775" s="1" t="s">
        <v>5</v>
      </c>
      <c r="D4775" s="1" t="s">
        <v>3873</v>
      </c>
      <c r="E4775" s="1" t="s">
        <v>7</v>
      </c>
    </row>
    <row r="4776">
      <c r="A4776" s="1">
        <v>4.90399305E8</v>
      </c>
      <c r="B4776" s="2">
        <v>11841.0</v>
      </c>
      <c r="C4776" s="1" t="s">
        <v>5</v>
      </c>
      <c r="D4776" s="1" t="s">
        <v>3874</v>
      </c>
      <c r="E4776" s="1" t="s">
        <v>7</v>
      </c>
    </row>
    <row r="4777">
      <c r="A4777" s="1">
        <v>4.90399318E8</v>
      </c>
      <c r="B4777" s="2">
        <v>11924.0</v>
      </c>
      <c r="C4777" s="1" t="s">
        <v>5</v>
      </c>
      <c r="D4777" s="1" t="s">
        <v>11</v>
      </c>
      <c r="E4777" s="1" t="s">
        <v>7</v>
      </c>
    </row>
    <row r="4778">
      <c r="A4778" s="1">
        <v>4.90399337E8</v>
      </c>
      <c r="B4778" s="2">
        <v>11961.0</v>
      </c>
      <c r="C4778" s="1" t="s">
        <v>5</v>
      </c>
      <c r="D4778" s="1" t="s">
        <v>3875</v>
      </c>
      <c r="E4778" s="1" t="s">
        <v>7</v>
      </c>
    </row>
    <row r="4779">
      <c r="A4779" s="1">
        <v>4.90399338E8</v>
      </c>
      <c r="B4779" s="2">
        <v>11930.0</v>
      </c>
      <c r="C4779" s="1" t="s">
        <v>5</v>
      </c>
      <c r="D4779" s="1" t="s">
        <v>3876</v>
      </c>
      <c r="E4779" s="1" t="s">
        <v>11</v>
      </c>
    </row>
    <row r="4780">
      <c r="A4780" s="1">
        <v>4.90399343E8</v>
      </c>
      <c r="B4780" s="2">
        <v>11894.0</v>
      </c>
      <c r="C4780" s="1" t="s">
        <v>5</v>
      </c>
      <c r="D4780" s="1" t="s">
        <v>3877</v>
      </c>
      <c r="E4780" s="1" t="s">
        <v>7</v>
      </c>
    </row>
    <row r="4781">
      <c r="A4781" s="1">
        <v>4.90399348E8</v>
      </c>
      <c r="B4781" s="2">
        <v>11845.0</v>
      </c>
      <c r="C4781" s="1" t="s">
        <v>5</v>
      </c>
      <c r="D4781" s="1" t="s">
        <v>11</v>
      </c>
      <c r="E4781" s="1" t="s">
        <v>7</v>
      </c>
    </row>
    <row r="4782">
      <c r="A4782" s="1">
        <v>4.90399353E8</v>
      </c>
      <c r="B4782" s="2">
        <v>11926.0</v>
      </c>
      <c r="C4782" s="1" t="s">
        <v>5</v>
      </c>
      <c r="D4782" s="1" t="s">
        <v>3878</v>
      </c>
      <c r="E4782" s="1" t="s">
        <v>11</v>
      </c>
    </row>
    <row r="4783">
      <c r="A4783" s="1">
        <v>4.90399356E8</v>
      </c>
      <c r="B4783" s="2">
        <v>11929.0</v>
      </c>
      <c r="C4783" s="1" t="s">
        <v>5</v>
      </c>
      <c r="D4783" s="1" t="s">
        <v>3879</v>
      </c>
      <c r="E4783" s="1" t="s">
        <v>7</v>
      </c>
    </row>
    <row r="4784">
      <c r="A4784" s="1">
        <v>4.90399357E8</v>
      </c>
      <c r="B4784" s="2">
        <v>11876.0</v>
      </c>
      <c r="C4784" s="1" t="s">
        <v>5</v>
      </c>
      <c r="D4784" s="1" t="s">
        <v>3880</v>
      </c>
      <c r="E4784" s="1" t="s">
        <v>7</v>
      </c>
    </row>
    <row r="4785">
      <c r="A4785" s="1">
        <v>4.90399358E8</v>
      </c>
      <c r="B4785" s="2">
        <v>11852.0</v>
      </c>
      <c r="C4785" s="1" t="s">
        <v>5</v>
      </c>
      <c r="D4785" s="1" t="s">
        <v>3881</v>
      </c>
      <c r="E4785" s="1" t="s">
        <v>7</v>
      </c>
    </row>
    <row r="4786">
      <c r="A4786" s="1">
        <v>4.90399359E8</v>
      </c>
      <c r="B4786" s="2">
        <v>11842.0</v>
      </c>
      <c r="C4786" s="1" t="s">
        <v>5</v>
      </c>
      <c r="D4786" s="1" t="s">
        <v>3882</v>
      </c>
      <c r="E4786" s="1" t="s">
        <v>11</v>
      </c>
    </row>
    <row r="4787">
      <c r="A4787" s="1">
        <v>4.90399368E8</v>
      </c>
      <c r="B4787" s="2">
        <v>11928.0</v>
      </c>
      <c r="C4787" s="1" t="s">
        <v>5</v>
      </c>
      <c r="D4787" s="1" t="s">
        <v>3883</v>
      </c>
      <c r="E4787" s="1" t="s">
        <v>7</v>
      </c>
    </row>
    <row r="4788">
      <c r="A4788" s="1">
        <v>4.90399374E8</v>
      </c>
      <c r="B4788" s="2">
        <v>11929.0</v>
      </c>
      <c r="C4788" s="1" t="s">
        <v>5</v>
      </c>
      <c r="D4788" s="1" t="s">
        <v>3884</v>
      </c>
      <c r="E4788" s="1" t="s">
        <v>11</v>
      </c>
    </row>
    <row r="4789">
      <c r="A4789" s="1">
        <v>4.90399375E8</v>
      </c>
      <c r="B4789" s="2">
        <v>11961.0</v>
      </c>
      <c r="C4789" s="1" t="s">
        <v>5</v>
      </c>
      <c r="D4789" s="1" t="s">
        <v>3885</v>
      </c>
      <c r="E4789" s="1" t="s">
        <v>7</v>
      </c>
    </row>
    <row r="4790">
      <c r="A4790" s="1">
        <v>4.90399384E8</v>
      </c>
      <c r="B4790" s="2">
        <v>11847.0</v>
      </c>
      <c r="C4790" s="1" t="s">
        <v>5</v>
      </c>
      <c r="D4790" s="1" t="s">
        <v>3886</v>
      </c>
      <c r="E4790" s="1" t="s">
        <v>7</v>
      </c>
    </row>
    <row r="4791">
      <c r="A4791" s="1">
        <v>4.90399398E8</v>
      </c>
      <c r="B4791" s="2">
        <v>11841.0</v>
      </c>
      <c r="C4791" s="1" t="s">
        <v>5</v>
      </c>
      <c r="D4791" s="1" t="s">
        <v>3887</v>
      </c>
      <c r="E4791" s="1" t="s">
        <v>7</v>
      </c>
    </row>
    <row r="4792">
      <c r="A4792" s="1">
        <v>4.90399409E8</v>
      </c>
      <c r="B4792" s="2">
        <v>11902.0</v>
      </c>
      <c r="C4792" s="1" t="s">
        <v>5</v>
      </c>
      <c r="D4792" s="1" t="s">
        <v>11</v>
      </c>
      <c r="E4792" s="1" t="s">
        <v>7</v>
      </c>
    </row>
    <row r="4793">
      <c r="A4793" s="1">
        <v>4.90399413E8</v>
      </c>
      <c r="B4793" s="2">
        <v>11926.0</v>
      </c>
      <c r="C4793" s="1" t="s">
        <v>5</v>
      </c>
      <c r="D4793" s="1" t="s">
        <v>3888</v>
      </c>
      <c r="E4793" s="1" t="s">
        <v>7</v>
      </c>
    </row>
    <row r="4794">
      <c r="A4794" s="1">
        <v>4.90399424E8</v>
      </c>
      <c r="B4794" s="2">
        <v>11841.0</v>
      </c>
      <c r="C4794" s="1" t="s">
        <v>5</v>
      </c>
      <c r="D4794" s="1" t="s">
        <v>3889</v>
      </c>
      <c r="E4794" s="1" t="s">
        <v>11</v>
      </c>
    </row>
    <row r="4795">
      <c r="A4795" s="1">
        <v>4.90399425E8</v>
      </c>
      <c r="B4795" s="2">
        <v>11871.0</v>
      </c>
      <c r="C4795" s="1" t="s">
        <v>5</v>
      </c>
      <c r="D4795" s="1" t="s">
        <v>3890</v>
      </c>
      <c r="E4795" s="1" t="s">
        <v>7</v>
      </c>
    </row>
    <row r="4796">
      <c r="A4796" s="1">
        <v>4.90399427E8</v>
      </c>
      <c r="B4796" s="2">
        <v>11902.0</v>
      </c>
      <c r="C4796" s="1" t="s">
        <v>5</v>
      </c>
      <c r="D4796" s="1" t="s">
        <v>3891</v>
      </c>
      <c r="E4796" s="1" t="s">
        <v>7</v>
      </c>
    </row>
    <row r="4797">
      <c r="A4797" s="1">
        <v>4.90399428E8</v>
      </c>
      <c r="B4797" s="2">
        <v>11961.0</v>
      </c>
      <c r="C4797" s="1" t="s">
        <v>5</v>
      </c>
      <c r="D4797" s="1" t="s">
        <v>3892</v>
      </c>
      <c r="E4797" s="1" t="s">
        <v>7</v>
      </c>
    </row>
    <row r="4798">
      <c r="A4798" s="1">
        <v>4.90399433E8</v>
      </c>
      <c r="B4798" s="2">
        <v>11876.0</v>
      </c>
      <c r="C4798" s="1" t="s">
        <v>5</v>
      </c>
      <c r="D4798" s="1" t="s">
        <v>3893</v>
      </c>
      <c r="E4798" s="1" t="s">
        <v>7</v>
      </c>
    </row>
    <row r="4799">
      <c r="A4799" s="1">
        <v>4.90399453E8</v>
      </c>
      <c r="B4799" s="2">
        <v>11871.0</v>
      </c>
      <c r="C4799" s="1" t="s">
        <v>5</v>
      </c>
      <c r="D4799" s="1" t="s">
        <v>11</v>
      </c>
      <c r="E4799" s="1" t="s">
        <v>7</v>
      </c>
    </row>
    <row r="4800">
      <c r="A4800" s="1">
        <v>4.9039946E8</v>
      </c>
      <c r="B4800" s="2">
        <v>11930.0</v>
      </c>
      <c r="C4800" s="1" t="s">
        <v>5</v>
      </c>
      <c r="D4800" s="1" t="s">
        <v>3894</v>
      </c>
      <c r="E4800" s="1" t="s">
        <v>7</v>
      </c>
    </row>
    <row r="4801">
      <c r="A4801" s="1">
        <v>4.90399468E8</v>
      </c>
      <c r="B4801" s="2">
        <v>11961.0</v>
      </c>
      <c r="C4801" s="1" t="s">
        <v>5</v>
      </c>
      <c r="D4801" s="1" t="s">
        <v>3895</v>
      </c>
      <c r="E4801" s="1" t="s">
        <v>7</v>
      </c>
    </row>
    <row r="4802">
      <c r="A4802" s="1">
        <v>4.90399469E8</v>
      </c>
      <c r="B4802" s="2">
        <v>11929.0</v>
      </c>
      <c r="C4802" s="1" t="s">
        <v>5</v>
      </c>
      <c r="D4802" s="1" t="s">
        <v>3896</v>
      </c>
      <c r="E4802" s="1" t="s">
        <v>11</v>
      </c>
    </row>
    <row r="4803">
      <c r="A4803" s="1">
        <v>4.90399473E8</v>
      </c>
      <c r="B4803" s="2">
        <v>11926.0</v>
      </c>
      <c r="C4803" s="1" t="s">
        <v>5</v>
      </c>
      <c r="D4803" s="1" t="s">
        <v>3897</v>
      </c>
      <c r="E4803" s="1" t="s">
        <v>7</v>
      </c>
    </row>
    <row r="4804">
      <c r="A4804" s="1">
        <v>4.90399479E8</v>
      </c>
      <c r="B4804" s="2">
        <v>11959.0</v>
      </c>
      <c r="C4804" s="1" t="s">
        <v>5</v>
      </c>
      <c r="D4804" s="1" t="s">
        <v>3898</v>
      </c>
      <c r="E4804" s="1" t="s">
        <v>7</v>
      </c>
    </row>
    <row r="4805">
      <c r="A4805" s="1">
        <v>4.90399496E8</v>
      </c>
      <c r="B4805" s="2">
        <v>11960.0</v>
      </c>
      <c r="C4805" s="1" t="s">
        <v>5</v>
      </c>
      <c r="D4805" s="1" t="s">
        <v>3899</v>
      </c>
      <c r="E4805" s="1" t="s">
        <v>7</v>
      </c>
    </row>
    <row r="4806">
      <c r="A4806" s="1">
        <v>4.90399514E8</v>
      </c>
      <c r="B4806" s="2">
        <v>11960.0</v>
      </c>
      <c r="C4806" s="1" t="s">
        <v>5</v>
      </c>
      <c r="D4806" s="1" t="s">
        <v>11</v>
      </c>
      <c r="E4806" s="1" t="s">
        <v>7</v>
      </c>
    </row>
    <row r="4807">
      <c r="A4807" s="1">
        <v>4.90399518E8</v>
      </c>
      <c r="B4807" s="2">
        <v>11951.0</v>
      </c>
      <c r="C4807" s="1" t="s">
        <v>5</v>
      </c>
      <c r="D4807" s="1" t="s">
        <v>3900</v>
      </c>
      <c r="E4807" s="1" t="s">
        <v>11</v>
      </c>
    </row>
    <row r="4808">
      <c r="A4808" s="1">
        <v>4.90399529E8</v>
      </c>
      <c r="B4808" s="2">
        <v>11881.0</v>
      </c>
      <c r="C4808" s="1" t="s">
        <v>5</v>
      </c>
      <c r="D4808" s="1" t="s">
        <v>11</v>
      </c>
      <c r="E4808" s="1" t="s">
        <v>7</v>
      </c>
    </row>
    <row r="4809">
      <c r="A4809" s="1">
        <v>4.90399543E8</v>
      </c>
      <c r="B4809" s="2">
        <v>11933.0</v>
      </c>
      <c r="C4809" s="1" t="s">
        <v>5</v>
      </c>
      <c r="D4809" s="1" t="s">
        <v>3901</v>
      </c>
      <c r="E4809" s="1" t="s">
        <v>7</v>
      </c>
    </row>
    <row r="4810">
      <c r="A4810" s="1">
        <v>4.90399544E8</v>
      </c>
      <c r="B4810" s="2">
        <v>11871.0</v>
      </c>
      <c r="C4810" s="1" t="s">
        <v>5</v>
      </c>
      <c r="D4810" s="1" t="s">
        <v>169</v>
      </c>
      <c r="E4810" s="1" t="s">
        <v>7</v>
      </c>
    </row>
    <row r="4811">
      <c r="A4811" s="1">
        <v>4.90399549E8</v>
      </c>
      <c r="B4811" s="2">
        <v>11929.0</v>
      </c>
      <c r="C4811" s="1" t="s">
        <v>5</v>
      </c>
      <c r="D4811" s="1" t="s">
        <v>11</v>
      </c>
      <c r="E4811" s="1" t="s">
        <v>7</v>
      </c>
    </row>
    <row r="4812">
      <c r="A4812" s="1">
        <v>4.90399551E8</v>
      </c>
      <c r="B4812" s="2">
        <v>11927.0</v>
      </c>
      <c r="C4812" s="1" t="s">
        <v>5</v>
      </c>
      <c r="D4812" s="1" t="s">
        <v>3902</v>
      </c>
      <c r="E4812" s="1" t="s">
        <v>7</v>
      </c>
    </row>
    <row r="4813">
      <c r="A4813" s="1">
        <v>4.90399552E8</v>
      </c>
      <c r="B4813" s="2">
        <v>11951.0</v>
      </c>
      <c r="C4813" s="1" t="s">
        <v>5</v>
      </c>
      <c r="D4813" s="1" t="s">
        <v>3903</v>
      </c>
      <c r="E4813" s="1" t="s">
        <v>11</v>
      </c>
    </row>
    <row r="4814">
      <c r="A4814" s="1">
        <v>4.90399553E8</v>
      </c>
      <c r="B4814" s="2">
        <v>11933.0</v>
      </c>
      <c r="C4814" s="1" t="s">
        <v>5</v>
      </c>
      <c r="D4814" s="1" t="s">
        <v>3904</v>
      </c>
      <c r="E4814" s="1" t="s">
        <v>7</v>
      </c>
    </row>
    <row r="4815">
      <c r="A4815" s="1">
        <v>4.90399559E8</v>
      </c>
      <c r="B4815" s="2">
        <v>11929.0</v>
      </c>
      <c r="C4815" s="1" t="s">
        <v>5</v>
      </c>
      <c r="D4815" s="1" t="s">
        <v>3905</v>
      </c>
      <c r="E4815" s="1" t="s">
        <v>7</v>
      </c>
    </row>
    <row r="4816">
      <c r="A4816" s="1">
        <v>4.90399569E8</v>
      </c>
      <c r="B4816" s="2">
        <v>11957.0</v>
      </c>
      <c r="C4816" s="1" t="s">
        <v>5</v>
      </c>
      <c r="D4816" s="1" t="s">
        <v>3906</v>
      </c>
      <c r="E4816" s="1" t="s">
        <v>7</v>
      </c>
    </row>
    <row r="4817">
      <c r="A4817" s="1">
        <v>4.90399586E8</v>
      </c>
      <c r="B4817" s="2">
        <v>11927.0</v>
      </c>
      <c r="C4817" s="1" t="s">
        <v>5</v>
      </c>
      <c r="D4817" s="1" t="s">
        <v>3907</v>
      </c>
      <c r="E4817" s="1" t="s">
        <v>7</v>
      </c>
    </row>
    <row r="4818">
      <c r="A4818" s="1">
        <v>4.90399591E8</v>
      </c>
      <c r="B4818" s="2">
        <v>11932.0</v>
      </c>
      <c r="C4818" s="1" t="s">
        <v>5</v>
      </c>
      <c r="D4818" s="1" t="s">
        <v>3908</v>
      </c>
      <c r="E4818" s="1" t="s">
        <v>7</v>
      </c>
    </row>
    <row r="4819">
      <c r="A4819" s="1">
        <v>4.90399594E8</v>
      </c>
      <c r="B4819" s="2">
        <v>11923.0</v>
      </c>
      <c r="C4819" s="1" t="s">
        <v>5</v>
      </c>
      <c r="D4819" s="1" t="s">
        <v>3909</v>
      </c>
      <c r="E4819" s="1" t="s">
        <v>11</v>
      </c>
    </row>
    <row r="4820">
      <c r="A4820" s="1">
        <v>4.90399595E8</v>
      </c>
      <c r="B4820" s="2">
        <v>11924.0</v>
      </c>
      <c r="C4820" s="1" t="s">
        <v>5</v>
      </c>
      <c r="D4820" s="1" t="s">
        <v>3910</v>
      </c>
      <c r="E4820" s="1" t="s">
        <v>11</v>
      </c>
    </row>
    <row r="4821">
      <c r="A4821" s="1">
        <v>4.903996E8</v>
      </c>
      <c r="B4821" s="2">
        <v>11958.0</v>
      </c>
      <c r="C4821" s="1" t="s">
        <v>5</v>
      </c>
      <c r="D4821" s="1" t="s">
        <v>3911</v>
      </c>
      <c r="E4821" s="1" t="s">
        <v>7</v>
      </c>
    </row>
    <row r="4822">
      <c r="A4822" s="1">
        <v>4.90399632E8</v>
      </c>
      <c r="B4822" s="2">
        <v>11852.0</v>
      </c>
      <c r="C4822" s="1" t="s">
        <v>5</v>
      </c>
      <c r="D4822" s="1" t="s">
        <v>3912</v>
      </c>
      <c r="E4822" s="1" t="s">
        <v>11</v>
      </c>
    </row>
    <row r="4823">
      <c r="A4823" s="1">
        <v>4.90399636E8</v>
      </c>
      <c r="B4823" s="2">
        <v>11960.0</v>
      </c>
      <c r="C4823" s="1" t="s">
        <v>5</v>
      </c>
      <c r="D4823" s="1" t="s">
        <v>3913</v>
      </c>
      <c r="E4823" s="1" t="s">
        <v>11</v>
      </c>
    </row>
    <row r="4824">
      <c r="A4824" s="1">
        <v>4.90399639E8</v>
      </c>
      <c r="B4824" s="2">
        <v>11875.0</v>
      </c>
      <c r="C4824" s="1" t="s">
        <v>5</v>
      </c>
      <c r="D4824" s="1" t="s">
        <v>3914</v>
      </c>
      <c r="E4824" s="1" t="s">
        <v>7</v>
      </c>
    </row>
    <row r="4825">
      <c r="A4825" s="1">
        <v>4.90399647E8</v>
      </c>
      <c r="B4825" s="2">
        <v>11903.0</v>
      </c>
      <c r="C4825" s="1" t="s">
        <v>5</v>
      </c>
      <c r="D4825" s="1" t="s">
        <v>3915</v>
      </c>
      <c r="E4825" s="1" t="s">
        <v>11</v>
      </c>
    </row>
    <row r="4826">
      <c r="A4826" s="1">
        <v>4.90399648E8</v>
      </c>
      <c r="B4826" s="2">
        <v>11929.0</v>
      </c>
      <c r="C4826" s="1" t="s">
        <v>5</v>
      </c>
      <c r="D4826" s="1" t="s">
        <v>3916</v>
      </c>
      <c r="E4826" s="1" t="s">
        <v>11</v>
      </c>
    </row>
    <row r="4827">
      <c r="A4827" s="1">
        <v>4.90399649E8</v>
      </c>
      <c r="B4827" s="2">
        <v>11932.0</v>
      </c>
      <c r="C4827" s="1" t="s">
        <v>5</v>
      </c>
      <c r="D4827" s="1" t="s">
        <v>3917</v>
      </c>
      <c r="E4827" s="1" t="s">
        <v>11</v>
      </c>
    </row>
    <row r="4828">
      <c r="A4828" s="1">
        <v>4.90399655E8</v>
      </c>
      <c r="B4828" s="2">
        <v>11955.0</v>
      </c>
      <c r="C4828" s="1" t="s">
        <v>5</v>
      </c>
      <c r="D4828" s="1" t="s">
        <v>11</v>
      </c>
      <c r="E4828" s="1" t="s">
        <v>7</v>
      </c>
    </row>
    <row r="4829">
      <c r="A4829" s="1">
        <v>4.9039966E8</v>
      </c>
      <c r="B4829" s="2">
        <v>11933.0</v>
      </c>
      <c r="C4829" s="1" t="s">
        <v>5</v>
      </c>
      <c r="D4829" s="1" t="s">
        <v>3918</v>
      </c>
      <c r="E4829" s="1" t="s">
        <v>11</v>
      </c>
    </row>
    <row r="4830">
      <c r="A4830" s="1">
        <v>4.90399664E8</v>
      </c>
      <c r="B4830" s="2">
        <v>11929.0</v>
      </c>
      <c r="C4830" s="1" t="s">
        <v>5</v>
      </c>
      <c r="D4830" s="1" t="s">
        <v>11</v>
      </c>
      <c r="E4830" s="1" t="s">
        <v>7</v>
      </c>
    </row>
    <row r="4831">
      <c r="A4831" s="1">
        <v>4.90399666E8</v>
      </c>
      <c r="B4831" s="2">
        <v>11959.0</v>
      </c>
      <c r="C4831" s="1" t="s">
        <v>5</v>
      </c>
      <c r="D4831" s="1" t="s">
        <v>3919</v>
      </c>
      <c r="E4831" s="1" t="s">
        <v>3920</v>
      </c>
    </row>
    <row r="4832">
      <c r="A4832" s="1">
        <v>4.9039967E8</v>
      </c>
      <c r="B4832" s="2">
        <v>11958.0</v>
      </c>
      <c r="C4832" s="1" t="s">
        <v>5</v>
      </c>
      <c r="D4832" s="1" t="s">
        <v>3921</v>
      </c>
      <c r="E4832" s="1" t="s">
        <v>7</v>
      </c>
    </row>
    <row r="4833">
      <c r="A4833" s="1">
        <v>4.90399678E8</v>
      </c>
      <c r="B4833" s="2">
        <v>11929.0</v>
      </c>
      <c r="C4833" s="1" t="s">
        <v>5</v>
      </c>
      <c r="D4833" s="1" t="s">
        <v>3922</v>
      </c>
      <c r="E4833" s="1" t="s">
        <v>11</v>
      </c>
    </row>
    <row r="4834">
      <c r="A4834" s="1">
        <v>4.9039968E8</v>
      </c>
      <c r="B4834" s="2">
        <v>11875.0</v>
      </c>
      <c r="C4834" s="1" t="s">
        <v>5</v>
      </c>
      <c r="D4834" s="1" t="s">
        <v>11</v>
      </c>
      <c r="E4834" s="1" t="s">
        <v>7</v>
      </c>
    </row>
    <row r="4835">
      <c r="A4835" s="1">
        <v>4.90399687E8</v>
      </c>
      <c r="B4835" s="2">
        <v>11962.0</v>
      </c>
      <c r="C4835" s="1" t="s">
        <v>5</v>
      </c>
      <c r="D4835" s="1" t="s">
        <v>11</v>
      </c>
      <c r="E4835" s="1" t="s">
        <v>7</v>
      </c>
    </row>
    <row r="4836">
      <c r="A4836" s="1">
        <v>4.90399689E8</v>
      </c>
      <c r="B4836" s="2">
        <v>11875.0</v>
      </c>
      <c r="C4836" s="1" t="s">
        <v>5</v>
      </c>
      <c r="D4836" s="1" t="s">
        <v>3923</v>
      </c>
      <c r="E4836" s="1" t="s">
        <v>11</v>
      </c>
    </row>
    <row r="4837">
      <c r="A4837" s="1">
        <v>4.90399709E8</v>
      </c>
      <c r="B4837" s="2">
        <v>11875.0</v>
      </c>
      <c r="C4837" s="1" t="s">
        <v>5</v>
      </c>
      <c r="D4837" s="1" t="s">
        <v>11</v>
      </c>
      <c r="E4837" s="1" t="s">
        <v>7</v>
      </c>
    </row>
    <row r="4838">
      <c r="A4838" s="1">
        <v>4.90399711E8</v>
      </c>
      <c r="B4838" s="2">
        <v>11955.0</v>
      </c>
      <c r="C4838" s="1" t="s">
        <v>5</v>
      </c>
      <c r="D4838" s="1" t="s">
        <v>11</v>
      </c>
      <c r="E4838" s="1" t="s">
        <v>7</v>
      </c>
    </row>
    <row r="4839">
      <c r="A4839" s="1">
        <v>4.90399727E8</v>
      </c>
      <c r="B4839" s="2">
        <v>11957.0</v>
      </c>
      <c r="C4839" s="1" t="s">
        <v>5</v>
      </c>
      <c r="D4839" s="1" t="s">
        <v>3924</v>
      </c>
      <c r="E4839" s="1" t="s">
        <v>7</v>
      </c>
    </row>
    <row r="4840">
      <c r="A4840" s="1">
        <v>4.90399728E8</v>
      </c>
      <c r="B4840" s="2">
        <v>11959.0</v>
      </c>
      <c r="C4840" s="1" t="s">
        <v>5</v>
      </c>
      <c r="D4840" s="1" t="s">
        <v>11</v>
      </c>
      <c r="E4840" s="1" t="s">
        <v>7</v>
      </c>
    </row>
    <row r="4841">
      <c r="A4841" s="1">
        <v>4.90399729E8</v>
      </c>
      <c r="B4841" s="2">
        <v>11961.0</v>
      </c>
      <c r="C4841" s="1" t="s">
        <v>5</v>
      </c>
      <c r="D4841" s="1" t="s">
        <v>3925</v>
      </c>
      <c r="E4841" s="1" t="s">
        <v>7</v>
      </c>
    </row>
    <row r="4842">
      <c r="A4842" s="1">
        <v>4.90399744E8</v>
      </c>
      <c r="B4842" s="2">
        <v>11962.0</v>
      </c>
      <c r="C4842" s="1" t="s">
        <v>5</v>
      </c>
      <c r="D4842" s="1" t="s">
        <v>3926</v>
      </c>
      <c r="E4842" s="1" t="s">
        <v>7</v>
      </c>
    </row>
    <row r="4843">
      <c r="A4843" s="1">
        <v>4.90399746E8</v>
      </c>
      <c r="B4843" s="2">
        <v>11959.0</v>
      </c>
      <c r="C4843" s="1" t="s">
        <v>5</v>
      </c>
      <c r="D4843" s="1" t="s">
        <v>3927</v>
      </c>
      <c r="E4843" s="1" t="s">
        <v>7</v>
      </c>
    </row>
    <row r="4844">
      <c r="A4844" s="1">
        <v>4.9039975E8</v>
      </c>
      <c r="B4844" s="2">
        <v>11960.0</v>
      </c>
      <c r="C4844" s="1" t="s">
        <v>5</v>
      </c>
      <c r="D4844" s="1" t="s">
        <v>3928</v>
      </c>
      <c r="E4844" s="1" t="s">
        <v>11</v>
      </c>
    </row>
    <row r="4845">
      <c r="A4845" s="1">
        <v>4.90399755E8</v>
      </c>
      <c r="B4845" s="2">
        <v>11875.0</v>
      </c>
      <c r="C4845" s="1" t="s">
        <v>5</v>
      </c>
      <c r="D4845" s="1" t="s">
        <v>11</v>
      </c>
      <c r="E4845" s="1" t="s">
        <v>7</v>
      </c>
    </row>
    <row r="4846">
      <c r="A4846" s="1">
        <v>4.90399758E8</v>
      </c>
      <c r="B4846" s="2">
        <v>11927.0</v>
      </c>
      <c r="C4846" s="1" t="s">
        <v>5</v>
      </c>
      <c r="D4846" s="1" t="s">
        <v>3929</v>
      </c>
      <c r="E4846" s="1" t="s">
        <v>11</v>
      </c>
    </row>
    <row r="4847">
      <c r="A4847" s="1">
        <v>4.90399759E8</v>
      </c>
      <c r="B4847" s="2">
        <v>11933.0</v>
      </c>
      <c r="C4847" s="1" t="s">
        <v>5</v>
      </c>
      <c r="D4847" s="1" t="s">
        <v>3930</v>
      </c>
      <c r="E4847" s="1" t="s">
        <v>7</v>
      </c>
    </row>
    <row r="4848">
      <c r="A4848" s="1">
        <v>4.90399763E8</v>
      </c>
      <c r="B4848" s="2">
        <v>11929.0</v>
      </c>
      <c r="C4848" s="1" t="s">
        <v>5</v>
      </c>
      <c r="D4848" s="1" t="s">
        <v>11</v>
      </c>
      <c r="E4848" s="1" t="s">
        <v>7</v>
      </c>
    </row>
    <row r="4849">
      <c r="A4849" s="1">
        <v>4.90399764E8</v>
      </c>
      <c r="B4849" s="2">
        <v>11924.0</v>
      </c>
      <c r="C4849" s="1" t="s">
        <v>5</v>
      </c>
      <c r="D4849" s="1" t="s">
        <v>11</v>
      </c>
      <c r="E4849" s="1" t="s">
        <v>7</v>
      </c>
    </row>
    <row r="4850">
      <c r="A4850" s="1">
        <v>4.90399779E8</v>
      </c>
      <c r="B4850" s="2">
        <v>11927.0</v>
      </c>
      <c r="C4850" s="1" t="s">
        <v>5</v>
      </c>
      <c r="D4850" s="1" t="s">
        <v>3931</v>
      </c>
      <c r="E4850" s="1" t="s">
        <v>11</v>
      </c>
    </row>
    <row r="4851">
      <c r="A4851" s="1">
        <v>4.90399789E8</v>
      </c>
      <c r="B4851" s="2">
        <v>11961.0</v>
      </c>
      <c r="C4851" s="1" t="s">
        <v>5</v>
      </c>
      <c r="D4851" s="1" t="s">
        <v>3932</v>
      </c>
      <c r="E4851" s="1" t="s">
        <v>11</v>
      </c>
    </row>
    <row r="4852">
      <c r="A4852" s="1">
        <v>4.9039979E8</v>
      </c>
      <c r="B4852" s="2">
        <v>11902.0</v>
      </c>
      <c r="C4852" s="1" t="s">
        <v>5</v>
      </c>
      <c r="D4852" s="1" t="s">
        <v>11</v>
      </c>
      <c r="E4852" s="1" t="s">
        <v>7</v>
      </c>
    </row>
    <row r="4853">
      <c r="A4853" s="1">
        <v>4.90399793E8</v>
      </c>
      <c r="B4853" s="2">
        <v>11959.0</v>
      </c>
      <c r="C4853" s="1" t="s">
        <v>5</v>
      </c>
      <c r="D4853" s="1" t="s">
        <v>3933</v>
      </c>
      <c r="E4853" s="1" t="s">
        <v>7</v>
      </c>
    </row>
    <row r="4854">
      <c r="A4854" s="1">
        <v>4.90399795E8</v>
      </c>
      <c r="B4854" s="2">
        <v>11929.0</v>
      </c>
      <c r="C4854" s="1" t="s">
        <v>5</v>
      </c>
      <c r="D4854" s="1" t="s">
        <v>11</v>
      </c>
      <c r="E4854" s="1" t="s">
        <v>7</v>
      </c>
    </row>
    <row r="4855">
      <c r="A4855" s="1">
        <v>4.90399805E8</v>
      </c>
      <c r="B4855" s="2">
        <v>11894.0</v>
      </c>
      <c r="C4855" s="1" t="s">
        <v>5</v>
      </c>
      <c r="D4855" s="1" t="s">
        <v>3934</v>
      </c>
      <c r="E4855" s="1" t="s">
        <v>11</v>
      </c>
    </row>
    <row r="4856">
      <c r="A4856" s="1">
        <v>4.90399806E8</v>
      </c>
      <c r="B4856" s="2">
        <v>11894.0</v>
      </c>
      <c r="C4856" s="1" t="s">
        <v>5</v>
      </c>
      <c r="D4856" s="1" t="s">
        <v>3935</v>
      </c>
      <c r="E4856" s="1" t="s">
        <v>7</v>
      </c>
    </row>
    <row r="4857">
      <c r="A4857" s="1">
        <v>4.90399809E8</v>
      </c>
      <c r="B4857" s="2">
        <v>11852.0</v>
      </c>
      <c r="C4857" s="1" t="s">
        <v>5</v>
      </c>
      <c r="D4857" s="1" t="s">
        <v>3936</v>
      </c>
      <c r="E4857" s="1" t="s">
        <v>11</v>
      </c>
    </row>
    <row r="4858">
      <c r="A4858" s="1">
        <v>4.90399811E8</v>
      </c>
      <c r="B4858" s="2">
        <v>11928.0</v>
      </c>
      <c r="C4858" s="1" t="s">
        <v>5</v>
      </c>
      <c r="D4858" s="1" t="s">
        <v>3937</v>
      </c>
      <c r="E4858" s="1" t="s">
        <v>11</v>
      </c>
    </row>
    <row r="4859">
      <c r="A4859" s="1">
        <v>4.90399817E8</v>
      </c>
      <c r="B4859" s="2">
        <v>11925.0</v>
      </c>
      <c r="C4859" s="1" t="s">
        <v>5</v>
      </c>
      <c r="D4859" s="1" t="s">
        <v>3938</v>
      </c>
      <c r="E4859" s="1" t="s">
        <v>7</v>
      </c>
    </row>
    <row r="4860">
      <c r="A4860" s="1">
        <v>4.90399825E8</v>
      </c>
      <c r="B4860" s="2">
        <v>11932.0</v>
      </c>
      <c r="C4860" s="1" t="s">
        <v>5</v>
      </c>
      <c r="D4860" s="1" t="s">
        <v>3939</v>
      </c>
      <c r="E4860" s="1" t="s">
        <v>11</v>
      </c>
    </row>
    <row r="4861">
      <c r="A4861" s="1">
        <v>4.90399828E8</v>
      </c>
      <c r="B4861" s="2">
        <v>11894.0</v>
      </c>
      <c r="C4861" s="1" t="s">
        <v>5</v>
      </c>
      <c r="D4861" s="1" t="s">
        <v>3940</v>
      </c>
      <c r="E4861" s="1" t="s">
        <v>11</v>
      </c>
    </row>
    <row r="4862">
      <c r="A4862" s="1">
        <v>4.90399829E8</v>
      </c>
      <c r="B4862" s="2">
        <v>11924.0</v>
      </c>
      <c r="C4862" s="1" t="s">
        <v>5</v>
      </c>
      <c r="D4862" s="1" t="s">
        <v>11</v>
      </c>
      <c r="E4862" s="1" t="s">
        <v>7</v>
      </c>
    </row>
    <row r="4863">
      <c r="A4863" s="1">
        <v>4.90399835E8</v>
      </c>
      <c r="B4863" s="2">
        <v>11931.0</v>
      </c>
      <c r="C4863" s="1" t="s">
        <v>5</v>
      </c>
      <c r="D4863" s="1" t="s">
        <v>3941</v>
      </c>
      <c r="E4863" s="1" t="s">
        <v>11</v>
      </c>
    </row>
    <row r="4864">
      <c r="A4864" s="1">
        <v>4.90399836E8</v>
      </c>
      <c r="B4864" s="2">
        <v>11874.0</v>
      </c>
      <c r="C4864" s="1" t="s">
        <v>5</v>
      </c>
      <c r="D4864" s="1" t="s">
        <v>3942</v>
      </c>
      <c r="E4864" s="1" t="s">
        <v>7</v>
      </c>
    </row>
    <row r="4865">
      <c r="A4865" s="1">
        <v>4.90399837E8</v>
      </c>
      <c r="B4865" s="2">
        <v>11874.0</v>
      </c>
      <c r="C4865" s="1" t="s">
        <v>5</v>
      </c>
      <c r="D4865" s="1" t="s">
        <v>3943</v>
      </c>
      <c r="E4865" s="1" t="s">
        <v>3944</v>
      </c>
    </row>
    <row r="4866">
      <c r="A4866" s="1">
        <v>4.90399847E8</v>
      </c>
      <c r="B4866" s="2">
        <v>11927.0</v>
      </c>
      <c r="C4866" s="1" t="s">
        <v>5</v>
      </c>
      <c r="D4866" s="1" t="s">
        <v>11</v>
      </c>
      <c r="E4866" s="1" t="s">
        <v>7</v>
      </c>
    </row>
    <row r="4867">
      <c r="A4867" s="1">
        <v>4.90399848E8</v>
      </c>
      <c r="B4867" s="2">
        <v>11928.0</v>
      </c>
      <c r="C4867" s="1" t="s">
        <v>5</v>
      </c>
      <c r="D4867" s="1" t="s">
        <v>3945</v>
      </c>
      <c r="E4867" s="1" t="s">
        <v>7</v>
      </c>
    </row>
    <row r="4868">
      <c r="A4868" s="1">
        <v>4.9039985E8</v>
      </c>
      <c r="B4868" s="2">
        <v>11842.0</v>
      </c>
      <c r="C4868" s="1" t="s">
        <v>5</v>
      </c>
      <c r="D4868" s="1" t="s">
        <v>3946</v>
      </c>
      <c r="E4868" s="1" t="s">
        <v>7</v>
      </c>
    </row>
    <row r="4869">
      <c r="A4869" s="1">
        <v>4.90399863E8</v>
      </c>
      <c r="B4869" s="2">
        <v>11959.0</v>
      </c>
      <c r="C4869" s="1" t="s">
        <v>5</v>
      </c>
      <c r="D4869" s="1" t="s">
        <v>3947</v>
      </c>
      <c r="E4869" s="1" t="s">
        <v>7</v>
      </c>
    </row>
    <row r="4870">
      <c r="A4870" s="1">
        <v>4.90399874E8</v>
      </c>
      <c r="B4870" s="2">
        <v>11927.0</v>
      </c>
      <c r="C4870" s="1" t="s">
        <v>5</v>
      </c>
      <c r="D4870" s="1" t="s">
        <v>3948</v>
      </c>
      <c r="E4870" s="1" t="s">
        <v>7</v>
      </c>
    </row>
    <row r="4871">
      <c r="A4871" s="1">
        <v>4.90399884E8</v>
      </c>
      <c r="B4871" s="2">
        <v>11931.0</v>
      </c>
      <c r="C4871" s="1" t="s">
        <v>5</v>
      </c>
      <c r="D4871" s="1" t="s">
        <v>3796</v>
      </c>
      <c r="E4871" s="1" t="s">
        <v>7</v>
      </c>
    </row>
    <row r="4872">
      <c r="A4872" s="1">
        <v>4.90399887E8</v>
      </c>
      <c r="B4872" s="2">
        <v>11933.0</v>
      </c>
      <c r="C4872" s="1" t="s">
        <v>5</v>
      </c>
      <c r="D4872" s="1" t="s">
        <v>3949</v>
      </c>
      <c r="E4872" s="1" t="s">
        <v>11</v>
      </c>
    </row>
    <row r="4873">
      <c r="A4873" s="1">
        <v>4.90399893E8</v>
      </c>
      <c r="B4873" s="2">
        <v>11959.0</v>
      </c>
      <c r="C4873" s="1" t="s">
        <v>5</v>
      </c>
      <c r="D4873" s="1" t="s">
        <v>11</v>
      </c>
      <c r="E4873" s="1" t="s">
        <v>7</v>
      </c>
    </row>
    <row r="4874">
      <c r="A4874" s="1">
        <v>4.90399898E8</v>
      </c>
      <c r="B4874" s="2">
        <v>11842.0</v>
      </c>
      <c r="C4874" s="1" t="s">
        <v>5</v>
      </c>
      <c r="D4874" s="1" t="s">
        <v>3950</v>
      </c>
      <c r="E4874" s="1" t="s">
        <v>11</v>
      </c>
    </row>
    <row r="4875">
      <c r="A4875" s="1">
        <v>4.90399905E8</v>
      </c>
      <c r="B4875" s="2">
        <v>11957.0</v>
      </c>
      <c r="C4875" s="1" t="s">
        <v>5</v>
      </c>
      <c r="D4875" s="1" t="s">
        <v>3951</v>
      </c>
      <c r="E4875" s="1" t="s">
        <v>7</v>
      </c>
    </row>
    <row r="4876">
      <c r="A4876" s="1">
        <v>4.9039991E8</v>
      </c>
      <c r="B4876" s="2">
        <v>11956.0</v>
      </c>
      <c r="C4876" s="1" t="s">
        <v>5</v>
      </c>
      <c r="D4876" s="1" t="s">
        <v>3952</v>
      </c>
      <c r="E4876" s="1" t="s">
        <v>7</v>
      </c>
    </row>
    <row r="4877">
      <c r="A4877" s="1">
        <v>4.90399928E8</v>
      </c>
      <c r="B4877" s="2">
        <v>11957.0</v>
      </c>
      <c r="C4877" s="1" t="s">
        <v>5</v>
      </c>
      <c r="D4877" s="1" t="s">
        <v>3953</v>
      </c>
      <c r="E4877" s="1" t="s">
        <v>7</v>
      </c>
    </row>
    <row r="4878">
      <c r="A4878" s="1">
        <v>4.90399929E8</v>
      </c>
      <c r="B4878" s="2">
        <v>11959.0</v>
      </c>
      <c r="C4878" s="1" t="s">
        <v>5</v>
      </c>
      <c r="D4878" s="1" t="s">
        <v>3954</v>
      </c>
      <c r="E4878" s="1" t="s">
        <v>7</v>
      </c>
    </row>
    <row r="4879">
      <c r="A4879" s="1">
        <v>4.90399939E8</v>
      </c>
      <c r="B4879" s="2">
        <v>11955.0</v>
      </c>
      <c r="C4879" s="1" t="s">
        <v>5</v>
      </c>
      <c r="D4879" s="1" t="s">
        <v>3955</v>
      </c>
      <c r="E4879" s="1" t="s">
        <v>3956</v>
      </c>
    </row>
    <row r="4880">
      <c r="A4880" s="1">
        <v>4.90399943E8</v>
      </c>
      <c r="B4880" s="2">
        <v>11874.0</v>
      </c>
      <c r="C4880" s="1" t="s">
        <v>5</v>
      </c>
      <c r="D4880" s="1" t="s">
        <v>3957</v>
      </c>
      <c r="E4880" s="1" t="s">
        <v>7</v>
      </c>
    </row>
    <row r="4881">
      <c r="A4881" s="1">
        <v>4.90399946E8</v>
      </c>
      <c r="B4881" s="2">
        <v>11926.0</v>
      </c>
      <c r="C4881" s="1" t="s">
        <v>5</v>
      </c>
      <c r="D4881" s="1" t="s">
        <v>3958</v>
      </c>
      <c r="E4881" s="1" t="s">
        <v>7</v>
      </c>
    </row>
    <row r="4882">
      <c r="A4882" s="1">
        <v>4.90399949E8</v>
      </c>
      <c r="B4882" s="2">
        <v>11957.0</v>
      </c>
      <c r="C4882" s="1" t="s">
        <v>5</v>
      </c>
      <c r="D4882" s="1" t="s">
        <v>3959</v>
      </c>
      <c r="E4882" s="1" t="s">
        <v>11</v>
      </c>
    </row>
    <row r="4883">
      <c r="A4883" s="1">
        <v>4.90399956E8</v>
      </c>
      <c r="B4883" s="2">
        <v>11874.0</v>
      </c>
      <c r="C4883" s="1" t="s">
        <v>5</v>
      </c>
      <c r="D4883" s="1" t="s">
        <v>3960</v>
      </c>
      <c r="E4883" s="1" t="s">
        <v>11</v>
      </c>
    </row>
    <row r="4884">
      <c r="A4884" s="1">
        <v>4.9039996E8</v>
      </c>
      <c r="B4884" s="2">
        <v>11959.0</v>
      </c>
      <c r="C4884" s="1" t="s">
        <v>5</v>
      </c>
      <c r="D4884" s="1" t="s">
        <v>3961</v>
      </c>
      <c r="E4884" s="1" t="s">
        <v>11</v>
      </c>
    </row>
    <row r="4885">
      <c r="A4885" s="1">
        <v>4.90399965E8</v>
      </c>
      <c r="B4885" s="2">
        <v>11923.0</v>
      </c>
      <c r="C4885" s="1" t="s">
        <v>5</v>
      </c>
      <c r="D4885" s="1" t="s">
        <v>3962</v>
      </c>
      <c r="E4885" s="1" t="s">
        <v>3963</v>
      </c>
    </row>
    <row r="4886">
      <c r="A4886" s="1">
        <v>4.90399978E8</v>
      </c>
      <c r="B4886" s="2">
        <v>11927.0</v>
      </c>
      <c r="C4886" s="1" t="s">
        <v>5</v>
      </c>
      <c r="D4886" s="1" t="s">
        <v>3964</v>
      </c>
      <c r="E4886" s="1" t="s">
        <v>11</v>
      </c>
    </row>
    <row r="4887">
      <c r="A4887" s="1">
        <v>4.90399979E8</v>
      </c>
      <c r="B4887" s="2">
        <v>11921.0</v>
      </c>
      <c r="C4887" s="1" t="s">
        <v>5</v>
      </c>
      <c r="D4887" s="1" t="s">
        <v>3965</v>
      </c>
      <c r="E4887" s="1" t="s">
        <v>11</v>
      </c>
    </row>
    <row r="4888">
      <c r="A4888" s="1">
        <v>4.90399983E8</v>
      </c>
      <c r="B4888" s="2">
        <v>11931.0</v>
      </c>
      <c r="C4888" s="1" t="s">
        <v>5</v>
      </c>
      <c r="D4888" s="1" t="s">
        <v>11</v>
      </c>
      <c r="E4888" s="1" t="s">
        <v>7</v>
      </c>
    </row>
    <row r="4889">
      <c r="A4889" s="1">
        <v>4.90399984E8</v>
      </c>
      <c r="B4889" s="2">
        <v>11849.0</v>
      </c>
      <c r="C4889" s="1" t="s">
        <v>5</v>
      </c>
      <c r="D4889" s="1" t="s">
        <v>3966</v>
      </c>
      <c r="E4889" s="1" t="s">
        <v>11</v>
      </c>
    </row>
    <row r="4890">
      <c r="A4890" s="1">
        <v>4.90399986E8</v>
      </c>
      <c r="B4890" s="2">
        <v>11959.0</v>
      </c>
      <c r="C4890" s="1" t="s">
        <v>5</v>
      </c>
      <c r="D4890" s="1" t="s">
        <v>3967</v>
      </c>
      <c r="E4890" s="1" t="s">
        <v>3968</v>
      </c>
    </row>
    <row r="4891">
      <c r="A4891" s="1">
        <v>4.90399994E8</v>
      </c>
      <c r="B4891" s="2">
        <v>11874.0</v>
      </c>
      <c r="C4891" s="1" t="s">
        <v>5</v>
      </c>
      <c r="D4891" s="1" t="s">
        <v>11</v>
      </c>
      <c r="E4891" s="1" t="s">
        <v>7</v>
      </c>
    </row>
    <row r="4892">
      <c r="A4892" s="1">
        <v>4.90399996E8</v>
      </c>
      <c r="B4892" s="2">
        <v>11959.0</v>
      </c>
      <c r="C4892" s="1" t="s">
        <v>5</v>
      </c>
      <c r="D4892" s="1" t="s">
        <v>3969</v>
      </c>
      <c r="E4892" s="1" t="s">
        <v>7</v>
      </c>
    </row>
    <row r="4893">
      <c r="A4893" s="1">
        <v>4.904E8</v>
      </c>
      <c r="B4893" s="2">
        <v>11921.0</v>
      </c>
      <c r="C4893" s="1" t="s">
        <v>5</v>
      </c>
      <c r="D4893" s="1" t="s">
        <v>3970</v>
      </c>
      <c r="E4893" s="1" t="s">
        <v>7</v>
      </c>
    </row>
    <row r="4894">
      <c r="A4894" s="1">
        <v>4.90400002E8</v>
      </c>
      <c r="B4894" s="2">
        <v>11923.0</v>
      </c>
      <c r="C4894" s="1" t="s">
        <v>5</v>
      </c>
      <c r="D4894" s="1" t="s">
        <v>11</v>
      </c>
      <c r="E4894" s="1" t="s">
        <v>7</v>
      </c>
    </row>
    <row r="4895">
      <c r="A4895" s="1">
        <v>4.90400003E8</v>
      </c>
      <c r="B4895" s="2">
        <v>11959.0</v>
      </c>
      <c r="C4895" s="1" t="s">
        <v>5</v>
      </c>
      <c r="D4895" s="1" t="s">
        <v>11</v>
      </c>
      <c r="E4895" s="1" t="s">
        <v>7</v>
      </c>
    </row>
    <row r="4896">
      <c r="A4896" s="1">
        <v>4.90400006E8</v>
      </c>
      <c r="B4896" s="2">
        <v>11927.0</v>
      </c>
      <c r="C4896" s="1" t="s">
        <v>5</v>
      </c>
      <c r="D4896" s="1" t="s">
        <v>3971</v>
      </c>
      <c r="E4896" s="1" t="s">
        <v>7</v>
      </c>
    </row>
    <row r="4897">
      <c r="A4897" s="1">
        <v>4.90400013E8</v>
      </c>
      <c r="B4897" s="2">
        <v>11956.0</v>
      </c>
      <c r="C4897" s="1" t="s">
        <v>5</v>
      </c>
      <c r="D4897" s="1" t="s">
        <v>3972</v>
      </c>
      <c r="E4897" s="1" t="s">
        <v>11</v>
      </c>
    </row>
    <row r="4898">
      <c r="A4898" s="1">
        <v>4.90400014E8</v>
      </c>
      <c r="B4898" s="2">
        <v>11954.0</v>
      </c>
      <c r="C4898" s="1" t="s">
        <v>5</v>
      </c>
      <c r="D4898" s="1" t="s">
        <v>11</v>
      </c>
      <c r="E4898" s="1" t="s">
        <v>7</v>
      </c>
    </row>
    <row r="4899">
      <c r="A4899" s="1">
        <v>4.9040002E8</v>
      </c>
      <c r="B4899" s="2">
        <v>11933.0</v>
      </c>
      <c r="C4899" s="1" t="s">
        <v>5</v>
      </c>
      <c r="D4899" s="1" t="s">
        <v>3973</v>
      </c>
      <c r="E4899" s="1" t="s">
        <v>11</v>
      </c>
    </row>
    <row r="4900">
      <c r="A4900" s="1">
        <v>4.90400023E8</v>
      </c>
      <c r="B4900" s="2">
        <v>11902.0</v>
      </c>
      <c r="C4900" s="1" t="s">
        <v>5</v>
      </c>
      <c r="D4900" s="1" t="s">
        <v>3974</v>
      </c>
      <c r="E4900" s="1" t="s">
        <v>11</v>
      </c>
    </row>
    <row r="4901">
      <c r="A4901" s="1">
        <v>4.9040003E8</v>
      </c>
      <c r="B4901" s="2">
        <v>11923.0</v>
      </c>
      <c r="C4901" s="1" t="s">
        <v>5</v>
      </c>
      <c r="D4901" s="1" t="s">
        <v>3975</v>
      </c>
      <c r="E4901" s="1" t="s">
        <v>11</v>
      </c>
    </row>
    <row r="4902">
      <c r="A4902" s="1">
        <v>4.90400039E8</v>
      </c>
      <c r="B4902" s="2">
        <v>11931.0</v>
      </c>
      <c r="C4902" s="1" t="s">
        <v>5</v>
      </c>
      <c r="D4902" s="1" t="s">
        <v>11</v>
      </c>
      <c r="E4902" s="1" t="s">
        <v>7</v>
      </c>
    </row>
    <row r="4903">
      <c r="A4903" s="1">
        <v>4.90400043E8</v>
      </c>
      <c r="B4903" s="2">
        <v>11902.0</v>
      </c>
      <c r="C4903" s="1" t="s">
        <v>5</v>
      </c>
      <c r="D4903" s="1" t="s">
        <v>3976</v>
      </c>
      <c r="E4903" s="1" t="s">
        <v>7</v>
      </c>
    </row>
    <row r="4904">
      <c r="A4904" s="1">
        <v>4.90400047E8</v>
      </c>
      <c r="B4904" s="2">
        <v>11874.0</v>
      </c>
      <c r="C4904" s="1" t="s">
        <v>5</v>
      </c>
      <c r="D4904" s="1" t="s">
        <v>3977</v>
      </c>
      <c r="E4904" s="1" t="s">
        <v>7</v>
      </c>
    </row>
    <row r="4905">
      <c r="A4905" s="1">
        <v>4.90400048E8</v>
      </c>
      <c r="B4905" s="2">
        <v>11956.0</v>
      </c>
      <c r="C4905" s="1" t="s">
        <v>5</v>
      </c>
      <c r="D4905" s="1" t="s">
        <v>3978</v>
      </c>
      <c r="E4905" s="1" t="s">
        <v>7</v>
      </c>
    </row>
    <row r="4906">
      <c r="A4906" s="1">
        <v>4.90400054E8</v>
      </c>
      <c r="B4906" s="2">
        <v>11874.0</v>
      </c>
      <c r="C4906" s="1" t="s">
        <v>5</v>
      </c>
      <c r="D4906" s="1" t="s">
        <v>3979</v>
      </c>
      <c r="E4906" s="1" t="s">
        <v>7</v>
      </c>
    </row>
    <row r="4907">
      <c r="A4907" s="1">
        <v>4.90400066E8</v>
      </c>
      <c r="B4907" s="2">
        <v>11953.0</v>
      </c>
      <c r="C4907" s="1" t="s">
        <v>5</v>
      </c>
      <c r="D4907" s="1" t="s">
        <v>3980</v>
      </c>
      <c r="E4907" s="1" t="s">
        <v>7</v>
      </c>
    </row>
    <row r="4908">
      <c r="A4908" s="1">
        <v>4.90400067E8</v>
      </c>
      <c r="B4908" s="2">
        <v>11902.0</v>
      </c>
      <c r="C4908" s="1" t="s">
        <v>5</v>
      </c>
      <c r="D4908" s="1" t="s">
        <v>3981</v>
      </c>
      <c r="E4908" s="1" t="s">
        <v>11</v>
      </c>
    </row>
    <row r="4909">
      <c r="A4909" s="1">
        <v>4.90400075E8</v>
      </c>
      <c r="B4909" s="2">
        <v>11924.0</v>
      </c>
      <c r="C4909" s="1" t="s">
        <v>5</v>
      </c>
      <c r="D4909" s="1" t="s">
        <v>3982</v>
      </c>
      <c r="E4909" s="1" t="s">
        <v>11</v>
      </c>
    </row>
    <row r="4910">
      <c r="A4910" s="1">
        <v>4.90400083E8</v>
      </c>
      <c r="B4910" s="2">
        <v>11959.0</v>
      </c>
      <c r="C4910" s="1" t="s">
        <v>5</v>
      </c>
      <c r="D4910" s="1" t="s">
        <v>3983</v>
      </c>
      <c r="E4910" s="1" t="s">
        <v>11</v>
      </c>
    </row>
    <row r="4911">
      <c r="A4911" s="1">
        <v>4.90400085E8</v>
      </c>
      <c r="B4911" s="2">
        <v>11902.0</v>
      </c>
      <c r="C4911" s="1" t="s">
        <v>5</v>
      </c>
      <c r="D4911" s="1" t="s">
        <v>11</v>
      </c>
      <c r="E4911" s="1" t="s">
        <v>7</v>
      </c>
    </row>
    <row r="4912">
      <c r="A4912" s="1">
        <v>4.90400095E8</v>
      </c>
      <c r="B4912" s="2">
        <v>11961.0</v>
      </c>
      <c r="C4912" s="1" t="s">
        <v>5</v>
      </c>
      <c r="D4912" s="1" t="s">
        <v>3984</v>
      </c>
      <c r="E4912" s="1" t="s">
        <v>11</v>
      </c>
    </row>
    <row r="4913">
      <c r="A4913" s="1">
        <v>4.90400098E8</v>
      </c>
      <c r="B4913" s="2">
        <v>11841.0</v>
      </c>
      <c r="C4913" s="1" t="s">
        <v>5</v>
      </c>
      <c r="D4913" s="1" t="s">
        <v>3985</v>
      </c>
      <c r="E4913" s="1" t="s">
        <v>7</v>
      </c>
    </row>
    <row r="4914">
      <c r="A4914" s="1">
        <v>4.90400101E8</v>
      </c>
      <c r="B4914" s="2">
        <v>11957.0</v>
      </c>
      <c r="C4914" s="1" t="s">
        <v>5</v>
      </c>
      <c r="D4914" s="1" t="s">
        <v>3986</v>
      </c>
      <c r="E4914" s="1" t="s">
        <v>11</v>
      </c>
    </row>
    <row r="4915">
      <c r="A4915" s="1">
        <v>4.90400105E8</v>
      </c>
      <c r="B4915" s="2">
        <v>11902.0</v>
      </c>
      <c r="C4915" s="1" t="s">
        <v>5</v>
      </c>
      <c r="D4915" s="1" t="s">
        <v>3987</v>
      </c>
      <c r="E4915" s="1" t="s">
        <v>7</v>
      </c>
    </row>
    <row r="4916">
      <c r="A4916" s="1">
        <v>4.90400109E8</v>
      </c>
      <c r="B4916" s="2">
        <v>11874.0</v>
      </c>
      <c r="C4916" s="1" t="s">
        <v>5</v>
      </c>
      <c r="D4916" s="1" t="s">
        <v>3988</v>
      </c>
      <c r="E4916" s="1" t="s">
        <v>11</v>
      </c>
    </row>
    <row r="4917">
      <c r="A4917" s="1">
        <v>4.90400112E8</v>
      </c>
      <c r="B4917" s="2">
        <v>11930.0</v>
      </c>
      <c r="C4917" s="1" t="s">
        <v>5</v>
      </c>
      <c r="D4917" s="1" t="s">
        <v>3989</v>
      </c>
      <c r="E4917" s="1" t="s">
        <v>7</v>
      </c>
    </row>
    <row r="4918">
      <c r="A4918" s="1">
        <v>4.90400113E8</v>
      </c>
      <c r="B4918" s="2">
        <v>11960.0</v>
      </c>
      <c r="C4918" s="1" t="s">
        <v>5</v>
      </c>
      <c r="D4918" s="1" t="s">
        <v>3990</v>
      </c>
      <c r="E4918" s="1" t="s">
        <v>7</v>
      </c>
    </row>
    <row r="4919">
      <c r="A4919" s="1">
        <v>4.90400126E8</v>
      </c>
      <c r="B4919" s="2">
        <v>11845.0</v>
      </c>
      <c r="C4919" s="1" t="s">
        <v>5</v>
      </c>
      <c r="D4919" s="1" t="s">
        <v>11</v>
      </c>
      <c r="E4919" s="1" t="s">
        <v>7</v>
      </c>
    </row>
    <row r="4920">
      <c r="A4920" s="1">
        <v>4.90400139E8</v>
      </c>
      <c r="B4920" s="2">
        <v>11920.0</v>
      </c>
      <c r="C4920" s="1" t="s">
        <v>5</v>
      </c>
      <c r="D4920" s="1" t="s">
        <v>3991</v>
      </c>
      <c r="E4920" s="1" t="s">
        <v>3992</v>
      </c>
    </row>
    <row r="4921">
      <c r="A4921" s="1">
        <v>4.90400149E8</v>
      </c>
      <c r="B4921" s="2">
        <v>11930.0</v>
      </c>
      <c r="C4921" s="1" t="s">
        <v>5</v>
      </c>
      <c r="D4921" s="1" t="s">
        <v>3993</v>
      </c>
      <c r="E4921" s="1" t="s">
        <v>7</v>
      </c>
    </row>
    <row r="4922">
      <c r="A4922" s="1">
        <v>4.90400163E8</v>
      </c>
      <c r="B4922" s="2">
        <v>11926.0</v>
      </c>
      <c r="C4922" s="1" t="s">
        <v>5</v>
      </c>
      <c r="D4922" s="1" t="s">
        <v>3994</v>
      </c>
      <c r="E4922" s="1" t="s">
        <v>11</v>
      </c>
    </row>
    <row r="4923">
      <c r="A4923" s="1">
        <v>4.90400177E8</v>
      </c>
      <c r="B4923" s="2">
        <v>11926.0</v>
      </c>
      <c r="C4923" s="1" t="s">
        <v>5</v>
      </c>
      <c r="D4923" s="1" t="s">
        <v>3995</v>
      </c>
      <c r="E4923" s="1" t="s">
        <v>7</v>
      </c>
    </row>
    <row r="4924">
      <c r="A4924" s="1">
        <v>4.90400183E8</v>
      </c>
      <c r="B4924" s="2">
        <v>11961.0</v>
      </c>
      <c r="C4924" s="1" t="s">
        <v>5</v>
      </c>
      <c r="D4924" s="1" t="s">
        <v>11</v>
      </c>
      <c r="E4924" s="1" t="s">
        <v>7</v>
      </c>
    </row>
    <row r="4925">
      <c r="A4925" s="1">
        <v>4.90400185E8</v>
      </c>
      <c r="B4925" s="2">
        <v>11960.0</v>
      </c>
      <c r="C4925" s="1" t="s">
        <v>5</v>
      </c>
      <c r="D4925" s="1" t="s">
        <v>7</v>
      </c>
      <c r="E4925" s="1" t="s">
        <v>7</v>
      </c>
    </row>
    <row r="4926">
      <c r="A4926" s="1">
        <v>4.90400187E8</v>
      </c>
      <c r="B4926" s="2">
        <v>11953.0</v>
      </c>
      <c r="C4926" s="1" t="s">
        <v>5</v>
      </c>
      <c r="D4926" s="1" t="s">
        <v>3996</v>
      </c>
      <c r="E4926" s="1" t="s">
        <v>7</v>
      </c>
    </row>
    <row r="4927">
      <c r="A4927" s="1">
        <v>4.90400189E8</v>
      </c>
      <c r="B4927" s="2">
        <v>11927.0</v>
      </c>
      <c r="C4927" s="1" t="s">
        <v>5</v>
      </c>
      <c r="D4927" s="1" t="s">
        <v>11</v>
      </c>
      <c r="E4927" s="1" t="s">
        <v>7</v>
      </c>
    </row>
    <row r="4928">
      <c r="A4928" s="1">
        <v>4.90400193E8</v>
      </c>
      <c r="B4928" s="2">
        <v>11957.0</v>
      </c>
      <c r="C4928" s="1" t="s">
        <v>5</v>
      </c>
      <c r="D4928" s="1" t="s">
        <v>3997</v>
      </c>
      <c r="E4928" s="1" t="s">
        <v>7</v>
      </c>
    </row>
    <row r="4929">
      <c r="A4929" s="1">
        <v>4.9040022E8</v>
      </c>
      <c r="B4929" s="2">
        <v>11960.0</v>
      </c>
      <c r="C4929" s="1" t="s">
        <v>5</v>
      </c>
      <c r="D4929" s="1" t="s">
        <v>3998</v>
      </c>
      <c r="E4929" s="1" t="s">
        <v>3999</v>
      </c>
    </row>
    <row r="4930">
      <c r="A4930" s="1">
        <v>4.90400223E8</v>
      </c>
      <c r="B4930" s="2">
        <v>11923.0</v>
      </c>
      <c r="C4930" s="1" t="s">
        <v>5</v>
      </c>
      <c r="D4930" s="1" t="s">
        <v>4000</v>
      </c>
      <c r="E4930" s="1" t="s">
        <v>11</v>
      </c>
    </row>
    <row r="4931">
      <c r="A4931" s="1">
        <v>4.90400224E8</v>
      </c>
      <c r="B4931" s="2">
        <v>11961.0</v>
      </c>
      <c r="C4931" s="1" t="s">
        <v>5</v>
      </c>
      <c r="D4931" s="1" t="s">
        <v>4001</v>
      </c>
      <c r="E4931" s="1" t="s">
        <v>11</v>
      </c>
    </row>
    <row r="4932">
      <c r="A4932" s="1">
        <v>4.90400228E8</v>
      </c>
      <c r="B4932" s="2">
        <v>11874.0</v>
      </c>
      <c r="C4932" s="1" t="s">
        <v>5</v>
      </c>
      <c r="D4932" s="1" t="s">
        <v>4002</v>
      </c>
      <c r="E4932" s="1" t="s">
        <v>7</v>
      </c>
    </row>
    <row r="4933">
      <c r="A4933" s="1">
        <v>4.9040023E8</v>
      </c>
      <c r="B4933" s="2">
        <v>11955.0</v>
      </c>
      <c r="C4933" s="1" t="s">
        <v>5</v>
      </c>
      <c r="D4933" s="1" t="s">
        <v>4003</v>
      </c>
      <c r="E4933" s="1" t="s">
        <v>11</v>
      </c>
    </row>
    <row r="4934">
      <c r="A4934" s="1">
        <v>4.90400233E8</v>
      </c>
      <c r="B4934" s="2">
        <v>11930.0</v>
      </c>
      <c r="C4934" s="1" t="s">
        <v>5</v>
      </c>
      <c r="D4934" s="1" t="s">
        <v>4004</v>
      </c>
      <c r="E4934" s="1" t="s">
        <v>11</v>
      </c>
    </row>
    <row r="4935">
      <c r="A4935" s="1">
        <v>4.90400238E8</v>
      </c>
      <c r="B4935" s="2">
        <v>11926.0</v>
      </c>
      <c r="C4935" s="1" t="s">
        <v>5</v>
      </c>
      <c r="D4935" s="1" t="s">
        <v>11</v>
      </c>
      <c r="E4935" s="1" t="s">
        <v>7</v>
      </c>
    </row>
    <row r="4936">
      <c r="A4936" s="1">
        <v>4.90400239E8</v>
      </c>
      <c r="B4936" s="2">
        <v>11926.0</v>
      </c>
      <c r="C4936" s="1" t="s">
        <v>5</v>
      </c>
      <c r="D4936" s="1" t="s">
        <v>4005</v>
      </c>
      <c r="E4936" s="1" t="s">
        <v>11</v>
      </c>
    </row>
    <row r="4937">
      <c r="A4937" s="1">
        <v>4.90400247E8</v>
      </c>
      <c r="B4937" s="2">
        <v>11847.0</v>
      </c>
      <c r="C4937" s="1" t="s">
        <v>5</v>
      </c>
      <c r="D4937" s="1" t="s">
        <v>4006</v>
      </c>
      <c r="E4937" s="1" t="s">
        <v>7</v>
      </c>
    </row>
    <row r="4938">
      <c r="A4938" s="1">
        <v>4.90400248E8</v>
      </c>
      <c r="B4938" s="2">
        <v>11931.0</v>
      </c>
      <c r="C4938" s="1" t="s">
        <v>5</v>
      </c>
      <c r="D4938" s="1" t="s">
        <v>11</v>
      </c>
      <c r="E4938" s="1" t="s">
        <v>7</v>
      </c>
    </row>
    <row r="4939">
      <c r="A4939" s="1">
        <v>4.90400249E8</v>
      </c>
      <c r="B4939" s="2">
        <v>11841.0</v>
      </c>
      <c r="C4939" s="1" t="s">
        <v>5</v>
      </c>
      <c r="D4939" s="1" t="s">
        <v>4007</v>
      </c>
      <c r="E4939" s="1" t="s">
        <v>7</v>
      </c>
    </row>
    <row r="4940">
      <c r="A4940" s="1">
        <v>4.90400258E8</v>
      </c>
      <c r="B4940" s="2">
        <v>11960.0</v>
      </c>
      <c r="C4940" s="1" t="s">
        <v>5</v>
      </c>
      <c r="D4940" s="1" t="s">
        <v>11</v>
      </c>
      <c r="E4940" s="1" t="s">
        <v>7</v>
      </c>
    </row>
    <row r="4941">
      <c r="A4941" s="1">
        <v>4.90400266E8</v>
      </c>
      <c r="B4941" s="2">
        <v>11957.0</v>
      </c>
      <c r="C4941" s="1" t="s">
        <v>5</v>
      </c>
      <c r="D4941" s="1" t="s">
        <v>4008</v>
      </c>
      <c r="E4941" s="1" t="s">
        <v>11</v>
      </c>
    </row>
    <row r="4942">
      <c r="A4942" s="1">
        <v>4.90400267E8</v>
      </c>
      <c r="B4942" s="2">
        <v>11923.0</v>
      </c>
      <c r="C4942" s="1" t="s">
        <v>5</v>
      </c>
      <c r="D4942" s="1" t="s">
        <v>4009</v>
      </c>
      <c r="E4942" s="1" t="s">
        <v>4010</v>
      </c>
    </row>
    <row r="4943">
      <c r="A4943" s="1">
        <v>4.90400273E8</v>
      </c>
      <c r="B4943" s="2">
        <v>11962.0</v>
      </c>
      <c r="C4943" s="1" t="s">
        <v>5</v>
      </c>
      <c r="D4943" s="1" t="s">
        <v>4011</v>
      </c>
      <c r="E4943" s="1" t="s">
        <v>7</v>
      </c>
    </row>
    <row r="4944">
      <c r="A4944" s="1">
        <v>4.90400276E8</v>
      </c>
      <c r="B4944" s="2">
        <v>11960.0</v>
      </c>
      <c r="C4944" s="1" t="s">
        <v>5</v>
      </c>
      <c r="D4944" s="1" t="s">
        <v>4012</v>
      </c>
      <c r="E4944" s="1" t="s">
        <v>7</v>
      </c>
    </row>
    <row r="4945">
      <c r="A4945" s="1">
        <v>4.90400278E8</v>
      </c>
      <c r="B4945" s="2">
        <v>11926.0</v>
      </c>
      <c r="C4945" s="1" t="s">
        <v>5</v>
      </c>
      <c r="D4945" s="1" t="s">
        <v>4013</v>
      </c>
      <c r="E4945" s="1" t="s">
        <v>7</v>
      </c>
    </row>
    <row r="4946">
      <c r="A4946" s="1">
        <v>4.90400279E8</v>
      </c>
      <c r="B4946" s="2">
        <v>11873.0</v>
      </c>
      <c r="C4946" s="1" t="s">
        <v>5</v>
      </c>
      <c r="D4946" s="1" t="s">
        <v>4014</v>
      </c>
      <c r="E4946" s="1" t="s">
        <v>11</v>
      </c>
    </row>
    <row r="4947">
      <c r="A4947" s="1">
        <v>4.90400284E8</v>
      </c>
      <c r="B4947" s="2">
        <v>11930.0</v>
      </c>
      <c r="C4947" s="1" t="s">
        <v>5</v>
      </c>
      <c r="D4947" s="1" t="s">
        <v>11</v>
      </c>
      <c r="E4947" s="1" t="s">
        <v>7</v>
      </c>
    </row>
    <row r="4948">
      <c r="A4948" s="1">
        <v>4.90400285E8</v>
      </c>
      <c r="B4948" s="2">
        <v>11926.0</v>
      </c>
      <c r="C4948" s="1" t="s">
        <v>5</v>
      </c>
      <c r="D4948" s="1" t="s">
        <v>4015</v>
      </c>
      <c r="E4948" s="1" t="s">
        <v>4016</v>
      </c>
    </row>
    <row r="4949">
      <c r="A4949" s="1">
        <v>4.90400288E8</v>
      </c>
      <c r="B4949" s="2">
        <v>11931.0</v>
      </c>
      <c r="C4949" s="1" t="s">
        <v>5</v>
      </c>
      <c r="D4949" s="1" t="s">
        <v>4017</v>
      </c>
      <c r="E4949" s="1" t="s">
        <v>7</v>
      </c>
    </row>
    <row r="4950">
      <c r="A4950" s="1">
        <v>4.90400295E8</v>
      </c>
      <c r="B4950" s="2">
        <v>11843.0</v>
      </c>
      <c r="C4950" s="1" t="s">
        <v>5</v>
      </c>
      <c r="D4950" s="1" t="s">
        <v>4018</v>
      </c>
      <c r="E4950" s="1" t="s">
        <v>7</v>
      </c>
    </row>
    <row r="4951">
      <c r="A4951" s="1">
        <v>4.90400296E8</v>
      </c>
      <c r="B4951" s="2">
        <v>11960.0</v>
      </c>
      <c r="C4951" s="1" t="s">
        <v>5</v>
      </c>
      <c r="D4951" s="1" t="s">
        <v>4019</v>
      </c>
      <c r="E4951" s="1" t="s">
        <v>7</v>
      </c>
    </row>
    <row r="4952">
      <c r="A4952" s="1">
        <v>4.90400308E8</v>
      </c>
      <c r="B4952" s="2">
        <v>11926.0</v>
      </c>
      <c r="C4952" s="1" t="s">
        <v>5</v>
      </c>
      <c r="D4952" s="1" t="s">
        <v>4020</v>
      </c>
      <c r="E4952" s="1" t="s">
        <v>4021</v>
      </c>
    </row>
    <row r="4953">
      <c r="A4953" s="1">
        <v>4.90400316E8</v>
      </c>
      <c r="B4953" s="2">
        <v>11873.0</v>
      </c>
      <c r="C4953" s="1" t="s">
        <v>5</v>
      </c>
      <c r="D4953" s="1" t="s">
        <v>4022</v>
      </c>
      <c r="E4953" s="1" t="s">
        <v>7</v>
      </c>
    </row>
    <row r="4954">
      <c r="A4954" s="1">
        <v>4.90400318E8</v>
      </c>
      <c r="B4954" s="2">
        <v>11927.0</v>
      </c>
      <c r="C4954" s="1" t="s">
        <v>5</v>
      </c>
      <c r="D4954" s="1" t="s">
        <v>4023</v>
      </c>
      <c r="E4954" s="1" t="s">
        <v>7</v>
      </c>
    </row>
    <row r="4955">
      <c r="A4955" s="1">
        <v>4.90400328E8</v>
      </c>
      <c r="B4955" s="2">
        <v>11923.0</v>
      </c>
      <c r="C4955" s="1" t="s">
        <v>5</v>
      </c>
      <c r="D4955" s="1" t="s">
        <v>4024</v>
      </c>
      <c r="E4955" s="1" t="s">
        <v>7</v>
      </c>
    </row>
    <row r="4956">
      <c r="A4956" s="1">
        <v>4.90400335E8</v>
      </c>
      <c r="B4956" s="2">
        <v>11953.0</v>
      </c>
      <c r="C4956" s="1" t="s">
        <v>5</v>
      </c>
      <c r="D4956" s="1" t="s">
        <v>11</v>
      </c>
      <c r="E4956" s="1" t="s">
        <v>7</v>
      </c>
    </row>
    <row r="4957">
      <c r="A4957" s="1">
        <v>4.90400343E8</v>
      </c>
      <c r="B4957" s="2">
        <v>11931.0</v>
      </c>
      <c r="C4957" s="1" t="s">
        <v>5</v>
      </c>
      <c r="D4957" s="1" t="s">
        <v>11</v>
      </c>
      <c r="E4957" s="1" t="s">
        <v>7</v>
      </c>
    </row>
    <row r="4958">
      <c r="A4958" s="1">
        <v>4.90400347E8</v>
      </c>
      <c r="B4958" s="2">
        <v>11923.0</v>
      </c>
      <c r="C4958" s="1" t="s">
        <v>5</v>
      </c>
      <c r="D4958" s="1" t="s">
        <v>4025</v>
      </c>
      <c r="E4958" s="1" t="s">
        <v>11</v>
      </c>
    </row>
    <row r="4959">
      <c r="A4959" s="1">
        <v>4.90400349E8</v>
      </c>
      <c r="B4959" s="2">
        <v>11960.0</v>
      </c>
      <c r="C4959" s="1" t="s">
        <v>5</v>
      </c>
      <c r="D4959" s="1" t="s">
        <v>11</v>
      </c>
      <c r="E4959" s="1" t="s">
        <v>7</v>
      </c>
    </row>
    <row r="4960">
      <c r="A4960" s="1">
        <v>4.90400354E8</v>
      </c>
      <c r="B4960" s="2">
        <v>11927.0</v>
      </c>
      <c r="C4960" s="1" t="s">
        <v>5</v>
      </c>
      <c r="D4960" s="1" t="s">
        <v>4026</v>
      </c>
      <c r="E4960" s="1" t="s">
        <v>7</v>
      </c>
    </row>
    <row r="4961">
      <c r="A4961" s="1">
        <v>4.90400357E8</v>
      </c>
      <c r="B4961" s="2">
        <v>11920.0</v>
      </c>
      <c r="C4961" s="1" t="s">
        <v>5</v>
      </c>
      <c r="D4961" s="1" t="s">
        <v>4027</v>
      </c>
      <c r="E4961" s="1" t="s">
        <v>11</v>
      </c>
    </row>
    <row r="4962">
      <c r="A4962" s="1">
        <v>4.90400363E8</v>
      </c>
      <c r="B4962" s="2">
        <v>11926.0</v>
      </c>
      <c r="C4962" s="1" t="s">
        <v>5</v>
      </c>
      <c r="D4962" s="1" t="s">
        <v>4028</v>
      </c>
      <c r="E4962" s="1" t="s">
        <v>4029</v>
      </c>
    </row>
    <row r="4963">
      <c r="A4963" s="1">
        <v>4.90400364E8</v>
      </c>
      <c r="B4963" s="2">
        <v>11960.0</v>
      </c>
      <c r="C4963" s="1" t="s">
        <v>5</v>
      </c>
      <c r="D4963" s="1" t="s">
        <v>4030</v>
      </c>
      <c r="E4963" s="1" t="s">
        <v>7</v>
      </c>
    </row>
    <row r="4964">
      <c r="A4964" s="1">
        <v>4.90400366E8</v>
      </c>
      <c r="B4964" s="2">
        <v>11922.0</v>
      </c>
      <c r="C4964" s="1" t="s">
        <v>5</v>
      </c>
      <c r="D4964" s="1" t="s">
        <v>4031</v>
      </c>
      <c r="E4964" s="1" t="s">
        <v>7</v>
      </c>
    </row>
    <row r="4965">
      <c r="A4965" s="1">
        <v>4.90400372E8</v>
      </c>
      <c r="B4965" s="2">
        <v>11958.0</v>
      </c>
      <c r="C4965" s="1" t="s">
        <v>5</v>
      </c>
      <c r="D4965" s="1" t="s">
        <v>11</v>
      </c>
      <c r="E4965" s="1" t="s">
        <v>7</v>
      </c>
    </row>
    <row r="4966">
      <c r="A4966" s="1">
        <v>4.90400393E8</v>
      </c>
      <c r="B4966" s="2">
        <v>11922.0</v>
      </c>
      <c r="C4966" s="1" t="s">
        <v>5</v>
      </c>
      <c r="D4966" s="1" t="s">
        <v>4032</v>
      </c>
      <c r="E4966" s="1" t="s">
        <v>7</v>
      </c>
    </row>
    <row r="4967">
      <c r="A4967" s="1">
        <v>4.90400395E8</v>
      </c>
      <c r="B4967" s="2">
        <v>11925.0</v>
      </c>
      <c r="C4967" s="1" t="s">
        <v>5</v>
      </c>
      <c r="D4967" s="1" t="s">
        <v>4033</v>
      </c>
      <c r="E4967" s="1" t="s">
        <v>11</v>
      </c>
    </row>
    <row r="4968">
      <c r="A4968" s="1">
        <v>4.90400397E8</v>
      </c>
      <c r="B4968" s="2">
        <v>11953.0</v>
      </c>
      <c r="C4968" s="1" t="s">
        <v>5</v>
      </c>
      <c r="D4968" s="1" t="s">
        <v>11</v>
      </c>
      <c r="E4968" s="1" t="s">
        <v>7</v>
      </c>
    </row>
    <row r="4969">
      <c r="A4969" s="1">
        <v>4.90400399E8</v>
      </c>
      <c r="B4969" s="2">
        <v>11961.0</v>
      </c>
      <c r="C4969" s="1" t="s">
        <v>5</v>
      </c>
      <c r="D4969" s="1" t="s">
        <v>4034</v>
      </c>
      <c r="E4969" s="1" t="s">
        <v>4035</v>
      </c>
    </row>
    <row r="4970">
      <c r="A4970" s="1">
        <v>4.90400404E8</v>
      </c>
      <c r="B4970" s="2">
        <v>11873.0</v>
      </c>
      <c r="C4970" s="1" t="s">
        <v>5</v>
      </c>
      <c r="D4970" s="1" t="s">
        <v>4036</v>
      </c>
      <c r="E4970" s="1" t="s">
        <v>7</v>
      </c>
    </row>
    <row r="4971">
      <c r="A4971" s="1">
        <v>4.90400409E8</v>
      </c>
      <c r="B4971" s="2">
        <v>11926.0</v>
      </c>
      <c r="C4971" s="1" t="s">
        <v>5</v>
      </c>
      <c r="D4971" s="1" t="s">
        <v>4037</v>
      </c>
      <c r="E4971" s="1" t="s">
        <v>7</v>
      </c>
    </row>
    <row r="4972">
      <c r="A4972" s="1">
        <v>4.90400424E8</v>
      </c>
      <c r="B4972" s="2">
        <v>11957.0</v>
      </c>
      <c r="C4972" s="1" t="s">
        <v>5</v>
      </c>
      <c r="D4972" s="1" t="s">
        <v>11</v>
      </c>
      <c r="E4972" s="4" t="s">
        <v>4038</v>
      </c>
    </row>
    <row r="4973">
      <c r="A4973" s="1">
        <v>4.90400427E8</v>
      </c>
      <c r="B4973" s="2">
        <v>11923.0</v>
      </c>
      <c r="C4973" s="1" t="s">
        <v>5</v>
      </c>
      <c r="D4973" s="1" t="s">
        <v>11</v>
      </c>
      <c r="E4973" s="1" t="s">
        <v>7</v>
      </c>
    </row>
    <row r="4974">
      <c r="A4974" s="1">
        <v>4.90400433E8</v>
      </c>
      <c r="B4974" s="2">
        <v>11873.0</v>
      </c>
      <c r="C4974" s="1" t="s">
        <v>5</v>
      </c>
      <c r="D4974" s="1" t="s">
        <v>11</v>
      </c>
      <c r="E4974" s="1" t="s">
        <v>7</v>
      </c>
    </row>
    <row r="4975">
      <c r="A4975" s="1">
        <v>4.90400434E8</v>
      </c>
      <c r="B4975" s="2">
        <v>11929.0</v>
      </c>
      <c r="C4975" s="1" t="s">
        <v>5</v>
      </c>
      <c r="D4975" s="1" t="s">
        <v>4039</v>
      </c>
      <c r="E4975" s="1" t="s">
        <v>7</v>
      </c>
    </row>
    <row r="4976">
      <c r="A4976" s="1">
        <v>4.9040044E8</v>
      </c>
      <c r="B4976" s="2">
        <v>11927.0</v>
      </c>
      <c r="C4976" s="1" t="s">
        <v>5</v>
      </c>
      <c r="D4976" s="1" t="s">
        <v>11</v>
      </c>
      <c r="E4976" s="1" t="s">
        <v>7</v>
      </c>
    </row>
    <row r="4977">
      <c r="A4977" s="1">
        <v>4.90400445E8</v>
      </c>
      <c r="B4977" s="2">
        <v>11926.0</v>
      </c>
      <c r="C4977" s="1" t="s">
        <v>5</v>
      </c>
      <c r="D4977" s="1" t="s">
        <v>11</v>
      </c>
      <c r="E4977" s="1" t="s">
        <v>7</v>
      </c>
    </row>
    <row r="4978">
      <c r="A4978" s="1">
        <v>4.90400447E8</v>
      </c>
      <c r="B4978" s="2">
        <v>11923.0</v>
      </c>
      <c r="C4978" s="1" t="s">
        <v>5</v>
      </c>
      <c r="D4978" s="1" t="s">
        <v>4040</v>
      </c>
      <c r="E4978" s="1" t="s">
        <v>7</v>
      </c>
    </row>
    <row r="4979">
      <c r="A4979" s="1">
        <v>4.90400448E8</v>
      </c>
      <c r="B4979" s="2">
        <v>11894.0</v>
      </c>
      <c r="C4979" s="1" t="s">
        <v>5</v>
      </c>
      <c r="D4979" s="1" t="s">
        <v>4041</v>
      </c>
      <c r="E4979" s="1" t="s">
        <v>7</v>
      </c>
    </row>
    <row r="4980">
      <c r="A4980" s="1">
        <v>4.90400449E8</v>
      </c>
      <c r="B4980" s="2">
        <v>11873.0</v>
      </c>
      <c r="C4980" s="1" t="s">
        <v>5</v>
      </c>
      <c r="D4980" s="1" t="s">
        <v>11</v>
      </c>
      <c r="E4980" s="1" t="s">
        <v>7</v>
      </c>
    </row>
    <row r="4981">
      <c r="A4981" s="1">
        <v>4.90400452E8</v>
      </c>
      <c r="B4981" s="2">
        <v>11960.0</v>
      </c>
      <c r="C4981" s="1" t="s">
        <v>5</v>
      </c>
      <c r="D4981" s="1" t="s">
        <v>4042</v>
      </c>
      <c r="E4981" s="1" t="s">
        <v>11</v>
      </c>
    </row>
    <row r="4982">
      <c r="A4982" s="1">
        <v>4.90400453E8</v>
      </c>
      <c r="B4982" s="2">
        <v>11957.0</v>
      </c>
      <c r="C4982" s="1" t="s">
        <v>5</v>
      </c>
      <c r="D4982" s="1" t="s">
        <v>11</v>
      </c>
      <c r="E4982" s="1" t="s">
        <v>7</v>
      </c>
    </row>
    <row r="4983">
      <c r="A4983" s="1">
        <v>4.90400465E8</v>
      </c>
      <c r="B4983" s="2">
        <v>11845.0</v>
      </c>
      <c r="C4983" s="1" t="s">
        <v>5</v>
      </c>
      <c r="D4983" s="1" t="s">
        <v>11</v>
      </c>
      <c r="E4983" s="1" t="s">
        <v>7</v>
      </c>
    </row>
    <row r="4984">
      <c r="A4984" s="1">
        <v>4.90400474E8</v>
      </c>
      <c r="B4984" s="2">
        <v>11957.0</v>
      </c>
      <c r="C4984" s="1" t="s">
        <v>5</v>
      </c>
      <c r="D4984" s="1" t="s">
        <v>11</v>
      </c>
      <c r="E4984" s="1" t="s">
        <v>7</v>
      </c>
    </row>
    <row r="4985">
      <c r="A4985" s="1">
        <v>4.90400476E8</v>
      </c>
      <c r="B4985" s="2">
        <v>11873.0</v>
      </c>
      <c r="C4985" s="1" t="s">
        <v>5</v>
      </c>
      <c r="D4985" s="1" t="s">
        <v>4043</v>
      </c>
      <c r="E4985" s="1" t="s">
        <v>7</v>
      </c>
    </row>
    <row r="4986">
      <c r="A4986" s="1">
        <v>4.90400487E8</v>
      </c>
      <c r="B4986" s="2">
        <v>11926.0</v>
      </c>
      <c r="C4986" s="1" t="s">
        <v>5</v>
      </c>
      <c r="D4986" s="1" t="s">
        <v>11</v>
      </c>
      <c r="E4986" s="1" t="s">
        <v>7</v>
      </c>
    </row>
    <row r="4987">
      <c r="A4987" s="1">
        <v>4.9040049E8</v>
      </c>
      <c r="B4987" s="2">
        <v>11952.0</v>
      </c>
      <c r="C4987" s="1" t="s">
        <v>5</v>
      </c>
      <c r="D4987" s="1" t="s">
        <v>4044</v>
      </c>
      <c r="E4987" s="1" t="s">
        <v>4045</v>
      </c>
    </row>
    <row r="4988">
      <c r="A4988" s="1">
        <v>4.90400492E8</v>
      </c>
      <c r="B4988" s="2">
        <v>11930.0</v>
      </c>
      <c r="C4988" s="1" t="s">
        <v>5</v>
      </c>
      <c r="D4988" s="1" t="s">
        <v>11</v>
      </c>
      <c r="E4988" s="1" t="s">
        <v>7</v>
      </c>
    </row>
    <row r="4989">
      <c r="A4989" s="1">
        <v>4.90400494E8</v>
      </c>
      <c r="B4989" s="2">
        <v>11954.0</v>
      </c>
      <c r="C4989" s="1" t="s">
        <v>5</v>
      </c>
      <c r="D4989" s="1" t="s">
        <v>4046</v>
      </c>
      <c r="E4989" s="1" t="s">
        <v>7</v>
      </c>
    </row>
    <row r="4990">
      <c r="A4990" s="1">
        <v>4.90400497E8</v>
      </c>
      <c r="B4990" s="2">
        <v>11894.0</v>
      </c>
      <c r="C4990" s="1" t="s">
        <v>5</v>
      </c>
      <c r="D4990" s="1" t="s">
        <v>11</v>
      </c>
      <c r="E4990" s="1" t="s">
        <v>7</v>
      </c>
    </row>
    <row r="4991">
      <c r="A4991" s="1">
        <v>4.90400503E8</v>
      </c>
      <c r="B4991" s="2">
        <v>11960.0</v>
      </c>
      <c r="C4991" s="1" t="s">
        <v>5</v>
      </c>
      <c r="D4991" s="1" t="s">
        <v>4047</v>
      </c>
      <c r="E4991" s="1" t="s">
        <v>7</v>
      </c>
    </row>
    <row r="4992">
      <c r="A4992" s="1">
        <v>4.90400506E8</v>
      </c>
      <c r="B4992" s="2">
        <v>11922.0</v>
      </c>
      <c r="C4992" s="1" t="s">
        <v>5</v>
      </c>
      <c r="D4992" s="1" t="s">
        <v>4048</v>
      </c>
      <c r="E4992" s="1" t="s">
        <v>11</v>
      </c>
    </row>
    <row r="4993">
      <c r="A4993" s="1">
        <v>4.90400509E8</v>
      </c>
      <c r="B4993" s="2">
        <v>11957.0</v>
      </c>
      <c r="C4993" s="1" t="s">
        <v>5</v>
      </c>
      <c r="D4993" s="1" t="s">
        <v>11</v>
      </c>
      <c r="E4993" s="1" t="s">
        <v>7</v>
      </c>
    </row>
    <row r="4994">
      <c r="A4994" s="1">
        <v>4.90400512E8</v>
      </c>
      <c r="B4994" s="2">
        <v>11961.0</v>
      </c>
      <c r="C4994" s="1" t="s">
        <v>5</v>
      </c>
      <c r="D4994" s="1" t="s">
        <v>4049</v>
      </c>
      <c r="E4994" s="1" t="s">
        <v>7</v>
      </c>
    </row>
    <row r="4995">
      <c r="A4995" s="1">
        <v>4.90400513E8</v>
      </c>
      <c r="B4995" s="2">
        <v>11960.0</v>
      </c>
      <c r="C4995" s="1" t="s">
        <v>5</v>
      </c>
      <c r="D4995" s="1" t="s">
        <v>11</v>
      </c>
      <c r="E4995" s="1" t="s">
        <v>7</v>
      </c>
    </row>
    <row r="4996">
      <c r="A4996" s="1">
        <v>4.90400522E8</v>
      </c>
      <c r="B4996" s="2">
        <v>11952.0</v>
      </c>
      <c r="C4996" s="1" t="s">
        <v>5</v>
      </c>
      <c r="D4996" s="1" t="s">
        <v>4050</v>
      </c>
      <c r="E4996" s="1" t="s">
        <v>7</v>
      </c>
    </row>
    <row r="4997">
      <c r="A4997" s="1">
        <v>4.90400529E8</v>
      </c>
      <c r="B4997" s="2">
        <v>11957.0</v>
      </c>
      <c r="C4997" s="1" t="s">
        <v>5</v>
      </c>
      <c r="D4997" s="1" t="s">
        <v>4051</v>
      </c>
      <c r="E4997" s="1" t="s">
        <v>11</v>
      </c>
    </row>
    <row r="4998">
      <c r="A4998" s="1">
        <v>4.90400543E8</v>
      </c>
      <c r="B4998" s="2">
        <v>11873.0</v>
      </c>
      <c r="C4998" s="1" t="s">
        <v>5</v>
      </c>
      <c r="D4998" s="1" t="s">
        <v>4052</v>
      </c>
      <c r="E4998" s="1" t="s">
        <v>7</v>
      </c>
    </row>
    <row r="4999">
      <c r="A4999" s="1">
        <v>4.90400572E8</v>
      </c>
      <c r="B4999" s="2">
        <v>11933.0</v>
      </c>
      <c r="C4999" s="1" t="s">
        <v>5</v>
      </c>
      <c r="D4999" s="1" t="s">
        <v>4053</v>
      </c>
      <c r="E4999" s="1" t="s">
        <v>7</v>
      </c>
    </row>
    <row r="5000">
      <c r="A5000" s="1">
        <v>4.90400574E8</v>
      </c>
      <c r="B5000" s="2">
        <v>11930.0</v>
      </c>
      <c r="C5000" s="1" t="s">
        <v>5</v>
      </c>
      <c r="D5000" s="1" t="s">
        <v>4054</v>
      </c>
      <c r="E5000" s="1" t="s">
        <v>11</v>
      </c>
    </row>
    <row r="5001">
      <c r="A5001" s="1">
        <v>4.90400586E8</v>
      </c>
      <c r="B5001" s="2">
        <v>11922.0</v>
      </c>
      <c r="C5001" s="1" t="s">
        <v>5</v>
      </c>
      <c r="D5001" s="1" t="s">
        <v>4055</v>
      </c>
      <c r="E5001" s="1" t="s">
        <v>7</v>
      </c>
    </row>
    <row r="5002">
      <c r="A5002" s="1">
        <v>4.90400599E8</v>
      </c>
      <c r="B5002" s="2">
        <v>11957.0</v>
      </c>
      <c r="C5002" s="1" t="s">
        <v>5</v>
      </c>
      <c r="D5002" s="1" t="s">
        <v>4056</v>
      </c>
      <c r="E5002" s="1" t="s">
        <v>11</v>
      </c>
    </row>
    <row r="5003">
      <c r="A5003" s="1">
        <v>4.90400607E8</v>
      </c>
      <c r="B5003" s="2">
        <v>11957.0</v>
      </c>
      <c r="C5003" s="1" t="s">
        <v>5</v>
      </c>
      <c r="D5003" s="1" t="s">
        <v>4057</v>
      </c>
      <c r="E5003" s="1" t="s">
        <v>7</v>
      </c>
    </row>
    <row r="5004">
      <c r="A5004" s="1">
        <v>4.90400614E8</v>
      </c>
      <c r="B5004" s="2">
        <v>11921.0</v>
      </c>
      <c r="C5004" s="1" t="s">
        <v>5</v>
      </c>
      <c r="D5004" s="1" t="s">
        <v>4058</v>
      </c>
      <c r="E5004" s="1" t="s">
        <v>4059</v>
      </c>
    </row>
    <row r="5005">
      <c r="A5005" s="1">
        <v>4.9040062E8</v>
      </c>
      <c r="B5005" s="2">
        <v>11873.0</v>
      </c>
      <c r="C5005" s="1" t="s">
        <v>5</v>
      </c>
      <c r="D5005" s="1" t="s">
        <v>4060</v>
      </c>
      <c r="E5005" s="1" t="s">
        <v>7</v>
      </c>
    </row>
    <row r="5006">
      <c r="A5006" s="1">
        <v>4.90400626E8</v>
      </c>
      <c r="B5006" s="2">
        <v>11872.0</v>
      </c>
      <c r="C5006" s="1" t="s">
        <v>5</v>
      </c>
      <c r="D5006" s="1" t="s">
        <v>4061</v>
      </c>
      <c r="E5006" s="1" t="s">
        <v>11</v>
      </c>
    </row>
    <row r="5007">
      <c r="A5007" s="1">
        <v>4.90400628E8</v>
      </c>
      <c r="B5007" s="2">
        <v>11959.0</v>
      </c>
      <c r="C5007" s="1" t="s">
        <v>5</v>
      </c>
      <c r="D5007" s="1" t="s">
        <v>4062</v>
      </c>
      <c r="E5007" s="1" t="s">
        <v>11</v>
      </c>
    </row>
    <row r="5008">
      <c r="A5008" s="1">
        <v>4.90400638E8</v>
      </c>
      <c r="B5008" s="2">
        <v>11956.0</v>
      </c>
      <c r="C5008" s="1" t="s">
        <v>5</v>
      </c>
      <c r="D5008" s="1" t="s">
        <v>4063</v>
      </c>
      <c r="E5008" s="1" t="s">
        <v>7</v>
      </c>
    </row>
    <row r="5009">
      <c r="A5009" s="1">
        <v>4.90400643E8</v>
      </c>
      <c r="B5009" s="2">
        <v>11926.0</v>
      </c>
      <c r="C5009" s="1" t="s">
        <v>5</v>
      </c>
      <c r="D5009" s="1" t="s">
        <v>11</v>
      </c>
      <c r="E5009" s="1" t="s">
        <v>7</v>
      </c>
    </row>
    <row r="5010">
      <c r="A5010" s="1">
        <v>4.90400648E8</v>
      </c>
      <c r="B5010" s="2">
        <v>11959.0</v>
      </c>
      <c r="C5010" s="1" t="s">
        <v>5</v>
      </c>
      <c r="D5010" s="1" t="s">
        <v>4064</v>
      </c>
      <c r="E5010" s="1" t="s">
        <v>11</v>
      </c>
    </row>
    <row r="5011">
      <c r="A5011" s="1">
        <v>4.90400653E8</v>
      </c>
      <c r="B5011" s="2">
        <v>11957.0</v>
      </c>
      <c r="C5011" s="1" t="s">
        <v>5</v>
      </c>
      <c r="D5011" s="1" t="s">
        <v>4065</v>
      </c>
      <c r="E5011" s="1" t="s">
        <v>7</v>
      </c>
    </row>
    <row r="5012">
      <c r="A5012" s="1">
        <v>4.90400658E8</v>
      </c>
      <c r="B5012" s="2">
        <v>11933.0</v>
      </c>
      <c r="C5012" s="1" t="s">
        <v>5</v>
      </c>
      <c r="D5012" s="1" t="s">
        <v>4066</v>
      </c>
      <c r="E5012" s="1" t="s">
        <v>11</v>
      </c>
    </row>
    <row r="5013">
      <c r="A5013" s="1">
        <v>4.90400667E8</v>
      </c>
      <c r="B5013" s="2">
        <v>11926.0</v>
      </c>
      <c r="C5013" s="1" t="s">
        <v>5</v>
      </c>
      <c r="D5013" s="1" t="s">
        <v>4067</v>
      </c>
      <c r="E5013" s="1" t="s">
        <v>11</v>
      </c>
    </row>
    <row r="5014">
      <c r="A5014" s="1">
        <v>4.90400668E8</v>
      </c>
      <c r="B5014" s="2">
        <v>11843.0</v>
      </c>
      <c r="C5014" s="1" t="s">
        <v>5</v>
      </c>
      <c r="D5014" s="1" t="s">
        <v>11</v>
      </c>
      <c r="E5014" s="1" t="s">
        <v>7</v>
      </c>
    </row>
    <row r="5015">
      <c r="A5015" s="1">
        <v>4.90400669E8</v>
      </c>
      <c r="B5015" s="2">
        <v>11918.0</v>
      </c>
      <c r="C5015" s="1" t="s">
        <v>5</v>
      </c>
      <c r="D5015" s="1" t="s">
        <v>4068</v>
      </c>
      <c r="E5015" s="1" t="s">
        <v>7</v>
      </c>
    </row>
    <row r="5016">
      <c r="A5016" s="1">
        <v>4.90400684E8</v>
      </c>
      <c r="B5016" s="2">
        <v>11922.0</v>
      </c>
      <c r="C5016" s="1" t="s">
        <v>5</v>
      </c>
      <c r="D5016" s="1" t="s">
        <v>4069</v>
      </c>
      <c r="E5016" s="1" t="s">
        <v>4070</v>
      </c>
    </row>
    <row r="5017">
      <c r="A5017" s="1">
        <v>4.90400693E8</v>
      </c>
      <c r="B5017" s="2">
        <v>11957.0</v>
      </c>
      <c r="C5017" s="1" t="s">
        <v>5</v>
      </c>
      <c r="D5017" s="1" t="s">
        <v>4071</v>
      </c>
      <c r="E5017" s="1" t="s">
        <v>7</v>
      </c>
    </row>
    <row r="5018">
      <c r="A5018" s="1">
        <v>4.90400698E8</v>
      </c>
      <c r="B5018" s="2">
        <v>11952.0</v>
      </c>
      <c r="C5018" s="1" t="s">
        <v>5</v>
      </c>
      <c r="D5018" s="1" t="s">
        <v>4072</v>
      </c>
      <c r="E5018" s="1" t="s">
        <v>7</v>
      </c>
    </row>
    <row r="5019">
      <c r="A5019" s="1">
        <v>4.90400701E8</v>
      </c>
      <c r="B5019" s="2">
        <v>11873.0</v>
      </c>
      <c r="C5019" s="1" t="s">
        <v>5</v>
      </c>
      <c r="D5019" s="1" t="s">
        <v>4073</v>
      </c>
      <c r="E5019" s="1" t="s">
        <v>11</v>
      </c>
    </row>
    <row r="5020">
      <c r="A5020" s="1">
        <v>4.90400704E8</v>
      </c>
      <c r="B5020" s="2">
        <v>11960.0</v>
      </c>
      <c r="C5020" s="1" t="s">
        <v>5</v>
      </c>
      <c r="D5020" s="1" t="s">
        <v>4074</v>
      </c>
      <c r="E5020" s="1" t="s">
        <v>7</v>
      </c>
    </row>
    <row r="5021">
      <c r="A5021" s="1">
        <v>4.90400713E8</v>
      </c>
      <c r="B5021" s="2">
        <v>11922.0</v>
      </c>
      <c r="C5021" s="1" t="s">
        <v>5</v>
      </c>
      <c r="D5021" s="1" t="s">
        <v>4075</v>
      </c>
      <c r="E5021" s="1" t="s">
        <v>7</v>
      </c>
    </row>
    <row r="5022">
      <c r="A5022" s="1">
        <v>4.90400718E8</v>
      </c>
      <c r="B5022" s="2">
        <v>11952.0</v>
      </c>
      <c r="C5022" s="1" t="s">
        <v>5</v>
      </c>
      <c r="D5022" s="1" t="s">
        <v>4076</v>
      </c>
      <c r="E5022" s="1" t="s">
        <v>7</v>
      </c>
    </row>
    <row r="5023">
      <c r="A5023" s="1">
        <v>4.90400724E8</v>
      </c>
      <c r="B5023" s="2">
        <v>11957.0</v>
      </c>
      <c r="C5023" s="1" t="s">
        <v>5</v>
      </c>
      <c r="D5023" s="1" t="s">
        <v>4077</v>
      </c>
      <c r="E5023" s="1" t="s">
        <v>7</v>
      </c>
    </row>
    <row r="5024">
      <c r="A5024" s="1">
        <v>4.90400733E8</v>
      </c>
      <c r="B5024" s="2">
        <v>11925.0</v>
      </c>
      <c r="C5024" s="1" t="s">
        <v>5</v>
      </c>
      <c r="D5024" s="1" t="s">
        <v>11</v>
      </c>
      <c r="E5024" s="1" t="s">
        <v>7</v>
      </c>
    </row>
    <row r="5025">
      <c r="A5025" s="1">
        <v>4.90400736E8</v>
      </c>
      <c r="B5025" s="2">
        <v>11871.0</v>
      </c>
      <c r="C5025" s="1" t="s">
        <v>5</v>
      </c>
      <c r="D5025" s="1" t="s">
        <v>4078</v>
      </c>
      <c r="E5025" s="1" t="s">
        <v>11</v>
      </c>
    </row>
    <row r="5026">
      <c r="A5026" s="1">
        <v>4.90400737E8</v>
      </c>
      <c r="B5026" s="2">
        <v>11925.0</v>
      </c>
      <c r="C5026" s="1" t="s">
        <v>5</v>
      </c>
      <c r="D5026" s="1" t="s">
        <v>4079</v>
      </c>
      <c r="E5026" s="1" t="s">
        <v>7</v>
      </c>
    </row>
    <row r="5027">
      <c r="A5027" s="1">
        <v>4.90400742E8</v>
      </c>
      <c r="B5027" s="2">
        <v>11953.0</v>
      </c>
      <c r="C5027" s="1" t="s">
        <v>5</v>
      </c>
      <c r="D5027" s="1" t="s">
        <v>4080</v>
      </c>
      <c r="E5027" s="1" t="s">
        <v>7</v>
      </c>
    </row>
    <row r="5028">
      <c r="A5028" s="1">
        <v>4.90400743E8</v>
      </c>
      <c r="B5028" s="2">
        <v>11933.0</v>
      </c>
      <c r="C5028" s="1" t="s">
        <v>5</v>
      </c>
      <c r="D5028" s="1" t="s">
        <v>11</v>
      </c>
      <c r="E5028" s="1" t="s">
        <v>7</v>
      </c>
    </row>
    <row r="5029">
      <c r="A5029" s="1">
        <v>4.90400748E8</v>
      </c>
      <c r="B5029" s="2">
        <v>11959.0</v>
      </c>
      <c r="C5029" s="1" t="s">
        <v>5</v>
      </c>
      <c r="D5029" s="1" t="s">
        <v>4081</v>
      </c>
      <c r="E5029" s="1" t="s">
        <v>11</v>
      </c>
    </row>
    <row r="5030">
      <c r="A5030" s="1">
        <v>4.90400752E8</v>
      </c>
      <c r="B5030" s="2">
        <v>11871.0</v>
      </c>
      <c r="C5030" s="1" t="s">
        <v>5</v>
      </c>
      <c r="D5030" s="1" t="s">
        <v>4082</v>
      </c>
      <c r="E5030" s="1" t="s">
        <v>4083</v>
      </c>
    </row>
    <row r="5031">
      <c r="A5031" s="1">
        <v>4.90400753E8</v>
      </c>
      <c r="B5031" s="2">
        <v>11960.0</v>
      </c>
      <c r="C5031" s="1" t="s">
        <v>5</v>
      </c>
      <c r="D5031" s="1" t="s">
        <v>4084</v>
      </c>
      <c r="E5031" s="1" t="s">
        <v>7</v>
      </c>
    </row>
    <row r="5032">
      <c r="A5032" s="1">
        <v>4.90400764E8</v>
      </c>
      <c r="B5032" s="2">
        <v>11841.0</v>
      </c>
      <c r="C5032" s="1" t="s">
        <v>5</v>
      </c>
      <c r="D5032" s="1" t="s">
        <v>4085</v>
      </c>
      <c r="E5032" s="1" t="s">
        <v>7</v>
      </c>
    </row>
    <row r="5033">
      <c r="A5033" s="1">
        <v>4.90400769E8</v>
      </c>
      <c r="B5033" s="2">
        <v>11926.0</v>
      </c>
      <c r="C5033" s="1" t="s">
        <v>5</v>
      </c>
      <c r="D5033" s="1" t="s">
        <v>4086</v>
      </c>
      <c r="E5033" s="1" t="s">
        <v>7</v>
      </c>
    </row>
    <row r="5034">
      <c r="A5034" s="1">
        <v>4.90400775E8</v>
      </c>
      <c r="B5034" s="2">
        <v>11959.0</v>
      </c>
      <c r="C5034" s="1" t="s">
        <v>5</v>
      </c>
      <c r="D5034" s="1" t="s">
        <v>4087</v>
      </c>
      <c r="E5034" s="1" t="s">
        <v>7</v>
      </c>
    </row>
    <row r="5035">
      <c r="A5035" s="1">
        <v>4.90400777E8</v>
      </c>
      <c r="B5035" s="2">
        <v>11928.0</v>
      </c>
      <c r="C5035" s="1" t="s">
        <v>5</v>
      </c>
      <c r="D5035" s="1" t="s">
        <v>4088</v>
      </c>
      <c r="E5035" s="1" t="s">
        <v>7</v>
      </c>
    </row>
    <row r="5036">
      <c r="A5036" s="1">
        <v>4.90400785E8</v>
      </c>
      <c r="B5036" s="2">
        <v>11922.0</v>
      </c>
      <c r="C5036" s="1" t="s">
        <v>5</v>
      </c>
      <c r="D5036" s="1" t="s">
        <v>4089</v>
      </c>
      <c r="E5036" s="1" t="s">
        <v>11</v>
      </c>
    </row>
    <row r="5037">
      <c r="A5037" s="1">
        <v>4.90400786E8</v>
      </c>
      <c r="B5037" s="2">
        <v>11871.0</v>
      </c>
      <c r="C5037" s="1" t="s">
        <v>5</v>
      </c>
      <c r="D5037" s="1" t="s">
        <v>4090</v>
      </c>
      <c r="E5037" s="1" t="s">
        <v>4091</v>
      </c>
    </row>
    <row r="5038">
      <c r="A5038" s="1">
        <v>4.9040079E8</v>
      </c>
      <c r="B5038" s="2">
        <v>11925.0</v>
      </c>
      <c r="C5038" s="1" t="s">
        <v>5</v>
      </c>
      <c r="D5038" s="1" t="s">
        <v>4092</v>
      </c>
      <c r="E5038" s="1" t="s">
        <v>11</v>
      </c>
    </row>
    <row r="5039">
      <c r="A5039" s="1">
        <v>4.90400791E8</v>
      </c>
      <c r="B5039" s="2">
        <v>11921.0</v>
      </c>
      <c r="C5039" s="1" t="s">
        <v>5</v>
      </c>
      <c r="D5039" s="1" t="s">
        <v>4093</v>
      </c>
      <c r="E5039" s="1" t="s">
        <v>11</v>
      </c>
    </row>
    <row r="5040">
      <c r="A5040" s="1">
        <v>4.90400793E8</v>
      </c>
      <c r="B5040" s="2">
        <v>11924.0</v>
      </c>
      <c r="C5040" s="1" t="s">
        <v>5</v>
      </c>
      <c r="D5040" s="1" t="s">
        <v>4094</v>
      </c>
      <c r="E5040" s="1" t="s">
        <v>7</v>
      </c>
    </row>
    <row r="5041">
      <c r="A5041" s="1">
        <v>4.90400794E8</v>
      </c>
      <c r="B5041" s="2">
        <v>11959.0</v>
      </c>
      <c r="C5041" s="1" t="s">
        <v>5</v>
      </c>
      <c r="D5041" s="1" t="s">
        <v>4095</v>
      </c>
      <c r="E5041" s="1" t="s">
        <v>7</v>
      </c>
    </row>
    <row r="5042">
      <c r="A5042" s="1">
        <v>4.90400796E8</v>
      </c>
      <c r="B5042" s="2">
        <v>11959.0</v>
      </c>
      <c r="C5042" s="1" t="s">
        <v>5</v>
      </c>
      <c r="D5042" s="1" t="s">
        <v>7</v>
      </c>
      <c r="E5042" s="1" t="s">
        <v>7</v>
      </c>
    </row>
    <row r="5043">
      <c r="A5043" s="1">
        <v>4.90400801E8</v>
      </c>
      <c r="B5043" s="2">
        <v>11933.0</v>
      </c>
      <c r="C5043" s="1" t="s">
        <v>5</v>
      </c>
      <c r="D5043" s="1" t="s">
        <v>4096</v>
      </c>
      <c r="E5043" s="1" t="s">
        <v>7</v>
      </c>
    </row>
    <row r="5044">
      <c r="A5044" s="1">
        <v>4.9040081E8</v>
      </c>
      <c r="B5044" s="2">
        <v>11921.0</v>
      </c>
      <c r="C5044" s="1" t="s">
        <v>5</v>
      </c>
      <c r="D5044" s="1" t="s">
        <v>4097</v>
      </c>
      <c r="E5044" s="1" t="s">
        <v>7</v>
      </c>
    </row>
    <row r="5045">
      <c r="A5045" s="1">
        <v>4.90400818E8</v>
      </c>
      <c r="B5045" s="2">
        <v>11959.0</v>
      </c>
      <c r="C5045" s="1" t="s">
        <v>5</v>
      </c>
      <c r="D5045" s="1" t="s">
        <v>4098</v>
      </c>
      <c r="E5045" s="1" t="s">
        <v>7</v>
      </c>
    </row>
    <row r="5046">
      <c r="A5046" s="1">
        <v>4.90400828E8</v>
      </c>
      <c r="B5046" s="2">
        <v>11921.0</v>
      </c>
      <c r="C5046" s="1" t="s">
        <v>5</v>
      </c>
      <c r="D5046" s="1" t="s">
        <v>4099</v>
      </c>
      <c r="E5046" s="1" t="s">
        <v>7</v>
      </c>
    </row>
    <row r="5047">
      <c r="A5047" s="1">
        <v>4.90400835E8</v>
      </c>
      <c r="B5047" s="2">
        <v>11955.0</v>
      </c>
      <c r="C5047" s="1" t="s">
        <v>5</v>
      </c>
      <c r="D5047" s="1" t="s">
        <v>11</v>
      </c>
      <c r="E5047" s="1" t="s">
        <v>7</v>
      </c>
    </row>
    <row r="5048">
      <c r="A5048" s="1">
        <v>4.90400838E8</v>
      </c>
      <c r="B5048" s="2">
        <v>11933.0</v>
      </c>
      <c r="C5048" s="1" t="s">
        <v>5</v>
      </c>
      <c r="D5048" s="1" t="s">
        <v>4100</v>
      </c>
      <c r="E5048" s="1" t="s">
        <v>7</v>
      </c>
    </row>
    <row r="5049">
      <c r="A5049" s="1">
        <v>4.90400839E8</v>
      </c>
      <c r="B5049" s="2">
        <v>11922.0</v>
      </c>
      <c r="C5049" s="1" t="s">
        <v>5</v>
      </c>
      <c r="D5049" s="1" t="s">
        <v>4101</v>
      </c>
      <c r="E5049" s="1" t="s">
        <v>7</v>
      </c>
    </row>
    <row r="5050">
      <c r="A5050" s="1">
        <v>4.90400843E8</v>
      </c>
      <c r="B5050" s="2">
        <v>11959.0</v>
      </c>
      <c r="C5050" s="1" t="s">
        <v>5</v>
      </c>
      <c r="D5050" s="1" t="s">
        <v>11</v>
      </c>
      <c r="E5050" s="1" t="s">
        <v>7</v>
      </c>
    </row>
    <row r="5051">
      <c r="A5051" s="1">
        <v>4.90400848E8</v>
      </c>
      <c r="B5051" s="2">
        <v>11925.0</v>
      </c>
      <c r="C5051" s="1" t="s">
        <v>5</v>
      </c>
      <c r="D5051" s="1" t="s">
        <v>11</v>
      </c>
      <c r="E5051" s="1" t="s">
        <v>7</v>
      </c>
    </row>
    <row r="5052">
      <c r="A5052" s="1">
        <v>4.90400853E8</v>
      </c>
      <c r="B5052" s="2">
        <v>11918.0</v>
      </c>
      <c r="C5052" s="1" t="s">
        <v>5</v>
      </c>
      <c r="D5052" s="1" t="s">
        <v>4102</v>
      </c>
      <c r="E5052" s="1" t="s">
        <v>11</v>
      </c>
    </row>
    <row r="5053">
      <c r="A5053" s="1">
        <v>4.90400863E8</v>
      </c>
      <c r="B5053" s="2">
        <v>11960.0</v>
      </c>
      <c r="C5053" s="1" t="s">
        <v>5</v>
      </c>
      <c r="D5053" s="1" t="s">
        <v>4103</v>
      </c>
      <c r="E5053" s="1" t="s">
        <v>11</v>
      </c>
    </row>
    <row r="5054">
      <c r="A5054" s="1">
        <v>4.90400868E8</v>
      </c>
      <c r="B5054" s="2">
        <v>11959.0</v>
      </c>
      <c r="C5054" s="1" t="s">
        <v>5</v>
      </c>
      <c r="D5054" s="1" t="s">
        <v>4104</v>
      </c>
      <c r="E5054" s="1" t="s">
        <v>7</v>
      </c>
    </row>
    <row r="5055">
      <c r="A5055" s="1">
        <v>4.90400873E8</v>
      </c>
      <c r="B5055" s="2">
        <v>11955.0</v>
      </c>
      <c r="C5055" s="1" t="s">
        <v>5</v>
      </c>
      <c r="D5055" s="1" t="s">
        <v>4105</v>
      </c>
      <c r="E5055" s="1" t="s">
        <v>11</v>
      </c>
    </row>
    <row r="5056">
      <c r="A5056" s="1">
        <v>4.90400886E8</v>
      </c>
      <c r="B5056" s="2">
        <v>11871.0</v>
      </c>
      <c r="C5056" s="1" t="s">
        <v>5</v>
      </c>
      <c r="D5056" s="1" t="s">
        <v>11</v>
      </c>
      <c r="E5056" s="1" t="s">
        <v>7</v>
      </c>
    </row>
    <row r="5057">
      <c r="A5057" s="1">
        <v>4.90400892E8</v>
      </c>
      <c r="B5057" s="2">
        <v>11917.0</v>
      </c>
      <c r="C5057" s="1" t="s">
        <v>5</v>
      </c>
      <c r="D5057" s="1" t="s">
        <v>4106</v>
      </c>
      <c r="E5057" s="1" t="s">
        <v>7</v>
      </c>
    </row>
    <row r="5058">
      <c r="A5058" s="1">
        <v>4.90400915E8</v>
      </c>
      <c r="B5058" s="2">
        <v>11959.0</v>
      </c>
      <c r="C5058" s="1" t="s">
        <v>5</v>
      </c>
      <c r="D5058" s="1" t="s">
        <v>4107</v>
      </c>
      <c r="E5058" s="1" t="s">
        <v>11</v>
      </c>
    </row>
    <row r="5059">
      <c r="A5059" s="1">
        <v>4.90400919E8</v>
      </c>
      <c r="B5059" s="2">
        <v>11954.0</v>
      </c>
      <c r="C5059" s="1" t="s">
        <v>5</v>
      </c>
      <c r="D5059" s="1" t="s">
        <v>4108</v>
      </c>
      <c r="E5059" s="1" t="s">
        <v>11</v>
      </c>
    </row>
    <row r="5060">
      <c r="A5060" s="1">
        <v>4.90400926E8</v>
      </c>
      <c r="B5060" s="2">
        <v>11871.0</v>
      </c>
      <c r="C5060" s="1" t="s">
        <v>5</v>
      </c>
      <c r="D5060" s="1" t="s">
        <v>4109</v>
      </c>
      <c r="E5060" s="1" t="s">
        <v>11</v>
      </c>
    </row>
    <row r="5061">
      <c r="A5061" s="1">
        <v>4.90400937E8</v>
      </c>
      <c r="B5061" s="2">
        <v>11953.0</v>
      </c>
      <c r="C5061" s="1" t="s">
        <v>5</v>
      </c>
      <c r="D5061" s="1" t="s">
        <v>4110</v>
      </c>
      <c r="E5061" s="1" t="s">
        <v>11</v>
      </c>
    </row>
    <row r="5062">
      <c r="A5062" s="1">
        <v>4.90400948E8</v>
      </c>
      <c r="B5062" s="2">
        <v>11927.0</v>
      </c>
      <c r="C5062" s="1" t="s">
        <v>5</v>
      </c>
      <c r="D5062" s="1" t="s">
        <v>4111</v>
      </c>
      <c r="E5062" s="1" t="s">
        <v>7</v>
      </c>
    </row>
    <row r="5063">
      <c r="A5063" s="1">
        <v>4.9040095E8</v>
      </c>
      <c r="B5063" s="2">
        <v>11959.0</v>
      </c>
      <c r="C5063" s="1" t="s">
        <v>5</v>
      </c>
      <c r="D5063" s="1" t="s">
        <v>4112</v>
      </c>
      <c r="E5063" s="1" t="s">
        <v>4113</v>
      </c>
    </row>
    <row r="5064">
      <c r="A5064" s="1">
        <v>4.90400952E8</v>
      </c>
      <c r="B5064" s="2">
        <v>11953.0</v>
      </c>
      <c r="C5064" s="1" t="s">
        <v>5</v>
      </c>
      <c r="D5064" s="1" t="s">
        <v>4114</v>
      </c>
      <c r="E5064" s="1" t="s">
        <v>11</v>
      </c>
    </row>
    <row r="5065">
      <c r="A5065" s="1">
        <v>4.90400953E8</v>
      </c>
      <c r="B5065" s="2">
        <v>11871.0</v>
      </c>
      <c r="C5065" s="1" t="s">
        <v>5</v>
      </c>
      <c r="D5065" s="1" t="s">
        <v>11</v>
      </c>
      <c r="E5065" s="1" t="s">
        <v>7</v>
      </c>
    </row>
    <row r="5066">
      <c r="A5066" s="1">
        <v>4.90400954E8</v>
      </c>
      <c r="B5066" s="2">
        <v>11925.0</v>
      </c>
      <c r="C5066" s="1" t="s">
        <v>5</v>
      </c>
      <c r="D5066" s="1" t="s">
        <v>4115</v>
      </c>
      <c r="E5066" s="1" t="s">
        <v>11</v>
      </c>
    </row>
    <row r="5067">
      <c r="A5067" s="1">
        <v>4.90400968E8</v>
      </c>
      <c r="B5067" s="2">
        <v>11920.0</v>
      </c>
      <c r="C5067" s="1" t="s">
        <v>5</v>
      </c>
      <c r="D5067" s="1" t="s">
        <v>4116</v>
      </c>
      <c r="E5067" s="1" t="s">
        <v>11</v>
      </c>
    </row>
    <row r="5068">
      <c r="A5068" s="1">
        <v>4.9040097E8</v>
      </c>
      <c r="B5068" s="2">
        <v>11950.0</v>
      </c>
      <c r="C5068" s="1" t="s">
        <v>5</v>
      </c>
      <c r="D5068" s="1" t="s">
        <v>11</v>
      </c>
      <c r="E5068" s="1" t="s">
        <v>7</v>
      </c>
    </row>
    <row r="5069">
      <c r="A5069" s="1">
        <v>4.90400987E8</v>
      </c>
      <c r="B5069" s="2">
        <v>11932.0</v>
      </c>
      <c r="C5069" s="1" t="s">
        <v>5</v>
      </c>
      <c r="D5069" s="1" t="s">
        <v>4117</v>
      </c>
      <c r="E5069" s="1" t="s">
        <v>7</v>
      </c>
    </row>
    <row r="5070">
      <c r="A5070" s="1">
        <v>4.9040099E8</v>
      </c>
      <c r="B5070" s="2">
        <v>11924.0</v>
      </c>
      <c r="C5070" s="1" t="s">
        <v>5</v>
      </c>
      <c r="D5070" s="1" t="s">
        <v>4118</v>
      </c>
      <c r="E5070" s="1" t="s">
        <v>7</v>
      </c>
    </row>
    <row r="5071">
      <c r="A5071" s="1">
        <v>4.90400994E8</v>
      </c>
      <c r="B5071" s="2">
        <v>11958.0</v>
      </c>
      <c r="C5071" s="1" t="s">
        <v>5</v>
      </c>
      <c r="D5071" s="1" t="s">
        <v>4119</v>
      </c>
      <c r="E5071" s="1" t="s">
        <v>7</v>
      </c>
    </row>
    <row r="5072">
      <c r="A5072" s="1">
        <v>4.90400997E8</v>
      </c>
      <c r="B5072" s="2">
        <v>11959.0</v>
      </c>
      <c r="C5072" s="1" t="s">
        <v>5</v>
      </c>
      <c r="D5072" s="1" t="s">
        <v>4120</v>
      </c>
      <c r="E5072" s="1" t="s">
        <v>11</v>
      </c>
    </row>
    <row r="5073">
      <c r="A5073" s="1">
        <v>4.90400998E8</v>
      </c>
      <c r="B5073" s="2">
        <v>11933.0</v>
      </c>
      <c r="C5073" s="1" t="s">
        <v>5</v>
      </c>
      <c r="D5073" s="1" t="s">
        <v>11</v>
      </c>
      <c r="E5073" s="1" t="s">
        <v>7</v>
      </c>
    </row>
    <row r="5074">
      <c r="A5074" s="1">
        <v>4.90401025E8</v>
      </c>
      <c r="B5074" s="2">
        <v>11929.0</v>
      </c>
      <c r="C5074" s="1" t="s">
        <v>5</v>
      </c>
      <c r="D5074" s="1" t="s">
        <v>4121</v>
      </c>
      <c r="E5074" s="1" t="s">
        <v>11</v>
      </c>
    </row>
    <row r="5075">
      <c r="A5075" s="1">
        <v>4.9040103E8</v>
      </c>
      <c r="B5075" s="2">
        <v>11955.0</v>
      </c>
      <c r="C5075" s="1" t="s">
        <v>5</v>
      </c>
      <c r="D5075" s="1" t="s">
        <v>4122</v>
      </c>
      <c r="E5075" s="1" t="s">
        <v>11</v>
      </c>
    </row>
    <row r="5076">
      <c r="A5076" s="1">
        <v>4.90401032E8</v>
      </c>
      <c r="B5076" s="2">
        <v>11950.0</v>
      </c>
      <c r="C5076" s="1" t="s">
        <v>5</v>
      </c>
      <c r="D5076" s="1" t="s">
        <v>4123</v>
      </c>
      <c r="E5076" s="1" t="s">
        <v>7</v>
      </c>
    </row>
    <row r="5077">
      <c r="A5077" s="1">
        <v>4.90401038E8</v>
      </c>
      <c r="B5077" s="2">
        <v>11933.0</v>
      </c>
      <c r="C5077" s="1" t="s">
        <v>5</v>
      </c>
      <c r="D5077" s="1" t="s">
        <v>4124</v>
      </c>
      <c r="E5077" s="1" t="s">
        <v>7</v>
      </c>
    </row>
    <row r="5078">
      <c r="A5078" s="1">
        <v>4.90401048E8</v>
      </c>
      <c r="B5078" s="2">
        <v>11959.0</v>
      </c>
      <c r="C5078" s="1" t="s">
        <v>5</v>
      </c>
      <c r="D5078" s="1" t="s">
        <v>11</v>
      </c>
      <c r="E5078" s="1" t="s">
        <v>7</v>
      </c>
    </row>
    <row r="5079">
      <c r="A5079" s="1">
        <v>4.90401053E8</v>
      </c>
      <c r="B5079" s="2">
        <v>11921.0</v>
      </c>
      <c r="C5079" s="1" t="s">
        <v>5</v>
      </c>
      <c r="D5079" s="1" t="s">
        <v>4125</v>
      </c>
      <c r="E5079" s="1" t="s">
        <v>7</v>
      </c>
    </row>
    <row r="5080">
      <c r="A5080" s="1">
        <v>4.90401054E8</v>
      </c>
      <c r="B5080" s="2">
        <v>11952.0</v>
      </c>
      <c r="C5080" s="1" t="s">
        <v>5</v>
      </c>
      <c r="D5080" s="1" t="s">
        <v>4126</v>
      </c>
      <c r="E5080" s="1" t="s">
        <v>7</v>
      </c>
    </row>
    <row r="5081">
      <c r="A5081" s="1">
        <v>4.90401057E8</v>
      </c>
      <c r="B5081" s="2">
        <v>11933.0</v>
      </c>
      <c r="C5081" s="1" t="s">
        <v>5</v>
      </c>
      <c r="D5081" s="1" t="s">
        <v>4127</v>
      </c>
      <c r="E5081" s="1" t="s">
        <v>11</v>
      </c>
    </row>
    <row r="5082">
      <c r="A5082" s="1">
        <v>4.90401059E8</v>
      </c>
      <c r="B5082" s="2">
        <v>11954.0</v>
      </c>
      <c r="C5082" s="1" t="s">
        <v>5</v>
      </c>
      <c r="D5082" s="1" t="s">
        <v>11</v>
      </c>
      <c r="E5082" s="1" t="s">
        <v>7</v>
      </c>
    </row>
    <row r="5083">
      <c r="A5083" s="1">
        <v>4.9040106E8</v>
      </c>
      <c r="B5083" s="2">
        <v>11929.0</v>
      </c>
      <c r="C5083" s="1" t="s">
        <v>5</v>
      </c>
      <c r="D5083" s="1" t="s">
        <v>4128</v>
      </c>
      <c r="E5083" s="1" t="s">
        <v>11</v>
      </c>
    </row>
    <row r="5084">
      <c r="A5084" s="1">
        <v>4.90401062E8</v>
      </c>
      <c r="B5084" s="2">
        <v>11950.0</v>
      </c>
      <c r="C5084" s="1" t="s">
        <v>5</v>
      </c>
      <c r="D5084" s="1" t="s">
        <v>11</v>
      </c>
      <c r="E5084" s="1" t="s">
        <v>7</v>
      </c>
    </row>
    <row r="5085">
      <c r="A5085" s="1">
        <v>4.90401064E8</v>
      </c>
      <c r="B5085" s="2">
        <v>11933.0</v>
      </c>
      <c r="C5085" s="1" t="s">
        <v>5</v>
      </c>
      <c r="D5085" s="1" t="s">
        <v>11</v>
      </c>
      <c r="E5085" s="1" t="s">
        <v>7</v>
      </c>
    </row>
    <row r="5086">
      <c r="A5086" s="1">
        <v>4.90401066E8</v>
      </c>
      <c r="B5086" s="2">
        <v>11959.0</v>
      </c>
      <c r="C5086" s="1" t="s">
        <v>5</v>
      </c>
      <c r="D5086" s="1" t="s">
        <v>11</v>
      </c>
      <c r="E5086" s="1" t="s">
        <v>7</v>
      </c>
    </row>
    <row r="5087">
      <c r="A5087" s="1">
        <v>4.90401071E8</v>
      </c>
      <c r="B5087" s="2">
        <v>11927.0</v>
      </c>
      <c r="C5087" s="1" t="s">
        <v>5</v>
      </c>
      <c r="D5087" s="1" t="s">
        <v>4129</v>
      </c>
      <c r="E5087" s="1" t="s">
        <v>7</v>
      </c>
    </row>
    <row r="5088">
      <c r="A5088" s="1">
        <v>4.90401076E8</v>
      </c>
      <c r="B5088" s="2">
        <v>11921.0</v>
      </c>
      <c r="C5088" s="1" t="s">
        <v>5</v>
      </c>
      <c r="D5088" s="1" t="s">
        <v>4130</v>
      </c>
      <c r="E5088" s="1" t="s">
        <v>11</v>
      </c>
    </row>
    <row r="5089">
      <c r="A5089" s="1">
        <v>4.9040109E8</v>
      </c>
      <c r="B5089" s="2">
        <v>11920.0</v>
      </c>
      <c r="C5089" s="1" t="s">
        <v>5</v>
      </c>
      <c r="D5089" s="1" t="s">
        <v>4131</v>
      </c>
      <c r="E5089" s="1" t="s">
        <v>7</v>
      </c>
    </row>
    <row r="5090">
      <c r="A5090" s="1">
        <v>4.90401093E8</v>
      </c>
      <c r="B5090" s="2">
        <v>11894.0</v>
      </c>
      <c r="C5090" s="1" t="s">
        <v>5</v>
      </c>
      <c r="D5090" s="1" t="s">
        <v>4132</v>
      </c>
      <c r="E5090" s="1" t="s">
        <v>7</v>
      </c>
    </row>
    <row r="5091">
      <c r="A5091" s="1">
        <v>4.90401105E8</v>
      </c>
      <c r="B5091" s="2">
        <v>11923.0</v>
      </c>
      <c r="C5091" s="1" t="s">
        <v>5</v>
      </c>
      <c r="D5091" s="1" t="s">
        <v>4133</v>
      </c>
      <c r="E5091" s="1" t="s">
        <v>11</v>
      </c>
    </row>
    <row r="5092">
      <c r="A5092" s="1">
        <v>4.90401113E8</v>
      </c>
      <c r="B5092" s="2">
        <v>11917.0</v>
      </c>
      <c r="C5092" s="1" t="s">
        <v>5</v>
      </c>
      <c r="D5092" s="1" t="s">
        <v>4134</v>
      </c>
      <c r="E5092" s="1" t="s">
        <v>7</v>
      </c>
    </row>
    <row r="5093">
      <c r="A5093" s="1">
        <v>4.90401114E8</v>
      </c>
      <c r="B5093" s="2">
        <v>11933.0</v>
      </c>
      <c r="C5093" s="1" t="s">
        <v>5</v>
      </c>
      <c r="D5093" s="1" t="s">
        <v>4135</v>
      </c>
      <c r="E5093" s="1" t="s">
        <v>11</v>
      </c>
    </row>
    <row r="5094">
      <c r="A5094" s="1">
        <v>4.90401117E8</v>
      </c>
      <c r="B5094" s="2">
        <v>11953.0</v>
      </c>
      <c r="C5094" s="1" t="s">
        <v>5</v>
      </c>
      <c r="D5094" s="1" t="s">
        <v>11</v>
      </c>
      <c r="E5094" s="1" t="s">
        <v>7</v>
      </c>
    </row>
    <row r="5095">
      <c r="A5095" s="1">
        <v>4.9040112E8</v>
      </c>
      <c r="B5095" s="2">
        <v>11956.0</v>
      </c>
      <c r="C5095" s="1" t="s">
        <v>5</v>
      </c>
      <c r="D5095" s="1" t="s">
        <v>4136</v>
      </c>
      <c r="E5095" s="1" t="s">
        <v>7</v>
      </c>
    </row>
    <row r="5096">
      <c r="A5096" s="1">
        <v>4.90401123E8</v>
      </c>
      <c r="B5096" s="2">
        <v>11954.0</v>
      </c>
      <c r="C5096" s="1" t="s">
        <v>5</v>
      </c>
      <c r="D5096" s="1" t="s">
        <v>4137</v>
      </c>
      <c r="E5096" s="1" t="s">
        <v>11</v>
      </c>
    </row>
    <row r="5097">
      <c r="A5097" s="1">
        <v>4.90401129E8</v>
      </c>
      <c r="B5097" s="2">
        <v>11932.0</v>
      </c>
      <c r="C5097" s="1" t="s">
        <v>5</v>
      </c>
      <c r="D5097" s="1" t="s">
        <v>11</v>
      </c>
      <c r="E5097" s="1" t="s">
        <v>7</v>
      </c>
    </row>
    <row r="5098">
      <c r="A5098" s="1">
        <v>4.90401133E8</v>
      </c>
      <c r="B5098" s="2">
        <v>11925.0</v>
      </c>
      <c r="C5098" s="1" t="s">
        <v>5</v>
      </c>
      <c r="D5098" s="1" t="s">
        <v>4138</v>
      </c>
      <c r="E5098" s="1" t="s">
        <v>7</v>
      </c>
    </row>
    <row r="5099">
      <c r="A5099" s="1">
        <v>4.90401137E8</v>
      </c>
      <c r="B5099" s="2">
        <v>11921.0</v>
      </c>
      <c r="C5099" s="1" t="s">
        <v>5</v>
      </c>
      <c r="D5099" s="1" t="s">
        <v>4139</v>
      </c>
      <c r="E5099" s="1" t="s">
        <v>11</v>
      </c>
    </row>
    <row r="5100">
      <c r="A5100" s="1">
        <v>4.90401147E8</v>
      </c>
      <c r="B5100" s="2">
        <v>11929.0</v>
      </c>
      <c r="C5100" s="1" t="s">
        <v>5</v>
      </c>
      <c r="D5100" s="1" t="s">
        <v>4140</v>
      </c>
      <c r="E5100" s="1" t="s">
        <v>7</v>
      </c>
    </row>
    <row r="5101">
      <c r="A5101" s="1">
        <v>4.90401148E8</v>
      </c>
      <c r="B5101" s="2">
        <v>11932.0</v>
      </c>
      <c r="C5101" s="1" t="s">
        <v>5</v>
      </c>
      <c r="D5101" s="1" t="s">
        <v>4141</v>
      </c>
      <c r="E5101" s="1" t="s">
        <v>11</v>
      </c>
    </row>
    <row r="5102">
      <c r="A5102" s="1">
        <v>4.90401153E8</v>
      </c>
      <c r="B5102" s="2">
        <v>11953.0</v>
      </c>
      <c r="C5102" s="1" t="s">
        <v>5</v>
      </c>
      <c r="D5102" s="1" t="s">
        <v>4142</v>
      </c>
      <c r="E5102" s="1" t="s">
        <v>11</v>
      </c>
    </row>
    <row r="5103">
      <c r="A5103" s="1">
        <v>4.90401158E8</v>
      </c>
      <c r="B5103" s="2">
        <v>11957.0</v>
      </c>
      <c r="C5103" s="1" t="s">
        <v>5</v>
      </c>
      <c r="D5103" s="1" t="s">
        <v>4143</v>
      </c>
      <c r="E5103" s="1" t="s">
        <v>11</v>
      </c>
    </row>
    <row r="5104">
      <c r="A5104" s="1">
        <v>4.9040116E8</v>
      </c>
      <c r="B5104" s="2">
        <v>11841.0</v>
      </c>
      <c r="C5104" s="1" t="s">
        <v>5</v>
      </c>
      <c r="D5104" s="1" t="s">
        <v>4144</v>
      </c>
      <c r="E5104" s="1" t="s">
        <v>7</v>
      </c>
    </row>
    <row r="5105">
      <c r="A5105" s="1">
        <v>4.90401179E8</v>
      </c>
      <c r="B5105" s="2">
        <v>11954.0</v>
      </c>
      <c r="C5105" s="1" t="s">
        <v>5</v>
      </c>
      <c r="D5105" s="1" t="s">
        <v>4145</v>
      </c>
      <c r="E5105" s="1" t="s">
        <v>7</v>
      </c>
    </row>
    <row r="5106">
      <c r="A5106" s="1">
        <v>4.90401192E8</v>
      </c>
      <c r="B5106" s="2">
        <v>11933.0</v>
      </c>
      <c r="C5106" s="1" t="s">
        <v>5</v>
      </c>
      <c r="D5106" s="1" t="s">
        <v>4146</v>
      </c>
      <c r="E5106" s="1" t="s">
        <v>11</v>
      </c>
    </row>
    <row r="5107">
      <c r="A5107" s="1">
        <v>4.90401207E8</v>
      </c>
      <c r="B5107" s="2">
        <v>11957.0</v>
      </c>
      <c r="C5107" s="1" t="s">
        <v>5</v>
      </c>
      <c r="D5107" s="1" t="s">
        <v>4147</v>
      </c>
      <c r="E5107" s="1" t="s">
        <v>7</v>
      </c>
    </row>
    <row r="5108">
      <c r="A5108" s="1">
        <v>4.90401228E8</v>
      </c>
      <c r="B5108" s="2">
        <v>11949.0</v>
      </c>
      <c r="C5108" s="1" t="s">
        <v>5</v>
      </c>
      <c r="D5108" s="1" t="s">
        <v>4148</v>
      </c>
      <c r="E5108" s="1" t="s">
        <v>11</v>
      </c>
    </row>
    <row r="5109">
      <c r="A5109" s="1">
        <v>4.90401232E8</v>
      </c>
      <c r="B5109" s="2">
        <v>11928.0</v>
      </c>
      <c r="C5109" s="1" t="s">
        <v>5</v>
      </c>
      <c r="D5109" s="1" t="s">
        <v>4149</v>
      </c>
      <c r="E5109" s="1" t="s">
        <v>7</v>
      </c>
    </row>
    <row r="5110">
      <c r="A5110" s="1">
        <v>4.90401234E8</v>
      </c>
      <c r="B5110" s="2">
        <v>11920.0</v>
      </c>
      <c r="C5110" s="1" t="s">
        <v>5</v>
      </c>
      <c r="D5110" s="1" t="s">
        <v>4150</v>
      </c>
      <c r="E5110" s="1" t="s">
        <v>4151</v>
      </c>
    </row>
    <row r="5111">
      <c r="A5111" s="1">
        <v>4.90401235E8</v>
      </c>
      <c r="B5111" s="2">
        <v>11958.0</v>
      </c>
      <c r="C5111" s="1" t="s">
        <v>5</v>
      </c>
      <c r="D5111" s="1" t="s">
        <v>11</v>
      </c>
      <c r="E5111" s="1" t="s">
        <v>7</v>
      </c>
    </row>
    <row r="5112">
      <c r="A5112" s="1">
        <v>4.90401239E8</v>
      </c>
      <c r="B5112" s="2">
        <v>11933.0</v>
      </c>
      <c r="C5112" s="1" t="s">
        <v>5</v>
      </c>
      <c r="D5112" s="1" t="s">
        <v>11</v>
      </c>
      <c r="E5112" s="1" t="s">
        <v>7</v>
      </c>
    </row>
    <row r="5113">
      <c r="A5113" s="1">
        <v>4.90401241E8</v>
      </c>
      <c r="B5113" s="2">
        <v>11919.0</v>
      </c>
      <c r="C5113" s="1" t="s">
        <v>5</v>
      </c>
      <c r="D5113" s="1" t="s">
        <v>4152</v>
      </c>
      <c r="E5113" s="1" t="s">
        <v>4153</v>
      </c>
    </row>
    <row r="5114">
      <c r="A5114" s="1">
        <v>4.90401243E8</v>
      </c>
      <c r="B5114" s="2">
        <v>11894.0</v>
      </c>
      <c r="C5114" s="1" t="s">
        <v>5</v>
      </c>
      <c r="D5114" s="1" t="s">
        <v>4154</v>
      </c>
      <c r="E5114" s="1" t="s">
        <v>11</v>
      </c>
    </row>
    <row r="5115">
      <c r="A5115" s="1">
        <v>4.90401253E8</v>
      </c>
      <c r="B5115" s="2">
        <v>11952.0</v>
      </c>
      <c r="C5115" s="1" t="s">
        <v>5</v>
      </c>
      <c r="D5115" s="1" t="s">
        <v>4155</v>
      </c>
      <c r="E5115" s="1" t="s">
        <v>7</v>
      </c>
    </row>
    <row r="5116">
      <c r="A5116" s="1">
        <v>4.90401258E8</v>
      </c>
      <c r="B5116" s="2">
        <v>11952.0</v>
      </c>
      <c r="C5116" s="1" t="s">
        <v>5</v>
      </c>
      <c r="D5116" s="1" t="s">
        <v>4156</v>
      </c>
      <c r="E5116" s="1" t="s">
        <v>11</v>
      </c>
    </row>
    <row r="5117">
      <c r="A5117" s="1">
        <v>4.90401259E8</v>
      </c>
      <c r="B5117" s="2">
        <v>11949.0</v>
      </c>
      <c r="C5117" s="1" t="s">
        <v>5</v>
      </c>
      <c r="D5117" s="1" t="s">
        <v>4157</v>
      </c>
      <c r="E5117" s="1" t="s">
        <v>7</v>
      </c>
    </row>
    <row r="5118">
      <c r="A5118" s="1">
        <v>4.90401261E8</v>
      </c>
      <c r="B5118" s="2">
        <v>11924.0</v>
      </c>
      <c r="C5118" s="1" t="s">
        <v>5</v>
      </c>
      <c r="D5118" s="1" t="s">
        <v>11</v>
      </c>
      <c r="E5118" s="1" t="s">
        <v>7</v>
      </c>
    </row>
    <row r="5119">
      <c r="A5119" s="1">
        <v>4.90401267E8</v>
      </c>
      <c r="B5119" s="2">
        <v>11954.0</v>
      </c>
      <c r="C5119" s="1" t="s">
        <v>5</v>
      </c>
      <c r="D5119" s="1" t="s">
        <v>4158</v>
      </c>
      <c r="E5119" s="1" t="s">
        <v>11</v>
      </c>
    </row>
    <row r="5120">
      <c r="A5120" s="1">
        <v>4.90401269E8</v>
      </c>
      <c r="B5120" s="2">
        <v>11958.0</v>
      </c>
      <c r="C5120" s="1" t="s">
        <v>5</v>
      </c>
      <c r="D5120" s="1" t="s">
        <v>4159</v>
      </c>
      <c r="E5120" s="1" t="s">
        <v>7</v>
      </c>
    </row>
    <row r="5121">
      <c r="A5121" s="1">
        <v>4.9040128E8</v>
      </c>
      <c r="B5121" s="2">
        <v>11924.0</v>
      </c>
      <c r="C5121" s="1" t="s">
        <v>5</v>
      </c>
      <c r="D5121" s="1" t="s">
        <v>4160</v>
      </c>
      <c r="E5121" s="1" t="s">
        <v>11</v>
      </c>
    </row>
    <row r="5122">
      <c r="A5122" s="1">
        <v>4.90401305E8</v>
      </c>
      <c r="B5122" s="2">
        <v>11894.0</v>
      </c>
      <c r="C5122" s="1" t="s">
        <v>5</v>
      </c>
      <c r="D5122" s="1" t="s">
        <v>4161</v>
      </c>
      <c r="E5122" s="1" t="s">
        <v>7</v>
      </c>
    </row>
    <row r="5123">
      <c r="A5123" s="1">
        <v>4.90401309E8</v>
      </c>
      <c r="B5123" s="2">
        <v>11958.0</v>
      </c>
      <c r="C5123" s="1" t="s">
        <v>5</v>
      </c>
      <c r="D5123" s="1" t="s">
        <v>11</v>
      </c>
      <c r="E5123" s="1" t="s">
        <v>7</v>
      </c>
    </row>
    <row r="5124">
      <c r="A5124" s="1">
        <v>4.90401311E8</v>
      </c>
      <c r="B5124" s="2">
        <v>11916.0</v>
      </c>
      <c r="C5124" s="1" t="s">
        <v>5</v>
      </c>
      <c r="D5124" s="1" t="s">
        <v>11</v>
      </c>
      <c r="E5124" s="4" t="s">
        <v>4162</v>
      </c>
    </row>
    <row r="5125">
      <c r="A5125" s="1">
        <v>4.90401318E8</v>
      </c>
      <c r="B5125" s="2">
        <v>11933.0</v>
      </c>
      <c r="C5125" s="1" t="s">
        <v>5</v>
      </c>
      <c r="D5125" s="1" t="s">
        <v>11</v>
      </c>
      <c r="E5125" s="1" t="s">
        <v>7</v>
      </c>
    </row>
    <row r="5126">
      <c r="A5126" s="1">
        <v>4.9040132E8</v>
      </c>
      <c r="B5126" s="2">
        <v>11932.0</v>
      </c>
      <c r="C5126" s="1" t="s">
        <v>5</v>
      </c>
      <c r="D5126" s="1" t="s">
        <v>11</v>
      </c>
      <c r="E5126" s="1" t="s">
        <v>7</v>
      </c>
    </row>
    <row r="5127">
      <c r="A5127" s="1">
        <v>4.90401334E8</v>
      </c>
      <c r="B5127" s="2">
        <v>11952.0</v>
      </c>
      <c r="C5127" s="1" t="s">
        <v>5</v>
      </c>
      <c r="D5127" s="1" t="s">
        <v>11</v>
      </c>
      <c r="E5127" s="1" t="s">
        <v>7</v>
      </c>
    </row>
    <row r="5128">
      <c r="A5128" s="1">
        <v>4.90401338E8</v>
      </c>
      <c r="B5128" s="2">
        <v>11957.0</v>
      </c>
      <c r="C5128" s="1" t="s">
        <v>5</v>
      </c>
      <c r="D5128" s="1" t="s">
        <v>4163</v>
      </c>
      <c r="E5128" s="1" t="s">
        <v>7</v>
      </c>
    </row>
    <row r="5129">
      <c r="A5129" s="1">
        <v>4.90401346E8</v>
      </c>
      <c r="B5129" s="2">
        <v>11926.0</v>
      </c>
      <c r="C5129" s="1" t="s">
        <v>5</v>
      </c>
      <c r="D5129" s="1" t="s">
        <v>4164</v>
      </c>
      <c r="E5129" s="1" t="s">
        <v>7</v>
      </c>
    </row>
    <row r="5130">
      <c r="A5130" s="1">
        <v>4.90401353E8</v>
      </c>
      <c r="B5130" s="2">
        <v>11952.0</v>
      </c>
      <c r="C5130" s="1" t="s">
        <v>5</v>
      </c>
      <c r="D5130" s="1" t="s">
        <v>4165</v>
      </c>
      <c r="E5130" s="1" t="s">
        <v>11</v>
      </c>
    </row>
    <row r="5131">
      <c r="A5131" s="1">
        <v>4.90401356E8</v>
      </c>
      <c r="B5131" s="2">
        <v>11955.0</v>
      </c>
      <c r="C5131" s="1" t="s">
        <v>5</v>
      </c>
      <c r="D5131" s="1" t="s">
        <v>4166</v>
      </c>
      <c r="E5131" s="1" t="s">
        <v>7</v>
      </c>
    </row>
    <row r="5132">
      <c r="A5132" s="1">
        <v>4.90401362E8</v>
      </c>
      <c r="B5132" s="2">
        <v>11924.0</v>
      </c>
      <c r="C5132" s="1" t="s">
        <v>5</v>
      </c>
      <c r="D5132" s="1" t="s">
        <v>4167</v>
      </c>
      <c r="E5132" s="1" t="s">
        <v>11</v>
      </c>
    </row>
    <row r="5133">
      <c r="A5133" s="1">
        <v>4.90401365E8</v>
      </c>
      <c r="B5133" s="2">
        <v>11919.0</v>
      </c>
      <c r="C5133" s="1" t="s">
        <v>5</v>
      </c>
      <c r="D5133" s="1" t="s">
        <v>11</v>
      </c>
      <c r="E5133" s="1" t="s">
        <v>7</v>
      </c>
    </row>
    <row r="5134">
      <c r="A5134" s="1">
        <v>4.90401367E8</v>
      </c>
      <c r="B5134" s="2">
        <v>11924.0</v>
      </c>
      <c r="C5134" s="1" t="s">
        <v>5</v>
      </c>
      <c r="D5134" s="1" t="s">
        <v>11</v>
      </c>
      <c r="E5134" s="1" t="s">
        <v>7</v>
      </c>
    </row>
    <row r="5135">
      <c r="A5135" s="1">
        <v>4.90401373E8</v>
      </c>
      <c r="B5135" s="2">
        <v>11932.0</v>
      </c>
      <c r="C5135" s="1" t="s">
        <v>5</v>
      </c>
      <c r="D5135" s="1" t="s">
        <v>4168</v>
      </c>
      <c r="E5135" s="1" t="s">
        <v>7</v>
      </c>
    </row>
    <row r="5136">
      <c r="A5136" s="1">
        <v>4.90401386E8</v>
      </c>
      <c r="B5136" s="2">
        <v>11950.0</v>
      </c>
      <c r="C5136" s="1" t="s">
        <v>5</v>
      </c>
      <c r="D5136" s="1" t="s">
        <v>4169</v>
      </c>
      <c r="E5136" s="1" t="s">
        <v>7</v>
      </c>
    </row>
    <row r="5137">
      <c r="A5137" s="1">
        <v>4.9040139E8</v>
      </c>
      <c r="B5137" s="2">
        <v>11958.0</v>
      </c>
      <c r="C5137" s="1" t="s">
        <v>5</v>
      </c>
      <c r="D5137" s="1" t="s">
        <v>11</v>
      </c>
      <c r="E5137" s="1" t="s">
        <v>7</v>
      </c>
    </row>
    <row r="5138">
      <c r="A5138" s="1">
        <v>4.90401408E8</v>
      </c>
      <c r="B5138" s="2">
        <v>11932.0</v>
      </c>
      <c r="C5138" s="1" t="s">
        <v>5</v>
      </c>
      <c r="D5138" s="1" t="s">
        <v>4170</v>
      </c>
      <c r="E5138" s="1" t="s">
        <v>11</v>
      </c>
    </row>
    <row r="5139">
      <c r="A5139" s="1">
        <v>4.90401413E8</v>
      </c>
      <c r="B5139" s="2">
        <v>11918.0</v>
      </c>
      <c r="C5139" s="1" t="s">
        <v>5</v>
      </c>
      <c r="D5139" s="1" t="s">
        <v>4171</v>
      </c>
      <c r="E5139" s="1" t="s">
        <v>7</v>
      </c>
    </row>
    <row r="5140">
      <c r="A5140" s="1">
        <v>4.9040142E8</v>
      </c>
      <c r="B5140" s="2">
        <v>11916.0</v>
      </c>
      <c r="C5140" s="1" t="s">
        <v>5</v>
      </c>
      <c r="D5140" s="1" t="s">
        <v>4172</v>
      </c>
      <c r="E5140" s="1" t="s">
        <v>11</v>
      </c>
    </row>
    <row r="5141">
      <c r="A5141" s="1">
        <v>4.90401423E8</v>
      </c>
      <c r="B5141" s="2">
        <v>11894.0</v>
      </c>
      <c r="C5141" s="1" t="s">
        <v>5</v>
      </c>
      <c r="D5141" s="1" t="s">
        <v>4173</v>
      </c>
      <c r="E5141" s="1" t="s">
        <v>7</v>
      </c>
    </row>
    <row r="5142">
      <c r="A5142" s="1">
        <v>4.90401432E8</v>
      </c>
      <c r="B5142" s="2">
        <v>11955.0</v>
      </c>
      <c r="C5142" s="1" t="s">
        <v>5</v>
      </c>
      <c r="D5142" s="1" t="s">
        <v>4174</v>
      </c>
      <c r="E5142" s="1" t="s">
        <v>11</v>
      </c>
    </row>
    <row r="5143">
      <c r="A5143" s="1">
        <v>4.90401439E8</v>
      </c>
      <c r="B5143" s="2">
        <v>11932.0</v>
      </c>
      <c r="C5143" s="1" t="s">
        <v>5</v>
      </c>
      <c r="D5143" s="1" t="s">
        <v>11</v>
      </c>
      <c r="E5143" s="1" t="s">
        <v>7</v>
      </c>
    </row>
    <row r="5144">
      <c r="A5144" s="1">
        <v>4.9040145E8</v>
      </c>
      <c r="B5144" s="2">
        <v>11952.0</v>
      </c>
      <c r="C5144" s="1" t="s">
        <v>5</v>
      </c>
      <c r="D5144" s="1" t="s">
        <v>4175</v>
      </c>
      <c r="E5144" s="1" t="s">
        <v>11</v>
      </c>
    </row>
    <row r="5145">
      <c r="A5145" s="1">
        <v>4.90401458E8</v>
      </c>
      <c r="B5145" s="2">
        <v>11931.0</v>
      </c>
      <c r="C5145" s="1" t="s">
        <v>5</v>
      </c>
      <c r="D5145" s="1" t="s">
        <v>4176</v>
      </c>
      <c r="E5145" s="1" t="s">
        <v>11</v>
      </c>
    </row>
    <row r="5146">
      <c r="A5146" s="1">
        <v>4.90401467E8</v>
      </c>
      <c r="B5146" s="2">
        <v>11957.0</v>
      </c>
      <c r="C5146" s="1" t="s">
        <v>5</v>
      </c>
      <c r="D5146" s="1" t="s">
        <v>4177</v>
      </c>
      <c r="E5146" s="1" t="s">
        <v>7</v>
      </c>
    </row>
    <row r="5147">
      <c r="A5147" s="1">
        <v>4.90401473E8</v>
      </c>
      <c r="B5147" s="2">
        <v>11948.0</v>
      </c>
      <c r="C5147" s="1" t="s">
        <v>5</v>
      </c>
      <c r="D5147" s="1" t="s">
        <v>11</v>
      </c>
      <c r="E5147" s="1" t="s">
        <v>7</v>
      </c>
    </row>
    <row r="5148">
      <c r="A5148" s="1">
        <v>4.9040151E8</v>
      </c>
      <c r="B5148" s="2">
        <v>11957.0</v>
      </c>
      <c r="C5148" s="1" t="s">
        <v>5</v>
      </c>
      <c r="D5148" s="1" t="s">
        <v>4178</v>
      </c>
      <c r="E5148" s="1" t="s">
        <v>7</v>
      </c>
    </row>
    <row r="5149">
      <c r="A5149" s="1">
        <v>4.90401513E8</v>
      </c>
      <c r="B5149" s="2">
        <v>11952.0</v>
      </c>
      <c r="C5149" s="1" t="s">
        <v>5</v>
      </c>
      <c r="D5149" s="1" t="s">
        <v>4179</v>
      </c>
      <c r="E5149" s="1" t="s">
        <v>11</v>
      </c>
    </row>
    <row r="5150">
      <c r="A5150" s="1">
        <v>4.90401515E8</v>
      </c>
      <c r="B5150" s="2">
        <v>11927.0</v>
      </c>
      <c r="C5150" s="1" t="s">
        <v>5</v>
      </c>
      <c r="D5150" s="1" t="s">
        <v>4180</v>
      </c>
      <c r="E5150" s="1" t="s">
        <v>4181</v>
      </c>
    </row>
    <row r="5151">
      <c r="A5151" s="1">
        <v>4.9040152E8</v>
      </c>
      <c r="B5151" s="2">
        <v>11955.0</v>
      </c>
      <c r="C5151" s="1" t="s">
        <v>5</v>
      </c>
      <c r="D5151" s="1" t="s">
        <v>4182</v>
      </c>
      <c r="E5151" s="1" t="s">
        <v>7</v>
      </c>
    </row>
    <row r="5152">
      <c r="A5152" s="1">
        <v>4.90401528E8</v>
      </c>
      <c r="B5152" s="2">
        <v>11931.0</v>
      </c>
      <c r="C5152" s="1" t="s">
        <v>5</v>
      </c>
      <c r="D5152" s="1" t="s">
        <v>11</v>
      </c>
      <c r="E5152" s="1" t="s">
        <v>7</v>
      </c>
    </row>
    <row r="5153">
      <c r="A5153" s="1">
        <v>4.90401529E8</v>
      </c>
      <c r="B5153" s="2">
        <v>11953.0</v>
      </c>
      <c r="C5153" s="1" t="s">
        <v>5</v>
      </c>
      <c r="D5153" s="1" t="s">
        <v>4183</v>
      </c>
      <c r="E5153" s="1" t="s">
        <v>11</v>
      </c>
    </row>
    <row r="5154">
      <c r="A5154" s="1">
        <v>4.90401534E8</v>
      </c>
      <c r="B5154" s="2">
        <v>11916.0</v>
      </c>
      <c r="C5154" s="1" t="s">
        <v>5</v>
      </c>
      <c r="D5154" s="1" t="s">
        <v>4184</v>
      </c>
      <c r="E5154" s="1" t="s">
        <v>7</v>
      </c>
    </row>
    <row r="5155">
      <c r="A5155" s="1">
        <v>4.90401537E8</v>
      </c>
      <c r="B5155" s="2">
        <v>11923.0</v>
      </c>
      <c r="C5155" s="1" t="s">
        <v>5</v>
      </c>
      <c r="D5155" s="1" t="s">
        <v>4185</v>
      </c>
      <c r="E5155" s="1" t="s">
        <v>11</v>
      </c>
    </row>
    <row r="5156">
      <c r="A5156" s="1">
        <v>4.90401543E8</v>
      </c>
      <c r="B5156" s="2">
        <v>11925.0</v>
      </c>
      <c r="C5156" s="1" t="s">
        <v>5</v>
      </c>
      <c r="D5156" s="1" t="s">
        <v>4186</v>
      </c>
      <c r="E5156" s="1" t="s">
        <v>7</v>
      </c>
    </row>
    <row r="5157">
      <c r="A5157" s="1">
        <v>4.90401547E8</v>
      </c>
      <c r="B5157" s="2">
        <v>11931.0</v>
      </c>
      <c r="C5157" s="1" t="s">
        <v>5</v>
      </c>
      <c r="D5157" s="1" t="s">
        <v>4187</v>
      </c>
      <c r="E5157" s="1" t="s">
        <v>11</v>
      </c>
    </row>
    <row r="5158">
      <c r="A5158" s="1">
        <v>4.90401552E8</v>
      </c>
      <c r="B5158" s="2">
        <v>11957.0</v>
      </c>
      <c r="C5158" s="1" t="s">
        <v>5</v>
      </c>
      <c r="D5158" s="1" t="s">
        <v>11</v>
      </c>
      <c r="E5158" s="1" t="s">
        <v>7</v>
      </c>
    </row>
    <row r="5159">
      <c r="A5159" s="1">
        <v>4.90401557E8</v>
      </c>
      <c r="B5159" s="2">
        <v>11931.0</v>
      </c>
      <c r="C5159" s="1" t="s">
        <v>5</v>
      </c>
      <c r="D5159" s="1" t="s">
        <v>11</v>
      </c>
      <c r="E5159" s="1" t="s">
        <v>7</v>
      </c>
    </row>
    <row r="5160">
      <c r="A5160" s="1">
        <v>4.90401563E8</v>
      </c>
      <c r="B5160" s="2">
        <v>11952.0</v>
      </c>
      <c r="C5160" s="1" t="s">
        <v>5</v>
      </c>
      <c r="D5160" s="1" t="s">
        <v>4188</v>
      </c>
      <c r="E5160" s="1" t="s">
        <v>7</v>
      </c>
    </row>
    <row r="5161">
      <c r="A5161" s="1">
        <v>4.9040157E8</v>
      </c>
      <c r="B5161" s="2">
        <v>11954.0</v>
      </c>
      <c r="C5161" s="1" t="s">
        <v>5</v>
      </c>
      <c r="D5161" s="1" t="s">
        <v>4189</v>
      </c>
      <c r="E5161" s="1" t="s">
        <v>4190</v>
      </c>
    </row>
    <row r="5162">
      <c r="A5162" s="1">
        <v>4.90401572E8</v>
      </c>
      <c r="B5162" s="2">
        <v>11922.0</v>
      </c>
      <c r="C5162" s="1" t="s">
        <v>5</v>
      </c>
      <c r="D5162" s="1" t="s">
        <v>4191</v>
      </c>
      <c r="E5162" s="1" t="s">
        <v>7</v>
      </c>
    </row>
    <row r="5163">
      <c r="A5163" s="1">
        <v>4.90401573E8</v>
      </c>
      <c r="B5163" s="2">
        <v>11955.0</v>
      </c>
      <c r="C5163" s="1" t="s">
        <v>5</v>
      </c>
      <c r="D5163" s="1" t="s">
        <v>4192</v>
      </c>
      <c r="E5163" s="1" t="s">
        <v>7</v>
      </c>
    </row>
    <row r="5164">
      <c r="A5164" s="1">
        <v>4.90401581E8</v>
      </c>
      <c r="B5164" s="2">
        <v>11923.0</v>
      </c>
      <c r="C5164" s="1" t="s">
        <v>5</v>
      </c>
      <c r="D5164" s="1" t="s">
        <v>11</v>
      </c>
      <c r="E5164" s="1" t="s">
        <v>7</v>
      </c>
    </row>
    <row r="5165">
      <c r="A5165" s="1">
        <v>4.90401583E8</v>
      </c>
      <c r="B5165" s="2">
        <v>11924.0</v>
      </c>
      <c r="C5165" s="1" t="s">
        <v>5</v>
      </c>
      <c r="D5165" s="1" t="s">
        <v>4193</v>
      </c>
      <c r="E5165" s="1" t="s">
        <v>7</v>
      </c>
    </row>
    <row r="5166">
      <c r="A5166" s="1">
        <v>4.90401589E8</v>
      </c>
      <c r="B5166" s="2">
        <v>11916.0</v>
      </c>
      <c r="C5166" s="1" t="s">
        <v>5</v>
      </c>
      <c r="D5166" s="1" t="s">
        <v>11</v>
      </c>
      <c r="E5166" s="1" t="s">
        <v>7</v>
      </c>
    </row>
    <row r="5167">
      <c r="A5167" s="1">
        <v>4.90401598E8</v>
      </c>
      <c r="B5167" s="2">
        <v>11954.0</v>
      </c>
      <c r="C5167" s="1" t="s">
        <v>5</v>
      </c>
      <c r="D5167" s="1" t="s">
        <v>4194</v>
      </c>
      <c r="E5167" s="1" t="s">
        <v>7</v>
      </c>
    </row>
    <row r="5168">
      <c r="A5168" s="1">
        <v>4.90401607E8</v>
      </c>
      <c r="B5168" s="2">
        <v>11950.0</v>
      </c>
      <c r="C5168" s="1" t="s">
        <v>5</v>
      </c>
      <c r="D5168" s="1" t="s">
        <v>4195</v>
      </c>
      <c r="E5168" s="1" t="s">
        <v>7</v>
      </c>
    </row>
    <row r="5169">
      <c r="A5169" s="1">
        <v>4.90401613E8</v>
      </c>
      <c r="B5169" s="2">
        <v>11931.0</v>
      </c>
      <c r="C5169" s="1" t="s">
        <v>5</v>
      </c>
      <c r="D5169" s="1" t="s">
        <v>4196</v>
      </c>
      <c r="E5169" s="1" t="s">
        <v>7</v>
      </c>
    </row>
    <row r="5170">
      <c r="A5170" s="1">
        <v>4.90401616E8</v>
      </c>
      <c r="B5170" s="2">
        <v>11881.0</v>
      </c>
      <c r="C5170" s="1" t="s">
        <v>5</v>
      </c>
      <c r="D5170" s="1" t="s">
        <v>4197</v>
      </c>
      <c r="E5170" s="1" t="s">
        <v>7</v>
      </c>
    </row>
    <row r="5171">
      <c r="A5171" s="1">
        <v>4.90401619E8</v>
      </c>
      <c r="B5171" s="2">
        <v>11923.0</v>
      </c>
      <c r="C5171" s="1" t="s">
        <v>5</v>
      </c>
      <c r="D5171" s="1" t="s">
        <v>4198</v>
      </c>
      <c r="E5171" s="1" t="s">
        <v>4199</v>
      </c>
    </row>
    <row r="5172">
      <c r="A5172" s="1">
        <v>4.90401624E8</v>
      </c>
      <c r="B5172" s="2">
        <v>11916.0</v>
      </c>
      <c r="C5172" s="1" t="s">
        <v>5</v>
      </c>
      <c r="D5172" s="1" t="s">
        <v>4200</v>
      </c>
      <c r="E5172" s="1" t="s">
        <v>11</v>
      </c>
    </row>
    <row r="5173">
      <c r="A5173" s="1">
        <v>4.90401627E8</v>
      </c>
      <c r="B5173" s="2">
        <v>11954.0</v>
      </c>
      <c r="C5173" s="1" t="s">
        <v>5</v>
      </c>
      <c r="D5173" s="1" t="s">
        <v>4201</v>
      </c>
      <c r="E5173" s="1" t="s">
        <v>11</v>
      </c>
    </row>
    <row r="5174">
      <c r="A5174" s="1">
        <v>4.90401632E8</v>
      </c>
      <c r="B5174" s="2">
        <v>11954.0</v>
      </c>
      <c r="C5174" s="1" t="s">
        <v>5</v>
      </c>
      <c r="D5174" s="1" t="s">
        <v>11</v>
      </c>
      <c r="E5174" s="1" t="s">
        <v>7</v>
      </c>
    </row>
    <row r="5175">
      <c r="A5175" s="1">
        <v>4.90401639E8</v>
      </c>
      <c r="B5175" s="2">
        <v>11922.0</v>
      </c>
      <c r="C5175" s="1" t="s">
        <v>5</v>
      </c>
      <c r="D5175" s="1" t="s">
        <v>4202</v>
      </c>
      <c r="E5175" s="1" t="s">
        <v>7</v>
      </c>
    </row>
    <row r="5176">
      <c r="A5176" s="1">
        <v>4.90401645E8</v>
      </c>
      <c r="B5176" s="2">
        <v>11930.0</v>
      </c>
      <c r="C5176" s="1" t="s">
        <v>5</v>
      </c>
      <c r="D5176" s="1" t="s">
        <v>4203</v>
      </c>
      <c r="E5176" s="1" t="s">
        <v>7</v>
      </c>
    </row>
    <row r="5177">
      <c r="A5177" s="1">
        <v>4.90401653E8</v>
      </c>
      <c r="B5177" s="2">
        <v>11957.0</v>
      </c>
      <c r="C5177" s="1" t="s">
        <v>5</v>
      </c>
      <c r="D5177" s="1" t="s">
        <v>4204</v>
      </c>
      <c r="E5177" s="1" t="s">
        <v>4205</v>
      </c>
    </row>
    <row r="5178">
      <c r="A5178" s="1">
        <v>4.9040167E8</v>
      </c>
      <c r="B5178" s="2">
        <v>11953.0</v>
      </c>
      <c r="C5178" s="1" t="s">
        <v>5</v>
      </c>
      <c r="D5178" s="1" t="s">
        <v>11</v>
      </c>
      <c r="E5178" s="1" t="s">
        <v>7</v>
      </c>
    </row>
    <row r="5179">
      <c r="A5179" s="1">
        <v>4.90401673E8</v>
      </c>
      <c r="B5179" s="2">
        <v>11927.0</v>
      </c>
      <c r="C5179" s="1" t="s">
        <v>5</v>
      </c>
      <c r="D5179" s="1" t="s">
        <v>11</v>
      </c>
      <c r="E5179" s="1" t="s">
        <v>7</v>
      </c>
    </row>
    <row r="5180">
      <c r="A5180" s="1">
        <v>4.90401675E8</v>
      </c>
      <c r="B5180" s="2">
        <v>11931.0</v>
      </c>
      <c r="C5180" s="1" t="s">
        <v>5</v>
      </c>
      <c r="D5180" s="1" t="s">
        <v>4206</v>
      </c>
      <c r="E5180" s="1" t="s">
        <v>11</v>
      </c>
    </row>
    <row r="5181">
      <c r="A5181" s="1">
        <v>4.90401683E8</v>
      </c>
      <c r="B5181" s="2">
        <v>11954.0</v>
      </c>
      <c r="C5181" s="1" t="s">
        <v>5</v>
      </c>
      <c r="D5181" s="1" t="s">
        <v>4207</v>
      </c>
      <c r="E5181" s="1" t="s">
        <v>7</v>
      </c>
    </row>
    <row r="5182">
      <c r="A5182" s="1">
        <v>4.90401686E8</v>
      </c>
      <c r="B5182" s="2">
        <v>11953.0</v>
      </c>
      <c r="C5182" s="1" t="s">
        <v>5</v>
      </c>
      <c r="D5182" s="1" t="s">
        <v>4208</v>
      </c>
      <c r="E5182" s="1" t="s">
        <v>11</v>
      </c>
    </row>
    <row r="5183">
      <c r="A5183" s="1">
        <v>4.90401688E8</v>
      </c>
      <c r="B5183" s="2">
        <v>11955.0</v>
      </c>
      <c r="C5183" s="1" t="s">
        <v>5</v>
      </c>
      <c r="D5183" s="1" t="s">
        <v>4209</v>
      </c>
      <c r="E5183" s="1" t="s">
        <v>11</v>
      </c>
    </row>
    <row r="5184">
      <c r="A5184" s="1">
        <v>4.9040169E8</v>
      </c>
      <c r="B5184" s="2">
        <v>11933.0</v>
      </c>
      <c r="C5184" s="1" t="s">
        <v>5</v>
      </c>
      <c r="D5184" s="1" t="s">
        <v>11</v>
      </c>
      <c r="E5184" s="1" t="s">
        <v>7</v>
      </c>
    </row>
    <row r="5185">
      <c r="A5185" s="1">
        <v>4.90401693E8</v>
      </c>
      <c r="B5185" s="2">
        <v>11953.0</v>
      </c>
      <c r="C5185" s="1" t="s">
        <v>5</v>
      </c>
      <c r="D5185" s="1" t="s">
        <v>4210</v>
      </c>
      <c r="E5185" s="1" t="s">
        <v>11</v>
      </c>
    </row>
    <row r="5186">
      <c r="A5186" s="1">
        <v>4.90401698E8</v>
      </c>
      <c r="B5186" s="2">
        <v>11923.0</v>
      </c>
      <c r="C5186" s="1" t="s">
        <v>5</v>
      </c>
      <c r="D5186" s="1" t="s">
        <v>4211</v>
      </c>
      <c r="E5186" s="1" t="s">
        <v>11</v>
      </c>
    </row>
    <row r="5187">
      <c r="A5187" s="1">
        <v>4.90401703E8</v>
      </c>
      <c r="B5187" s="2">
        <v>11953.0</v>
      </c>
      <c r="C5187" s="1" t="s">
        <v>5</v>
      </c>
      <c r="D5187" s="1" t="s">
        <v>4212</v>
      </c>
      <c r="E5187" s="1" t="s">
        <v>7</v>
      </c>
    </row>
    <row r="5188">
      <c r="A5188" s="1">
        <v>4.90401713E8</v>
      </c>
      <c r="B5188" s="2">
        <v>11923.0</v>
      </c>
      <c r="C5188" s="1" t="s">
        <v>5</v>
      </c>
      <c r="D5188" s="1" t="s">
        <v>4185</v>
      </c>
      <c r="E5188" s="1" t="s">
        <v>11</v>
      </c>
    </row>
    <row r="5189">
      <c r="A5189" s="1">
        <v>4.90401718E8</v>
      </c>
      <c r="B5189" s="2">
        <v>11950.0</v>
      </c>
      <c r="C5189" s="1" t="s">
        <v>5</v>
      </c>
      <c r="D5189" s="1" t="s">
        <v>11</v>
      </c>
      <c r="E5189" s="1" t="s">
        <v>7</v>
      </c>
    </row>
    <row r="5190">
      <c r="A5190" s="1">
        <v>4.90401732E8</v>
      </c>
      <c r="B5190" s="2">
        <v>11921.0</v>
      </c>
      <c r="C5190" s="1" t="s">
        <v>5</v>
      </c>
      <c r="D5190" s="1" t="s">
        <v>4213</v>
      </c>
      <c r="E5190" s="1" t="s">
        <v>4214</v>
      </c>
    </row>
    <row r="5191">
      <c r="A5191" s="1">
        <v>4.90401736E8</v>
      </c>
      <c r="B5191" s="2">
        <v>11957.0</v>
      </c>
      <c r="C5191" s="1" t="s">
        <v>5</v>
      </c>
      <c r="D5191" s="1" t="s">
        <v>4215</v>
      </c>
      <c r="E5191" s="1" t="s">
        <v>7</v>
      </c>
    </row>
    <row r="5192">
      <c r="A5192" s="1">
        <v>4.90401744E8</v>
      </c>
      <c r="B5192" s="2">
        <v>11918.0</v>
      </c>
      <c r="C5192" s="1" t="s">
        <v>5</v>
      </c>
      <c r="D5192" s="1" t="s">
        <v>4216</v>
      </c>
      <c r="E5192" s="1" t="s">
        <v>11</v>
      </c>
    </row>
    <row r="5193">
      <c r="A5193" s="1">
        <v>4.90401746E8</v>
      </c>
      <c r="B5193" s="2">
        <v>11931.0</v>
      </c>
      <c r="C5193" s="1" t="s">
        <v>5</v>
      </c>
      <c r="D5193" s="1" t="s">
        <v>11</v>
      </c>
      <c r="E5193" s="1" t="s">
        <v>7</v>
      </c>
    </row>
    <row r="5194">
      <c r="A5194" s="1">
        <v>4.90401748E8</v>
      </c>
      <c r="B5194" s="2">
        <v>11923.0</v>
      </c>
      <c r="C5194" s="1" t="s">
        <v>5</v>
      </c>
      <c r="D5194" s="1" t="s">
        <v>11</v>
      </c>
      <c r="E5194" s="1" t="s">
        <v>7</v>
      </c>
    </row>
    <row r="5195">
      <c r="A5195" s="1">
        <v>4.90401749E8</v>
      </c>
      <c r="B5195" s="2">
        <v>11922.0</v>
      </c>
      <c r="C5195" s="1" t="s">
        <v>5</v>
      </c>
      <c r="D5195" s="1" t="s">
        <v>4217</v>
      </c>
      <c r="E5195" s="1" t="s">
        <v>7</v>
      </c>
    </row>
    <row r="5196">
      <c r="A5196" s="1">
        <v>4.90401751E8</v>
      </c>
      <c r="B5196" s="2">
        <v>11953.0</v>
      </c>
      <c r="C5196" s="1" t="s">
        <v>5</v>
      </c>
      <c r="D5196" s="1" t="s">
        <v>4218</v>
      </c>
      <c r="E5196" s="1" t="s">
        <v>11</v>
      </c>
    </row>
    <row r="5197">
      <c r="A5197" s="1">
        <v>4.90401752E8</v>
      </c>
      <c r="B5197" s="2">
        <v>11948.0</v>
      </c>
      <c r="C5197" s="1" t="s">
        <v>5</v>
      </c>
      <c r="D5197" s="1" t="s">
        <v>4219</v>
      </c>
      <c r="E5197" s="1" t="s">
        <v>7</v>
      </c>
    </row>
    <row r="5198">
      <c r="A5198" s="1">
        <v>4.90401753E8</v>
      </c>
      <c r="B5198" s="2">
        <v>11954.0</v>
      </c>
      <c r="C5198" s="1" t="s">
        <v>5</v>
      </c>
      <c r="D5198" s="1" t="s">
        <v>4220</v>
      </c>
      <c r="E5198" s="1" t="s">
        <v>11</v>
      </c>
    </row>
    <row r="5199">
      <c r="A5199" s="1">
        <v>4.90401768E8</v>
      </c>
      <c r="B5199" s="2">
        <v>11915.0</v>
      </c>
      <c r="C5199" s="1" t="s">
        <v>5</v>
      </c>
      <c r="D5199" s="1" t="s">
        <v>11</v>
      </c>
      <c r="E5199" s="1" t="s">
        <v>7</v>
      </c>
    </row>
    <row r="5200">
      <c r="A5200" s="1">
        <v>4.9040177E8</v>
      </c>
      <c r="B5200" s="2">
        <v>11953.0</v>
      </c>
      <c r="C5200" s="1" t="s">
        <v>5</v>
      </c>
      <c r="D5200" s="1" t="s">
        <v>4221</v>
      </c>
      <c r="E5200" s="1" t="s">
        <v>11</v>
      </c>
    </row>
    <row r="5201">
      <c r="A5201" s="1">
        <v>4.90401773E8</v>
      </c>
      <c r="B5201" s="2">
        <v>11948.0</v>
      </c>
      <c r="C5201" s="1" t="s">
        <v>5</v>
      </c>
      <c r="D5201" s="1" t="s">
        <v>11</v>
      </c>
      <c r="E5201" s="1" t="s">
        <v>7</v>
      </c>
    </row>
    <row r="5202">
      <c r="A5202" s="1">
        <v>4.90401774E8</v>
      </c>
      <c r="B5202" s="2">
        <v>11957.0</v>
      </c>
      <c r="C5202" s="1" t="s">
        <v>5</v>
      </c>
      <c r="D5202" s="1" t="s">
        <v>11</v>
      </c>
      <c r="E5202" s="1" t="s">
        <v>7</v>
      </c>
    </row>
    <row r="5203">
      <c r="A5203" s="1">
        <v>4.90401776E8</v>
      </c>
      <c r="B5203" s="2">
        <v>11923.0</v>
      </c>
      <c r="C5203" s="1" t="s">
        <v>5</v>
      </c>
      <c r="D5203" s="1" t="s">
        <v>4222</v>
      </c>
      <c r="E5203" s="1" t="s">
        <v>4223</v>
      </c>
    </row>
    <row r="5204">
      <c r="A5204" s="1">
        <v>4.90401803E8</v>
      </c>
      <c r="B5204" s="2">
        <v>11915.0</v>
      </c>
      <c r="C5204" s="1" t="s">
        <v>5</v>
      </c>
      <c r="D5204" s="1" t="s">
        <v>4224</v>
      </c>
      <c r="E5204" s="1" t="s">
        <v>11</v>
      </c>
    </row>
    <row r="5205">
      <c r="A5205" s="1">
        <v>4.90401814E8</v>
      </c>
      <c r="B5205" s="2">
        <v>11923.0</v>
      </c>
      <c r="C5205" s="1" t="s">
        <v>5</v>
      </c>
      <c r="D5205" s="1" t="s">
        <v>4225</v>
      </c>
      <c r="E5205" s="1" t="s">
        <v>4226</v>
      </c>
    </row>
    <row r="5206">
      <c r="A5206" s="1">
        <v>4.90401816E8</v>
      </c>
      <c r="B5206" s="2">
        <v>11931.0</v>
      </c>
      <c r="C5206" s="1" t="s">
        <v>5</v>
      </c>
      <c r="D5206" s="1" t="s">
        <v>4227</v>
      </c>
      <c r="E5206" s="1" t="s">
        <v>11</v>
      </c>
    </row>
    <row r="5207">
      <c r="A5207" s="1">
        <v>4.90401818E8</v>
      </c>
      <c r="B5207" s="2">
        <v>11922.0</v>
      </c>
      <c r="C5207" s="1" t="s">
        <v>5</v>
      </c>
      <c r="D5207" s="1" t="s">
        <v>4228</v>
      </c>
      <c r="E5207" s="1" t="s">
        <v>4229</v>
      </c>
    </row>
    <row r="5208">
      <c r="A5208" s="1">
        <v>4.90401824E8</v>
      </c>
      <c r="B5208" s="2">
        <v>11921.0</v>
      </c>
      <c r="C5208" s="1" t="s">
        <v>5</v>
      </c>
      <c r="D5208" s="1" t="s">
        <v>11</v>
      </c>
      <c r="E5208" s="1" t="s">
        <v>7</v>
      </c>
    </row>
    <row r="5209">
      <c r="A5209" s="1">
        <v>4.90401843E8</v>
      </c>
      <c r="B5209" s="2">
        <v>11921.0</v>
      </c>
      <c r="C5209" s="1" t="s">
        <v>5</v>
      </c>
      <c r="D5209" s="1" t="s">
        <v>4230</v>
      </c>
      <c r="E5209" s="1" t="s">
        <v>11</v>
      </c>
    </row>
    <row r="5210">
      <c r="A5210" s="1">
        <v>4.9040185E8</v>
      </c>
      <c r="B5210" s="2">
        <v>11918.0</v>
      </c>
      <c r="C5210" s="1" t="s">
        <v>5</v>
      </c>
      <c r="D5210" s="1" t="s">
        <v>11</v>
      </c>
      <c r="E5210" s="1" t="s">
        <v>7</v>
      </c>
    </row>
    <row r="5211">
      <c r="A5211" s="1">
        <v>4.90401867E8</v>
      </c>
      <c r="B5211" s="2">
        <v>11949.0</v>
      </c>
      <c r="C5211" s="1" t="s">
        <v>5</v>
      </c>
      <c r="D5211" s="1" t="s">
        <v>4231</v>
      </c>
      <c r="E5211" s="1" t="s">
        <v>7</v>
      </c>
    </row>
    <row r="5212">
      <c r="A5212" s="1">
        <v>4.90401877E8</v>
      </c>
      <c r="B5212" s="2">
        <v>11933.0</v>
      </c>
      <c r="C5212" s="1" t="s">
        <v>5</v>
      </c>
      <c r="D5212" s="1" t="s">
        <v>4232</v>
      </c>
      <c r="E5212" s="1" t="s">
        <v>11</v>
      </c>
    </row>
    <row r="5213">
      <c r="A5213" s="1">
        <v>4.90401885E8</v>
      </c>
      <c r="B5213" s="2">
        <v>11954.0</v>
      </c>
      <c r="C5213" s="1" t="s">
        <v>5</v>
      </c>
      <c r="D5213" s="1" t="s">
        <v>4233</v>
      </c>
      <c r="E5213" s="1" t="s">
        <v>7</v>
      </c>
    </row>
    <row r="5214">
      <c r="A5214" s="1">
        <v>4.90401892E8</v>
      </c>
      <c r="B5214" s="2">
        <v>11933.0</v>
      </c>
      <c r="C5214" s="1" t="s">
        <v>5</v>
      </c>
      <c r="D5214" s="1" t="s">
        <v>11</v>
      </c>
      <c r="E5214" s="1" t="s">
        <v>7</v>
      </c>
    </row>
    <row r="5215">
      <c r="A5215" s="1">
        <v>4.90401893E8</v>
      </c>
      <c r="B5215" s="2">
        <v>11933.0</v>
      </c>
      <c r="C5215" s="1" t="s">
        <v>5</v>
      </c>
      <c r="D5215" s="1" t="s">
        <v>4234</v>
      </c>
      <c r="E5215" s="1" t="s">
        <v>7</v>
      </c>
    </row>
    <row r="5216">
      <c r="A5216" s="1">
        <v>4.90401897E8</v>
      </c>
      <c r="B5216" s="2">
        <v>11950.0</v>
      </c>
      <c r="C5216" s="1" t="s">
        <v>5</v>
      </c>
      <c r="D5216" s="1" t="s">
        <v>4235</v>
      </c>
      <c r="E5216" s="1" t="s">
        <v>11</v>
      </c>
    </row>
    <row r="5217">
      <c r="A5217" s="1">
        <v>4.90401901E8</v>
      </c>
      <c r="B5217" s="2">
        <v>11954.0</v>
      </c>
      <c r="C5217" s="1" t="s">
        <v>5</v>
      </c>
      <c r="D5217" s="1" t="s">
        <v>4236</v>
      </c>
      <c r="E5217" s="1" t="s">
        <v>4237</v>
      </c>
    </row>
    <row r="5218">
      <c r="A5218" s="1">
        <v>4.90401903E8</v>
      </c>
      <c r="B5218" s="2">
        <v>11954.0</v>
      </c>
      <c r="C5218" s="1" t="s">
        <v>5</v>
      </c>
      <c r="D5218" s="1" t="s">
        <v>4238</v>
      </c>
      <c r="E5218" s="1" t="s">
        <v>11</v>
      </c>
    </row>
    <row r="5219">
      <c r="A5219" s="1">
        <v>4.90401908E8</v>
      </c>
      <c r="B5219" s="2">
        <v>11954.0</v>
      </c>
      <c r="C5219" s="1" t="s">
        <v>5</v>
      </c>
      <c r="D5219" s="1" t="s">
        <v>4239</v>
      </c>
      <c r="E5219" s="1" t="s">
        <v>7</v>
      </c>
    </row>
    <row r="5220">
      <c r="A5220" s="1">
        <v>4.90401909E8</v>
      </c>
      <c r="B5220" s="2">
        <v>11918.0</v>
      </c>
      <c r="C5220" s="1" t="s">
        <v>5</v>
      </c>
      <c r="D5220" s="1" t="s">
        <v>4240</v>
      </c>
      <c r="E5220" s="1" t="s">
        <v>11</v>
      </c>
    </row>
    <row r="5221">
      <c r="A5221" s="1">
        <v>4.90401916E8</v>
      </c>
      <c r="B5221" s="2">
        <v>11921.0</v>
      </c>
      <c r="C5221" s="1" t="s">
        <v>5</v>
      </c>
      <c r="D5221" s="1" t="s">
        <v>4241</v>
      </c>
      <c r="E5221" s="1" t="s">
        <v>7</v>
      </c>
    </row>
    <row r="5222">
      <c r="A5222" s="1">
        <v>4.90401929E8</v>
      </c>
      <c r="B5222" s="2">
        <v>11947.0</v>
      </c>
      <c r="C5222" s="1" t="s">
        <v>5</v>
      </c>
      <c r="D5222" s="1" t="s">
        <v>4242</v>
      </c>
      <c r="E5222" s="1" t="s">
        <v>7</v>
      </c>
    </row>
    <row r="5223">
      <c r="A5223" s="1">
        <v>4.90401938E8</v>
      </c>
      <c r="B5223" s="2">
        <v>11933.0</v>
      </c>
      <c r="C5223" s="1" t="s">
        <v>5</v>
      </c>
      <c r="D5223" s="1" t="s">
        <v>4243</v>
      </c>
      <c r="E5223" s="1" t="s">
        <v>11</v>
      </c>
    </row>
    <row r="5224">
      <c r="A5224" s="1">
        <v>4.90401944E8</v>
      </c>
      <c r="B5224" s="2">
        <v>11930.0</v>
      </c>
      <c r="C5224" s="1" t="s">
        <v>5</v>
      </c>
      <c r="D5224" s="1" t="s">
        <v>11</v>
      </c>
      <c r="E5224" s="1" t="s">
        <v>7</v>
      </c>
    </row>
    <row r="5225">
      <c r="A5225" s="1">
        <v>4.90401954E8</v>
      </c>
      <c r="B5225" s="2">
        <v>11925.0</v>
      </c>
      <c r="C5225" s="1" t="s">
        <v>5</v>
      </c>
      <c r="D5225" s="1" t="s">
        <v>4244</v>
      </c>
      <c r="E5225" s="1" t="s">
        <v>4245</v>
      </c>
    </row>
    <row r="5226">
      <c r="A5226" s="1">
        <v>4.9040196E8</v>
      </c>
      <c r="B5226" s="2">
        <v>11950.0</v>
      </c>
      <c r="C5226" s="1" t="s">
        <v>5</v>
      </c>
      <c r="D5226" s="1" t="s">
        <v>4246</v>
      </c>
      <c r="E5226" s="1" t="s">
        <v>11</v>
      </c>
    </row>
    <row r="5227">
      <c r="A5227" s="1">
        <v>4.90401963E8</v>
      </c>
      <c r="B5227" s="2">
        <v>11922.0</v>
      </c>
      <c r="C5227" s="1" t="s">
        <v>5</v>
      </c>
      <c r="D5227" s="1" t="s">
        <v>4247</v>
      </c>
      <c r="E5227" s="1" t="s">
        <v>11</v>
      </c>
    </row>
    <row r="5228">
      <c r="A5228" s="1">
        <v>4.90401967E8</v>
      </c>
      <c r="B5228" s="2">
        <v>11917.0</v>
      </c>
      <c r="C5228" s="1" t="s">
        <v>5</v>
      </c>
      <c r="D5228" s="1" t="s">
        <v>4248</v>
      </c>
      <c r="E5228" s="1" t="s">
        <v>11</v>
      </c>
    </row>
    <row r="5229">
      <c r="A5229" s="1">
        <v>4.90401974E8</v>
      </c>
      <c r="B5229" s="2">
        <v>11924.0</v>
      </c>
      <c r="C5229" s="1" t="s">
        <v>5</v>
      </c>
      <c r="D5229" s="1" t="s">
        <v>4249</v>
      </c>
      <c r="E5229" s="1" t="s">
        <v>7</v>
      </c>
    </row>
    <row r="5230">
      <c r="A5230" s="1">
        <v>4.90401981E8</v>
      </c>
      <c r="B5230" s="2">
        <v>11954.0</v>
      </c>
      <c r="C5230" s="1" t="s">
        <v>5</v>
      </c>
      <c r="D5230" s="1" t="s">
        <v>11</v>
      </c>
      <c r="E5230" s="1" t="s">
        <v>7</v>
      </c>
    </row>
    <row r="5231">
      <c r="A5231" s="1">
        <v>4.90401983E8</v>
      </c>
      <c r="B5231" s="2">
        <v>11918.0</v>
      </c>
      <c r="C5231" s="1" t="s">
        <v>5</v>
      </c>
      <c r="D5231" s="1" t="s">
        <v>4250</v>
      </c>
      <c r="E5231" s="1" t="s">
        <v>7</v>
      </c>
    </row>
    <row r="5232">
      <c r="A5232" s="1">
        <v>4.90401988E8</v>
      </c>
      <c r="B5232" s="2">
        <v>11915.0</v>
      </c>
      <c r="C5232" s="1" t="s">
        <v>5</v>
      </c>
      <c r="D5232" s="1" t="s">
        <v>11</v>
      </c>
      <c r="E5232" s="1" t="s">
        <v>7</v>
      </c>
    </row>
    <row r="5233">
      <c r="A5233" s="1">
        <v>4.90402004E8</v>
      </c>
      <c r="B5233" s="2">
        <v>11922.0</v>
      </c>
      <c r="C5233" s="1" t="s">
        <v>5</v>
      </c>
      <c r="D5233" s="1" t="s">
        <v>4251</v>
      </c>
      <c r="E5233" s="1" t="s">
        <v>11</v>
      </c>
    </row>
    <row r="5234">
      <c r="A5234" s="1">
        <v>4.90402021E8</v>
      </c>
      <c r="B5234" s="2">
        <v>11930.0</v>
      </c>
      <c r="C5234" s="1" t="s">
        <v>5</v>
      </c>
      <c r="D5234" s="1" t="s">
        <v>11</v>
      </c>
      <c r="E5234" s="1" t="s">
        <v>7</v>
      </c>
    </row>
    <row r="5235">
      <c r="A5235" s="1">
        <v>4.90402025E8</v>
      </c>
      <c r="B5235" s="2">
        <v>11925.0</v>
      </c>
      <c r="C5235" s="1" t="s">
        <v>5</v>
      </c>
      <c r="D5235" s="1" t="s">
        <v>4252</v>
      </c>
      <c r="E5235" s="1" t="s">
        <v>11</v>
      </c>
    </row>
    <row r="5236">
      <c r="A5236" s="1">
        <v>4.90402033E8</v>
      </c>
      <c r="B5236" s="2">
        <v>11918.0</v>
      </c>
      <c r="C5236" s="1" t="s">
        <v>5</v>
      </c>
      <c r="D5236" s="1" t="s">
        <v>11</v>
      </c>
      <c r="E5236" s="1" t="s">
        <v>7</v>
      </c>
    </row>
    <row r="5237">
      <c r="A5237" s="1">
        <v>4.90402044E8</v>
      </c>
      <c r="B5237" s="2">
        <v>11930.0</v>
      </c>
      <c r="C5237" s="1" t="s">
        <v>5</v>
      </c>
      <c r="D5237" s="1" t="s">
        <v>4253</v>
      </c>
      <c r="E5237" s="1" t="s">
        <v>11</v>
      </c>
    </row>
    <row r="5238">
      <c r="A5238" s="1">
        <v>4.90402055E8</v>
      </c>
      <c r="B5238" s="2">
        <v>11956.0</v>
      </c>
      <c r="C5238" s="1" t="s">
        <v>5</v>
      </c>
      <c r="D5238" s="1" t="s">
        <v>4254</v>
      </c>
      <c r="E5238" s="1" t="s">
        <v>7</v>
      </c>
    </row>
    <row r="5239">
      <c r="A5239" s="1">
        <v>4.90402057E8</v>
      </c>
      <c r="B5239" s="2">
        <v>11949.0</v>
      </c>
      <c r="C5239" s="1" t="s">
        <v>5</v>
      </c>
      <c r="D5239" s="1" t="s">
        <v>4255</v>
      </c>
      <c r="E5239" s="1" t="s">
        <v>7</v>
      </c>
    </row>
    <row r="5240">
      <c r="A5240" s="1">
        <v>4.90402064E8</v>
      </c>
      <c r="B5240" s="2">
        <v>11947.0</v>
      </c>
      <c r="C5240" s="1" t="s">
        <v>5</v>
      </c>
      <c r="D5240" s="1" t="s">
        <v>11</v>
      </c>
      <c r="E5240" s="1" t="s">
        <v>7</v>
      </c>
    </row>
    <row r="5241">
      <c r="A5241" s="1">
        <v>4.90402068E8</v>
      </c>
      <c r="B5241" s="2">
        <v>11930.0</v>
      </c>
      <c r="C5241" s="1" t="s">
        <v>5</v>
      </c>
      <c r="D5241" s="1" t="s">
        <v>4256</v>
      </c>
      <c r="E5241" s="1" t="s">
        <v>7</v>
      </c>
    </row>
    <row r="5242">
      <c r="A5242" s="1">
        <v>4.90402072E8</v>
      </c>
      <c r="B5242" s="2">
        <v>11925.0</v>
      </c>
      <c r="C5242" s="1" t="s">
        <v>5</v>
      </c>
      <c r="D5242" s="1" t="s">
        <v>4257</v>
      </c>
      <c r="E5242" s="1" t="s">
        <v>7</v>
      </c>
    </row>
    <row r="5243">
      <c r="A5243" s="1">
        <v>4.90402076E8</v>
      </c>
      <c r="B5243" s="2">
        <v>11955.0</v>
      </c>
      <c r="C5243" s="1" t="s">
        <v>5</v>
      </c>
      <c r="D5243" s="1" t="s">
        <v>4258</v>
      </c>
      <c r="E5243" s="1" t="s">
        <v>7</v>
      </c>
    </row>
    <row r="5244">
      <c r="A5244" s="1">
        <v>4.90402077E8</v>
      </c>
      <c r="B5244" s="2">
        <v>11933.0</v>
      </c>
      <c r="C5244" s="1" t="s">
        <v>5</v>
      </c>
      <c r="D5244" s="1" t="s">
        <v>11</v>
      </c>
      <c r="E5244" s="1" t="s">
        <v>7</v>
      </c>
    </row>
    <row r="5245">
      <c r="A5245" s="1">
        <v>4.9040209E8</v>
      </c>
      <c r="B5245" s="2">
        <v>11954.0</v>
      </c>
      <c r="C5245" s="1" t="s">
        <v>5</v>
      </c>
      <c r="D5245" s="1" t="s">
        <v>4174</v>
      </c>
      <c r="E5245" s="1" t="s">
        <v>11</v>
      </c>
    </row>
    <row r="5246">
      <c r="A5246" s="1">
        <v>4.90402092E8</v>
      </c>
      <c r="B5246" s="2">
        <v>11950.0</v>
      </c>
      <c r="C5246" s="1" t="s">
        <v>5</v>
      </c>
      <c r="D5246" s="1" t="s">
        <v>4259</v>
      </c>
      <c r="E5246" s="1" t="s">
        <v>7</v>
      </c>
    </row>
    <row r="5247">
      <c r="A5247" s="1">
        <v>4.90402094E8</v>
      </c>
      <c r="B5247" s="2">
        <v>11954.0</v>
      </c>
      <c r="C5247" s="1" t="s">
        <v>5</v>
      </c>
      <c r="D5247" s="1" t="s">
        <v>11</v>
      </c>
      <c r="E5247" s="1" t="s">
        <v>7</v>
      </c>
    </row>
    <row r="5248">
      <c r="A5248" s="1">
        <v>4.904021E8</v>
      </c>
      <c r="B5248" s="2">
        <v>11950.0</v>
      </c>
      <c r="C5248" s="1" t="s">
        <v>5</v>
      </c>
      <c r="D5248" s="1" t="s">
        <v>4260</v>
      </c>
      <c r="E5248" s="1" t="s">
        <v>11</v>
      </c>
    </row>
    <row r="5249">
      <c r="A5249" s="1">
        <v>4.90402106E8</v>
      </c>
      <c r="B5249" s="2">
        <v>11955.0</v>
      </c>
      <c r="C5249" s="1" t="s">
        <v>5</v>
      </c>
      <c r="D5249" s="1" t="s">
        <v>11</v>
      </c>
      <c r="E5249" s="1" t="s">
        <v>7</v>
      </c>
    </row>
    <row r="5250">
      <c r="A5250" s="1">
        <v>4.90402112E8</v>
      </c>
      <c r="B5250" s="2">
        <v>11922.0</v>
      </c>
      <c r="C5250" s="1" t="s">
        <v>5</v>
      </c>
      <c r="D5250" s="1" t="s">
        <v>11</v>
      </c>
      <c r="E5250" s="1" t="s">
        <v>7</v>
      </c>
    </row>
    <row r="5251">
      <c r="A5251" s="1">
        <v>4.90402116E8</v>
      </c>
      <c r="B5251" s="2">
        <v>11917.0</v>
      </c>
      <c r="C5251" s="1" t="s">
        <v>5</v>
      </c>
      <c r="D5251" s="1" t="s">
        <v>4261</v>
      </c>
      <c r="E5251" s="1" t="s">
        <v>11</v>
      </c>
    </row>
    <row r="5252">
      <c r="A5252" s="1">
        <v>4.90402133E8</v>
      </c>
      <c r="B5252" s="2">
        <v>11922.0</v>
      </c>
      <c r="C5252" s="1" t="s">
        <v>5</v>
      </c>
      <c r="D5252" s="1" t="s">
        <v>7</v>
      </c>
      <c r="E5252" s="1" t="s">
        <v>7</v>
      </c>
    </row>
    <row r="5253">
      <c r="A5253" s="1">
        <v>4.90402136E8</v>
      </c>
      <c r="B5253" s="2">
        <v>11954.0</v>
      </c>
      <c r="C5253" s="1" t="s">
        <v>5</v>
      </c>
      <c r="D5253" s="1" t="s">
        <v>4262</v>
      </c>
      <c r="E5253" s="1" t="s">
        <v>7</v>
      </c>
    </row>
    <row r="5254">
      <c r="A5254" s="1">
        <v>4.90402142E8</v>
      </c>
      <c r="B5254" s="2">
        <v>11922.0</v>
      </c>
      <c r="C5254" s="1" t="s">
        <v>5</v>
      </c>
      <c r="D5254" s="1" t="s">
        <v>4263</v>
      </c>
      <c r="E5254" s="1" t="s">
        <v>11</v>
      </c>
    </row>
    <row r="5255">
      <c r="A5255" s="1">
        <v>4.90402147E8</v>
      </c>
      <c r="B5255" s="2">
        <v>11925.0</v>
      </c>
      <c r="C5255" s="1" t="s">
        <v>5</v>
      </c>
      <c r="D5255" s="1" t="s">
        <v>4264</v>
      </c>
      <c r="E5255" s="1" t="s">
        <v>11</v>
      </c>
    </row>
    <row r="5256">
      <c r="A5256" s="1">
        <v>4.9040215E8</v>
      </c>
      <c r="B5256" s="2">
        <v>11930.0</v>
      </c>
      <c r="C5256" s="1" t="s">
        <v>5</v>
      </c>
      <c r="D5256" s="1" t="s">
        <v>4265</v>
      </c>
      <c r="E5256" s="1" t="s">
        <v>11</v>
      </c>
    </row>
    <row r="5257">
      <c r="A5257" s="1">
        <v>4.90402154E8</v>
      </c>
      <c r="B5257" s="2">
        <v>11929.0</v>
      </c>
      <c r="C5257" s="1" t="s">
        <v>5</v>
      </c>
      <c r="D5257" s="1" t="s">
        <v>4266</v>
      </c>
      <c r="E5257" s="1" t="s">
        <v>11</v>
      </c>
    </row>
    <row r="5258">
      <c r="A5258" s="1">
        <v>4.90402163E8</v>
      </c>
      <c r="B5258" s="2">
        <v>11956.0</v>
      </c>
      <c r="C5258" s="1" t="s">
        <v>5</v>
      </c>
      <c r="D5258" s="1" t="s">
        <v>4267</v>
      </c>
      <c r="E5258" s="1" t="s">
        <v>11</v>
      </c>
    </row>
    <row r="5259">
      <c r="A5259" s="1">
        <v>4.90402164E8</v>
      </c>
      <c r="B5259" s="2">
        <v>11955.0</v>
      </c>
      <c r="C5259" s="1" t="s">
        <v>5</v>
      </c>
      <c r="D5259" s="1" t="s">
        <v>4268</v>
      </c>
      <c r="E5259" s="1" t="s">
        <v>11</v>
      </c>
    </row>
    <row r="5260">
      <c r="A5260" s="1">
        <v>4.90402168E8</v>
      </c>
      <c r="B5260" s="2">
        <v>11955.0</v>
      </c>
      <c r="C5260" s="1" t="s">
        <v>5</v>
      </c>
      <c r="D5260" s="1" t="s">
        <v>4269</v>
      </c>
      <c r="E5260" s="1" t="s">
        <v>11</v>
      </c>
    </row>
    <row r="5261">
      <c r="A5261" s="1">
        <v>4.90402173E8</v>
      </c>
      <c r="B5261" s="2">
        <v>11933.0</v>
      </c>
      <c r="C5261" s="1" t="s">
        <v>5</v>
      </c>
      <c r="D5261" s="1" t="s">
        <v>4270</v>
      </c>
      <c r="E5261" s="1" t="s">
        <v>7</v>
      </c>
    </row>
    <row r="5262">
      <c r="A5262" s="1">
        <v>4.90402183E8</v>
      </c>
      <c r="B5262" s="2">
        <v>11955.0</v>
      </c>
      <c r="C5262" s="1" t="s">
        <v>5</v>
      </c>
      <c r="D5262" s="1" t="s">
        <v>4271</v>
      </c>
      <c r="E5262" s="1" t="s">
        <v>7</v>
      </c>
    </row>
    <row r="5263">
      <c r="A5263" s="1">
        <v>4.90402188E8</v>
      </c>
      <c r="B5263" s="2">
        <v>11917.0</v>
      </c>
      <c r="C5263" s="1" t="s">
        <v>5</v>
      </c>
      <c r="D5263" s="1" t="s">
        <v>4272</v>
      </c>
      <c r="E5263" s="1" t="s">
        <v>7</v>
      </c>
    </row>
    <row r="5264">
      <c r="A5264" s="1">
        <v>4.90402189E8</v>
      </c>
      <c r="B5264" s="2">
        <v>11953.0</v>
      </c>
      <c r="C5264" s="1" t="s">
        <v>5</v>
      </c>
      <c r="D5264" s="1" t="s">
        <v>4273</v>
      </c>
      <c r="E5264" s="1" t="s">
        <v>11</v>
      </c>
    </row>
    <row r="5265">
      <c r="A5265" s="1">
        <v>4.9040219E8</v>
      </c>
      <c r="B5265" s="2">
        <v>11950.0</v>
      </c>
      <c r="C5265" s="1" t="s">
        <v>5</v>
      </c>
      <c r="D5265" s="1" t="s">
        <v>4274</v>
      </c>
      <c r="E5265" s="1" t="s">
        <v>7</v>
      </c>
    </row>
    <row r="5266">
      <c r="A5266" s="1">
        <v>4.90402198E8</v>
      </c>
      <c r="B5266" s="2">
        <v>11955.0</v>
      </c>
      <c r="C5266" s="1" t="s">
        <v>5</v>
      </c>
      <c r="D5266" s="1" t="s">
        <v>4275</v>
      </c>
      <c r="E5266" s="1" t="s">
        <v>7</v>
      </c>
    </row>
    <row r="5267">
      <c r="A5267" s="1">
        <v>4.90402199E8</v>
      </c>
      <c r="B5267" s="2">
        <v>11955.0</v>
      </c>
      <c r="C5267" s="1" t="s">
        <v>5</v>
      </c>
      <c r="D5267" s="1" t="s">
        <v>11</v>
      </c>
      <c r="E5267" s="1" t="s">
        <v>7</v>
      </c>
    </row>
    <row r="5268">
      <c r="A5268" s="1">
        <v>4.90402203E8</v>
      </c>
      <c r="B5268" s="2">
        <v>11930.0</v>
      </c>
      <c r="C5268" s="1" t="s">
        <v>5</v>
      </c>
      <c r="D5268" s="1" t="s">
        <v>11</v>
      </c>
      <c r="E5268" s="1" t="s">
        <v>7</v>
      </c>
    </row>
    <row r="5269">
      <c r="A5269" s="1">
        <v>4.90402204E8</v>
      </c>
      <c r="B5269" s="2">
        <v>11920.0</v>
      </c>
      <c r="C5269" s="1" t="s">
        <v>5</v>
      </c>
      <c r="D5269" s="1" t="s">
        <v>4276</v>
      </c>
      <c r="E5269" s="1" t="s">
        <v>11</v>
      </c>
    </row>
    <row r="5270">
      <c r="A5270" s="1">
        <v>4.90402207E8</v>
      </c>
      <c r="B5270" s="2">
        <v>11923.0</v>
      </c>
      <c r="C5270" s="1" t="s">
        <v>5</v>
      </c>
      <c r="D5270" s="1" t="s">
        <v>4277</v>
      </c>
      <c r="E5270" s="1" t="s">
        <v>11</v>
      </c>
    </row>
    <row r="5271">
      <c r="A5271" s="1">
        <v>4.90402208E8</v>
      </c>
      <c r="B5271" s="2">
        <v>11915.0</v>
      </c>
      <c r="C5271" s="1" t="s">
        <v>5</v>
      </c>
      <c r="D5271" s="1" t="s">
        <v>4278</v>
      </c>
      <c r="E5271" s="1" t="s">
        <v>7</v>
      </c>
    </row>
    <row r="5272">
      <c r="A5272" s="1">
        <v>4.90402213E8</v>
      </c>
      <c r="B5272" s="2">
        <v>11933.0</v>
      </c>
      <c r="C5272" s="1" t="s">
        <v>5</v>
      </c>
      <c r="D5272" s="1" t="s">
        <v>4279</v>
      </c>
      <c r="E5272" s="1" t="s">
        <v>11</v>
      </c>
    </row>
    <row r="5273">
      <c r="A5273" s="1">
        <v>4.90402218E8</v>
      </c>
      <c r="B5273" s="2">
        <v>11955.0</v>
      </c>
      <c r="C5273" s="1" t="s">
        <v>5</v>
      </c>
      <c r="D5273" s="1" t="s">
        <v>4280</v>
      </c>
      <c r="E5273" s="1" t="s">
        <v>7</v>
      </c>
    </row>
    <row r="5274">
      <c r="A5274" s="1">
        <v>4.90402219E8</v>
      </c>
      <c r="B5274" s="2">
        <v>11922.0</v>
      </c>
      <c r="C5274" s="1" t="s">
        <v>5</v>
      </c>
      <c r="D5274" s="1" t="s">
        <v>11</v>
      </c>
      <c r="E5274" s="1" t="s">
        <v>7</v>
      </c>
    </row>
    <row r="5275">
      <c r="A5275" s="1">
        <v>4.9040222E8</v>
      </c>
      <c r="B5275" s="2">
        <v>11950.0</v>
      </c>
      <c r="C5275" s="1" t="s">
        <v>5</v>
      </c>
      <c r="D5275" s="1" t="s">
        <v>4281</v>
      </c>
      <c r="E5275" s="1" t="s">
        <v>11</v>
      </c>
    </row>
    <row r="5276">
      <c r="A5276" s="1">
        <v>4.90402223E8</v>
      </c>
      <c r="B5276" s="2">
        <v>11955.0</v>
      </c>
      <c r="C5276" s="1" t="s">
        <v>5</v>
      </c>
      <c r="D5276" s="1" t="s">
        <v>4282</v>
      </c>
      <c r="E5276" s="1" t="s">
        <v>11</v>
      </c>
    </row>
    <row r="5277">
      <c r="A5277" s="1">
        <v>4.90402224E8</v>
      </c>
      <c r="B5277" s="2">
        <v>11923.0</v>
      </c>
      <c r="C5277" s="1" t="s">
        <v>5</v>
      </c>
      <c r="D5277" s="1" t="s">
        <v>4283</v>
      </c>
      <c r="E5277" s="1" t="s">
        <v>7</v>
      </c>
    </row>
    <row r="5278">
      <c r="A5278" s="1">
        <v>4.90402226E8</v>
      </c>
      <c r="B5278" s="2">
        <v>11921.0</v>
      </c>
      <c r="C5278" s="1" t="s">
        <v>5</v>
      </c>
      <c r="D5278" s="1" t="s">
        <v>4284</v>
      </c>
      <c r="E5278" s="1" t="s">
        <v>7</v>
      </c>
    </row>
    <row r="5279">
      <c r="A5279" s="1">
        <v>4.90402233E8</v>
      </c>
      <c r="B5279" s="2">
        <v>11915.0</v>
      </c>
      <c r="C5279" s="1" t="s">
        <v>5</v>
      </c>
      <c r="D5279" s="1" t="s">
        <v>4285</v>
      </c>
      <c r="E5279" s="1" t="s">
        <v>7</v>
      </c>
    </row>
    <row r="5280">
      <c r="A5280" s="1">
        <v>4.90402248E8</v>
      </c>
      <c r="B5280" s="2">
        <v>11916.0</v>
      </c>
      <c r="C5280" s="1" t="s">
        <v>5</v>
      </c>
      <c r="D5280" s="1" t="s">
        <v>4286</v>
      </c>
      <c r="E5280" s="1" t="s">
        <v>7</v>
      </c>
    </row>
    <row r="5281">
      <c r="A5281" s="1">
        <v>4.90402255E8</v>
      </c>
      <c r="B5281" s="2">
        <v>11955.0</v>
      </c>
      <c r="C5281" s="1" t="s">
        <v>5</v>
      </c>
      <c r="D5281" s="1" t="s">
        <v>11</v>
      </c>
      <c r="E5281" s="1" t="s">
        <v>7</v>
      </c>
    </row>
    <row r="5282">
      <c r="A5282" s="1">
        <v>4.90402265E8</v>
      </c>
      <c r="B5282" s="2">
        <v>11922.0</v>
      </c>
      <c r="C5282" s="1" t="s">
        <v>5</v>
      </c>
      <c r="D5282" s="1" t="s">
        <v>4287</v>
      </c>
      <c r="E5282" s="1" t="s">
        <v>4288</v>
      </c>
    </row>
    <row r="5283">
      <c r="A5283" s="1">
        <v>4.90402267E8</v>
      </c>
      <c r="B5283" s="2">
        <v>11929.0</v>
      </c>
      <c r="C5283" s="1" t="s">
        <v>5</v>
      </c>
      <c r="D5283" s="1" t="s">
        <v>4289</v>
      </c>
      <c r="E5283" s="1" t="s">
        <v>11</v>
      </c>
    </row>
    <row r="5284">
      <c r="A5284" s="1">
        <v>4.90402268E8</v>
      </c>
      <c r="B5284" s="2">
        <v>11920.0</v>
      </c>
      <c r="C5284" s="1" t="s">
        <v>5</v>
      </c>
      <c r="D5284" s="1" t="s">
        <v>4290</v>
      </c>
      <c r="E5284" s="1" t="s">
        <v>7</v>
      </c>
    </row>
    <row r="5285">
      <c r="A5285" s="1">
        <v>4.90402272E8</v>
      </c>
      <c r="B5285" s="2">
        <v>11923.0</v>
      </c>
      <c r="C5285" s="1" t="s">
        <v>5</v>
      </c>
      <c r="D5285" s="1" t="s">
        <v>4291</v>
      </c>
      <c r="E5285" s="1" t="s">
        <v>11</v>
      </c>
    </row>
    <row r="5286">
      <c r="A5286" s="1">
        <v>4.90402273E8</v>
      </c>
      <c r="B5286" s="2">
        <v>11955.0</v>
      </c>
      <c r="C5286" s="1" t="s">
        <v>5</v>
      </c>
      <c r="D5286" s="1" t="s">
        <v>4292</v>
      </c>
      <c r="E5286" s="1" t="s">
        <v>11</v>
      </c>
    </row>
    <row r="5287">
      <c r="A5287" s="1">
        <v>4.90402276E8</v>
      </c>
      <c r="B5287" s="2">
        <v>11929.0</v>
      </c>
      <c r="C5287" s="1" t="s">
        <v>5</v>
      </c>
      <c r="D5287" s="1" t="s">
        <v>4293</v>
      </c>
      <c r="E5287" s="1" t="s">
        <v>7</v>
      </c>
    </row>
    <row r="5288">
      <c r="A5288" s="1">
        <v>4.90402282E8</v>
      </c>
      <c r="B5288" s="2">
        <v>11953.0</v>
      </c>
      <c r="C5288" s="1" t="s">
        <v>5</v>
      </c>
      <c r="D5288" s="1" t="s">
        <v>4294</v>
      </c>
      <c r="E5288" s="1" t="s">
        <v>7</v>
      </c>
    </row>
    <row r="5289">
      <c r="A5289" s="1">
        <v>4.90402286E8</v>
      </c>
      <c r="B5289" s="2">
        <v>11955.0</v>
      </c>
      <c r="C5289" s="1" t="s">
        <v>5</v>
      </c>
      <c r="D5289" s="1" t="s">
        <v>4295</v>
      </c>
      <c r="E5289" s="1" t="s">
        <v>7</v>
      </c>
    </row>
    <row r="5290">
      <c r="A5290" s="1">
        <v>4.90402288E8</v>
      </c>
      <c r="B5290" s="2">
        <v>11953.0</v>
      </c>
      <c r="C5290" s="1" t="s">
        <v>5</v>
      </c>
      <c r="D5290" s="1" t="s">
        <v>4296</v>
      </c>
      <c r="E5290" s="1" t="s">
        <v>11</v>
      </c>
    </row>
    <row r="5291">
      <c r="A5291" s="1">
        <v>4.9040229E8</v>
      </c>
      <c r="B5291" s="2">
        <v>11955.0</v>
      </c>
      <c r="C5291" s="1" t="s">
        <v>5</v>
      </c>
      <c r="D5291" s="1" t="s">
        <v>4297</v>
      </c>
      <c r="E5291" s="1" t="s">
        <v>7</v>
      </c>
    </row>
    <row r="5292">
      <c r="A5292" s="1">
        <v>4.90402293E8</v>
      </c>
      <c r="B5292" s="2">
        <v>11948.0</v>
      </c>
      <c r="C5292" s="1" t="s">
        <v>5</v>
      </c>
      <c r="D5292" s="1" t="s">
        <v>11</v>
      </c>
      <c r="E5292" s="1" t="s">
        <v>7</v>
      </c>
    </row>
    <row r="5293">
      <c r="A5293" s="1">
        <v>4.90402298E8</v>
      </c>
      <c r="B5293" s="2">
        <v>11916.0</v>
      </c>
      <c r="C5293" s="1" t="s">
        <v>5</v>
      </c>
      <c r="D5293" s="1" t="s">
        <v>11</v>
      </c>
      <c r="E5293" s="1" t="s">
        <v>7</v>
      </c>
    </row>
    <row r="5294">
      <c r="A5294" s="1">
        <v>4.90402301E8</v>
      </c>
      <c r="B5294" s="2">
        <v>11921.0</v>
      </c>
      <c r="C5294" s="1" t="s">
        <v>5</v>
      </c>
      <c r="D5294" s="1" t="s">
        <v>4298</v>
      </c>
      <c r="E5294" s="1" t="s">
        <v>7</v>
      </c>
    </row>
    <row r="5295">
      <c r="A5295" s="1">
        <v>4.90402304E8</v>
      </c>
      <c r="B5295" s="2">
        <v>11921.0</v>
      </c>
      <c r="C5295" s="1" t="s">
        <v>5</v>
      </c>
      <c r="D5295" s="1" t="s">
        <v>11</v>
      </c>
      <c r="E5295" s="1" t="s">
        <v>7</v>
      </c>
    </row>
    <row r="5296">
      <c r="A5296" s="1">
        <v>4.90402307E8</v>
      </c>
      <c r="B5296" s="2">
        <v>11953.0</v>
      </c>
      <c r="C5296" s="1" t="s">
        <v>5</v>
      </c>
      <c r="D5296" s="1" t="s">
        <v>4299</v>
      </c>
      <c r="E5296" s="1" t="s">
        <v>4300</v>
      </c>
    </row>
    <row r="5297">
      <c r="A5297" s="1">
        <v>4.9040232E8</v>
      </c>
      <c r="B5297" s="2">
        <v>11955.0</v>
      </c>
      <c r="C5297" s="1" t="s">
        <v>5</v>
      </c>
      <c r="D5297" s="1" t="s">
        <v>4301</v>
      </c>
      <c r="E5297" s="1" t="s">
        <v>7</v>
      </c>
    </row>
    <row r="5298">
      <c r="A5298" s="1">
        <v>4.9040234E8</v>
      </c>
      <c r="B5298" s="2">
        <v>11919.0</v>
      </c>
      <c r="C5298" s="1" t="s">
        <v>5</v>
      </c>
      <c r="D5298" s="1" t="s">
        <v>4302</v>
      </c>
      <c r="E5298" s="1" t="s">
        <v>7</v>
      </c>
    </row>
    <row r="5299">
      <c r="A5299" s="1">
        <v>4.90402359E8</v>
      </c>
      <c r="B5299" s="2">
        <v>11924.0</v>
      </c>
      <c r="C5299" s="1" t="s">
        <v>5</v>
      </c>
      <c r="D5299" s="1" t="s">
        <v>4303</v>
      </c>
      <c r="E5299" s="1" t="s">
        <v>11</v>
      </c>
    </row>
    <row r="5300">
      <c r="A5300" s="1">
        <v>4.90402364E8</v>
      </c>
      <c r="B5300" s="2">
        <v>11919.0</v>
      </c>
      <c r="C5300" s="1" t="s">
        <v>5</v>
      </c>
      <c r="D5300" s="1" t="s">
        <v>4304</v>
      </c>
      <c r="E5300" s="1" t="s">
        <v>4305</v>
      </c>
    </row>
    <row r="5301">
      <c r="A5301" s="1">
        <v>4.90402365E8</v>
      </c>
      <c r="B5301" s="2">
        <v>11921.0</v>
      </c>
      <c r="C5301" s="1" t="s">
        <v>5</v>
      </c>
      <c r="D5301" s="1" t="s">
        <v>11</v>
      </c>
      <c r="E5301" s="1" t="s">
        <v>7</v>
      </c>
    </row>
    <row r="5302">
      <c r="A5302" s="1">
        <v>4.90402366E8</v>
      </c>
      <c r="B5302" s="2">
        <v>11950.0</v>
      </c>
      <c r="C5302" s="1" t="s">
        <v>5</v>
      </c>
      <c r="D5302" s="1" t="s">
        <v>11</v>
      </c>
      <c r="E5302" s="1" t="s">
        <v>7</v>
      </c>
    </row>
    <row r="5303">
      <c r="A5303" s="1">
        <v>4.90402368E8</v>
      </c>
      <c r="B5303" s="2">
        <v>11948.0</v>
      </c>
      <c r="C5303" s="1" t="s">
        <v>5</v>
      </c>
      <c r="D5303" s="1" t="s">
        <v>11</v>
      </c>
      <c r="E5303" s="1" t="s">
        <v>7</v>
      </c>
    </row>
    <row r="5304">
      <c r="A5304" s="1">
        <v>4.90402373E8</v>
      </c>
      <c r="B5304" s="2">
        <v>11929.0</v>
      </c>
      <c r="C5304" s="1" t="s">
        <v>5</v>
      </c>
      <c r="D5304" s="1" t="s">
        <v>4306</v>
      </c>
      <c r="E5304" s="1" t="s">
        <v>11</v>
      </c>
    </row>
    <row r="5305">
      <c r="A5305" s="1">
        <v>4.90402393E8</v>
      </c>
      <c r="B5305" s="2">
        <v>11954.0</v>
      </c>
      <c r="C5305" s="1" t="s">
        <v>5</v>
      </c>
      <c r="D5305" s="1" t="s">
        <v>4307</v>
      </c>
      <c r="E5305" s="1" t="s">
        <v>11</v>
      </c>
    </row>
    <row r="5306">
      <c r="A5306" s="1">
        <v>4.90402402E8</v>
      </c>
      <c r="B5306" s="2">
        <v>11949.0</v>
      </c>
      <c r="C5306" s="1" t="s">
        <v>5</v>
      </c>
      <c r="D5306" s="1" t="s">
        <v>4308</v>
      </c>
      <c r="E5306" s="1" t="s">
        <v>7</v>
      </c>
    </row>
    <row r="5307">
      <c r="A5307" s="1">
        <v>4.90402403E8</v>
      </c>
      <c r="B5307" s="2">
        <v>11947.0</v>
      </c>
      <c r="C5307" s="1" t="s">
        <v>5</v>
      </c>
      <c r="D5307" s="1" t="s">
        <v>4309</v>
      </c>
      <c r="E5307" s="1" t="s">
        <v>4310</v>
      </c>
    </row>
    <row r="5308">
      <c r="A5308" s="1">
        <v>4.90402404E8</v>
      </c>
      <c r="B5308" s="2">
        <v>11919.0</v>
      </c>
      <c r="C5308" s="1" t="s">
        <v>5</v>
      </c>
      <c r="D5308" s="1" t="s">
        <v>4311</v>
      </c>
      <c r="E5308" s="1" t="s">
        <v>7</v>
      </c>
    </row>
    <row r="5309">
      <c r="A5309" s="1">
        <v>4.90402405E8</v>
      </c>
      <c r="B5309" s="2">
        <v>11953.0</v>
      </c>
      <c r="C5309" s="1" t="s">
        <v>5</v>
      </c>
      <c r="D5309" s="1" t="s">
        <v>4312</v>
      </c>
      <c r="E5309" s="1" t="s">
        <v>11</v>
      </c>
    </row>
    <row r="5310">
      <c r="A5310" s="1">
        <v>4.90402407E8</v>
      </c>
      <c r="B5310" s="2">
        <v>11953.0</v>
      </c>
      <c r="C5310" s="1" t="s">
        <v>5</v>
      </c>
      <c r="D5310" s="1" t="s">
        <v>4313</v>
      </c>
      <c r="E5310" s="1" t="s">
        <v>7</v>
      </c>
    </row>
    <row r="5311">
      <c r="A5311" s="1">
        <v>4.90402408E8</v>
      </c>
      <c r="B5311" s="2">
        <v>11929.0</v>
      </c>
      <c r="C5311" s="1" t="s">
        <v>5</v>
      </c>
      <c r="D5311" s="1" t="s">
        <v>11</v>
      </c>
      <c r="E5311" s="1" t="s">
        <v>7</v>
      </c>
    </row>
    <row r="5312">
      <c r="A5312" s="1">
        <v>4.90402413E8</v>
      </c>
      <c r="B5312" s="2">
        <v>11921.0</v>
      </c>
      <c r="C5312" s="1" t="s">
        <v>5</v>
      </c>
      <c r="D5312" s="1" t="s">
        <v>4314</v>
      </c>
      <c r="E5312" s="1" t="s">
        <v>7</v>
      </c>
    </row>
    <row r="5313">
      <c r="A5313" s="1">
        <v>4.90402436E8</v>
      </c>
      <c r="B5313" s="2">
        <v>11947.0</v>
      </c>
      <c r="C5313" s="1" t="s">
        <v>5</v>
      </c>
      <c r="D5313" s="1" t="s">
        <v>4315</v>
      </c>
      <c r="E5313" s="1" t="s">
        <v>11</v>
      </c>
    </row>
    <row r="5314">
      <c r="A5314" s="1">
        <v>4.90402439E8</v>
      </c>
      <c r="B5314" s="2">
        <v>11918.0</v>
      </c>
      <c r="C5314" s="1" t="s">
        <v>5</v>
      </c>
      <c r="D5314" s="1" t="s">
        <v>4316</v>
      </c>
      <c r="E5314" s="1" t="s">
        <v>4317</v>
      </c>
    </row>
    <row r="5315">
      <c r="A5315" s="1">
        <v>4.90402443E8</v>
      </c>
      <c r="B5315" s="2">
        <v>11955.0</v>
      </c>
      <c r="C5315" s="1" t="s">
        <v>5</v>
      </c>
      <c r="D5315" s="1" t="s">
        <v>4318</v>
      </c>
      <c r="E5315" s="1" t="s">
        <v>11</v>
      </c>
    </row>
    <row r="5316">
      <c r="A5316" s="1">
        <v>4.90402445E8</v>
      </c>
      <c r="B5316" s="2">
        <v>11929.0</v>
      </c>
      <c r="C5316" s="1" t="s">
        <v>5</v>
      </c>
      <c r="D5316" s="1" t="s">
        <v>4319</v>
      </c>
      <c r="E5316" s="1" t="s">
        <v>11</v>
      </c>
    </row>
    <row r="5317">
      <c r="A5317" s="1">
        <v>4.90402447E8</v>
      </c>
      <c r="B5317" s="2">
        <v>11921.0</v>
      </c>
      <c r="C5317" s="1" t="s">
        <v>5</v>
      </c>
      <c r="D5317" s="1" t="s">
        <v>4320</v>
      </c>
      <c r="E5317" s="1" t="s">
        <v>7</v>
      </c>
    </row>
    <row r="5318">
      <c r="A5318" s="1">
        <v>4.9040245E8</v>
      </c>
      <c r="B5318" s="2">
        <v>11919.0</v>
      </c>
      <c r="C5318" s="1" t="s">
        <v>5</v>
      </c>
      <c r="D5318" s="1" t="s">
        <v>4321</v>
      </c>
      <c r="E5318" s="1" t="s">
        <v>11</v>
      </c>
    </row>
    <row r="5319">
      <c r="A5319" s="1">
        <v>4.90402456E8</v>
      </c>
      <c r="B5319" s="2">
        <v>11954.0</v>
      </c>
      <c r="C5319" s="1" t="s">
        <v>5</v>
      </c>
      <c r="D5319" s="1" t="s">
        <v>4322</v>
      </c>
      <c r="E5319" s="1" t="s">
        <v>7</v>
      </c>
    </row>
    <row r="5320">
      <c r="A5320" s="1">
        <v>4.90402474E8</v>
      </c>
      <c r="B5320" s="2">
        <v>11948.0</v>
      </c>
      <c r="C5320" s="1" t="s">
        <v>5</v>
      </c>
      <c r="D5320" s="1" t="s">
        <v>11</v>
      </c>
      <c r="E5320" s="1" t="s">
        <v>7</v>
      </c>
    </row>
    <row r="5321">
      <c r="A5321" s="1">
        <v>4.90402479E8</v>
      </c>
      <c r="B5321" s="2">
        <v>11929.0</v>
      </c>
      <c r="C5321" s="1" t="s">
        <v>5</v>
      </c>
      <c r="D5321" s="1" t="s">
        <v>11</v>
      </c>
      <c r="E5321" s="1" t="s">
        <v>7</v>
      </c>
    </row>
    <row r="5322">
      <c r="A5322" s="1">
        <v>4.90402481E8</v>
      </c>
      <c r="B5322" s="2">
        <v>11949.0</v>
      </c>
      <c r="C5322" s="1" t="s">
        <v>5</v>
      </c>
      <c r="D5322" s="1" t="s">
        <v>4323</v>
      </c>
      <c r="E5322" s="1" t="s">
        <v>11</v>
      </c>
    </row>
    <row r="5323">
      <c r="A5323" s="1">
        <v>4.90402483E8</v>
      </c>
      <c r="B5323" s="2">
        <v>11920.0</v>
      </c>
      <c r="C5323" s="1" t="s">
        <v>5</v>
      </c>
      <c r="D5323" s="1" t="s">
        <v>4324</v>
      </c>
      <c r="E5323" s="1" t="s">
        <v>4325</v>
      </c>
    </row>
    <row r="5324">
      <c r="A5324" s="1">
        <v>4.90402492E8</v>
      </c>
      <c r="B5324" s="2">
        <v>11916.0</v>
      </c>
      <c r="C5324" s="1" t="s">
        <v>5</v>
      </c>
      <c r="D5324" s="1" t="s">
        <v>4326</v>
      </c>
      <c r="E5324" s="1" t="s">
        <v>11</v>
      </c>
    </row>
    <row r="5325">
      <c r="A5325" s="1">
        <v>4.90402496E8</v>
      </c>
      <c r="B5325" s="2">
        <v>11949.0</v>
      </c>
      <c r="C5325" s="1" t="s">
        <v>5</v>
      </c>
      <c r="D5325" s="1" t="s">
        <v>4327</v>
      </c>
      <c r="E5325" s="1" t="s">
        <v>7</v>
      </c>
    </row>
    <row r="5326">
      <c r="A5326" s="1">
        <v>4.90402497E8</v>
      </c>
      <c r="B5326" s="2">
        <v>11913.0</v>
      </c>
      <c r="C5326" s="1" t="s">
        <v>5</v>
      </c>
      <c r="D5326" s="1" t="s">
        <v>4328</v>
      </c>
      <c r="E5326" s="1" t="s">
        <v>11</v>
      </c>
    </row>
    <row r="5327">
      <c r="A5327" s="1">
        <v>4.904025E8</v>
      </c>
      <c r="B5327" s="2">
        <v>11950.0</v>
      </c>
      <c r="C5327" s="1" t="s">
        <v>5</v>
      </c>
      <c r="D5327" s="1" t="s">
        <v>4329</v>
      </c>
      <c r="E5327" s="1" t="s">
        <v>7</v>
      </c>
    </row>
    <row r="5328">
      <c r="A5328" s="1">
        <v>4.90402501E8</v>
      </c>
      <c r="B5328" s="2">
        <v>11920.0</v>
      </c>
      <c r="C5328" s="1" t="s">
        <v>5</v>
      </c>
      <c r="D5328" s="1" t="s">
        <v>4330</v>
      </c>
      <c r="E5328" s="1" t="s">
        <v>7</v>
      </c>
    </row>
    <row r="5329">
      <c r="A5329" s="1">
        <v>4.90402504E8</v>
      </c>
      <c r="B5329" s="2">
        <v>11948.0</v>
      </c>
      <c r="C5329" s="1" t="s">
        <v>5</v>
      </c>
      <c r="D5329" s="1" t="s">
        <v>4331</v>
      </c>
      <c r="E5329" s="1" t="s">
        <v>7</v>
      </c>
    </row>
    <row r="5330">
      <c r="A5330" s="1">
        <v>4.90402518E8</v>
      </c>
      <c r="B5330" s="2">
        <v>11954.0</v>
      </c>
      <c r="C5330" s="1" t="s">
        <v>5</v>
      </c>
      <c r="D5330" s="1" t="s">
        <v>4332</v>
      </c>
      <c r="E5330" s="1" t="s">
        <v>11</v>
      </c>
    </row>
    <row r="5331">
      <c r="A5331" s="1">
        <v>4.90402523E8</v>
      </c>
      <c r="B5331" s="2">
        <v>11955.0</v>
      </c>
      <c r="C5331" s="1" t="s">
        <v>5</v>
      </c>
      <c r="D5331" s="1" t="s">
        <v>11</v>
      </c>
      <c r="E5331" s="1" t="s">
        <v>7</v>
      </c>
    </row>
    <row r="5332">
      <c r="A5332" s="1">
        <v>4.90402525E8</v>
      </c>
      <c r="B5332" s="2">
        <v>11918.0</v>
      </c>
      <c r="C5332" s="1" t="s">
        <v>5</v>
      </c>
      <c r="D5332" s="1" t="s">
        <v>11</v>
      </c>
      <c r="E5332" s="1" t="s">
        <v>7</v>
      </c>
    </row>
    <row r="5333">
      <c r="A5333" s="1">
        <v>4.90402533E8</v>
      </c>
      <c r="B5333" s="2">
        <v>11928.0</v>
      </c>
      <c r="C5333" s="1" t="s">
        <v>5</v>
      </c>
      <c r="D5333" s="1" t="s">
        <v>4333</v>
      </c>
      <c r="E5333" s="1" t="s">
        <v>7</v>
      </c>
    </row>
    <row r="5334">
      <c r="A5334" s="1">
        <v>4.90402534E8</v>
      </c>
      <c r="B5334" s="2">
        <v>11916.0</v>
      </c>
      <c r="C5334" s="1" t="s">
        <v>5</v>
      </c>
      <c r="D5334" s="1" t="s">
        <v>11</v>
      </c>
      <c r="E5334" s="1" t="s">
        <v>7</v>
      </c>
    </row>
    <row r="5335">
      <c r="A5335" s="1">
        <v>4.90402535E8</v>
      </c>
      <c r="B5335" s="2">
        <v>11946.0</v>
      </c>
      <c r="C5335" s="1" t="s">
        <v>5</v>
      </c>
      <c r="D5335" s="1" t="s">
        <v>4334</v>
      </c>
      <c r="E5335" s="1" t="s">
        <v>11</v>
      </c>
    </row>
    <row r="5336">
      <c r="A5336" s="1">
        <v>4.90402545E8</v>
      </c>
      <c r="B5336" s="2">
        <v>11954.0</v>
      </c>
      <c r="C5336" s="1" t="s">
        <v>5</v>
      </c>
      <c r="D5336" s="1" t="s">
        <v>11</v>
      </c>
      <c r="E5336" s="1" t="s">
        <v>7</v>
      </c>
    </row>
    <row r="5337">
      <c r="A5337" s="1">
        <v>4.90402548E8</v>
      </c>
      <c r="B5337" s="2">
        <v>11916.0</v>
      </c>
      <c r="C5337" s="1" t="s">
        <v>5</v>
      </c>
      <c r="D5337" s="1" t="s">
        <v>11</v>
      </c>
      <c r="E5337" s="1" t="s">
        <v>7</v>
      </c>
    </row>
    <row r="5338">
      <c r="A5338" s="1">
        <v>4.90402555E8</v>
      </c>
      <c r="B5338" s="2">
        <v>11928.0</v>
      </c>
      <c r="C5338" s="1" t="s">
        <v>5</v>
      </c>
      <c r="D5338" s="1" t="s">
        <v>4335</v>
      </c>
      <c r="E5338" s="1" t="s">
        <v>11</v>
      </c>
    </row>
    <row r="5339">
      <c r="A5339" s="1">
        <v>4.90402557E8</v>
      </c>
      <c r="B5339" s="2">
        <v>11949.0</v>
      </c>
      <c r="C5339" s="1" t="s">
        <v>5</v>
      </c>
      <c r="D5339" s="1" t="s">
        <v>4336</v>
      </c>
      <c r="E5339" s="1" t="s">
        <v>7</v>
      </c>
    </row>
    <row r="5340">
      <c r="A5340" s="1">
        <v>4.90402567E8</v>
      </c>
      <c r="B5340" s="2">
        <v>11928.0</v>
      </c>
      <c r="C5340" s="1" t="s">
        <v>5</v>
      </c>
      <c r="D5340" s="1" t="s">
        <v>4337</v>
      </c>
      <c r="E5340" s="1" t="s">
        <v>11</v>
      </c>
    </row>
    <row r="5341">
      <c r="A5341" s="1">
        <v>4.9040258E8</v>
      </c>
      <c r="B5341" s="2">
        <v>11955.0</v>
      </c>
      <c r="C5341" s="1" t="s">
        <v>5</v>
      </c>
      <c r="D5341" s="1" t="s">
        <v>4338</v>
      </c>
      <c r="E5341" s="1" t="s">
        <v>11</v>
      </c>
    </row>
    <row r="5342">
      <c r="A5342" s="1">
        <v>4.90402584E8</v>
      </c>
      <c r="B5342" s="2">
        <v>11953.0</v>
      </c>
      <c r="C5342" s="1" t="s">
        <v>5</v>
      </c>
      <c r="D5342" s="1" t="s">
        <v>4339</v>
      </c>
      <c r="E5342" s="1" t="s">
        <v>11</v>
      </c>
    </row>
    <row r="5343">
      <c r="A5343" s="1">
        <v>4.90402588E8</v>
      </c>
      <c r="B5343" s="2">
        <v>11921.0</v>
      </c>
      <c r="C5343" s="1" t="s">
        <v>5</v>
      </c>
      <c r="D5343" s="1" t="s">
        <v>4340</v>
      </c>
      <c r="E5343" s="1" t="s">
        <v>7</v>
      </c>
    </row>
    <row r="5344">
      <c r="A5344" s="1">
        <v>4.9040259E8</v>
      </c>
      <c r="B5344" s="2">
        <v>11922.0</v>
      </c>
      <c r="C5344" s="1" t="s">
        <v>5</v>
      </c>
      <c r="D5344" s="1" t="s">
        <v>4341</v>
      </c>
      <c r="E5344" s="1" t="s">
        <v>11</v>
      </c>
    </row>
    <row r="5345">
      <c r="A5345" s="1">
        <v>4.90402595E8</v>
      </c>
      <c r="B5345" s="2">
        <v>11915.0</v>
      </c>
      <c r="C5345" s="1" t="s">
        <v>5</v>
      </c>
      <c r="D5345" s="1" t="s">
        <v>11</v>
      </c>
      <c r="E5345" s="1" t="s">
        <v>7</v>
      </c>
    </row>
    <row r="5346">
      <c r="A5346" s="1">
        <v>4.90402596E8</v>
      </c>
      <c r="B5346" s="2">
        <v>11953.0</v>
      </c>
      <c r="C5346" s="1" t="s">
        <v>5</v>
      </c>
      <c r="D5346" s="1" t="s">
        <v>4342</v>
      </c>
      <c r="E5346" s="1" t="s">
        <v>7</v>
      </c>
    </row>
    <row r="5347">
      <c r="A5347" s="1">
        <v>4.90402608E8</v>
      </c>
      <c r="B5347" s="2">
        <v>11923.0</v>
      </c>
      <c r="C5347" s="1" t="s">
        <v>5</v>
      </c>
      <c r="D5347" s="1" t="s">
        <v>4343</v>
      </c>
      <c r="E5347" s="1" t="s">
        <v>7</v>
      </c>
    </row>
    <row r="5348">
      <c r="A5348" s="1">
        <v>4.90402613E8</v>
      </c>
      <c r="B5348" s="2">
        <v>11928.0</v>
      </c>
      <c r="C5348" s="1" t="s">
        <v>5</v>
      </c>
      <c r="D5348" s="1" t="s">
        <v>4344</v>
      </c>
      <c r="E5348" s="1" t="s">
        <v>7</v>
      </c>
    </row>
    <row r="5349">
      <c r="A5349" s="1">
        <v>4.90402628E8</v>
      </c>
      <c r="B5349" s="2">
        <v>11952.0</v>
      </c>
      <c r="C5349" s="1" t="s">
        <v>5</v>
      </c>
      <c r="D5349" s="1" t="s">
        <v>4345</v>
      </c>
      <c r="E5349" s="1" t="s">
        <v>11</v>
      </c>
    </row>
    <row r="5350">
      <c r="A5350" s="1">
        <v>4.90402629E8</v>
      </c>
      <c r="B5350" s="2">
        <v>11928.0</v>
      </c>
      <c r="C5350" s="1" t="s">
        <v>5</v>
      </c>
      <c r="D5350" s="1" t="s">
        <v>4346</v>
      </c>
      <c r="E5350" s="1" t="s">
        <v>7</v>
      </c>
    </row>
    <row r="5351">
      <c r="A5351" s="1">
        <v>4.90402634E8</v>
      </c>
      <c r="B5351" s="2">
        <v>11954.0</v>
      </c>
      <c r="C5351" s="1" t="s">
        <v>5</v>
      </c>
      <c r="D5351" s="1" t="s">
        <v>4347</v>
      </c>
      <c r="E5351" s="1" t="s">
        <v>7</v>
      </c>
    </row>
    <row r="5352">
      <c r="A5352" s="1">
        <v>4.90402636E8</v>
      </c>
      <c r="B5352" s="2">
        <v>11913.0</v>
      </c>
      <c r="C5352" s="1" t="s">
        <v>5</v>
      </c>
      <c r="D5352" s="1" t="s">
        <v>4348</v>
      </c>
      <c r="E5352" s="1" t="s">
        <v>7</v>
      </c>
    </row>
    <row r="5353">
      <c r="A5353" s="1">
        <v>4.90402637E8</v>
      </c>
      <c r="B5353" s="2">
        <v>11921.0</v>
      </c>
      <c r="C5353" s="1" t="s">
        <v>5</v>
      </c>
      <c r="D5353" s="1" t="s">
        <v>4349</v>
      </c>
      <c r="E5353" s="1" t="s">
        <v>7</v>
      </c>
    </row>
    <row r="5354">
      <c r="A5354" s="1">
        <v>4.90402641E8</v>
      </c>
      <c r="B5354" s="2">
        <v>11948.0</v>
      </c>
      <c r="C5354" s="1" t="s">
        <v>5</v>
      </c>
      <c r="D5354" s="1" t="s">
        <v>4350</v>
      </c>
      <c r="E5354" s="1" t="s">
        <v>11</v>
      </c>
    </row>
    <row r="5355">
      <c r="A5355" s="1">
        <v>4.90402642E8</v>
      </c>
      <c r="B5355" s="2">
        <v>11953.0</v>
      </c>
      <c r="C5355" s="1" t="s">
        <v>5</v>
      </c>
      <c r="D5355" s="1" t="s">
        <v>11</v>
      </c>
      <c r="E5355" s="1" t="s">
        <v>7</v>
      </c>
    </row>
    <row r="5356">
      <c r="A5356" s="1">
        <v>4.90402645E8</v>
      </c>
      <c r="B5356" s="2">
        <v>11953.0</v>
      </c>
      <c r="C5356" s="1" t="s">
        <v>5</v>
      </c>
      <c r="D5356" s="1" t="s">
        <v>4351</v>
      </c>
      <c r="E5356" s="1" t="s">
        <v>7</v>
      </c>
    </row>
    <row r="5357">
      <c r="A5357" s="1">
        <v>4.90402648E8</v>
      </c>
      <c r="B5357" s="2">
        <v>11955.0</v>
      </c>
      <c r="C5357" s="1" t="s">
        <v>5</v>
      </c>
      <c r="D5357" s="1" t="s">
        <v>4352</v>
      </c>
      <c r="E5357" s="1" t="s">
        <v>11</v>
      </c>
    </row>
    <row r="5358">
      <c r="A5358" s="1">
        <v>4.90402653E8</v>
      </c>
      <c r="B5358" s="2">
        <v>11920.0</v>
      </c>
      <c r="C5358" s="1" t="s">
        <v>5</v>
      </c>
      <c r="D5358" s="1" t="s">
        <v>4353</v>
      </c>
      <c r="E5358" s="1" t="s">
        <v>7</v>
      </c>
    </row>
    <row r="5359">
      <c r="A5359" s="1">
        <v>4.90402656E8</v>
      </c>
      <c r="B5359" s="2">
        <v>11920.0</v>
      </c>
      <c r="C5359" s="1" t="s">
        <v>5</v>
      </c>
      <c r="D5359" s="1" t="s">
        <v>11</v>
      </c>
      <c r="E5359" s="1" t="s">
        <v>7</v>
      </c>
    </row>
    <row r="5360">
      <c r="A5360" s="1">
        <v>4.90402664E8</v>
      </c>
      <c r="B5360" s="2">
        <v>11916.0</v>
      </c>
      <c r="C5360" s="1" t="s">
        <v>5</v>
      </c>
      <c r="D5360" s="1" t="s">
        <v>11</v>
      </c>
      <c r="E5360" s="1" t="s">
        <v>7</v>
      </c>
    </row>
    <row r="5361">
      <c r="A5361" s="1">
        <v>4.90402684E8</v>
      </c>
      <c r="B5361" s="2">
        <v>11920.0</v>
      </c>
      <c r="C5361" s="1" t="s">
        <v>5</v>
      </c>
      <c r="D5361" s="1" t="s">
        <v>4354</v>
      </c>
      <c r="E5361" s="1" t="s">
        <v>7</v>
      </c>
    </row>
    <row r="5362">
      <c r="A5362" s="1">
        <v>4.90402686E8</v>
      </c>
      <c r="B5362" s="2">
        <v>11928.0</v>
      </c>
      <c r="C5362" s="1" t="s">
        <v>5</v>
      </c>
      <c r="D5362" s="1" t="s">
        <v>4355</v>
      </c>
      <c r="E5362" s="1" t="s">
        <v>4356</v>
      </c>
    </row>
    <row r="5363">
      <c r="A5363" s="1">
        <v>4.90402692E8</v>
      </c>
      <c r="B5363" s="2">
        <v>11953.0</v>
      </c>
      <c r="C5363" s="1" t="s">
        <v>5</v>
      </c>
      <c r="D5363" s="1" t="s">
        <v>4357</v>
      </c>
      <c r="E5363" s="1" t="s">
        <v>11</v>
      </c>
    </row>
    <row r="5364">
      <c r="A5364" s="1">
        <v>4.90402695E8</v>
      </c>
      <c r="B5364" s="2">
        <v>11920.0</v>
      </c>
      <c r="C5364" s="1" t="s">
        <v>5</v>
      </c>
      <c r="D5364" s="1" t="s">
        <v>11</v>
      </c>
      <c r="E5364" s="1" t="s">
        <v>7</v>
      </c>
    </row>
    <row r="5365">
      <c r="A5365" s="1">
        <v>4.90402703E8</v>
      </c>
      <c r="B5365" s="2">
        <v>11920.0</v>
      </c>
      <c r="C5365" s="1" t="s">
        <v>5</v>
      </c>
      <c r="D5365" s="1" t="s">
        <v>4358</v>
      </c>
      <c r="E5365" s="1" t="s">
        <v>7</v>
      </c>
    </row>
    <row r="5366">
      <c r="A5366" s="1">
        <v>4.90402708E8</v>
      </c>
      <c r="B5366" s="2">
        <v>11918.0</v>
      </c>
      <c r="C5366" s="1" t="s">
        <v>5</v>
      </c>
      <c r="D5366" s="1" t="s">
        <v>11</v>
      </c>
      <c r="E5366" s="1" t="s">
        <v>7</v>
      </c>
    </row>
    <row r="5367">
      <c r="A5367" s="1">
        <v>4.90402723E8</v>
      </c>
      <c r="B5367" s="2">
        <v>11953.0</v>
      </c>
      <c r="C5367" s="1" t="s">
        <v>5</v>
      </c>
      <c r="D5367" s="1" t="s">
        <v>4359</v>
      </c>
      <c r="E5367" s="1" t="s">
        <v>7</v>
      </c>
    </row>
    <row r="5368">
      <c r="A5368" s="1">
        <v>4.9040273E8</v>
      </c>
      <c r="B5368" s="2">
        <v>11953.0</v>
      </c>
      <c r="C5368" s="1" t="s">
        <v>5</v>
      </c>
      <c r="D5368" s="1" t="s">
        <v>4360</v>
      </c>
      <c r="E5368" s="1" t="s">
        <v>11</v>
      </c>
    </row>
    <row r="5369">
      <c r="A5369" s="1">
        <v>4.90402733E8</v>
      </c>
      <c r="B5369" s="2">
        <v>11927.0</v>
      </c>
      <c r="C5369" s="1" t="s">
        <v>5</v>
      </c>
      <c r="D5369" s="1" t="s">
        <v>4361</v>
      </c>
      <c r="E5369" s="1" t="s">
        <v>7</v>
      </c>
    </row>
    <row r="5370">
      <c r="A5370" s="1">
        <v>4.90402734E8</v>
      </c>
      <c r="B5370" s="2">
        <v>11920.0</v>
      </c>
      <c r="C5370" s="1" t="s">
        <v>5</v>
      </c>
      <c r="D5370" s="1" t="s">
        <v>4362</v>
      </c>
      <c r="E5370" s="1" t="s">
        <v>11</v>
      </c>
    </row>
    <row r="5371">
      <c r="A5371" s="1">
        <v>4.90402748E8</v>
      </c>
      <c r="B5371" s="2">
        <v>11955.0</v>
      </c>
      <c r="C5371" s="1" t="s">
        <v>5</v>
      </c>
      <c r="D5371" s="1" t="s">
        <v>11</v>
      </c>
      <c r="E5371" s="1" t="s">
        <v>7</v>
      </c>
    </row>
    <row r="5372">
      <c r="A5372" s="1">
        <v>4.90402754E8</v>
      </c>
      <c r="B5372" s="2">
        <v>11915.0</v>
      </c>
      <c r="C5372" s="1" t="s">
        <v>5</v>
      </c>
      <c r="D5372" s="1" t="s">
        <v>11</v>
      </c>
      <c r="E5372" s="1" t="s">
        <v>7</v>
      </c>
    </row>
    <row r="5373">
      <c r="A5373" s="1">
        <v>4.90402771E8</v>
      </c>
      <c r="B5373" s="2">
        <v>11922.0</v>
      </c>
      <c r="C5373" s="1" t="s">
        <v>5</v>
      </c>
      <c r="D5373" s="1" t="s">
        <v>4199</v>
      </c>
      <c r="E5373" s="1" t="s">
        <v>11</v>
      </c>
    </row>
    <row r="5374">
      <c r="A5374" s="1">
        <v>4.90402774E8</v>
      </c>
      <c r="B5374" s="2">
        <v>11952.0</v>
      </c>
      <c r="C5374" s="1" t="s">
        <v>5</v>
      </c>
      <c r="D5374" s="1" t="s">
        <v>4363</v>
      </c>
      <c r="E5374" s="1" t="s">
        <v>11</v>
      </c>
    </row>
    <row r="5375">
      <c r="A5375" s="1">
        <v>4.90402783E8</v>
      </c>
      <c r="B5375" s="2">
        <v>11953.0</v>
      </c>
      <c r="C5375" s="1" t="s">
        <v>5</v>
      </c>
      <c r="D5375" s="1" t="s">
        <v>4364</v>
      </c>
      <c r="E5375" s="1" t="s">
        <v>7</v>
      </c>
    </row>
    <row r="5376">
      <c r="A5376" s="1">
        <v>4.90402784E8</v>
      </c>
      <c r="B5376" s="2">
        <v>11954.0</v>
      </c>
      <c r="C5376" s="1" t="s">
        <v>5</v>
      </c>
      <c r="D5376" s="1" t="s">
        <v>4365</v>
      </c>
      <c r="E5376" s="1" t="s">
        <v>4366</v>
      </c>
    </row>
    <row r="5377">
      <c r="A5377" s="1">
        <v>4.90402788E8</v>
      </c>
      <c r="B5377" s="2">
        <v>11920.0</v>
      </c>
      <c r="C5377" s="1" t="s">
        <v>5</v>
      </c>
      <c r="D5377" s="1" t="s">
        <v>169</v>
      </c>
      <c r="E5377" s="1" t="s">
        <v>7</v>
      </c>
    </row>
    <row r="5378">
      <c r="A5378" s="1">
        <v>4.90402794E8</v>
      </c>
      <c r="B5378" s="2">
        <v>11946.0</v>
      </c>
      <c r="C5378" s="1" t="s">
        <v>5</v>
      </c>
      <c r="D5378" s="1" t="s">
        <v>4367</v>
      </c>
      <c r="E5378" s="1" t="s">
        <v>4368</v>
      </c>
    </row>
    <row r="5379">
      <c r="A5379" s="1">
        <v>4.90402798E8</v>
      </c>
      <c r="B5379" s="2">
        <v>11952.0</v>
      </c>
      <c r="C5379" s="1" t="s">
        <v>5</v>
      </c>
      <c r="D5379" s="1" t="s">
        <v>4369</v>
      </c>
      <c r="E5379" s="1" t="s">
        <v>7</v>
      </c>
    </row>
    <row r="5380">
      <c r="A5380" s="1">
        <v>4.90402801E8</v>
      </c>
      <c r="B5380" s="2">
        <v>11954.0</v>
      </c>
      <c r="C5380" s="1" t="s">
        <v>5</v>
      </c>
      <c r="D5380" s="1" t="s">
        <v>4370</v>
      </c>
      <c r="E5380" s="1" t="s">
        <v>7</v>
      </c>
    </row>
    <row r="5381">
      <c r="A5381" s="1">
        <v>4.90402804E8</v>
      </c>
      <c r="B5381" s="2">
        <v>11947.0</v>
      </c>
      <c r="C5381" s="1" t="s">
        <v>5</v>
      </c>
      <c r="D5381" s="1" t="s">
        <v>11</v>
      </c>
      <c r="E5381" s="1" t="s">
        <v>7</v>
      </c>
    </row>
    <row r="5382">
      <c r="A5382" s="1">
        <v>4.90402806E8</v>
      </c>
      <c r="B5382" s="2">
        <v>11919.0</v>
      </c>
      <c r="C5382" s="1" t="s">
        <v>5</v>
      </c>
      <c r="D5382" s="1" t="s">
        <v>11</v>
      </c>
      <c r="E5382" s="1" t="s">
        <v>7</v>
      </c>
    </row>
    <row r="5383">
      <c r="A5383" s="1">
        <v>4.90402814E8</v>
      </c>
      <c r="B5383" s="2">
        <v>11948.0</v>
      </c>
      <c r="C5383" s="1" t="s">
        <v>5</v>
      </c>
      <c r="D5383" s="1" t="s">
        <v>11</v>
      </c>
      <c r="E5383" s="1" t="s">
        <v>7</v>
      </c>
    </row>
    <row r="5384">
      <c r="A5384" s="1">
        <v>4.90402815E8</v>
      </c>
      <c r="B5384" s="2">
        <v>11927.0</v>
      </c>
      <c r="C5384" s="1" t="s">
        <v>5</v>
      </c>
      <c r="D5384" s="1" t="s">
        <v>4371</v>
      </c>
      <c r="E5384" s="1" t="s">
        <v>7</v>
      </c>
    </row>
    <row r="5385">
      <c r="A5385" s="1">
        <v>4.90402819E8</v>
      </c>
      <c r="B5385" s="2">
        <v>11927.0</v>
      </c>
      <c r="C5385" s="1" t="s">
        <v>5</v>
      </c>
      <c r="D5385" s="1" t="s">
        <v>11</v>
      </c>
      <c r="E5385" s="1" t="s">
        <v>7</v>
      </c>
    </row>
    <row r="5386">
      <c r="A5386" s="1">
        <v>4.90402827E8</v>
      </c>
      <c r="B5386" s="2">
        <v>11950.0</v>
      </c>
      <c r="C5386" s="1" t="s">
        <v>5</v>
      </c>
      <c r="D5386" s="1" t="s">
        <v>4372</v>
      </c>
      <c r="E5386" s="1" t="s">
        <v>7</v>
      </c>
    </row>
    <row r="5387">
      <c r="A5387" s="1">
        <v>4.90402838E8</v>
      </c>
      <c r="B5387" s="2">
        <v>11952.0</v>
      </c>
      <c r="C5387" s="1" t="s">
        <v>5</v>
      </c>
      <c r="D5387" s="1" t="s">
        <v>4373</v>
      </c>
      <c r="E5387" s="1" t="s">
        <v>4374</v>
      </c>
    </row>
    <row r="5388">
      <c r="A5388" s="1">
        <v>4.90402839E8</v>
      </c>
      <c r="B5388" s="2">
        <v>11927.0</v>
      </c>
      <c r="C5388" s="1" t="s">
        <v>5</v>
      </c>
      <c r="D5388" s="1" t="s">
        <v>11</v>
      </c>
      <c r="E5388" s="1" t="s">
        <v>7</v>
      </c>
    </row>
    <row r="5389">
      <c r="A5389" s="1">
        <v>4.90402848E8</v>
      </c>
      <c r="B5389" s="2">
        <v>11912.0</v>
      </c>
      <c r="C5389" s="1" t="s">
        <v>5</v>
      </c>
      <c r="D5389" s="1" t="s">
        <v>4375</v>
      </c>
      <c r="E5389" s="1" t="s">
        <v>7</v>
      </c>
    </row>
    <row r="5390">
      <c r="A5390" s="1">
        <v>4.90402853E8</v>
      </c>
      <c r="B5390" s="2">
        <v>11953.0</v>
      </c>
      <c r="C5390" s="1" t="s">
        <v>5</v>
      </c>
      <c r="D5390" s="1" t="s">
        <v>11</v>
      </c>
      <c r="E5390" s="1" t="s">
        <v>7</v>
      </c>
    </row>
    <row r="5391">
      <c r="A5391" s="1">
        <v>4.90402855E8</v>
      </c>
      <c r="B5391" s="2">
        <v>11927.0</v>
      </c>
      <c r="C5391" s="1" t="s">
        <v>5</v>
      </c>
      <c r="D5391" s="1" t="s">
        <v>11</v>
      </c>
      <c r="E5391" s="1" t="s">
        <v>7</v>
      </c>
    </row>
    <row r="5392">
      <c r="A5392" s="1">
        <v>4.90402862E8</v>
      </c>
      <c r="B5392" s="2">
        <v>11950.0</v>
      </c>
      <c r="C5392" s="1" t="s">
        <v>5</v>
      </c>
      <c r="D5392" s="1" t="s">
        <v>4376</v>
      </c>
      <c r="E5392" s="1" t="s">
        <v>4377</v>
      </c>
    </row>
    <row r="5393">
      <c r="A5393" s="1">
        <v>4.90402867E8</v>
      </c>
      <c r="B5393" s="2">
        <v>11952.0</v>
      </c>
      <c r="C5393" s="1" t="s">
        <v>5</v>
      </c>
      <c r="D5393" s="1" t="s">
        <v>4378</v>
      </c>
      <c r="E5393" s="1" t="s">
        <v>11</v>
      </c>
    </row>
    <row r="5394">
      <c r="A5394" s="1">
        <v>4.90402871E8</v>
      </c>
      <c r="B5394" s="2">
        <v>11948.0</v>
      </c>
      <c r="C5394" s="1" t="s">
        <v>5</v>
      </c>
      <c r="D5394" s="1" t="s">
        <v>11</v>
      </c>
      <c r="E5394" s="1" t="s">
        <v>7</v>
      </c>
    </row>
    <row r="5395">
      <c r="A5395" s="1">
        <v>4.90402874E8</v>
      </c>
      <c r="B5395" s="2">
        <v>11927.0</v>
      </c>
      <c r="C5395" s="1" t="s">
        <v>5</v>
      </c>
      <c r="D5395" s="1" t="s">
        <v>11</v>
      </c>
      <c r="E5395" s="1" t="s">
        <v>7</v>
      </c>
    </row>
    <row r="5396">
      <c r="A5396" s="1">
        <v>4.90402875E8</v>
      </c>
      <c r="B5396" s="2">
        <v>11945.0</v>
      </c>
      <c r="C5396" s="1" t="s">
        <v>5</v>
      </c>
      <c r="D5396" s="1" t="s">
        <v>4379</v>
      </c>
      <c r="E5396" s="1" t="s">
        <v>11</v>
      </c>
    </row>
    <row r="5397">
      <c r="A5397" s="1">
        <v>4.90402878E8</v>
      </c>
      <c r="B5397" s="2">
        <v>11919.0</v>
      </c>
      <c r="C5397" s="1" t="s">
        <v>5</v>
      </c>
      <c r="D5397" s="1" t="s">
        <v>4380</v>
      </c>
      <c r="E5397" s="1" t="s">
        <v>7</v>
      </c>
    </row>
    <row r="5398">
      <c r="A5398" s="1">
        <v>4.90402905E8</v>
      </c>
      <c r="B5398" s="2">
        <v>11927.0</v>
      </c>
      <c r="C5398" s="1" t="s">
        <v>5</v>
      </c>
      <c r="D5398" s="1" t="s">
        <v>4381</v>
      </c>
      <c r="E5398" s="1" t="s">
        <v>11</v>
      </c>
    </row>
    <row r="5399">
      <c r="A5399" s="1">
        <v>4.90402915E8</v>
      </c>
      <c r="B5399" s="2">
        <v>11950.0</v>
      </c>
      <c r="C5399" s="1" t="s">
        <v>5</v>
      </c>
      <c r="D5399" s="1" t="s">
        <v>7</v>
      </c>
      <c r="E5399" s="1" t="s">
        <v>7</v>
      </c>
    </row>
    <row r="5400">
      <c r="A5400" s="1">
        <v>4.90402918E8</v>
      </c>
      <c r="B5400" s="2">
        <v>11947.0</v>
      </c>
      <c r="C5400" s="1" t="s">
        <v>5</v>
      </c>
      <c r="D5400" s="1" t="s">
        <v>4382</v>
      </c>
      <c r="E5400" s="1" t="s">
        <v>11</v>
      </c>
    </row>
    <row r="5401">
      <c r="A5401" s="1">
        <v>4.90402933E8</v>
      </c>
      <c r="B5401" s="2">
        <v>11922.0</v>
      </c>
      <c r="C5401" s="1" t="s">
        <v>5</v>
      </c>
      <c r="D5401" s="1" t="s">
        <v>4383</v>
      </c>
      <c r="E5401" s="1" t="s">
        <v>11</v>
      </c>
    </row>
    <row r="5402">
      <c r="A5402" s="1">
        <v>4.90402936E8</v>
      </c>
      <c r="B5402" s="2">
        <v>11950.0</v>
      </c>
      <c r="C5402" s="1" t="s">
        <v>5</v>
      </c>
      <c r="D5402" s="1" t="s">
        <v>4384</v>
      </c>
      <c r="E5402" s="1" t="s">
        <v>11</v>
      </c>
    </row>
    <row r="5403">
      <c r="A5403" s="1">
        <v>4.9040294E8</v>
      </c>
      <c r="B5403" s="2">
        <v>11947.0</v>
      </c>
      <c r="C5403" s="1" t="s">
        <v>5</v>
      </c>
      <c r="D5403" s="1" t="s">
        <v>4385</v>
      </c>
      <c r="E5403" s="1" t="s">
        <v>7</v>
      </c>
    </row>
    <row r="5404">
      <c r="A5404" s="1">
        <v>4.90402943E8</v>
      </c>
      <c r="B5404" s="2">
        <v>11945.0</v>
      </c>
      <c r="C5404" s="1" t="s">
        <v>5</v>
      </c>
      <c r="D5404" s="1" t="s">
        <v>4386</v>
      </c>
      <c r="E5404" s="1" t="s">
        <v>7</v>
      </c>
    </row>
    <row r="5405">
      <c r="A5405" s="1">
        <v>4.90402953E8</v>
      </c>
      <c r="B5405" s="2">
        <v>11946.0</v>
      </c>
      <c r="C5405" s="1" t="s">
        <v>5</v>
      </c>
      <c r="D5405" s="1" t="s">
        <v>4387</v>
      </c>
      <c r="E5405" s="1" t="s">
        <v>11</v>
      </c>
    </row>
    <row r="5406">
      <c r="A5406" s="1">
        <v>4.90402954E8</v>
      </c>
      <c r="B5406" s="2">
        <v>11927.0</v>
      </c>
      <c r="C5406" s="1" t="s">
        <v>5</v>
      </c>
      <c r="D5406" s="1" t="s">
        <v>11</v>
      </c>
      <c r="E5406" s="1" t="s">
        <v>7</v>
      </c>
    </row>
    <row r="5407">
      <c r="A5407" s="1">
        <v>4.90402956E8</v>
      </c>
      <c r="B5407" s="2">
        <v>11918.0</v>
      </c>
      <c r="C5407" s="1" t="s">
        <v>5</v>
      </c>
      <c r="D5407" s="1" t="s">
        <v>4388</v>
      </c>
      <c r="E5407" s="1" t="s">
        <v>7</v>
      </c>
    </row>
    <row r="5408">
      <c r="A5408" s="1">
        <v>4.90402964E8</v>
      </c>
      <c r="B5408" s="2">
        <v>11954.0</v>
      </c>
      <c r="C5408" s="1" t="s">
        <v>5</v>
      </c>
      <c r="D5408" s="1" t="s">
        <v>4389</v>
      </c>
      <c r="E5408" s="1" t="s">
        <v>11</v>
      </c>
    </row>
    <row r="5409">
      <c r="A5409" s="1">
        <v>4.90402965E8</v>
      </c>
      <c r="B5409" s="2">
        <v>11916.0</v>
      </c>
      <c r="C5409" s="1" t="s">
        <v>5</v>
      </c>
      <c r="D5409" s="1" t="s">
        <v>4390</v>
      </c>
      <c r="E5409" s="1" t="s">
        <v>4391</v>
      </c>
    </row>
    <row r="5410">
      <c r="A5410" s="1">
        <v>4.90402973E8</v>
      </c>
      <c r="B5410" s="2">
        <v>11950.0</v>
      </c>
      <c r="C5410" s="1" t="s">
        <v>5</v>
      </c>
      <c r="D5410" s="1" t="s">
        <v>4392</v>
      </c>
      <c r="E5410" s="1" t="s">
        <v>11</v>
      </c>
    </row>
    <row r="5411">
      <c r="A5411" s="1">
        <v>4.9040298E8</v>
      </c>
      <c r="B5411" s="2">
        <v>11945.0</v>
      </c>
      <c r="C5411" s="1" t="s">
        <v>5</v>
      </c>
      <c r="D5411" s="1" t="s">
        <v>4393</v>
      </c>
      <c r="E5411" s="1" t="s">
        <v>7</v>
      </c>
    </row>
    <row r="5412">
      <c r="A5412" s="1">
        <v>4.90402983E8</v>
      </c>
      <c r="B5412" s="2">
        <v>11952.0</v>
      </c>
      <c r="C5412" s="1" t="s">
        <v>5</v>
      </c>
      <c r="D5412" s="1" t="s">
        <v>4394</v>
      </c>
      <c r="E5412" s="1" t="s">
        <v>7</v>
      </c>
    </row>
    <row r="5413">
      <c r="A5413" s="1">
        <v>4.90402984E8</v>
      </c>
      <c r="B5413" s="2">
        <v>11946.0</v>
      </c>
      <c r="C5413" s="1" t="s">
        <v>5</v>
      </c>
      <c r="D5413" s="1" t="s">
        <v>11</v>
      </c>
      <c r="E5413" s="1" t="s">
        <v>7</v>
      </c>
    </row>
    <row r="5414">
      <c r="A5414" s="1">
        <v>4.90402987E8</v>
      </c>
      <c r="B5414" s="2">
        <v>11918.0</v>
      </c>
      <c r="C5414" s="1" t="s">
        <v>5</v>
      </c>
      <c r="D5414" s="1" t="s">
        <v>4395</v>
      </c>
      <c r="E5414" s="1" t="s">
        <v>7</v>
      </c>
    </row>
    <row r="5415">
      <c r="A5415" s="1">
        <v>4.90402993E8</v>
      </c>
      <c r="B5415" s="2">
        <v>11921.0</v>
      </c>
      <c r="C5415" s="1" t="s">
        <v>5</v>
      </c>
      <c r="D5415" s="1" t="s">
        <v>4396</v>
      </c>
      <c r="E5415" s="1" t="s">
        <v>11</v>
      </c>
    </row>
    <row r="5416">
      <c r="A5416" s="1">
        <v>4.90402996E8</v>
      </c>
      <c r="B5416" s="2">
        <v>11950.0</v>
      </c>
      <c r="C5416" s="1" t="s">
        <v>5</v>
      </c>
      <c r="D5416" s="1" t="s">
        <v>11</v>
      </c>
      <c r="E5416" s="1" t="s">
        <v>7</v>
      </c>
    </row>
    <row r="5417">
      <c r="A5417" s="1">
        <v>4.90402997E8</v>
      </c>
      <c r="B5417" s="2">
        <v>11948.0</v>
      </c>
      <c r="C5417" s="1" t="s">
        <v>5</v>
      </c>
      <c r="D5417" s="1" t="s">
        <v>4397</v>
      </c>
      <c r="E5417" s="1" t="s">
        <v>11</v>
      </c>
    </row>
    <row r="5418">
      <c r="A5418" s="1">
        <v>4.90403005E8</v>
      </c>
      <c r="B5418" s="2">
        <v>11950.0</v>
      </c>
      <c r="C5418" s="1" t="s">
        <v>5</v>
      </c>
      <c r="D5418" s="1" t="s">
        <v>11</v>
      </c>
      <c r="E5418" s="1" t="s">
        <v>7</v>
      </c>
    </row>
    <row r="5419">
      <c r="A5419" s="1">
        <v>4.90403006E8</v>
      </c>
      <c r="B5419" s="2">
        <v>11952.0</v>
      </c>
      <c r="C5419" s="1" t="s">
        <v>5</v>
      </c>
      <c r="D5419" s="1" t="s">
        <v>11</v>
      </c>
      <c r="E5419" s="1" t="s">
        <v>7</v>
      </c>
    </row>
    <row r="5420">
      <c r="A5420" s="1">
        <v>4.90403022E8</v>
      </c>
      <c r="B5420" s="2">
        <v>11927.0</v>
      </c>
      <c r="C5420" s="1" t="s">
        <v>5</v>
      </c>
      <c r="D5420" s="1" t="s">
        <v>4398</v>
      </c>
      <c r="E5420" s="1" t="s">
        <v>7</v>
      </c>
    </row>
    <row r="5421">
      <c r="A5421" s="1">
        <v>4.90403023E8</v>
      </c>
      <c r="B5421" s="2">
        <v>11949.0</v>
      </c>
      <c r="C5421" s="1" t="s">
        <v>5</v>
      </c>
      <c r="D5421" s="1" t="s">
        <v>4399</v>
      </c>
      <c r="E5421" s="1" t="s">
        <v>7</v>
      </c>
    </row>
    <row r="5422">
      <c r="A5422" s="1">
        <v>4.90403025E8</v>
      </c>
      <c r="B5422" s="2">
        <v>11920.0</v>
      </c>
      <c r="C5422" s="1" t="s">
        <v>5</v>
      </c>
      <c r="D5422" s="1" t="s">
        <v>4400</v>
      </c>
      <c r="E5422" s="1" t="s">
        <v>11</v>
      </c>
    </row>
    <row r="5423">
      <c r="A5423" s="1">
        <v>4.90403027E8</v>
      </c>
      <c r="B5423" s="2">
        <v>11950.0</v>
      </c>
      <c r="C5423" s="1" t="s">
        <v>5</v>
      </c>
      <c r="D5423" s="1" t="s">
        <v>4401</v>
      </c>
      <c r="E5423" s="1" t="s">
        <v>7</v>
      </c>
    </row>
    <row r="5424">
      <c r="A5424" s="1">
        <v>4.90403028E8</v>
      </c>
      <c r="B5424" s="2">
        <v>11950.0</v>
      </c>
      <c r="C5424" s="1" t="s">
        <v>5</v>
      </c>
      <c r="D5424" s="1" t="s">
        <v>4402</v>
      </c>
      <c r="E5424" s="1" t="s">
        <v>11</v>
      </c>
    </row>
    <row r="5425">
      <c r="A5425" s="1">
        <v>4.9040305E8</v>
      </c>
      <c r="B5425" s="2">
        <v>11927.0</v>
      </c>
      <c r="C5425" s="1" t="s">
        <v>5</v>
      </c>
      <c r="D5425" s="1" t="s">
        <v>11</v>
      </c>
      <c r="E5425" s="1" t="s">
        <v>7</v>
      </c>
    </row>
    <row r="5426">
      <c r="A5426" s="1">
        <v>4.90403058E8</v>
      </c>
      <c r="B5426" s="2">
        <v>11950.0</v>
      </c>
      <c r="C5426" s="1" t="s">
        <v>5</v>
      </c>
      <c r="D5426" s="1" t="s">
        <v>4403</v>
      </c>
      <c r="E5426" s="1" t="s">
        <v>7</v>
      </c>
    </row>
    <row r="5427">
      <c r="A5427" s="1">
        <v>4.90403061E8</v>
      </c>
      <c r="B5427" s="2">
        <v>11916.0</v>
      </c>
      <c r="C5427" s="1" t="s">
        <v>5</v>
      </c>
      <c r="D5427" s="1" t="s">
        <v>4404</v>
      </c>
      <c r="E5427" s="1" t="s">
        <v>7</v>
      </c>
    </row>
    <row r="5428">
      <c r="A5428" s="1">
        <v>4.90403062E8</v>
      </c>
      <c r="B5428" s="2">
        <v>11921.0</v>
      </c>
      <c r="C5428" s="1" t="s">
        <v>5</v>
      </c>
      <c r="D5428" s="1" t="s">
        <v>4405</v>
      </c>
      <c r="E5428" s="1" t="s">
        <v>7</v>
      </c>
    </row>
    <row r="5429">
      <c r="A5429" s="1">
        <v>4.90403068E8</v>
      </c>
      <c r="B5429" s="2">
        <v>11918.0</v>
      </c>
      <c r="C5429" s="1" t="s">
        <v>5</v>
      </c>
      <c r="D5429" s="1" t="s">
        <v>7</v>
      </c>
      <c r="E5429" s="1" t="s">
        <v>7</v>
      </c>
    </row>
    <row r="5430">
      <c r="A5430" s="1">
        <v>4.90403074E8</v>
      </c>
      <c r="B5430" s="2">
        <v>11918.0</v>
      </c>
      <c r="C5430" s="1" t="s">
        <v>5</v>
      </c>
      <c r="D5430" s="1" t="s">
        <v>4406</v>
      </c>
      <c r="E5430" s="1" t="s">
        <v>11</v>
      </c>
    </row>
    <row r="5431">
      <c r="A5431" s="1">
        <v>4.90403076E8</v>
      </c>
      <c r="B5431" s="2">
        <v>11952.0</v>
      </c>
      <c r="C5431" s="1" t="s">
        <v>5</v>
      </c>
      <c r="D5431" s="1" t="s">
        <v>4407</v>
      </c>
      <c r="E5431" s="1" t="s">
        <v>7</v>
      </c>
    </row>
    <row r="5432">
      <c r="A5432" s="1">
        <v>4.90403079E8</v>
      </c>
      <c r="B5432" s="2">
        <v>11945.0</v>
      </c>
      <c r="C5432" s="1" t="s">
        <v>5</v>
      </c>
      <c r="D5432" s="1" t="s">
        <v>4408</v>
      </c>
      <c r="E5432" s="1" t="s">
        <v>11</v>
      </c>
    </row>
    <row r="5433">
      <c r="A5433" s="1">
        <v>4.90403082E8</v>
      </c>
      <c r="B5433" s="2">
        <v>11914.0</v>
      </c>
      <c r="C5433" s="1" t="s">
        <v>5</v>
      </c>
      <c r="D5433" s="1" t="s">
        <v>4409</v>
      </c>
      <c r="E5433" s="1" t="s">
        <v>4410</v>
      </c>
    </row>
    <row r="5434">
      <c r="A5434" s="1">
        <v>4.90403088E8</v>
      </c>
      <c r="B5434" s="2">
        <v>11949.0</v>
      </c>
      <c r="C5434" s="1" t="s">
        <v>5</v>
      </c>
      <c r="D5434" s="1" t="s">
        <v>11</v>
      </c>
      <c r="E5434" s="1" t="s">
        <v>7</v>
      </c>
    </row>
    <row r="5435">
      <c r="A5435" s="1">
        <v>4.90403096E8</v>
      </c>
      <c r="B5435" s="2">
        <v>11921.0</v>
      </c>
      <c r="C5435" s="1" t="s">
        <v>5</v>
      </c>
      <c r="D5435" s="1" t="s">
        <v>4411</v>
      </c>
      <c r="E5435" s="1" t="s">
        <v>7</v>
      </c>
    </row>
    <row r="5436">
      <c r="A5436" s="1">
        <v>4.90403098E8</v>
      </c>
      <c r="B5436" s="2">
        <v>11926.0</v>
      </c>
      <c r="C5436" s="1" t="s">
        <v>5</v>
      </c>
      <c r="D5436" s="1" t="s">
        <v>4412</v>
      </c>
      <c r="E5436" s="1" t="s">
        <v>11</v>
      </c>
    </row>
    <row r="5437">
      <c r="A5437" s="1">
        <v>4.90403103E8</v>
      </c>
      <c r="B5437" s="2">
        <v>11914.0</v>
      </c>
      <c r="C5437" s="1" t="s">
        <v>5</v>
      </c>
      <c r="D5437" s="1" t="s">
        <v>4413</v>
      </c>
      <c r="E5437" s="1" t="s">
        <v>7</v>
      </c>
    </row>
    <row r="5438">
      <c r="A5438" s="1">
        <v>4.90403105E8</v>
      </c>
      <c r="B5438" s="2">
        <v>11916.0</v>
      </c>
      <c r="C5438" s="1" t="s">
        <v>5</v>
      </c>
      <c r="D5438" s="1" t="s">
        <v>11</v>
      </c>
      <c r="E5438" s="1" t="s">
        <v>7</v>
      </c>
    </row>
    <row r="5439">
      <c r="A5439" s="1">
        <v>4.90403111E8</v>
      </c>
      <c r="B5439" s="2">
        <v>11947.0</v>
      </c>
      <c r="C5439" s="1" t="s">
        <v>5</v>
      </c>
      <c r="D5439" s="1" t="s">
        <v>4414</v>
      </c>
      <c r="E5439" s="1" t="s">
        <v>11</v>
      </c>
    </row>
    <row r="5440">
      <c r="A5440" s="1">
        <v>4.90403122E8</v>
      </c>
      <c r="B5440" s="2">
        <v>11926.0</v>
      </c>
      <c r="C5440" s="1" t="s">
        <v>5</v>
      </c>
      <c r="D5440" s="1" t="s">
        <v>4415</v>
      </c>
      <c r="E5440" s="1" t="s">
        <v>4416</v>
      </c>
    </row>
    <row r="5441">
      <c r="A5441" s="1">
        <v>4.90403151E8</v>
      </c>
      <c r="B5441" s="2">
        <v>11947.0</v>
      </c>
      <c r="C5441" s="1" t="s">
        <v>5</v>
      </c>
      <c r="D5441" s="1" t="s">
        <v>4417</v>
      </c>
      <c r="E5441" s="1" t="s">
        <v>11</v>
      </c>
    </row>
    <row r="5442">
      <c r="A5442" s="1">
        <v>4.90403155E8</v>
      </c>
      <c r="B5442" s="2">
        <v>11952.0</v>
      </c>
      <c r="C5442" s="1" t="s">
        <v>5</v>
      </c>
      <c r="D5442" s="1" t="s">
        <v>4418</v>
      </c>
      <c r="E5442" s="1" t="s">
        <v>11</v>
      </c>
    </row>
    <row r="5443">
      <c r="A5443" s="1">
        <v>4.90403161E8</v>
      </c>
      <c r="B5443" s="2">
        <v>11947.0</v>
      </c>
      <c r="C5443" s="1" t="s">
        <v>5</v>
      </c>
      <c r="D5443" s="1" t="s">
        <v>4419</v>
      </c>
      <c r="E5443" s="1" t="s">
        <v>7</v>
      </c>
    </row>
    <row r="5444">
      <c r="A5444" s="1">
        <v>4.9040317E8</v>
      </c>
      <c r="B5444" s="2">
        <v>11918.0</v>
      </c>
      <c r="C5444" s="1" t="s">
        <v>5</v>
      </c>
      <c r="D5444" s="1" t="s">
        <v>11</v>
      </c>
      <c r="E5444" s="1" t="s">
        <v>7</v>
      </c>
    </row>
    <row r="5445">
      <c r="A5445" s="1">
        <v>4.90403184E8</v>
      </c>
      <c r="B5445" s="2">
        <v>11916.0</v>
      </c>
      <c r="C5445" s="1" t="s">
        <v>5</v>
      </c>
      <c r="D5445" s="1" t="s">
        <v>4420</v>
      </c>
      <c r="E5445" s="1" t="s">
        <v>7</v>
      </c>
    </row>
    <row r="5446">
      <c r="A5446" s="1">
        <v>4.90403186E8</v>
      </c>
      <c r="B5446" s="2">
        <v>11926.0</v>
      </c>
      <c r="C5446" s="1" t="s">
        <v>5</v>
      </c>
      <c r="D5446" s="1" t="s">
        <v>4421</v>
      </c>
      <c r="E5446" s="1" t="s">
        <v>11</v>
      </c>
    </row>
    <row r="5447">
      <c r="A5447" s="1">
        <v>4.90403187E8</v>
      </c>
      <c r="B5447" s="2">
        <v>11918.0</v>
      </c>
      <c r="C5447" s="1" t="s">
        <v>5</v>
      </c>
      <c r="D5447" s="1" t="s">
        <v>4422</v>
      </c>
      <c r="E5447" s="1" t="s">
        <v>11</v>
      </c>
    </row>
    <row r="5448">
      <c r="A5448" s="1">
        <v>4.9040319E8</v>
      </c>
      <c r="B5448" s="2">
        <v>11946.0</v>
      </c>
      <c r="C5448" s="1" t="s">
        <v>5</v>
      </c>
      <c r="D5448" s="1" t="s">
        <v>4417</v>
      </c>
      <c r="E5448" s="1" t="s">
        <v>11</v>
      </c>
    </row>
    <row r="5449">
      <c r="A5449" s="1">
        <v>4.90403207E8</v>
      </c>
      <c r="B5449" s="2">
        <v>11947.0</v>
      </c>
      <c r="C5449" s="1" t="s">
        <v>5</v>
      </c>
      <c r="D5449" s="1" t="s">
        <v>11</v>
      </c>
      <c r="E5449" s="1" t="s">
        <v>7</v>
      </c>
    </row>
    <row r="5450">
      <c r="A5450" s="1">
        <v>4.90403212E8</v>
      </c>
      <c r="B5450" s="2">
        <v>11926.0</v>
      </c>
      <c r="C5450" s="1" t="s">
        <v>5</v>
      </c>
      <c r="D5450" s="1" t="s">
        <v>11</v>
      </c>
      <c r="E5450" s="1" t="s">
        <v>7</v>
      </c>
    </row>
    <row r="5451">
      <c r="A5451" s="1">
        <v>4.90403218E8</v>
      </c>
      <c r="B5451" s="2">
        <v>11950.0</v>
      </c>
      <c r="C5451" s="1" t="s">
        <v>5</v>
      </c>
      <c r="D5451" s="1" t="s">
        <v>4423</v>
      </c>
      <c r="E5451" s="1" t="s">
        <v>4424</v>
      </c>
    </row>
    <row r="5452">
      <c r="A5452" s="1">
        <v>4.90403227E8</v>
      </c>
      <c r="B5452" s="2">
        <v>11947.0</v>
      </c>
      <c r="C5452" s="1" t="s">
        <v>5</v>
      </c>
      <c r="D5452" s="1" t="s">
        <v>11</v>
      </c>
      <c r="E5452" s="1" t="s">
        <v>7</v>
      </c>
    </row>
    <row r="5453">
      <c r="A5453" s="1">
        <v>4.90403245E8</v>
      </c>
      <c r="B5453" s="2">
        <v>11914.0</v>
      </c>
      <c r="C5453" s="1" t="s">
        <v>5</v>
      </c>
      <c r="D5453" s="1" t="s">
        <v>4425</v>
      </c>
      <c r="E5453" s="1" t="s">
        <v>7</v>
      </c>
    </row>
    <row r="5454">
      <c r="A5454" s="1">
        <v>4.9040326E8</v>
      </c>
      <c r="B5454" s="2">
        <v>11913.0</v>
      </c>
      <c r="C5454" s="1" t="s">
        <v>5</v>
      </c>
      <c r="D5454" s="1" t="s">
        <v>4426</v>
      </c>
      <c r="E5454" s="1" t="s">
        <v>7</v>
      </c>
    </row>
    <row r="5455">
      <c r="A5455" s="1">
        <v>4.90403269E8</v>
      </c>
      <c r="B5455" s="2">
        <v>11953.0</v>
      </c>
      <c r="C5455" s="1" t="s">
        <v>5</v>
      </c>
      <c r="D5455" s="1" t="s">
        <v>4427</v>
      </c>
      <c r="E5455" s="1" t="s">
        <v>7</v>
      </c>
    </row>
    <row r="5456">
      <c r="A5456" s="1">
        <v>4.90403273E8</v>
      </c>
      <c r="B5456" s="2">
        <v>11952.0</v>
      </c>
      <c r="C5456" s="1" t="s">
        <v>5</v>
      </c>
      <c r="D5456" s="1" t="s">
        <v>4428</v>
      </c>
      <c r="E5456" s="1" t="s">
        <v>11</v>
      </c>
    </row>
    <row r="5457">
      <c r="A5457" s="1">
        <v>4.90403274E8</v>
      </c>
      <c r="B5457" s="2">
        <v>11913.0</v>
      </c>
      <c r="C5457" s="1" t="s">
        <v>5</v>
      </c>
      <c r="D5457" s="1" t="s">
        <v>4429</v>
      </c>
      <c r="E5457" s="1" t="s">
        <v>7</v>
      </c>
    </row>
    <row r="5458">
      <c r="A5458" s="1">
        <v>4.90403276E8</v>
      </c>
      <c r="B5458" s="2">
        <v>11950.0</v>
      </c>
      <c r="C5458" s="1" t="s">
        <v>5</v>
      </c>
      <c r="D5458" s="1" t="s">
        <v>4430</v>
      </c>
      <c r="E5458" s="1" t="s">
        <v>11</v>
      </c>
    </row>
    <row r="5459">
      <c r="A5459" s="1">
        <v>4.90403277E8</v>
      </c>
      <c r="B5459" s="2">
        <v>11946.0</v>
      </c>
      <c r="C5459" s="1" t="s">
        <v>5</v>
      </c>
      <c r="D5459" s="1" t="s">
        <v>11</v>
      </c>
      <c r="E5459" s="1" t="s">
        <v>7</v>
      </c>
    </row>
    <row r="5460">
      <c r="A5460" s="1">
        <v>4.90403278E8</v>
      </c>
      <c r="B5460" s="2">
        <v>11926.0</v>
      </c>
      <c r="C5460" s="1" t="s">
        <v>5</v>
      </c>
      <c r="D5460" s="1" t="s">
        <v>4431</v>
      </c>
      <c r="E5460" s="1" t="s">
        <v>7</v>
      </c>
    </row>
    <row r="5461">
      <c r="A5461" s="1">
        <v>4.90403288E8</v>
      </c>
      <c r="B5461" s="2">
        <v>11913.0</v>
      </c>
      <c r="C5461" s="1" t="s">
        <v>5</v>
      </c>
      <c r="D5461" s="1" t="s">
        <v>11</v>
      </c>
      <c r="E5461" s="1" t="s">
        <v>7</v>
      </c>
    </row>
    <row r="5462">
      <c r="A5462" s="1">
        <v>4.90403293E8</v>
      </c>
      <c r="B5462" s="2">
        <v>11946.0</v>
      </c>
      <c r="C5462" s="1" t="s">
        <v>5</v>
      </c>
      <c r="D5462" s="1" t="s">
        <v>4432</v>
      </c>
      <c r="E5462" s="1" t="s">
        <v>7</v>
      </c>
    </row>
    <row r="5463">
      <c r="A5463" s="1">
        <v>4.90403298E8</v>
      </c>
      <c r="B5463" s="2">
        <v>11918.0</v>
      </c>
      <c r="C5463" s="1" t="s">
        <v>5</v>
      </c>
      <c r="D5463" s="1" t="s">
        <v>11</v>
      </c>
      <c r="E5463" s="1" t="s">
        <v>7</v>
      </c>
    </row>
    <row r="5464">
      <c r="A5464" s="1">
        <v>4.90403303E8</v>
      </c>
      <c r="B5464" s="2">
        <v>11953.0</v>
      </c>
      <c r="C5464" s="1" t="s">
        <v>5</v>
      </c>
      <c r="D5464" s="1" t="s">
        <v>4433</v>
      </c>
      <c r="E5464" s="1" t="s">
        <v>11</v>
      </c>
    </row>
    <row r="5465">
      <c r="A5465" s="1">
        <v>4.90403308E8</v>
      </c>
      <c r="B5465" s="2">
        <v>11913.0</v>
      </c>
      <c r="C5465" s="1" t="s">
        <v>5</v>
      </c>
      <c r="D5465" s="1" t="s">
        <v>11</v>
      </c>
      <c r="E5465" s="1" t="s">
        <v>7</v>
      </c>
    </row>
    <row r="5466">
      <c r="A5466" s="1">
        <v>4.90403309E8</v>
      </c>
      <c r="B5466" s="2">
        <v>11950.0</v>
      </c>
      <c r="C5466" s="1" t="s">
        <v>5</v>
      </c>
      <c r="D5466" s="1" t="s">
        <v>11</v>
      </c>
      <c r="E5466" s="1" t="s">
        <v>7</v>
      </c>
    </row>
    <row r="5467">
      <c r="A5467" s="1">
        <v>4.9040331E8</v>
      </c>
      <c r="B5467" s="2">
        <v>11922.0</v>
      </c>
      <c r="C5467" s="1" t="s">
        <v>5</v>
      </c>
      <c r="D5467" s="1" t="s">
        <v>4434</v>
      </c>
      <c r="E5467" s="1" t="s">
        <v>7</v>
      </c>
    </row>
    <row r="5468">
      <c r="A5468" s="1">
        <v>4.90403314E8</v>
      </c>
      <c r="B5468" s="2">
        <v>11920.0</v>
      </c>
      <c r="C5468" s="1" t="s">
        <v>5</v>
      </c>
      <c r="D5468" s="1" t="s">
        <v>4435</v>
      </c>
      <c r="E5468" s="1" t="s">
        <v>11</v>
      </c>
    </row>
    <row r="5469">
      <c r="A5469" s="1">
        <v>4.90403315E8</v>
      </c>
      <c r="B5469" s="2">
        <v>11918.0</v>
      </c>
      <c r="C5469" s="1" t="s">
        <v>5</v>
      </c>
      <c r="D5469" s="1" t="s">
        <v>4436</v>
      </c>
      <c r="E5469" s="1" t="s">
        <v>7</v>
      </c>
    </row>
    <row r="5470">
      <c r="A5470" s="1">
        <v>4.90403318E8</v>
      </c>
      <c r="B5470" s="2">
        <v>11926.0</v>
      </c>
      <c r="C5470" s="1" t="s">
        <v>5</v>
      </c>
      <c r="D5470" s="1" t="s">
        <v>11</v>
      </c>
      <c r="E5470" s="1" t="s">
        <v>7</v>
      </c>
    </row>
    <row r="5471">
      <c r="A5471" s="1">
        <v>4.90403319E8</v>
      </c>
      <c r="B5471" s="2">
        <v>11943.0</v>
      </c>
      <c r="C5471" s="1" t="s">
        <v>5</v>
      </c>
      <c r="D5471" s="1" t="s">
        <v>4437</v>
      </c>
      <c r="E5471" s="1" t="s">
        <v>7</v>
      </c>
    </row>
    <row r="5472">
      <c r="A5472" s="1">
        <v>4.9040332E8</v>
      </c>
      <c r="B5472" s="2">
        <v>11918.0</v>
      </c>
      <c r="C5472" s="1" t="s">
        <v>5</v>
      </c>
      <c r="D5472" s="1" t="s">
        <v>4438</v>
      </c>
      <c r="E5472" s="1" t="s">
        <v>7</v>
      </c>
    </row>
    <row r="5473">
      <c r="A5473" s="1">
        <v>4.90403324E8</v>
      </c>
      <c r="B5473" s="2">
        <v>11949.0</v>
      </c>
      <c r="C5473" s="1" t="s">
        <v>5</v>
      </c>
      <c r="D5473" s="1" t="s">
        <v>4439</v>
      </c>
      <c r="E5473" s="1" t="s">
        <v>11</v>
      </c>
    </row>
    <row r="5474">
      <c r="A5474" s="1">
        <v>4.90403328E8</v>
      </c>
      <c r="B5474" s="2">
        <v>11953.0</v>
      </c>
      <c r="C5474" s="1" t="s">
        <v>5</v>
      </c>
      <c r="D5474" s="1" t="s">
        <v>4190</v>
      </c>
      <c r="E5474" s="1" t="s">
        <v>11</v>
      </c>
    </row>
    <row r="5475">
      <c r="A5475" s="1">
        <v>4.90403335E8</v>
      </c>
      <c r="B5475" s="2">
        <v>11920.0</v>
      </c>
      <c r="C5475" s="1" t="s">
        <v>5</v>
      </c>
      <c r="D5475" s="1" t="s">
        <v>11</v>
      </c>
      <c r="E5475" s="1" t="s">
        <v>7</v>
      </c>
    </row>
    <row r="5476">
      <c r="A5476" s="1">
        <v>4.90403336E8</v>
      </c>
      <c r="B5476" s="2">
        <v>11916.0</v>
      </c>
      <c r="C5476" s="1" t="s">
        <v>5</v>
      </c>
      <c r="D5476" s="1" t="s">
        <v>4440</v>
      </c>
      <c r="E5476" s="1" t="s">
        <v>7</v>
      </c>
    </row>
    <row r="5477">
      <c r="A5477" s="1">
        <v>4.90403338E8</v>
      </c>
      <c r="B5477" s="2">
        <v>11918.0</v>
      </c>
      <c r="C5477" s="1" t="s">
        <v>5</v>
      </c>
      <c r="D5477" s="1" t="s">
        <v>4441</v>
      </c>
      <c r="E5477" s="1" t="s">
        <v>7</v>
      </c>
    </row>
    <row r="5478">
      <c r="A5478" s="1">
        <v>4.90403344E8</v>
      </c>
      <c r="B5478" s="2">
        <v>11948.0</v>
      </c>
      <c r="C5478" s="1" t="s">
        <v>5</v>
      </c>
      <c r="D5478" s="1" t="s">
        <v>11</v>
      </c>
      <c r="E5478" s="1" t="s">
        <v>7</v>
      </c>
    </row>
    <row r="5479">
      <c r="A5479" s="1">
        <v>4.90403345E8</v>
      </c>
      <c r="B5479" s="2">
        <v>11915.0</v>
      </c>
      <c r="C5479" s="1" t="s">
        <v>5</v>
      </c>
      <c r="D5479" s="1" t="s">
        <v>4442</v>
      </c>
      <c r="E5479" s="1" t="s">
        <v>4443</v>
      </c>
    </row>
    <row r="5480">
      <c r="A5480" s="1">
        <v>4.90403349E8</v>
      </c>
      <c r="B5480" s="2">
        <v>11952.0</v>
      </c>
      <c r="C5480" s="1" t="s">
        <v>5</v>
      </c>
      <c r="D5480" s="1" t="s">
        <v>4444</v>
      </c>
      <c r="E5480" s="1" t="s">
        <v>11</v>
      </c>
    </row>
    <row r="5481">
      <c r="A5481" s="1">
        <v>4.90403354E8</v>
      </c>
      <c r="B5481" s="2">
        <v>11950.0</v>
      </c>
      <c r="C5481" s="1" t="s">
        <v>5</v>
      </c>
      <c r="D5481" s="1" t="s">
        <v>4445</v>
      </c>
      <c r="E5481" s="1" t="s">
        <v>7</v>
      </c>
    </row>
    <row r="5482">
      <c r="A5482" s="1">
        <v>4.90403356E8</v>
      </c>
      <c r="B5482" s="2">
        <v>11921.0</v>
      </c>
      <c r="C5482" s="1" t="s">
        <v>5</v>
      </c>
      <c r="D5482" s="1" t="s">
        <v>4446</v>
      </c>
      <c r="E5482" s="1" t="s">
        <v>11</v>
      </c>
    </row>
    <row r="5483">
      <c r="A5483" s="1">
        <v>4.90403358E8</v>
      </c>
      <c r="B5483" s="2">
        <v>11953.0</v>
      </c>
      <c r="C5483" s="1" t="s">
        <v>5</v>
      </c>
      <c r="D5483" s="1" t="s">
        <v>11</v>
      </c>
      <c r="E5483" s="1" t="s">
        <v>7</v>
      </c>
    </row>
    <row r="5484">
      <c r="A5484" s="1">
        <v>4.90403374E8</v>
      </c>
      <c r="B5484" s="2">
        <v>11926.0</v>
      </c>
      <c r="C5484" s="1" t="s">
        <v>5</v>
      </c>
      <c r="D5484" s="1" t="s">
        <v>4447</v>
      </c>
      <c r="E5484" s="1" t="s">
        <v>7</v>
      </c>
    </row>
    <row r="5485">
      <c r="A5485" s="1">
        <v>4.90403378E8</v>
      </c>
      <c r="B5485" s="2">
        <v>11920.0</v>
      </c>
      <c r="C5485" s="1" t="s">
        <v>5</v>
      </c>
      <c r="D5485" s="1" t="s">
        <v>4448</v>
      </c>
      <c r="E5485" s="1" t="s">
        <v>11</v>
      </c>
    </row>
    <row r="5486">
      <c r="A5486" s="1">
        <v>4.90403387E8</v>
      </c>
      <c r="B5486" s="2">
        <v>11945.0</v>
      </c>
      <c r="C5486" s="1" t="s">
        <v>5</v>
      </c>
      <c r="D5486" s="1" t="s">
        <v>4449</v>
      </c>
      <c r="E5486" s="1" t="s">
        <v>11</v>
      </c>
    </row>
    <row r="5487">
      <c r="A5487" s="1">
        <v>4.9040339E8</v>
      </c>
      <c r="B5487" s="2">
        <v>11912.0</v>
      </c>
      <c r="C5487" s="1" t="s">
        <v>5</v>
      </c>
      <c r="D5487" s="1" t="s">
        <v>4450</v>
      </c>
      <c r="E5487" s="1" t="s">
        <v>7</v>
      </c>
    </row>
    <row r="5488">
      <c r="A5488" s="1">
        <v>4.90403393E8</v>
      </c>
      <c r="B5488" s="2">
        <v>11921.0</v>
      </c>
      <c r="C5488" s="1" t="s">
        <v>5</v>
      </c>
      <c r="D5488" s="1" t="s">
        <v>4451</v>
      </c>
      <c r="E5488" s="1" t="s">
        <v>11</v>
      </c>
    </row>
    <row r="5489">
      <c r="A5489" s="1">
        <v>4.90403394E8</v>
      </c>
      <c r="B5489" s="2">
        <v>11946.0</v>
      </c>
      <c r="C5489" s="1" t="s">
        <v>5</v>
      </c>
      <c r="D5489" s="1" t="s">
        <v>4452</v>
      </c>
      <c r="E5489" s="1" t="s">
        <v>7</v>
      </c>
    </row>
    <row r="5490">
      <c r="A5490" s="1">
        <v>4.904034E8</v>
      </c>
      <c r="B5490" s="2">
        <v>11920.0</v>
      </c>
      <c r="C5490" s="1" t="s">
        <v>5</v>
      </c>
      <c r="D5490" s="1" t="s">
        <v>11</v>
      </c>
      <c r="E5490" s="1" t="s">
        <v>7</v>
      </c>
    </row>
    <row r="5491">
      <c r="A5491" s="1">
        <v>4.90403407E8</v>
      </c>
      <c r="B5491" s="2">
        <v>11915.0</v>
      </c>
      <c r="C5491" s="1" t="s">
        <v>5</v>
      </c>
      <c r="D5491" s="1" t="s">
        <v>4453</v>
      </c>
      <c r="E5491" s="1" t="s">
        <v>4454</v>
      </c>
    </row>
    <row r="5492">
      <c r="A5492" s="1">
        <v>4.90403411E8</v>
      </c>
      <c r="B5492" s="2">
        <v>11926.0</v>
      </c>
      <c r="C5492" s="1" t="s">
        <v>5</v>
      </c>
      <c r="D5492" s="1" t="s">
        <v>4455</v>
      </c>
      <c r="E5492" s="1" t="s">
        <v>7</v>
      </c>
    </row>
    <row r="5493">
      <c r="A5493" s="1">
        <v>4.90403417E8</v>
      </c>
      <c r="B5493" s="2">
        <v>11952.0</v>
      </c>
      <c r="C5493" s="1" t="s">
        <v>5</v>
      </c>
      <c r="D5493" s="1" t="s">
        <v>4456</v>
      </c>
      <c r="E5493" s="1" t="s">
        <v>7</v>
      </c>
    </row>
    <row r="5494">
      <c r="A5494" s="1">
        <v>4.90403429E8</v>
      </c>
      <c r="B5494" s="2">
        <v>11945.0</v>
      </c>
      <c r="C5494" s="1" t="s">
        <v>5</v>
      </c>
      <c r="D5494" s="1" t="s">
        <v>4457</v>
      </c>
      <c r="E5494" s="1" t="s">
        <v>4458</v>
      </c>
    </row>
    <row r="5495">
      <c r="A5495" s="1">
        <v>4.90403434E8</v>
      </c>
      <c r="B5495" s="2">
        <v>11921.0</v>
      </c>
      <c r="C5495" s="1" t="s">
        <v>5</v>
      </c>
      <c r="D5495" s="1" t="s">
        <v>4459</v>
      </c>
      <c r="E5495" s="1" t="s">
        <v>7</v>
      </c>
    </row>
    <row r="5496">
      <c r="A5496" s="1">
        <v>4.90403445E8</v>
      </c>
      <c r="B5496" s="2">
        <v>11915.0</v>
      </c>
      <c r="C5496" s="1" t="s">
        <v>5</v>
      </c>
      <c r="D5496" s="1" t="s">
        <v>4460</v>
      </c>
      <c r="E5496" s="1" t="s">
        <v>4461</v>
      </c>
    </row>
    <row r="5497">
      <c r="A5497" s="1">
        <v>4.90403449E8</v>
      </c>
      <c r="B5497" s="2">
        <v>11945.0</v>
      </c>
      <c r="C5497" s="1" t="s">
        <v>5</v>
      </c>
      <c r="D5497" s="1" t="s">
        <v>4462</v>
      </c>
      <c r="E5497" s="1" t="s">
        <v>7</v>
      </c>
    </row>
    <row r="5498">
      <c r="A5498" s="1">
        <v>4.90403464E8</v>
      </c>
      <c r="B5498" s="2">
        <v>11912.0</v>
      </c>
      <c r="C5498" s="1" t="s">
        <v>5</v>
      </c>
      <c r="D5498" s="1" t="s">
        <v>11</v>
      </c>
      <c r="E5498" s="1" t="s">
        <v>7</v>
      </c>
    </row>
    <row r="5499">
      <c r="A5499" s="1">
        <v>4.90403484E8</v>
      </c>
      <c r="B5499" s="2">
        <v>11921.0</v>
      </c>
      <c r="C5499" s="1" t="s">
        <v>5</v>
      </c>
      <c r="D5499" s="1" t="s">
        <v>4463</v>
      </c>
      <c r="E5499" s="1" t="s">
        <v>7</v>
      </c>
    </row>
    <row r="5500">
      <c r="A5500" s="1">
        <v>4.90403488E8</v>
      </c>
      <c r="B5500" s="2">
        <v>11913.0</v>
      </c>
      <c r="C5500" s="1" t="s">
        <v>5</v>
      </c>
      <c r="D5500" s="1" t="s">
        <v>4464</v>
      </c>
      <c r="E5500" s="1" t="s">
        <v>7</v>
      </c>
    </row>
    <row r="5501">
      <c r="A5501" s="1">
        <v>4.90403499E8</v>
      </c>
      <c r="B5501" s="2">
        <v>11950.0</v>
      </c>
      <c r="C5501" s="1" t="s">
        <v>5</v>
      </c>
      <c r="D5501" s="1" t="s">
        <v>4465</v>
      </c>
      <c r="E5501" s="1" t="s">
        <v>7</v>
      </c>
    </row>
    <row r="5502">
      <c r="A5502" s="1">
        <v>4.90403504E8</v>
      </c>
      <c r="B5502" s="2">
        <v>11915.0</v>
      </c>
      <c r="C5502" s="1" t="s">
        <v>5</v>
      </c>
      <c r="D5502" s="1" t="s">
        <v>4466</v>
      </c>
      <c r="E5502" s="1" t="s">
        <v>7</v>
      </c>
    </row>
    <row r="5503">
      <c r="A5503" s="1">
        <v>4.90403514E8</v>
      </c>
      <c r="B5503" s="2">
        <v>11918.0</v>
      </c>
      <c r="C5503" s="1" t="s">
        <v>5</v>
      </c>
      <c r="D5503" s="1" t="s">
        <v>11</v>
      </c>
      <c r="E5503" s="1" t="s">
        <v>7</v>
      </c>
    </row>
    <row r="5504">
      <c r="A5504" s="1">
        <v>4.90403515E8</v>
      </c>
      <c r="B5504" s="2">
        <v>11944.0</v>
      </c>
      <c r="C5504" s="1" t="s">
        <v>5</v>
      </c>
      <c r="D5504" s="1" t="s">
        <v>4467</v>
      </c>
      <c r="E5504" s="1" t="s">
        <v>7</v>
      </c>
    </row>
    <row r="5505">
      <c r="A5505" s="1">
        <v>4.90403518E8</v>
      </c>
      <c r="B5505" s="2">
        <v>11915.0</v>
      </c>
      <c r="C5505" s="1" t="s">
        <v>5</v>
      </c>
      <c r="D5505" s="1" t="s">
        <v>4468</v>
      </c>
      <c r="E5505" s="1" t="s">
        <v>7</v>
      </c>
    </row>
    <row r="5506">
      <c r="A5506" s="1">
        <v>4.90403523E8</v>
      </c>
      <c r="B5506" s="2">
        <v>11946.0</v>
      </c>
      <c r="C5506" s="1" t="s">
        <v>5</v>
      </c>
      <c r="D5506" s="1" t="s">
        <v>4469</v>
      </c>
      <c r="E5506" s="1" t="s">
        <v>11</v>
      </c>
    </row>
    <row r="5507">
      <c r="A5507" s="1">
        <v>4.90403533E8</v>
      </c>
      <c r="B5507" s="2">
        <v>11947.0</v>
      </c>
      <c r="C5507" s="1" t="s">
        <v>5</v>
      </c>
      <c r="D5507" s="1" t="s">
        <v>4470</v>
      </c>
      <c r="E5507" s="1" t="s">
        <v>11</v>
      </c>
    </row>
    <row r="5508">
      <c r="A5508" s="1">
        <v>4.90403543E8</v>
      </c>
      <c r="B5508" s="2">
        <v>11915.0</v>
      </c>
      <c r="C5508" s="1" t="s">
        <v>5</v>
      </c>
      <c r="D5508" s="1" t="s">
        <v>4471</v>
      </c>
      <c r="E5508" s="1" t="s">
        <v>7</v>
      </c>
    </row>
    <row r="5509">
      <c r="A5509" s="1">
        <v>4.90403544E8</v>
      </c>
      <c r="B5509" s="2">
        <v>11925.0</v>
      </c>
      <c r="C5509" s="1" t="s">
        <v>5</v>
      </c>
      <c r="D5509" s="1" t="s">
        <v>4472</v>
      </c>
      <c r="E5509" s="1" t="s">
        <v>7</v>
      </c>
    </row>
    <row r="5510">
      <c r="A5510" s="1">
        <v>4.90403573E8</v>
      </c>
      <c r="B5510" s="2">
        <v>11945.0</v>
      </c>
      <c r="C5510" s="1" t="s">
        <v>5</v>
      </c>
      <c r="D5510" s="1" t="s">
        <v>11</v>
      </c>
      <c r="E5510" s="1" t="s">
        <v>7</v>
      </c>
    </row>
    <row r="5511">
      <c r="A5511" s="1">
        <v>4.90403576E8</v>
      </c>
      <c r="B5511" s="2">
        <v>11917.0</v>
      </c>
      <c r="C5511" s="1" t="s">
        <v>5</v>
      </c>
      <c r="D5511" s="1" t="s">
        <v>4473</v>
      </c>
      <c r="E5511" s="1" t="s">
        <v>7</v>
      </c>
    </row>
    <row r="5512">
      <c r="A5512" s="1">
        <v>4.9040358E8</v>
      </c>
      <c r="B5512" s="2">
        <v>11921.0</v>
      </c>
      <c r="C5512" s="1" t="s">
        <v>5</v>
      </c>
      <c r="D5512" s="1" t="s">
        <v>7</v>
      </c>
      <c r="E5512" s="1" t="s">
        <v>7</v>
      </c>
    </row>
    <row r="5513">
      <c r="A5513" s="1">
        <v>4.90403581E8</v>
      </c>
      <c r="B5513" s="2">
        <v>11946.0</v>
      </c>
      <c r="C5513" s="1" t="s">
        <v>5</v>
      </c>
      <c r="D5513" s="1" t="s">
        <v>4474</v>
      </c>
      <c r="E5513" s="1" t="s">
        <v>7</v>
      </c>
    </row>
    <row r="5514">
      <c r="A5514" s="1">
        <v>4.90403593E8</v>
      </c>
      <c r="B5514" s="2">
        <v>11945.0</v>
      </c>
      <c r="C5514" s="1" t="s">
        <v>5</v>
      </c>
      <c r="D5514" s="1" t="s">
        <v>11</v>
      </c>
      <c r="E5514" s="1" t="s">
        <v>7</v>
      </c>
    </row>
    <row r="5515">
      <c r="A5515" s="1">
        <v>4.90403605E8</v>
      </c>
      <c r="B5515" s="2">
        <v>11912.0</v>
      </c>
      <c r="C5515" s="1" t="s">
        <v>5</v>
      </c>
      <c r="D5515" s="1" t="s">
        <v>4475</v>
      </c>
      <c r="E5515" s="1" t="s">
        <v>7</v>
      </c>
    </row>
    <row r="5516">
      <c r="A5516" s="1">
        <v>4.90403608E8</v>
      </c>
      <c r="B5516" s="2">
        <v>11950.0</v>
      </c>
      <c r="C5516" s="1" t="s">
        <v>5</v>
      </c>
      <c r="D5516" s="1" t="s">
        <v>4476</v>
      </c>
      <c r="E5516" s="1" t="s">
        <v>11</v>
      </c>
    </row>
    <row r="5517">
      <c r="A5517" s="1">
        <v>4.90403612E8</v>
      </c>
      <c r="B5517" s="2">
        <v>11917.0</v>
      </c>
      <c r="C5517" s="1" t="s">
        <v>5</v>
      </c>
      <c r="D5517" s="1" t="s">
        <v>4477</v>
      </c>
      <c r="E5517" s="1" t="s">
        <v>7</v>
      </c>
    </row>
    <row r="5518">
      <c r="A5518" s="1">
        <v>4.90403618E8</v>
      </c>
      <c r="B5518" s="2">
        <v>11947.0</v>
      </c>
      <c r="C5518" s="1" t="s">
        <v>5</v>
      </c>
      <c r="D5518" s="1" t="s">
        <v>4478</v>
      </c>
      <c r="E5518" s="1" t="s">
        <v>4479</v>
      </c>
    </row>
    <row r="5519">
      <c r="A5519" s="1">
        <v>4.90403634E8</v>
      </c>
      <c r="B5519" s="2">
        <v>11916.0</v>
      </c>
      <c r="C5519" s="1" t="s">
        <v>5</v>
      </c>
      <c r="D5519" s="1" t="s">
        <v>4480</v>
      </c>
      <c r="E5519" s="1" t="s">
        <v>7</v>
      </c>
    </row>
    <row r="5520">
      <c r="A5520" s="1">
        <v>4.90403647E8</v>
      </c>
      <c r="B5520" s="2">
        <v>11947.0</v>
      </c>
      <c r="C5520" s="1" t="s">
        <v>5</v>
      </c>
      <c r="D5520" s="1" t="s">
        <v>4481</v>
      </c>
      <c r="E5520" s="1" t="s">
        <v>4482</v>
      </c>
    </row>
    <row r="5521">
      <c r="A5521" s="1">
        <v>4.90403649E8</v>
      </c>
      <c r="B5521" s="2">
        <v>11912.0</v>
      </c>
      <c r="C5521" s="1" t="s">
        <v>5</v>
      </c>
      <c r="D5521" s="1" t="s">
        <v>11</v>
      </c>
      <c r="E5521" s="1" t="s">
        <v>7</v>
      </c>
    </row>
    <row r="5522">
      <c r="A5522" s="1">
        <v>4.9040365E8</v>
      </c>
      <c r="B5522" s="2">
        <v>11916.0</v>
      </c>
      <c r="C5522" s="1" t="s">
        <v>5</v>
      </c>
      <c r="D5522" s="1" t="s">
        <v>4483</v>
      </c>
      <c r="E5522" s="1" t="s">
        <v>7</v>
      </c>
    </row>
    <row r="5523">
      <c r="A5523" s="1">
        <v>4.90403663E8</v>
      </c>
      <c r="B5523" s="2">
        <v>11918.0</v>
      </c>
      <c r="C5523" s="1" t="s">
        <v>5</v>
      </c>
      <c r="D5523" s="1" t="s">
        <v>4484</v>
      </c>
      <c r="E5523" s="1" t="s">
        <v>11</v>
      </c>
    </row>
    <row r="5524">
      <c r="A5524" s="1">
        <v>4.90403672E8</v>
      </c>
      <c r="B5524" s="2">
        <v>11925.0</v>
      </c>
      <c r="C5524" s="1" t="s">
        <v>5</v>
      </c>
      <c r="D5524" s="1" t="s">
        <v>4485</v>
      </c>
      <c r="E5524" s="1" t="s">
        <v>7</v>
      </c>
    </row>
    <row r="5525">
      <c r="A5525" s="1">
        <v>4.90403674E8</v>
      </c>
      <c r="B5525" s="2">
        <v>11946.0</v>
      </c>
      <c r="C5525" s="1" t="s">
        <v>5</v>
      </c>
      <c r="D5525" s="1" t="s">
        <v>4486</v>
      </c>
      <c r="E5525" s="1" t="s">
        <v>11</v>
      </c>
    </row>
    <row r="5526">
      <c r="A5526" s="1">
        <v>4.90403676E8</v>
      </c>
      <c r="B5526" s="2">
        <v>11916.0</v>
      </c>
      <c r="C5526" s="1" t="s">
        <v>5</v>
      </c>
      <c r="D5526" s="1" t="s">
        <v>11</v>
      </c>
      <c r="E5526" s="1" t="s">
        <v>7</v>
      </c>
    </row>
    <row r="5527">
      <c r="A5527" s="1">
        <v>4.90403684E8</v>
      </c>
      <c r="B5527" s="2">
        <v>11945.0</v>
      </c>
      <c r="C5527" s="1" t="s">
        <v>5</v>
      </c>
      <c r="D5527" s="1" t="s">
        <v>4487</v>
      </c>
      <c r="E5527" s="1" t="s">
        <v>4488</v>
      </c>
    </row>
    <row r="5528">
      <c r="A5528" s="1">
        <v>4.90403694E8</v>
      </c>
      <c r="B5528" s="2">
        <v>11916.0</v>
      </c>
      <c r="C5528" s="1" t="s">
        <v>5</v>
      </c>
      <c r="D5528" s="1" t="s">
        <v>11</v>
      </c>
      <c r="E5528" s="1" t="s">
        <v>7</v>
      </c>
    </row>
    <row r="5529">
      <c r="A5529" s="1">
        <v>4.904037E8</v>
      </c>
      <c r="B5529" s="2">
        <v>11909.0</v>
      </c>
      <c r="C5529" s="1" t="s">
        <v>5</v>
      </c>
      <c r="D5529" s="1" t="s">
        <v>4489</v>
      </c>
      <c r="E5529" s="1" t="s">
        <v>11</v>
      </c>
    </row>
    <row r="5530">
      <c r="A5530" s="1">
        <v>4.90403704E8</v>
      </c>
      <c r="B5530" s="2">
        <v>11925.0</v>
      </c>
      <c r="C5530" s="1" t="s">
        <v>5</v>
      </c>
      <c r="D5530" s="1" t="s">
        <v>11</v>
      </c>
      <c r="E5530" s="1" t="s">
        <v>7</v>
      </c>
    </row>
    <row r="5531">
      <c r="A5531" s="1">
        <v>4.90403708E8</v>
      </c>
      <c r="B5531" s="2">
        <v>11916.0</v>
      </c>
      <c r="C5531" s="1" t="s">
        <v>5</v>
      </c>
      <c r="D5531" s="1" t="s">
        <v>4490</v>
      </c>
      <c r="E5531" s="1" t="s">
        <v>11</v>
      </c>
    </row>
    <row r="5532">
      <c r="A5532" s="1">
        <v>4.90403717E8</v>
      </c>
      <c r="B5532" s="2">
        <v>11944.0</v>
      </c>
      <c r="C5532" s="1" t="s">
        <v>5</v>
      </c>
      <c r="D5532" s="1" t="s">
        <v>11</v>
      </c>
      <c r="E5532" s="1" t="s">
        <v>7</v>
      </c>
    </row>
    <row r="5533">
      <c r="A5533" s="1">
        <v>4.90403728E8</v>
      </c>
      <c r="B5533" s="2">
        <v>11944.0</v>
      </c>
      <c r="C5533" s="1" t="s">
        <v>5</v>
      </c>
      <c r="D5533" s="1" t="s">
        <v>4491</v>
      </c>
      <c r="E5533" s="1" t="s">
        <v>11</v>
      </c>
    </row>
    <row r="5534">
      <c r="A5534" s="1">
        <v>4.90403733E8</v>
      </c>
      <c r="B5534" s="2">
        <v>11925.0</v>
      </c>
      <c r="C5534" s="1" t="s">
        <v>5</v>
      </c>
      <c r="D5534" s="1" t="s">
        <v>11</v>
      </c>
      <c r="E5534" s="1" t="s">
        <v>7</v>
      </c>
    </row>
    <row r="5535">
      <c r="A5535" s="1">
        <v>4.90403737E8</v>
      </c>
      <c r="B5535" s="2">
        <v>11912.0</v>
      </c>
      <c r="C5535" s="1" t="s">
        <v>5</v>
      </c>
      <c r="D5535" s="1" t="s">
        <v>4492</v>
      </c>
      <c r="E5535" s="1" t="s">
        <v>7</v>
      </c>
    </row>
    <row r="5536">
      <c r="A5536" s="1">
        <v>4.90403741E8</v>
      </c>
      <c r="B5536" s="2">
        <v>11950.0</v>
      </c>
      <c r="C5536" s="1" t="s">
        <v>5</v>
      </c>
      <c r="D5536" s="1" t="s">
        <v>11</v>
      </c>
      <c r="E5536" s="1" t="s">
        <v>7</v>
      </c>
    </row>
    <row r="5537">
      <c r="A5537" s="1">
        <v>4.90403746E8</v>
      </c>
      <c r="B5537" s="2">
        <v>11918.0</v>
      </c>
      <c r="C5537" s="1" t="s">
        <v>5</v>
      </c>
      <c r="D5537" s="1" t="s">
        <v>4493</v>
      </c>
      <c r="E5537" s="1" t="s">
        <v>11</v>
      </c>
    </row>
    <row r="5538">
      <c r="A5538" s="1">
        <v>4.90403748E8</v>
      </c>
      <c r="B5538" s="2">
        <v>11915.0</v>
      </c>
      <c r="C5538" s="1" t="s">
        <v>5</v>
      </c>
      <c r="D5538" s="1" t="s">
        <v>4494</v>
      </c>
      <c r="E5538" s="1" t="s">
        <v>7</v>
      </c>
    </row>
    <row r="5539">
      <c r="A5539" s="1">
        <v>4.90403753E8</v>
      </c>
      <c r="B5539" s="2">
        <v>11944.0</v>
      </c>
      <c r="C5539" s="1" t="s">
        <v>5</v>
      </c>
      <c r="D5539" s="1" t="s">
        <v>11</v>
      </c>
      <c r="E5539" s="1" t="s">
        <v>7</v>
      </c>
    </row>
    <row r="5540">
      <c r="A5540" s="1">
        <v>4.90403776E8</v>
      </c>
      <c r="B5540" s="2">
        <v>11920.0</v>
      </c>
      <c r="C5540" s="1" t="s">
        <v>5</v>
      </c>
      <c r="D5540" s="1" t="s">
        <v>4495</v>
      </c>
      <c r="E5540" s="1" t="s">
        <v>11</v>
      </c>
    </row>
    <row r="5541">
      <c r="A5541" s="1">
        <v>4.90403779E8</v>
      </c>
      <c r="B5541" s="2">
        <v>11950.0</v>
      </c>
      <c r="C5541" s="1" t="s">
        <v>5</v>
      </c>
      <c r="D5541" s="1" t="s">
        <v>4496</v>
      </c>
      <c r="E5541" s="1" t="s">
        <v>11</v>
      </c>
    </row>
    <row r="5542">
      <c r="A5542" s="1">
        <v>4.90403788E8</v>
      </c>
      <c r="B5542" s="2">
        <v>11948.0</v>
      </c>
      <c r="C5542" s="1" t="s">
        <v>5</v>
      </c>
      <c r="D5542" s="1" t="s">
        <v>4497</v>
      </c>
      <c r="E5542" s="1" t="s">
        <v>11</v>
      </c>
    </row>
    <row r="5543">
      <c r="A5543" s="1">
        <v>4.90403793E8</v>
      </c>
      <c r="B5543" s="2">
        <v>11946.0</v>
      </c>
      <c r="C5543" s="1" t="s">
        <v>5</v>
      </c>
      <c r="D5543" s="1" t="s">
        <v>11</v>
      </c>
      <c r="E5543" s="1" t="s">
        <v>7</v>
      </c>
    </row>
    <row r="5544">
      <c r="A5544" s="1">
        <v>4.90403797E8</v>
      </c>
      <c r="B5544" s="2">
        <v>11924.0</v>
      </c>
      <c r="C5544" s="1" t="s">
        <v>5</v>
      </c>
      <c r="D5544" s="1" t="s">
        <v>4498</v>
      </c>
      <c r="E5544" s="1" t="s">
        <v>4499</v>
      </c>
    </row>
    <row r="5545">
      <c r="A5545" s="1">
        <v>4.90403798E8</v>
      </c>
      <c r="B5545" s="2">
        <v>11952.0</v>
      </c>
      <c r="C5545" s="1" t="s">
        <v>5</v>
      </c>
      <c r="D5545" s="1" t="s">
        <v>4500</v>
      </c>
      <c r="E5545" s="1" t="s">
        <v>7</v>
      </c>
    </row>
    <row r="5546">
      <c r="A5546" s="1">
        <v>4.904038E8</v>
      </c>
      <c r="B5546" s="2">
        <v>11917.0</v>
      </c>
      <c r="C5546" s="1" t="s">
        <v>5</v>
      </c>
      <c r="D5546" s="1" t="s">
        <v>4501</v>
      </c>
      <c r="E5546" s="1" t="s">
        <v>4502</v>
      </c>
    </row>
    <row r="5547">
      <c r="A5547" s="1">
        <v>4.90403808E8</v>
      </c>
      <c r="B5547" s="2">
        <v>11947.0</v>
      </c>
      <c r="C5547" s="1" t="s">
        <v>5</v>
      </c>
      <c r="D5547" s="1" t="s">
        <v>11</v>
      </c>
      <c r="E5547" s="1" t="s">
        <v>7</v>
      </c>
    </row>
    <row r="5548">
      <c r="A5548" s="1">
        <v>4.90403812E8</v>
      </c>
      <c r="B5548" s="2">
        <v>11925.0</v>
      </c>
      <c r="C5548" s="1" t="s">
        <v>5</v>
      </c>
      <c r="D5548" s="1" t="s">
        <v>11</v>
      </c>
      <c r="E5548" s="1" t="s">
        <v>7</v>
      </c>
    </row>
    <row r="5549">
      <c r="A5549" s="1">
        <v>4.90403825E8</v>
      </c>
      <c r="B5549" s="2">
        <v>11912.0</v>
      </c>
      <c r="C5549" s="1" t="s">
        <v>5</v>
      </c>
      <c r="D5549" s="1" t="s">
        <v>4503</v>
      </c>
      <c r="E5549" s="1" t="s">
        <v>7</v>
      </c>
    </row>
    <row r="5550">
      <c r="A5550" s="1">
        <v>4.90403836E8</v>
      </c>
      <c r="B5550" s="2">
        <v>11948.0</v>
      </c>
      <c r="C5550" s="1" t="s">
        <v>5</v>
      </c>
      <c r="D5550" s="1" t="s">
        <v>11</v>
      </c>
      <c r="E5550" s="1" t="s">
        <v>7</v>
      </c>
    </row>
    <row r="5551">
      <c r="A5551" s="1">
        <v>4.90403838E8</v>
      </c>
      <c r="B5551" s="2">
        <v>11947.0</v>
      </c>
      <c r="C5551" s="1" t="s">
        <v>5</v>
      </c>
      <c r="D5551" s="1" t="s">
        <v>4504</v>
      </c>
      <c r="E5551" s="1" t="s">
        <v>11</v>
      </c>
    </row>
    <row r="5552">
      <c r="A5552" s="1">
        <v>4.90403842E8</v>
      </c>
      <c r="B5552" s="2">
        <v>11944.0</v>
      </c>
      <c r="C5552" s="1" t="s">
        <v>5</v>
      </c>
      <c r="D5552" s="1" t="s">
        <v>4505</v>
      </c>
      <c r="E5552" s="1" t="s">
        <v>7</v>
      </c>
    </row>
    <row r="5553">
      <c r="A5553" s="1">
        <v>4.90403853E8</v>
      </c>
      <c r="B5553" s="2">
        <v>11924.0</v>
      </c>
      <c r="C5553" s="1" t="s">
        <v>5</v>
      </c>
      <c r="D5553" s="1" t="s">
        <v>4506</v>
      </c>
      <c r="E5553" s="1" t="s">
        <v>4507</v>
      </c>
    </row>
    <row r="5554">
      <c r="A5554" s="1">
        <v>4.90403858E8</v>
      </c>
      <c r="B5554" s="2">
        <v>11948.0</v>
      </c>
      <c r="C5554" s="1" t="s">
        <v>5</v>
      </c>
      <c r="D5554" s="1" t="s">
        <v>4508</v>
      </c>
      <c r="E5554" s="1" t="s">
        <v>11</v>
      </c>
    </row>
    <row r="5555">
      <c r="A5555" s="1">
        <v>4.90403863E8</v>
      </c>
      <c r="B5555" s="2">
        <v>11909.0</v>
      </c>
      <c r="C5555" s="1" t="s">
        <v>5</v>
      </c>
      <c r="D5555" s="1" t="s">
        <v>4509</v>
      </c>
      <c r="E5555" s="1" t="s">
        <v>11</v>
      </c>
    </row>
    <row r="5556">
      <c r="A5556" s="1">
        <v>4.90403864E8</v>
      </c>
      <c r="B5556" s="2">
        <v>11917.0</v>
      </c>
      <c r="C5556" s="1" t="s">
        <v>5</v>
      </c>
      <c r="D5556" s="1" t="s">
        <v>4510</v>
      </c>
      <c r="E5556" s="1" t="s">
        <v>4511</v>
      </c>
    </row>
    <row r="5557">
      <c r="A5557" s="1">
        <v>4.90403867E8</v>
      </c>
      <c r="B5557" s="2">
        <v>11916.0</v>
      </c>
      <c r="C5557" s="1" t="s">
        <v>5</v>
      </c>
      <c r="D5557" s="1" t="s">
        <v>4512</v>
      </c>
      <c r="E5557" s="1" t="s">
        <v>7</v>
      </c>
    </row>
    <row r="5558">
      <c r="A5558" s="1">
        <v>4.90403868E8</v>
      </c>
      <c r="B5558" s="2">
        <v>11946.0</v>
      </c>
      <c r="C5558" s="1" t="s">
        <v>5</v>
      </c>
      <c r="D5558" s="1" t="s">
        <v>11</v>
      </c>
      <c r="E5558" s="1" t="s">
        <v>7</v>
      </c>
    </row>
    <row r="5559">
      <c r="A5559" s="1">
        <v>4.90403877E8</v>
      </c>
      <c r="B5559" s="2">
        <v>11948.0</v>
      </c>
      <c r="C5559" s="1" t="s">
        <v>5</v>
      </c>
      <c r="D5559" s="1" t="s">
        <v>4513</v>
      </c>
      <c r="E5559" s="1" t="s">
        <v>11</v>
      </c>
    </row>
    <row r="5560">
      <c r="A5560" s="1">
        <v>4.90403879E8</v>
      </c>
      <c r="B5560" s="2">
        <v>11924.0</v>
      </c>
      <c r="C5560" s="1" t="s">
        <v>5</v>
      </c>
      <c r="D5560" s="1" t="s">
        <v>4514</v>
      </c>
      <c r="E5560" s="1" t="s">
        <v>7</v>
      </c>
    </row>
    <row r="5561">
      <c r="A5561" s="1">
        <v>4.9040388E8</v>
      </c>
      <c r="B5561" s="2">
        <v>11920.0</v>
      </c>
      <c r="C5561" s="1" t="s">
        <v>5</v>
      </c>
      <c r="D5561" s="1" t="s">
        <v>4515</v>
      </c>
      <c r="E5561" s="1" t="s">
        <v>11</v>
      </c>
    </row>
    <row r="5562">
      <c r="A5562" s="1">
        <v>4.90403884E8</v>
      </c>
      <c r="B5562" s="2">
        <v>11947.0</v>
      </c>
      <c r="C5562" s="1" t="s">
        <v>5</v>
      </c>
      <c r="D5562" s="1" t="s">
        <v>4516</v>
      </c>
      <c r="E5562" s="1" t="s">
        <v>11</v>
      </c>
    </row>
    <row r="5563">
      <c r="A5563" s="1">
        <v>4.90403887E8</v>
      </c>
      <c r="B5563" s="2">
        <v>11916.0</v>
      </c>
      <c r="C5563" s="1" t="s">
        <v>5</v>
      </c>
      <c r="D5563" s="1" t="s">
        <v>11</v>
      </c>
      <c r="E5563" s="1" t="s">
        <v>7</v>
      </c>
    </row>
    <row r="5564">
      <c r="A5564" s="1">
        <v>4.90403894E8</v>
      </c>
      <c r="B5564" s="2">
        <v>11914.0</v>
      </c>
      <c r="C5564" s="1" t="s">
        <v>5</v>
      </c>
      <c r="D5564" s="1" t="s">
        <v>4517</v>
      </c>
      <c r="E5564" s="1" t="s">
        <v>7</v>
      </c>
    </row>
    <row r="5565">
      <c r="A5565" s="1">
        <v>4.90403898E8</v>
      </c>
      <c r="B5565" s="2">
        <v>11948.0</v>
      </c>
      <c r="C5565" s="1" t="s">
        <v>5</v>
      </c>
      <c r="D5565" s="1" t="s">
        <v>4315</v>
      </c>
      <c r="E5565" s="1" t="s">
        <v>11</v>
      </c>
    </row>
    <row r="5566">
      <c r="A5566" s="1">
        <v>4.90403899E8</v>
      </c>
      <c r="B5566" s="2">
        <v>11950.0</v>
      </c>
      <c r="C5566" s="1" t="s">
        <v>5</v>
      </c>
      <c r="D5566" s="1" t="s">
        <v>4518</v>
      </c>
      <c r="E5566" s="1" t="s">
        <v>11</v>
      </c>
    </row>
    <row r="5567">
      <c r="A5567" s="1">
        <v>4.90403905E8</v>
      </c>
      <c r="B5567" s="2">
        <v>11945.0</v>
      </c>
      <c r="C5567" s="1" t="s">
        <v>5</v>
      </c>
      <c r="D5567" s="1" t="s">
        <v>11</v>
      </c>
      <c r="E5567" s="1" t="s">
        <v>7</v>
      </c>
    </row>
    <row r="5568">
      <c r="A5568" s="1">
        <v>4.90403915E8</v>
      </c>
      <c r="B5568" s="2">
        <v>11916.0</v>
      </c>
      <c r="C5568" s="1" t="s">
        <v>5</v>
      </c>
      <c r="D5568" s="1" t="s">
        <v>4519</v>
      </c>
      <c r="E5568" s="1" t="s">
        <v>7</v>
      </c>
    </row>
    <row r="5569">
      <c r="A5569" s="1">
        <v>4.90403927E8</v>
      </c>
      <c r="B5569" s="2">
        <v>11950.0</v>
      </c>
      <c r="C5569" s="1" t="s">
        <v>5</v>
      </c>
      <c r="D5569" s="1" t="s">
        <v>4520</v>
      </c>
      <c r="E5569" s="1" t="s">
        <v>11</v>
      </c>
    </row>
    <row r="5570">
      <c r="A5570" s="1">
        <v>4.90403944E8</v>
      </c>
      <c r="B5570" s="2">
        <v>11944.0</v>
      </c>
      <c r="C5570" s="1" t="s">
        <v>5</v>
      </c>
      <c r="D5570" s="1" t="s">
        <v>11</v>
      </c>
      <c r="E5570" s="1" t="s">
        <v>7</v>
      </c>
    </row>
    <row r="5571">
      <c r="A5571" s="1">
        <v>4.90403947E8</v>
      </c>
      <c r="B5571" s="2">
        <v>11911.0</v>
      </c>
      <c r="C5571" s="1" t="s">
        <v>5</v>
      </c>
      <c r="D5571" s="1" t="s">
        <v>4521</v>
      </c>
      <c r="E5571" s="1" t="s">
        <v>7</v>
      </c>
    </row>
    <row r="5572">
      <c r="A5572" s="1">
        <v>4.90403948E8</v>
      </c>
      <c r="B5572" s="2">
        <v>11947.0</v>
      </c>
      <c r="C5572" s="1" t="s">
        <v>5</v>
      </c>
      <c r="D5572" s="1" t="s">
        <v>11</v>
      </c>
      <c r="E5572" s="1" t="s">
        <v>7</v>
      </c>
    </row>
    <row r="5573">
      <c r="A5573" s="1">
        <v>4.90403952E8</v>
      </c>
      <c r="B5573" s="2">
        <v>11920.0</v>
      </c>
      <c r="C5573" s="1" t="s">
        <v>5</v>
      </c>
      <c r="D5573" s="1" t="s">
        <v>11</v>
      </c>
      <c r="E5573" s="1" t="s">
        <v>7</v>
      </c>
    </row>
    <row r="5574">
      <c r="A5574" s="1">
        <v>4.90403954E8</v>
      </c>
      <c r="B5574" s="2">
        <v>11914.0</v>
      </c>
      <c r="C5574" s="1" t="s">
        <v>5</v>
      </c>
      <c r="D5574" s="1" t="s">
        <v>4522</v>
      </c>
      <c r="E5574" s="1" t="s">
        <v>7</v>
      </c>
    </row>
    <row r="5575">
      <c r="A5575" s="1">
        <v>4.90403975E8</v>
      </c>
      <c r="B5575" s="2">
        <v>11947.0</v>
      </c>
      <c r="C5575" s="1" t="s">
        <v>5</v>
      </c>
      <c r="D5575" s="1" t="s">
        <v>4523</v>
      </c>
      <c r="E5575" s="1" t="s">
        <v>11</v>
      </c>
    </row>
    <row r="5576">
      <c r="A5576" s="1">
        <v>4.90403986E8</v>
      </c>
      <c r="B5576" s="2">
        <v>11941.0</v>
      </c>
      <c r="C5576" s="1" t="s">
        <v>5</v>
      </c>
      <c r="D5576" s="1" t="s">
        <v>7</v>
      </c>
      <c r="E5576" s="1" t="s">
        <v>7</v>
      </c>
    </row>
    <row r="5577">
      <c r="A5577" s="1">
        <v>4.90403988E8</v>
      </c>
      <c r="B5577" s="2">
        <v>11915.0</v>
      </c>
      <c r="C5577" s="1" t="s">
        <v>5</v>
      </c>
      <c r="D5577" s="1" t="s">
        <v>11</v>
      </c>
      <c r="E5577" s="1" t="s">
        <v>7</v>
      </c>
    </row>
    <row r="5578">
      <c r="A5578" s="1">
        <v>4.90403996E8</v>
      </c>
      <c r="B5578" s="2">
        <v>11950.0</v>
      </c>
      <c r="C5578" s="1" t="s">
        <v>5</v>
      </c>
      <c r="D5578" s="1" t="s">
        <v>4524</v>
      </c>
      <c r="E5578" s="1" t="s">
        <v>7</v>
      </c>
    </row>
    <row r="5579">
      <c r="A5579" s="1">
        <v>4.90403998E8</v>
      </c>
      <c r="B5579" s="2">
        <v>11911.0</v>
      </c>
      <c r="C5579" s="1" t="s">
        <v>5</v>
      </c>
      <c r="D5579" s="1" t="s">
        <v>4525</v>
      </c>
      <c r="E5579" s="1" t="s">
        <v>7</v>
      </c>
    </row>
    <row r="5580">
      <c r="A5580" s="1">
        <v>4.90404002E8</v>
      </c>
      <c r="B5580" s="2">
        <v>11916.0</v>
      </c>
      <c r="C5580" s="1" t="s">
        <v>5</v>
      </c>
      <c r="D5580" s="1" t="s">
        <v>4526</v>
      </c>
      <c r="E5580" s="1" t="s">
        <v>7</v>
      </c>
    </row>
    <row r="5581">
      <c r="A5581" s="1">
        <v>4.90404007E8</v>
      </c>
      <c r="B5581" s="2">
        <v>11945.0</v>
      </c>
      <c r="C5581" s="1" t="s">
        <v>5</v>
      </c>
      <c r="D5581" s="1" t="s">
        <v>4527</v>
      </c>
      <c r="E5581" s="1" t="s">
        <v>11</v>
      </c>
    </row>
    <row r="5582">
      <c r="A5582" s="1">
        <v>4.90404018E8</v>
      </c>
      <c r="B5582" s="2">
        <v>11911.0</v>
      </c>
      <c r="C5582" s="1" t="s">
        <v>5</v>
      </c>
      <c r="D5582" s="1" t="s">
        <v>11</v>
      </c>
      <c r="E5582" s="1" t="s">
        <v>7</v>
      </c>
    </row>
    <row r="5583">
      <c r="A5583" s="1">
        <v>4.90404021E8</v>
      </c>
      <c r="B5583" s="2">
        <v>11947.0</v>
      </c>
      <c r="C5583" s="1" t="s">
        <v>5</v>
      </c>
      <c r="D5583" s="1" t="s">
        <v>11</v>
      </c>
      <c r="E5583" s="1" t="s">
        <v>7</v>
      </c>
    </row>
    <row r="5584">
      <c r="A5584" s="1">
        <v>4.90404024E8</v>
      </c>
      <c r="B5584" s="2">
        <v>11924.0</v>
      </c>
      <c r="C5584" s="1" t="s">
        <v>5</v>
      </c>
      <c r="D5584" s="1" t="s">
        <v>4528</v>
      </c>
      <c r="E5584" s="1" t="s">
        <v>11</v>
      </c>
    </row>
    <row r="5585">
      <c r="A5585" s="1">
        <v>4.90404025E8</v>
      </c>
      <c r="B5585" s="2">
        <v>11915.0</v>
      </c>
      <c r="C5585" s="1" t="s">
        <v>5</v>
      </c>
      <c r="D5585" s="1" t="s">
        <v>4529</v>
      </c>
      <c r="E5585" s="1" t="s">
        <v>11</v>
      </c>
    </row>
    <row r="5586">
      <c r="A5586" s="1">
        <v>4.90404026E8</v>
      </c>
      <c r="B5586" s="2">
        <v>11916.0</v>
      </c>
      <c r="C5586" s="1" t="s">
        <v>5</v>
      </c>
      <c r="D5586" s="1" t="s">
        <v>11</v>
      </c>
      <c r="E5586" s="1" t="s">
        <v>7</v>
      </c>
    </row>
    <row r="5587">
      <c r="A5587" s="1">
        <v>4.90404058E8</v>
      </c>
      <c r="B5587" s="2">
        <v>11915.0</v>
      </c>
      <c r="C5587" s="1" t="s">
        <v>5</v>
      </c>
      <c r="D5587" s="1" t="s">
        <v>4530</v>
      </c>
      <c r="E5587" s="1" t="s">
        <v>4531</v>
      </c>
    </row>
    <row r="5588">
      <c r="A5588" s="1">
        <v>4.90404062E8</v>
      </c>
      <c r="B5588" s="2">
        <v>11913.0</v>
      </c>
      <c r="C5588" s="1" t="s">
        <v>5</v>
      </c>
      <c r="D5588" s="1" t="s">
        <v>4532</v>
      </c>
      <c r="E5588" s="1" t="s">
        <v>11</v>
      </c>
    </row>
    <row r="5589">
      <c r="A5589" s="1">
        <v>4.90404085E8</v>
      </c>
      <c r="B5589" s="2">
        <v>11941.0</v>
      </c>
      <c r="C5589" s="1" t="s">
        <v>5</v>
      </c>
      <c r="D5589" s="1" t="s">
        <v>4533</v>
      </c>
      <c r="E5589" s="1" t="s">
        <v>11</v>
      </c>
    </row>
    <row r="5590">
      <c r="A5590" s="1">
        <v>4.90404089E8</v>
      </c>
      <c r="B5590" s="2">
        <v>12015.0</v>
      </c>
      <c r="C5590" s="1" t="s">
        <v>5</v>
      </c>
      <c r="D5590" s="1" t="s">
        <v>4534</v>
      </c>
      <c r="E5590" s="1" t="s">
        <v>7</v>
      </c>
    </row>
    <row r="5591">
      <c r="A5591" s="1">
        <v>4.90404099E8</v>
      </c>
      <c r="B5591" s="2">
        <v>11908.0</v>
      </c>
      <c r="C5591" s="1" t="s">
        <v>5</v>
      </c>
      <c r="D5591" s="1" t="s">
        <v>4535</v>
      </c>
      <c r="E5591" s="1" t="s">
        <v>11</v>
      </c>
    </row>
    <row r="5592">
      <c r="A5592" s="1">
        <v>4.90404112E8</v>
      </c>
      <c r="B5592" s="2">
        <v>11944.0</v>
      </c>
      <c r="C5592" s="1" t="s">
        <v>5</v>
      </c>
      <c r="D5592" s="1" t="s">
        <v>11</v>
      </c>
      <c r="E5592" s="1" t="s">
        <v>7</v>
      </c>
    </row>
    <row r="5593">
      <c r="A5593" s="1">
        <v>4.90404118E8</v>
      </c>
      <c r="B5593" s="2">
        <v>11945.0</v>
      </c>
      <c r="C5593" s="1" t="s">
        <v>5</v>
      </c>
      <c r="D5593" s="1" t="s">
        <v>4536</v>
      </c>
      <c r="E5593" s="1" t="s">
        <v>7</v>
      </c>
    </row>
    <row r="5594">
      <c r="A5594" s="1">
        <v>4.90404128E8</v>
      </c>
      <c r="B5594" s="2">
        <v>11949.0</v>
      </c>
      <c r="C5594" s="1" t="s">
        <v>5</v>
      </c>
      <c r="D5594" s="1" t="s">
        <v>4537</v>
      </c>
      <c r="E5594" s="1" t="s">
        <v>7</v>
      </c>
    </row>
    <row r="5595">
      <c r="A5595" s="1">
        <v>4.90404133E8</v>
      </c>
      <c r="B5595" s="2">
        <v>11946.0</v>
      </c>
      <c r="C5595" s="1" t="s">
        <v>5</v>
      </c>
      <c r="D5595" s="1" t="s">
        <v>4538</v>
      </c>
      <c r="E5595" s="1" t="s">
        <v>7</v>
      </c>
    </row>
    <row r="5596">
      <c r="A5596" s="1">
        <v>4.90404138E8</v>
      </c>
      <c r="B5596" s="2">
        <v>11911.0</v>
      </c>
      <c r="C5596" s="1" t="s">
        <v>5</v>
      </c>
      <c r="D5596" s="1" t="s">
        <v>4539</v>
      </c>
      <c r="E5596" s="1" t="s">
        <v>7</v>
      </c>
    </row>
    <row r="5597">
      <c r="A5597" s="1">
        <v>4.90404155E8</v>
      </c>
      <c r="B5597" s="2">
        <v>11943.0</v>
      </c>
      <c r="C5597" s="1" t="s">
        <v>5</v>
      </c>
      <c r="D5597" s="1" t="s">
        <v>4540</v>
      </c>
      <c r="E5597" s="1" t="s">
        <v>11</v>
      </c>
    </row>
    <row r="5598">
      <c r="A5598" s="1">
        <v>4.90404157E8</v>
      </c>
      <c r="B5598" s="2">
        <v>11947.0</v>
      </c>
      <c r="C5598" s="1" t="s">
        <v>5</v>
      </c>
      <c r="D5598" s="1" t="s">
        <v>4541</v>
      </c>
      <c r="E5598" s="1" t="s">
        <v>7</v>
      </c>
    </row>
    <row r="5599">
      <c r="A5599" s="1">
        <v>4.90404161E8</v>
      </c>
      <c r="B5599" s="2">
        <v>11950.0</v>
      </c>
      <c r="C5599" s="1" t="s">
        <v>5</v>
      </c>
      <c r="D5599" s="1" t="s">
        <v>11</v>
      </c>
      <c r="E5599" s="1" t="s">
        <v>7</v>
      </c>
    </row>
    <row r="5600">
      <c r="A5600" s="1">
        <v>4.9040417E8</v>
      </c>
      <c r="B5600" s="2">
        <v>11948.0</v>
      </c>
      <c r="C5600" s="1" t="s">
        <v>5</v>
      </c>
      <c r="D5600" s="1" t="s">
        <v>11</v>
      </c>
      <c r="E5600" s="1" t="s">
        <v>7</v>
      </c>
    </row>
    <row r="5601">
      <c r="A5601" s="1">
        <v>4.90404173E8</v>
      </c>
      <c r="B5601" s="2">
        <v>11949.0</v>
      </c>
      <c r="C5601" s="1" t="s">
        <v>5</v>
      </c>
      <c r="D5601" s="1" t="s">
        <v>4542</v>
      </c>
      <c r="E5601" s="1" t="s">
        <v>7</v>
      </c>
    </row>
    <row r="5602">
      <c r="A5602" s="1">
        <v>4.90404177E8</v>
      </c>
      <c r="B5602" s="2">
        <v>11945.0</v>
      </c>
      <c r="C5602" s="1" t="s">
        <v>5</v>
      </c>
      <c r="D5602" s="1" t="s">
        <v>4543</v>
      </c>
      <c r="E5602" s="1" t="s">
        <v>4544</v>
      </c>
    </row>
    <row r="5603">
      <c r="A5603" s="1">
        <v>4.90404184E8</v>
      </c>
      <c r="B5603" s="2">
        <v>11943.0</v>
      </c>
      <c r="C5603" s="1" t="s">
        <v>5</v>
      </c>
      <c r="D5603" s="1" t="s">
        <v>4545</v>
      </c>
      <c r="E5603" s="1" t="s">
        <v>7</v>
      </c>
    </row>
    <row r="5604">
      <c r="A5604" s="1">
        <v>4.90404187E8</v>
      </c>
      <c r="B5604" s="2">
        <v>12015.0</v>
      </c>
      <c r="C5604" s="1" t="s">
        <v>5</v>
      </c>
      <c r="D5604" s="1" t="s">
        <v>7</v>
      </c>
      <c r="E5604" s="1" t="s">
        <v>7</v>
      </c>
    </row>
    <row r="5605">
      <c r="A5605" s="1">
        <v>4.90404192E8</v>
      </c>
      <c r="B5605" s="2">
        <v>11947.0</v>
      </c>
      <c r="C5605" s="1" t="s">
        <v>5</v>
      </c>
      <c r="D5605" s="1" t="s">
        <v>4546</v>
      </c>
      <c r="E5605" s="1" t="s">
        <v>11</v>
      </c>
    </row>
    <row r="5606">
      <c r="A5606" s="1">
        <v>4.90404197E8</v>
      </c>
      <c r="B5606" s="2">
        <v>11917.0</v>
      </c>
      <c r="C5606" s="1" t="s">
        <v>5</v>
      </c>
      <c r="D5606" s="1" t="s">
        <v>4547</v>
      </c>
      <c r="E5606" s="1" t="s">
        <v>7</v>
      </c>
    </row>
    <row r="5607">
      <c r="A5607" s="1">
        <v>4.90404205E8</v>
      </c>
      <c r="B5607" s="2">
        <v>11923.0</v>
      </c>
      <c r="C5607" s="1" t="s">
        <v>5</v>
      </c>
      <c r="D5607" s="1" t="s">
        <v>4548</v>
      </c>
      <c r="E5607" s="1" t="s">
        <v>11</v>
      </c>
    </row>
    <row r="5608">
      <c r="A5608" s="1">
        <v>4.9040422E8</v>
      </c>
      <c r="B5608" s="2">
        <v>11911.0</v>
      </c>
      <c r="C5608" s="1" t="s">
        <v>5</v>
      </c>
      <c r="D5608" s="1" t="s">
        <v>4549</v>
      </c>
      <c r="E5608" s="1" t="s">
        <v>11</v>
      </c>
    </row>
    <row r="5609">
      <c r="A5609" s="1">
        <v>4.90404225E8</v>
      </c>
      <c r="B5609" s="2">
        <v>11946.0</v>
      </c>
      <c r="C5609" s="1" t="s">
        <v>5</v>
      </c>
      <c r="D5609" s="1" t="s">
        <v>4414</v>
      </c>
      <c r="E5609" s="1" t="s">
        <v>11</v>
      </c>
    </row>
    <row r="5610">
      <c r="A5610" s="1">
        <v>4.90404228E8</v>
      </c>
      <c r="B5610" s="2">
        <v>11916.0</v>
      </c>
      <c r="C5610" s="1" t="s">
        <v>5</v>
      </c>
      <c r="D5610" s="4" t="s">
        <v>4550</v>
      </c>
      <c r="E5610" s="1" t="s">
        <v>7</v>
      </c>
    </row>
    <row r="5611">
      <c r="A5611" s="1">
        <v>4.9040424E8</v>
      </c>
      <c r="B5611" s="2">
        <v>11917.0</v>
      </c>
      <c r="C5611" s="1" t="s">
        <v>5</v>
      </c>
      <c r="D5611" s="1" t="s">
        <v>4551</v>
      </c>
      <c r="E5611" s="1" t="s">
        <v>11</v>
      </c>
    </row>
    <row r="5612">
      <c r="A5612" s="1">
        <v>4.90404244E8</v>
      </c>
      <c r="B5612" s="2">
        <v>11945.0</v>
      </c>
      <c r="C5612" s="1" t="s">
        <v>5</v>
      </c>
      <c r="D5612" s="1" t="s">
        <v>4552</v>
      </c>
      <c r="E5612" s="1" t="s">
        <v>7</v>
      </c>
    </row>
    <row r="5613">
      <c r="A5613" s="1">
        <v>4.90404257E8</v>
      </c>
      <c r="B5613" s="2">
        <v>11946.0</v>
      </c>
      <c r="C5613" s="1" t="s">
        <v>5</v>
      </c>
      <c r="D5613" s="1" t="s">
        <v>11</v>
      </c>
      <c r="E5613" s="1" t="s">
        <v>7</v>
      </c>
    </row>
    <row r="5614">
      <c r="A5614" s="1">
        <v>4.90404262E8</v>
      </c>
      <c r="B5614" s="2">
        <v>11944.0</v>
      </c>
      <c r="C5614" s="1" t="s">
        <v>5</v>
      </c>
      <c r="D5614" s="1" t="s">
        <v>4553</v>
      </c>
      <c r="E5614" s="1" t="s">
        <v>11</v>
      </c>
    </row>
    <row r="5615">
      <c r="A5615" s="1">
        <v>4.90404264E8</v>
      </c>
      <c r="B5615" s="2">
        <v>11942.0</v>
      </c>
      <c r="C5615" s="1" t="s">
        <v>5</v>
      </c>
      <c r="D5615" s="1" t="s">
        <v>4554</v>
      </c>
      <c r="E5615" s="1" t="s">
        <v>7</v>
      </c>
    </row>
    <row r="5616">
      <c r="A5616" s="1">
        <v>4.90404282E8</v>
      </c>
      <c r="B5616" s="2">
        <v>11912.0</v>
      </c>
      <c r="C5616" s="1" t="s">
        <v>5</v>
      </c>
      <c r="D5616" s="1" t="s">
        <v>4555</v>
      </c>
      <c r="E5616" s="1" t="s">
        <v>7</v>
      </c>
    </row>
    <row r="5617">
      <c r="A5617" s="1">
        <v>4.90404283E8</v>
      </c>
      <c r="B5617" s="2">
        <v>11910.0</v>
      </c>
      <c r="C5617" s="1" t="s">
        <v>5</v>
      </c>
      <c r="D5617" s="1" t="s">
        <v>4556</v>
      </c>
      <c r="E5617" s="1" t="s">
        <v>7</v>
      </c>
    </row>
    <row r="5618">
      <c r="A5618" s="1">
        <v>4.9040429E8</v>
      </c>
      <c r="B5618" s="2">
        <v>11942.0</v>
      </c>
      <c r="C5618" s="1" t="s">
        <v>5</v>
      </c>
      <c r="D5618" s="1" t="s">
        <v>4557</v>
      </c>
      <c r="E5618" s="1" t="s">
        <v>7</v>
      </c>
    </row>
    <row r="5619">
      <c r="A5619" s="1">
        <v>4.90404311E8</v>
      </c>
      <c r="B5619" s="2">
        <v>11945.0</v>
      </c>
      <c r="C5619" s="1" t="s">
        <v>5</v>
      </c>
      <c r="D5619" s="1" t="s">
        <v>4558</v>
      </c>
      <c r="E5619" s="1" t="s">
        <v>7</v>
      </c>
    </row>
    <row r="5620">
      <c r="A5620" s="1">
        <v>4.90404314E8</v>
      </c>
      <c r="B5620" s="2">
        <v>11947.0</v>
      </c>
      <c r="C5620" s="1" t="s">
        <v>5</v>
      </c>
      <c r="D5620" s="1" t="s">
        <v>4559</v>
      </c>
      <c r="E5620" s="1" t="s">
        <v>7</v>
      </c>
    </row>
    <row r="5621">
      <c r="A5621" s="1">
        <v>4.90404318E8</v>
      </c>
      <c r="B5621" s="2">
        <v>11915.0</v>
      </c>
      <c r="C5621" s="1" t="s">
        <v>5</v>
      </c>
      <c r="D5621" s="1" t="s">
        <v>4560</v>
      </c>
      <c r="E5621" s="1" t="s">
        <v>11</v>
      </c>
    </row>
    <row r="5622">
      <c r="A5622" s="1">
        <v>4.90404323E8</v>
      </c>
      <c r="B5622" s="2">
        <v>11945.0</v>
      </c>
      <c r="C5622" s="1" t="s">
        <v>5</v>
      </c>
      <c r="D5622" s="1" t="s">
        <v>4561</v>
      </c>
      <c r="E5622" s="1" t="s">
        <v>7</v>
      </c>
    </row>
    <row r="5623">
      <c r="A5623" s="1">
        <v>4.90404325E8</v>
      </c>
      <c r="B5623" s="2">
        <v>11949.0</v>
      </c>
      <c r="C5623" s="1" t="s">
        <v>5</v>
      </c>
      <c r="D5623" s="1" t="s">
        <v>11</v>
      </c>
      <c r="E5623" s="1" t="s">
        <v>7</v>
      </c>
    </row>
    <row r="5624">
      <c r="A5624" s="1">
        <v>4.90404332E8</v>
      </c>
      <c r="B5624" s="2">
        <v>11945.0</v>
      </c>
      <c r="C5624" s="1" t="s">
        <v>5</v>
      </c>
      <c r="D5624" s="1" t="s">
        <v>11</v>
      </c>
      <c r="E5624" s="1" t="s">
        <v>7</v>
      </c>
    </row>
    <row r="5625">
      <c r="A5625" s="1">
        <v>4.90404334E8</v>
      </c>
      <c r="B5625" s="2">
        <v>12015.0</v>
      </c>
      <c r="C5625" s="1" t="s">
        <v>5</v>
      </c>
      <c r="D5625" s="1" t="s">
        <v>4562</v>
      </c>
      <c r="E5625" s="1" t="s">
        <v>7</v>
      </c>
    </row>
    <row r="5626">
      <c r="A5626" s="1">
        <v>4.90404342E8</v>
      </c>
      <c r="B5626" s="2">
        <v>11949.0</v>
      </c>
      <c r="C5626" s="1" t="s">
        <v>5</v>
      </c>
      <c r="D5626" s="1" t="s">
        <v>11</v>
      </c>
      <c r="E5626" s="1" t="s">
        <v>7</v>
      </c>
    </row>
    <row r="5627">
      <c r="A5627" s="1">
        <v>4.90404344E8</v>
      </c>
      <c r="B5627" s="2">
        <v>11923.0</v>
      </c>
      <c r="C5627" s="1" t="s">
        <v>5</v>
      </c>
      <c r="D5627" s="1" t="s">
        <v>11</v>
      </c>
      <c r="E5627" s="1" t="s">
        <v>7</v>
      </c>
    </row>
    <row r="5628">
      <c r="A5628" s="1">
        <v>4.90404347E8</v>
      </c>
      <c r="B5628" s="2">
        <v>11947.0</v>
      </c>
      <c r="C5628" s="1" t="s">
        <v>5</v>
      </c>
      <c r="D5628" s="1" t="s">
        <v>4563</v>
      </c>
      <c r="E5628" s="1" t="s">
        <v>7</v>
      </c>
    </row>
    <row r="5629">
      <c r="A5629" s="1">
        <v>4.90404348E8</v>
      </c>
      <c r="B5629" s="2">
        <v>11944.0</v>
      </c>
      <c r="C5629" s="1" t="s">
        <v>5</v>
      </c>
      <c r="D5629" s="1" t="s">
        <v>4564</v>
      </c>
      <c r="E5629" s="1" t="s">
        <v>11</v>
      </c>
    </row>
    <row r="5630">
      <c r="A5630" s="1">
        <v>4.9040435E8</v>
      </c>
      <c r="B5630" s="2">
        <v>11946.0</v>
      </c>
      <c r="C5630" s="1" t="s">
        <v>5</v>
      </c>
      <c r="D5630" s="1" t="s">
        <v>4565</v>
      </c>
      <c r="E5630" s="1" t="s">
        <v>11</v>
      </c>
    </row>
    <row r="5631">
      <c r="A5631" s="1">
        <v>4.90404351E8</v>
      </c>
      <c r="B5631" s="2">
        <v>11912.0</v>
      </c>
      <c r="C5631" s="1" t="s">
        <v>5</v>
      </c>
      <c r="D5631" s="1" t="s">
        <v>11</v>
      </c>
      <c r="E5631" s="1" t="s">
        <v>7</v>
      </c>
    </row>
    <row r="5632">
      <c r="A5632" s="1">
        <v>4.90404368E8</v>
      </c>
      <c r="B5632" s="2">
        <v>11948.0</v>
      </c>
      <c r="C5632" s="1" t="s">
        <v>5</v>
      </c>
      <c r="D5632" s="1" t="s">
        <v>4566</v>
      </c>
      <c r="E5632" s="1" t="s">
        <v>11</v>
      </c>
    </row>
    <row r="5633">
      <c r="A5633" s="1">
        <v>4.9040438E8</v>
      </c>
      <c r="B5633" s="2">
        <v>11948.0</v>
      </c>
      <c r="C5633" s="1" t="s">
        <v>5</v>
      </c>
      <c r="D5633" s="1" t="s">
        <v>4567</v>
      </c>
      <c r="E5633" s="1" t="s">
        <v>11</v>
      </c>
    </row>
    <row r="5634">
      <c r="A5634" s="1">
        <v>4.90404381E8</v>
      </c>
      <c r="B5634" s="2">
        <v>11946.0</v>
      </c>
      <c r="C5634" s="1" t="s">
        <v>5</v>
      </c>
      <c r="D5634" s="1" t="s">
        <v>4568</v>
      </c>
      <c r="E5634" s="1" t="s">
        <v>7</v>
      </c>
    </row>
    <row r="5635">
      <c r="A5635" s="1">
        <v>4.90404393E8</v>
      </c>
      <c r="B5635" s="2">
        <v>11940.0</v>
      </c>
      <c r="C5635" s="1" t="s">
        <v>5</v>
      </c>
      <c r="D5635" s="1" t="s">
        <v>11</v>
      </c>
      <c r="E5635" s="1" t="s">
        <v>7</v>
      </c>
    </row>
    <row r="5636">
      <c r="A5636" s="1">
        <v>4.90404401E8</v>
      </c>
      <c r="B5636" s="2">
        <v>11907.0</v>
      </c>
      <c r="C5636" s="1" t="s">
        <v>5</v>
      </c>
      <c r="D5636" s="1" t="s">
        <v>4569</v>
      </c>
      <c r="E5636" s="1" t="s">
        <v>7</v>
      </c>
    </row>
    <row r="5637">
      <c r="A5637" s="1">
        <v>4.90404423E8</v>
      </c>
      <c r="B5637" s="2">
        <v>11922.0</v>
      </c>
      <c r="C5637" s="1" t="s">
        <v>5</v>
      </c>
      <c r="D5637" s="1" t="s">
        <v>11</v>
      </c>
      <c r="E5637" s="1" t="s">
        <v>7</v>
      </c>
    </row>
    <row r="5638">
      <c r="A5638" s="1">
        <v>4.90404424E8</v>
      </c>
      <c r="B5638" s="2">
        <v>11910.0</v>
      </c>
      <c r="C5638" s="1" t="s">
        <v>5</v>
      </c>
      <c r="D5638" s="1" t="s">
        <v>4570</v>
      </c>
      <c r="E5638" s="1" t="s">
        <v>11</v>
      </c>
    </row>
    <row r="5639">
      <c r="A5639" s="1">
        <v>4.90404425E8</v>
      </c>
      <c r="B5639" s="2">
        <v>11948.0</v>
      </c>
      <c r="C5639" s="1" t="s">
        <v>5</v>
      </c>
      <c r="D5639" s="1" t="s">
        <v>4571</v>
      </c>
      <c r="E5639" s="1" t="s">
        <v>7</v>
      </c>
    </row>
    <row r="5640">
      <c r="A5640" s="1">
        <v>4.90404434E8</v>
      </c>
      <c r="B5640" s="2">
        <v>11910.0</v>
      </c>
      <c r="C5640" s="1" t="s">
        <v>5</v>
      </c>
      <c r="D5640" s="1" t="s">
        <v>11</v>
      </c>
      <c r="E5640" s="1" t="s">
        <v>7</v>
      </c>
    </row>
    <row r="5641">
      <c r="A5641" s="1">
        <v>4.90404446E8</v>
      </c>
      <c r="B5641" s="2">
        <v>11948.0</v>
      </c>
      <c r="C5641" s="1" t="s">
        <v>5</v>
      </c>
      <c r="D5641" s="1" t="s">
        <v>4572</v>
      </c>
      <c r="E5641" s="1" t="s">
        <v>4573</v>
      </c>
    </row>
    <row r="5642">
      <c r="A5642" s="1">
        <v>4.90404454E8</v>
      </c>
      <c r="B5642" s="2">
        <v>11918.0</v>
      </c>
      <c r="C5642" s="1" t="s">
        <v>5</v>
      </c>
      <c r="D5642" s="1" t="s">
        <v>4574</v>
      </c>
      <c r="E5642" s="1" t="s">
        <v>11</v>
      </c>
    </row>
    <row r="5643">
      <c r="A5643" s="1">
        <v>4.90404465E8</v>
      </c>
      <c r="B5643" s="2">
        <v>11948.0</v>
      </c>
      <c r="C5643" s="1" t="s">
        <v>5</v>
      </c>
      <c r="D5643" s="1" t="s">
        <v>11</v>
      </c>
      <c r="E5643" s="1" t="s">
        <v>7</v>
      </c>
    </row>
    <row r="5644">
      <c r="A5644" s="1">
        <v>4.90404473E8</v>
      </c>
      <c r="B5644" s="2">
        <v>11922.0</v>
      </c>
      <c r="C5644" s="1" t="s">
        <v>5</v>
      </c>
      <c r="D5644" s="1" t="s">
        <v>4575</v>
      </c>
      <c r="E5644" s="1" t="s">
        <v>7</v>
      </c>
    </row>
    <row r="5645">
      <c r="A5645" s="1">
        <v>4.90404476E8</v>
      </c>
      <c r="B5645" s="2">
        <v>11914.0</v>
      </c>
      <c r="C5645" s="1" t="s">
        <v>5</v>
      </c>
      <c r="D5645" s="1" t="s">
        <v>11</v>
      </c>
      <c r="E5645" s="1" t="s">
        <v>7</v>
      </c>
    </row>
    <row r="5646">
      <c r="A5646" s="1">
        <v>4.90404478E8</v>
      </c>
      <c r="B5646" s="2">
        <v>11915.0</v>
      </c>
      <c r="C5646" s="1" t="s">
        <v>5</v>
      </c>
      <c r="D5646" s="1" t="s">
        <v>4576</v>
      </c>
      <c r="E5646" s="1" t="s">
        <v>11</v>
      </c>
    </row>
    <row r="5647">
      <c r="A5647" s="1">
        <v>4.9040449E8</v>
      </c>
      <c r="B5647" s="2">
        <v>11942.0</v>
      </c>
      <c r="C5647" s="1" t="s">
        <v>5</v>
      </c>
      <c r="D5647" s="1" t="s">
        <v>4577</v>
      </c>
      <c r="E5647" s="1" t="s">
        <v>7</v>
      </c>
    </row>
    <row r="5648">
      <c r="A5648" s="1">
        <v>4.90404503E8</v>
      </c>
      <c r="B5648" s="2">
        <v>11941.0</v>
      </c>
      <c r="C5648" s="1" t="s">
        <v>5</v>
      </c>
      <c r="D5648" s="1" t="s">
        <v>4578</v>
      </c>
      <c r="E5648" s="1" t="s">
        <v>11</v>
      </c>
    </row>
    <row r="5649">
      <c r="A5649" s="1">
        <v>4.90404505E8</v>
      </c>
      <c r="B5649" s="2">
        <v>11910.0</v>
      </c>
      <c r="C5649" s="1" t="s">
        <v>5</v>
      </c>
      <c r="D5649" s="1" t="s">
        <v>4579</v>
      </c>
      <c r="E5649" s="1" t="s">
        <v>7</v>
      </c>
    </row>
    <row r="5650">
      <c r="A5650" s="1">
        <v>4.90404517E8</v>
      </c>
      <c r="B5650" s="2">
        <v>11912.0</v>
      </c>
      <c r="C5650" s="1" t="s">
        <v>5</v>
      </c>
      <c r="D5650" s="1" t="s">
        <v>11</v>
      </c>
      <c r="E5650" s="1" t="s">
        <v>7</v>
      </c>
    </row>
    <row r="5651">
      <c r="A5651" s="1">
        <v>4.90404524E8</v>
      </c>
      <c r="B5651" s="2">
        <v>11947.0</v>
      </c>
      <c r="C5651" s="1" t="s">
        <v>5</v>
      </c>
      <c r="D5651" s="1" t="s">
        <v>4580</v>
      </c>
      <c r="E5651" s="1" t="s">
        <v>4581</v>
      </c>
    </row>
    <row r="5652">
      <c r="A5652" s="1">
        <v>4.90404532E8</v>
      </c>
      <c r="B5652" s="2">
        <v>11945.0</v>
      </c>
      <c r="C5652" s="1" t="s">
        <v>5</v>
      </c>
      <c r="D5652" s="1" t="s">
        <v>11</v>
      </c>
      <c r="E5652" s="1" t="s">
        <v>7</v>
      </c>
    </row>
    <row r="5653">
      <c r="A5653" s="1">
        <v>4.90404543E8</v>
      </c>
      <c r="B5653" s="2">
        <v>11909.0</v>
      </c>
      <c r="C5653" s="1" t="s">
        <v>5</v>
      </c>
      <c r="D5653" s="1" t="s">
        <v>4582</v>
      </c>
      <c r="E5653" s="1" t="s">
        <v>7</v>
      </c>
    </row>
    <row r="5654">
      <c r="A5654" s="1">
        <v>4.90404546E8</v>
      </c>
      <c r="B5654" s="2">
        <v>11914.0</v>
      </c>
      <c r="C5654" s="1" t="s">
        <v>5</v>
      </c>
      <c r="D5654" s="1" t="s">
        <v>4583</v>
      </c>
      <c r="E5654" s="1" t="s">
        <v>7</v>
      </c>
    </row>
    <row r="5655">
      <c r="A5655" s="1">
        <v>4.9040455E8</v>
      </c>
      <c r="B5655" s="2">
        <v>11912.0</v>
      </c>
      <c r="C5655" s="1" t="s">
        <v>5</v>
      </c>
      <c r="D5655" s="1" t="s">
        <v>4584</v>
      </c>
      <c r="E5655" s="1" t="s">
        <v>11</v>
      </c>
    </row>
    <row r="5656">
      <c r="A5656" s="1">
        <v>4.90404554E8</v>
      </c>
      <c r="B5656" s="2">
        <v>11948.0</v>
      </c>
      <c r="C5656" s="1" t="s">
        <v>5</v>
      </c>
      <c r="D5656" s="1" t="s">
        <v>11</v>
      </c>
      <c r="E5656" s="1" t="s">
        <v>7</v>
      </c>
    </row>
    <row r="5657">
      <c r="A5657" s="1">
        <v>4.90404557E8</v>
      </c>
      <c r="B5657" s="2">
        <v>11909.0</v>
      </c>
      <c r="C5657" s="1" t="s">
        <v>5</v>
      </c>
      <c r="D5657" s="1" t="s">
        <v>4585</v>
      </c>
      <c r="E5657" s="1" t="s">
        <v>7</v>
      </c>
    </row>
    <row r="5658">
      <c r="A5658" s="1">
        <v>4.90404568E8</v>
      </c>
      <c r="B5658" s="2">
        <v>12017.0</v>
      </c>
      <c r="C5658" s="1" t="s">
        <v>5</v>
      </c>
      <c r="D5658" s="1" t="s">
        <v>4586</v>
      </c>
      <c r="E5658" s="1" t="s">
        <v>11</v>
      </c>
    </row>
    <row r="5659">
      <c r="A5659" s="1">
        <v>4.90404572E8</v>
      </c>
      <c r="B5659" s="2">
        <v>11914.0</v>
      </c>
      <c r="C5659" s="1" t="s">
        <v>5</v>
      </c>
      <c r="D5659" s="1" t="s">
        <v>4587</v>
      </c>
      <c r="E5659" s="1" t="s">
        <v>7</v>
      </c>
    </row>
    <row r="5660">
      <c r="A5660" s="1">
        <v>4.90404582E8</v>
      </c>
      <c r="B5660" s="2">
        <v>11945.0</v>
      </c>
      <c r="C5660" s="1" t="s">
        <v>5</v>
      </c>
      <c r="D5660" s="1" t="s">
        <v>4588</v>
      </c>
      <c r="E5660" s="1" t="s">
        <v>7</v>
      </c>
    </row>
    <row r="5661">
      <c r="A5661" s="1">
        <v>4.90404583E8</v>
      </c>
      <c r="B5661" s="2">
        <v>11948.0</v>
      </c>
      <c r="C5661" s="1" t="s">
        <v>5</v>
      </c>
      <c r="D5661" s="1" t="s">
        <v>4589</v>
      </c>
      <c r="E5661" s="1" t="s">
        <v>7</v>
      </c>
    </row>
    <row r="5662">
      <c r="A5662" s="1">
        <v>4.90404605E8</v>
      </c>
      <c r="B5662" s="2">
        <v>12015.0</v>
      </c>
      <c r="C5662" s="1" t="s">
        <v>5</v>
      </c>
      <c r="D5662" s="1" t="s">
        <v>4590</v>
      </c>
      <c r="E5662" s="1" t="s">
        <v>11</v>
      </c>
    </row>
    <row r="5663">
      <c r="A5663" s="1">
        <v>4.90404611E8</v>
      </c>
      <c r="B5663" s="2">
        <v>11916.0</v>
      </c>
      <c r="C5663" s="1" t="s">
        <v>5</v>
      </c>
      <c r="D5663" s="1" t="s">
        <v>4591</v>
      </c>
      <c r="E5663" s="1" t="s">
        <v>7</v>
      </c>
    </row>
    <row r="5664">
      <c r="A5664" s="1">
        <v>4.90404622E8</v>
      </c>
      <c r="B5664" s="2">
        <v>11943.0</v>
      </c>
      <c r="C5664" s="1" t="s">
        <v>5</v>
      </c>
      <c r="D5664" s="1" t="s">
        <v>4592</v>
      </c>
      <c r="E5664" s="1" t="s">
        <v>11</v>
      </c>
    </row>
    <row r="5665">
      <c r="A5665" s="1">
        <v>4.90404625E8</v>
      </c>
      <c r="B5665" s="2">
        <v>11923.0</v>
      </c>
      <c r="C5665" s="1" t="s">
        <v>5</v>
      </c>
      <c r="D5665" s="1" t="s">
        <v>4593</v>
      </c>
      <c r="E5665" s="1" t="s">
        <v>4594</v>
      </c>
    </row>
    <row r="5666">
      <c r="A5666" s="1">
        <v>4.90404638E8</v>
      </c>
      <c r="B5666" s="2">
        <v>11941.0</v>
      </c>
      <c r="C5666" s="1" t="s">
        <v>5</v>
      </c>
      <c r="D5666" s="1" t="s">
        <v>11</v>
      </c>
      <c r="E5666" s="1" t="s">
        <v>7</v>
      </c>
    </row>
    <row r="5667">
      <c r="A5667" s="1">
        <v>4.9040464E8</v>
      </c>
      <c r="B5667" s="2">
        <v>11947.0</v>
      </c>
      <c r="C5667" s="1" t="s">
        <v>5</v>
      </c>
      <c r="D5667" s="1" t="s">
        <v>4595</v>
      </c>
      <c r="E5667" s="1" t="s">
        <v>11</v>
      </c>
    </row>
    <row r="5668">
      <c r="A5668" s="1">
        <v>4.90404648E8</v>
      </c>
      <c r="B5668" s="2">
        <v>11948.0</v>
      </c>
      <c r="C5668" s="1" t="s">
        <v>5</v>
      </c>
      <c r="D5668" s="1" t="s">
        <v>4596</v>
      </c>
      <c r="E5668" s="1" t="s">
        <v>7</v>
      </c>
    </row>
    <row r="5669">
      <c r="A5669" s="1">
        <v>4.90404649E8</v>
      </c>
      <c r="B5669" s="2">
        <v>12017.0</v>
      </c>
      <c r="C5669" s="1" t="s">
        <v>5</v>
      </c>
      <c r="D5669" s="1" t="s">
        <v>4597</v>
      </c>
      <c r="E5669" s="1" t="s">
        <v>7</v>
      </c>
    </row>
    <row r="5670">
      <c r="A5670" s="1">
        <v>4.90404673E8</v>
      </c>
      <c r="B5670" s="2">
        <v>11945.0</v>
      </c>
      <c r="C5670" s="1" t="s">
        <v>5</v>
      </c>
      <c r="D5670" s="1" t="s">
        <v>4598</v>
      </c>
      <c r="E5670" s="1" t="s">
        <v>7</v>
      </c>
    </row>
    <row r="5671">
      <c r="A5671" s="1">
        <v>4.90404675E8</v>
      </c>
      <c r="B5671" s="2">
        <v>11914.0</v>
      </c>
      <c r="C5671" s="1" t="s">
        <v>5</v>
      </c>
      <c r="D5671" s="1" t="s">
        <v>4599</v>
      </c>
      <c r="E5671" s="1" t="s">
        <v>4600</v>
      </c>
    </row>
    <row r="5672">
      <c r="A5672" s="1">
        <v>4.9040468E8</v>
      </c>
      <c r="B5672" s="2">
        <v>11911.0</v>
      </c>
      <c r="C5672" s="1" t="s">
        <v>5</v>
      </c>
      <c r="D5672" s="1" t="s">
        <v>4601</v>
      </c>
      <c r="E5672" s="1" t="s">
        <v>7</v>
      </c>
    </row>
    <row r="5673">
      <c r="A5673" s="1">
        <v>4.90404706E8</v>
      </c>
      <c r="B5673" s="2">
        <v>11906.0</v>
      </c>
      <c r="C5673" s="1" t="s">
        <v>5</v>
      </c>
      <c r="D5673" s="1" t="s">
        <v>11</v>
      </c>
      <c r="E5673" s="1" t="s">
        <v>7</v>
      </c>
    </row>
    <row r="5674">
      <c r="A5674" s="1">
        <v>4.90404713E8</v>
      </c>
      <c r="B5674" s="2">
        <v>11943.0</v>
      </c>
      <c r="C5674" s="1" t="s">
        <v>5</v>
      </c>
      <c r="D5674" s="1" t="s">
        <v>4602</v>
      </c>
      <c r="E5674" s="1" t="s">
        <v>7</v>
      </c>
    </row>
    <row r="5675">
      <c r="A5675" s="1">
        <v>4.9040472E8</v>
      </c>
      <c r="B5675" s="2">
        <v>11945.0</v>
      </c>
      <c r="C5675" s="1" t="s">
        <v>5</v>
      </c>
      <c r="D5675" s="1" t="s">
        <v>11</v>
      </c>
      <c r="E5675" s="1" t="s">
        <v>7</v>
      </c>
    </row>
    <row r="5676">
      <c r="A5676" s="1">
        <v>4.90404729E8</v>
      </c>
      <c r="B5676" s="2">
        <v>11906.0</v>
      </c>
      <c r="C5676" s="1" t="s">
        <v>5</v>
      </c>
      <c r="D5676" s="1" t="s">
        <v>4603</v>
      </c>
      <c r="E5676" s="1" t="s">
        <v>7</v>
      </c>
    </row>
    <row r="5677">
      <c r="A5677" s="1">
        <v>4.90404733E8</v>
      </c>
      <c r="B5677" s="2">
        <v>11909.0</v>
      </c>
      <c r="C5677" s="1" t="s">
        <v>5</v>
      </c>
      <c r="D5677" s="1" t="s">
        <v>4604</v>
      </c>
      <c r="E5677" s="1" t="s">
        <v>7</v>
      </c>
    </row>
    <row r="5678">
      <c r="A5678" s="1">
        <v>4.90404741E8</v>
      </c>
      <c r="B5678" s="2">
        <v>11921.0</v>
      </c>
      <c r="C5678" s="1" t="s">
        <v>5</v>
      </c>
      <c r="D5678" s="1" t="s">
        <v>4605</v>
      </c>
      <c r="E5678" s="1" t="s">
        <v>11</v>
      </c>
    </row>
    <row r="5679">
      <c r="A5679" s="1">
        <v>4.90404747E8</v>
      </c>
      <c r="B5679" s="2">
        <v>11913.0</v>
      </c>
      <c r="C5679" s="1" t="s">
        <v>5</v>
      </c>
      <c r="D5679" s="1" t="s">
        <v>4606</v>
      </c>
      <c r="E5679" s="1" t="s">
        <v>7</v>
      </c>
    </row>
    <row r="5680">
      <c r="A5680" s="1">
        <v>4.90404753E8</v>
      </c>
      <c r="B5680" s="2">
        <v>11944.0</v>
      </c>
      <c r="C5680" s="1" t="s">
        <v>5</v>
      </c>
      <c r="D5680" s="1" t="s">
        <v>4607</v>
      </c>
      <c r="E5680" s="1" t="s">
        <v>4608</v>
      </c>
    </row>
    <row r="5681">
      <c r="A5681" s="1">
        <v>4.90404764E8</v>
      </c>
      <c r="B5681" s="2">
        <v>11913.0</v>
      </c>
      <c r="C5681" s="1" t="s">
        <v>5</v>
      </c>
      <c r="D5681" s="1" t="s">
        <v>4609</v>
      </c>
      <c r="E5681" s="1" t="s">
        <v>11</v>
      </c>
    </row>
    <row r="5682">
      <c r="A5682" s="1">
        <v>4.90404766E8</v>
      </c>
      <c r="B5682" s="2">
        <v>11914.0</v>
      </c>
      <c r="C5682" s="1" t="s">
        <v>5</v>
      </c>
      <c r="D5682" s="1" t="s">
        <v>4610</v>
      </c>
      <c r="E5682" s="1" t="s">
        <v>7</v>
      </c>
    </row>
    <row r="5683">
      <c r="A5683" s="1">
        <v>4.90404772E8</v>
      </c>
      <c r="B5683" s="2">
        <v>11923.0</v>
      </c>
      <c r="C5683" s="1" t="s">
        <v>5</v>
      </c>
      <c r="D5683" s="1" t="s">
        <v>4611</v>
      </c>
      <c r="E5683" s="1" t="s">
        <v>7</v>
      </c>
    </row>
    <row r="5684">
      <c r="A5684" s="1">
        <v>4.90404773E8</v>
      </c>
      <c r="B5684" s="2">
        <v>11943.0</v>
      </c>
      <c r="C5684" s="1" t="s">
        <v>5</v>
      </c>
      <c r="D5684" s="1" t="s">
        <v>4612</v>
      </c>
      <c r="E5684" s="1" t="s">
        <v>11</v>
      </c>
    </row>
    <row r="5685">
      <c r="A5685" s="1">
        <v>4.9040478E8</v>
      </c>
      <c r="B5685" s="2">
        <v>11911.0</v>
      </c>
      <c r="C5685" s="1" t="s">
        <v>5</v>
      </c>
      <c r="D5685" s="1" t="s">
        <v>11</v>
      </c>
      <c r="E5685" s="1" t="s">
        <v>7</v>
      </c>
    </row>
    <row r="5686">
      <c r="A5686" s="1">
        <v>4.90404816E8</v>
      </c>
      <c r="B5686" s="2">
        <v>11915.0</v>
      </c>
      <c r="C5686" s="1" t="s">
        <v>5</v>
      </c>
      <c r="D5686" s="1" t="s">
        <v>4613</v>
      </c>
      <c r="E5686" s="1" t="s">
        <v>7</v>
      </c>
    </row>
    <row r="5687">
      <c r="A5687" s="1">
        <v>4.90404825E8</v>
      </c>
      <c r="B5687" s="2">
        <v>11947.0</v>
      </c>
      <c r="C5687" s="1" t="s">
        <v>5</v>
      </c>
      <c r="D5687" s="1" t="s">
        <v>4614</v>
      </c>
      <c r="E5687" s="1" t="s">
        <v>11</v>
      </c>
    </row>
    <row r="5688">
      <c r="A5688" s="1">
        <v>4.9040483E8</v>
      </c>
      <c r="B5688" s="2">
        <v>11913.0</v>
      </c>
      <c r="C5688" s="1" t="s">
        <v>5</v>
      </c>
      <c r="D5688" s="1" t="s">
        <v>4615</v>
      </c>
      <c r="E5688" s="1" t="s">
        <v>11</v>
      </c>
    </row>
    <row r="5689">
      <c r="A5689" s="1">
        <v>4.90404839E8</v>
      </c>
      <c r="B5689" s="2">
        <v>11922.0</v>
      </c>
      <c r="C5689" s="1" t="s">
        <v>5</v>
      </c>
      <c r="D5689" s="1" t="s">
        <v>4616</v>
      </c>
      <c r="E5689" s="1" t="s">
        <v>7</v>
      </c>
    </row>
    <row r="5690">
      <c r="A5690" s="1">
        <v>4.90404848E8</v>
      </c>
      <c r="B5690" s="2">
        <v>11908.0</v>
      </c>
      <c r="C5690" s="1" t="s">
        <v>5</v>
      </c>
      <c r="D5690" s="1" t="s">
        <v>4617</v>
      </c>
      <c r="E5690" s="1" t="s">
        <v>7</v>
      </c>
    </row>
    <row r="5691">
      <c r="A5691" s="1">
        <v>4.9040485E8</v>
      </c>
      <c r="B5691" s="2">
        <v>11915.0</v>
      </c>
      <c r="C5691" s="1" t="s">
        <v>5</v>
      </c>
      <c r="D5691" s="1" t="s">
        <v>4618</v>
      </c>
      <c r="E5691" s="1" t="s">
        <v>7</v>
      </c>
    </row>
    <row r="5692">
      <c r="A5692" s="1">
        <v>4.90404862E8</v>
      </c>
      <c r="B5692" s="2">
        <v>11922.0</v>
      </c>
      <c r="C5692" s="1" t="s">
        <v>5</v>
      </c>
      <c r="D5692" s="1" t="s">
        <v>11</v>
      </c>
      <c r="E5692" s="1" t="s">
        <v>7</v>
      </c>
    </row>
    <row r="5693">
      <c r="A5693" s="1">
        <v>4.90404872E8</v>
      </c>
      <c r="B5693" s="2">
        <v>11947.0</v>
      </c>
      <c r="C5693" s="1" t="s">
        <v>5</v>
      </c>
      <c r="D5693" s="1" t="s">
        <v>4619</v>
      </c>
      <c r="E5693" s="1" t="s">
        <v>11</v>
      </c>
    </row>
    <row r="5694">
      <c r="A5694" s="1">
        <v>4.90404875E8</v>
      </c>
      <c r="B5694" s="2">
        <v>11911.0</v>
      </c>
      <c r="C5694" s="1" t="s">
        <v>5</v>
      </c>
      <c r="D5694" s="1" t="s">
        <v>11</v>
      </c>
      <c r="E5694" s="1" t="s">
        <v>7</v>
      </c>
    </row>
    <row r="5695">
      <c r="A5695" s="1">
        <v>4.90404911E8</v>
      </c>
      <c r="B5695" s="2">
        <v>11947.0</v>
      </c>
      <c r="C5695" s="1" t="s">
        <v>5</v>
      </c>
      <c r="D5695" s="1" t="s">
        <v>4620</v>
      </c>
      <c r="E5695" s="1" t="s">
        <v>11</v>
      </c>
    </row>
    <row r="5696">
      <c r="A5696" s="1">
        <v>4.90404923E8</v>
      </c>
      <c r="B5696" s="2">
        <v>12018.0</v>
      </c>
      <c r="C5696" s="1" t="s">
        <v>5</v>
      </c>
      <c r="D5696" s="1" t="s">
        <v>11</v>
      </c>
      <c r="E5696" s="1" t="s">
        <v>7</v>
      </c>
    </row>
    <row r="5697">
      <c r="A5697" s="1">
        <v>4.90404944E8</v>
      </c>
      <c r="B5697" s="2">
        <v>11941.0</v>
      </c>
      <c r="C5697" s="1" t="s">
        <v>5</v>
      </c>
      <c r="D5697" s="1" t="s">
        <v>11</v>
      </c>
      <c r="E5697" s="1" t="s">
        <v>7</v>
      </c>
    </row>
    <row r="5698">
      <c r="A5698" s="1">
        <v>4.9040495E8</v>
      </c>
      <c r="B5698" s="2">
        <v>12015.0</v>
      </c>
      <c r="C5698" s="1" t="s">
        <v>5</v>
      </c>
      <c r="D5698" s="1" t="s">
        <v>4621</v>
      </c>
      <c r="E5698" s="1" t="s">
        <v>7</v>
      </c>
    </row>
    <row r="5699">
      <c r="A5699" s="1">
        <v>4.90404953E8</v>
      </c>
      <c r="B5699" s="2">
        <v>11908.0</v>
      </c>
      <c r="C5699" s="1" t="s">
        <v>5</v>
      </c>
      <c r="D5699" s="1" t="s">
        <v>4622</v>
      </c>
      <c r="E5699" s="1" t="s">
        <v>7</v>
      </c>
    </row>
    <row r="5700">
      <c r="A5700" s="1">
        <v>4.90404971E8</v>
      </c>
      <c r="B5700" s="2">
        <v>12018.0</v>
      </c>
      <c r="C5700" s="1" t="s">
        <v>5</v>
      </c>
      <c r="D5700" s="1" t="s">
        <v>11</v>
      </c>
      <c r="E5700" s="1" t="s">
        <v>7</v>
      </c>
    </row>
    <row r="5701">
      <c r="A5701" s="1">
        <v>4.90404973E8</v>
      </c>
      <c r="B5701" s="2">
        <v>11913.0</v>
      </c>
      <c r="C5701" s="1" t="s">
        <v>5</v>
      </c>
      <c r="D5701" s="1" t="s">
        <v>4623</v>
      </c>
      <c r="E5701" s="1" t="s">
        <v>7</v>
      </c>
    </row>
    <row r="5702">
      <c r="A5702" s="1">
        <v>4.9040498E8</v>
      </c>
      <c r="B5702" s="2">
        <v>11945.0</v>
      </c>
      <c r="C5702" s="1" t="s">
        <v>5</v>
      </c>
      <c r="D5702" s="1" t="s">
        <v>11</v>
      </c>
      <c r="E5702" s="1" t="s">
        <v>7</v>
      </c>
    </row>
    <row r="5703">
      <c r="A5703" s="1">
        <v>4.90404987E8</v>
      </c>
      <c r="B5703" s="2">
        <v>11940.0</v>
      </c>
      <c r="C5703" s="1" t="s">
        <v>5</v>
      </c>
      <c r="D5703" s="1" t="s">
        <v>4624</v>
      </c>
      <c r="E5703" s="1" t="s">
        <v>7</v>
      </c>
    </row>
    <row r="5704">
      <c r="A5704" s="1">
        <v>4.90404993E8</v>
      </c>
      <c r="B5704" s="2">
        <v>11944.0</v>
      </c>
      <c r="C5704" s="1" t="s">
        <v>5</v>
      </c>
      <c r="D5704" s="1" t="s">
        <v>4625</v>
      </c>
      <c r="E5704" s="1" t="s">
        <v>7</v>
      </c>
    </row>
    <row r="5705">
      <c r="A5705" s="1">
        <v>4.90404994E8</v>
      </c>
      <c r="B5705" s="2">
        <v>11943.0</v>
      </c>
      <c r="C5705" s="1" t="s">
        <v>5</v>
      </c>
      <c r="D5705" s="1" t="s">
        <v>4626</v>
      </c>
      <c r="E5705" s="1" t="s">
        <v>11</v>
      </c>
    </row>
    <row r="5706">
      <c r="A5706" s="1">
        <v>4.90404997E8</v>
      </c>
      <c r="B5706" s="2">
        <v>11940.0</v>
      </c>
      <c r="C5706" s="1" t="s">
        <v>5</v>
      </c>
      <c r="D5706" s="1" t="s">
        <v>11</v>
      </c>
      <c r="E5706" s="1" t="s">
        <v>7</v>
      </c>
    </row>
    <row r="5707">
      <c r="A5707" s="1">
        <v>4.90404998E8</v>
      </c>
      <c r="B5707" s="2">
        <v>11922.0</v>
      </c>
      <c r="C5707" s="1" t="s">
        <v>5</v>
      </c>
      <c r="D5707" s="1" t="s">
        <v>11</v>
      </c>
      <c r="E5707" s="1" t="s">
        <v>7</v>
      </c>
    </row>
    <row r="5708">
      <c r="A5708" s="1">
        <v>4.90405008E8</v>
      </c>
      <c r="B5708" s="2">
        <v>11908.0</v>
      </c>
      <c r="C5708" s="1" t="s">
        <v>5</v>
      </c>
      <c r="D5708" s="1" t="s">
        <v>11</v>
      </c>
      <c r="E5708" s="1" t="s">
        <v>7</v>
      </c>
    </row>
    <row r="5709">
      <c r="A5709" s="1">
        <v>4.90405012E8</v>
      </c>
      <c r="B5709" s="2">
        <v>11943.0</v>
      </c>
      <c r="C5709" s="1" t="s">
        <v>5</v>
      </c>
      <c r="D5709" s="1" t="s">
        <v>4627</v>
      </c>
      <c r="E5709" s="1" t="s">
        <v>4628</v>
      </c>
    </row>
    <row r="5710">
      <c r="A5710" s="1">
        <v>4.90405014E8</v>
      </c>
      <c r="B5710" s="2">
        <v>11943.0</v>
      </c>
      <c r="C5710" s="1" t="s">
        <v>5</v>
      </c>
      <c r="D5710" s="1" t="s">
        <v>4629</v>
      </c>
      <c r="E5710" s="1" t="s">
        <v>7</v>
      </c>
    </row>
    <row r="5711">
      <c r="A5711" s="1">
        <v>4.90405027E8</v>
      </c>
      <c r="B5711" s="2">
        <v>12018.0</v>
      </c>
      <c r="C5711" s="1" t="s">
        <v>5</v>
      </c>
      <c r="D5711" s="1" t="s">
        <v>4630</v>
      </c>
      <c r="E5711" s="1" t="s">
        <v>7</v>
      </c>
    </row>
    <row r="5712">
      <c r="A5712" s="1">
        <v>4.90405032E8</v>
      </c>
      <c r="B5712" s="2">
        <v>11965.0</v>
      </c>
      <c r="C5712" s="1" t="s">
        <v>5</v>
      </c>
      <c r="D5712" s="1" t="s">
        <v>4631</v>
      </c>
      <c r="E5712" s="1" t="s">
        <v>7</v>
      </c>
    </row>
    <row r="5713">
      <c r="A5713" s="1">
        <v>4.90405034E8</v>
      </c>
      <c r="B5713" s="2">
        <v>11945.0</v>
      </c>
      <c r="C5713" s="1" t="s">
        <v>5</v>
      </c>
      <c r="D5713" s="1" t="s">
        <v>4632</v>
      </c>
      <c r="E5713" s="1" t="s">
        <v>11</v>
      </c>
    </row>
    <row r="5714">
      <c r="A5714" s="1">
        <v>4.90405035E8</v>
      </c>
      <c r="B5714" s="2">
        <v>11947.0</v>
      </c>
      <c r="C5714" s="1" t="s">
        <v>5</v>
      </c>
      <c r="D5714" s="1" t="s">
        <v>4633</v>
      </c>
      <c r="E5714" s="1" t="s">
        <v>7</v>
      </c>
    </row>
    <row r="5715">
      <c r="A5715" s="1">
        <v>4.90405045E8</v>
      </c>
      <c r="B5715" s="2">
        <v>11946.0</v>
      </c>
      <c r="C5715" s="1" t="s">
        <v>5</v>
      </c>
      <c r="D5715" s="1" t="s">
        <v>4634</v>
      </c>
      <c r="E5715" s="1" t="s">
        <v>7</v>
      </c>
    </row>
    <row r="5716">
      <c r="A5716" s="1">
        <v>4.90405051E8</v>
      </c>
      <c r="B5716" s="2">
        <v>11912.0</v>
      </c>
      <c r="C5716" s="1" t="s">
        <v>5</v>
      </c>
      <c r="D5716" s="1" t="s">
        <v>4635</v>
      </c>
      <c r="E5716" s="1" t="s">
        <v>4636</v>
      </c>
    </row>
    <row r="5717">
      <c r="A5717" s="1">
        <v>4.90405071E8</v>
      </c>
      <c r="B5717" s="2">
        <v>11911.0</v>
      </c>
      <c r="C5717" s="1" t="s">
        <v>5</v>
      </c>
      <c r="D5717" s="1" t="s">
        <v>11</v>
      </c>
      <c r="E5717" s="1" t="s">
        <v>7</v>
      </c>
    </row>
    <row r="5718">
      <c r="A5718" s="1">
        <v>4.90405074E8</v>
      </c>
      <c r="B5718" s="2">
        <v>11943.0</v>
      </c>
      <c r="C5718" s="1" t="s">
        <v>5</v>
      </c>
      <c r="D5718" s="1" t="s">
        <v>4637</v>
      </c>
      <c r="E5718" s="1" t="s">
        <v>11</v>
      </c>
    </row>
    <row r="5719">
      <c r="A5719" s="1">
        <v>4.90405075E8</v>
      </c>
      <c r="B5719" s="2">
        <v>11945.0</v>
      </c>
      <c r="C5719" s="1" t="s">
        <v>5</v>
      </c>
      <c r="D5719" s="1" t="s">
        <v>4638</v>
      </c>
      <c r="E5719" s="1" t="s">
        <v>11</v>
      </c>
    </row>
    <row r="5720">
      <c r="A5720" s="1">
        <v>4.90405088E8</v>
      </c>
      <c r="B5720" s="2">
        <v>11940.0</v>
      </c>
      <c r="C5720" s="1" t="s">
        <v>5</v>
      </c>
      <c r="D5720" s="1" t="s">
        <v>4639</v>
      </c>
      <c r="E5720" s="1" t="s">
        <v>11</v>
      </c>
    </row>
    <row r="5721">
      <c r="A5721" s="1">
        <v>4.90405094E8</v>
      </c>
      <c r="B5721" s="2">
        <v>11940.0</v>
      </c>
      <c r="C5721" s="1" t="s">
        <v>5</v>
      </c>
      <c r="D5721" s="1" t="s">
        <v>11</v>
      </c>
      <c r="E5721" s="1" t="s">
        <v>7</v>
      </c>
    </row>
    <row r="5722">
      <c r="A5722" s="1">
        <v>4.90405126E8</v>
      </c>
      <c r="B5722" s="2">
        <v>11909.0</v>
      </c>
      <c r="C5722" s="1" t="s">
        <v>5</v>
      </c>
      <c r="D5722" s="1" t="s">
        <v>169</v>
      </c>
      <c r="E5722" s="1" t="s">
        <v>7</v>
      </c>
    </row>
    <row r="5723">
      <c r="A5723" s="1">
        <v>4.90405135E8</v>
      </c>
      <c r="B5723" s="2">
        <v>11940.0</v>
      </c>
      <c r="C5723" s="1" t="s">
        <v>5</v>
      </c>
      <c r="D5723" s="1" t="s">
        <v>11</v>
      </c>
      <c r="E5723" s="1" t="s">
        <v>7</v>
      </c>
    </row>
    <row r="5724">
      <c r="A5724" s="1">
        <v>4.90405144E8</v>
      </c>
      <c r="B5724" s="2">
        <v>11913.0</v>
      </c>
      <c r="C5724" s="1" t="s">
        <v>5</v>
      </c>
      <c r="D5724" s="1" t="s">
        <v>4640</v>
      </c>
      <c r="E5724" s="1" t="s">
        <v>7</v>
      </c>
    </row>
    <row r="5725">
      <c r="A5725" s="1">
        <v>4.90405145E8</v>
      </c>
      <c r="B5725" s="2">
        <v>11946.0</v>
      </c>
      <c r="C5725" s="1" t="s">
        <v>5</v>
      </c>
      <c r="D5725" s="1" t="s">
        <v>4641</v>
      </c>
      <c r="E5725" s="1" t="s">
        <v>4642</v>
      </c>
    </row>
    <row r="5726">
      <c r="A5726" s="1">
        <v>4.90405152E8</v>
      </c>
      <c r="B5726" s="2">
        <v>11908.0</v>
      </c>
      <c r="C5726" s="1" t="s">
        <v>5</v>
      </c>
      <c r="D5726" s="1" t="s">
        <v>4643</v>
      </c>
      <c r="E5726" s="1" t="s">
        <v>7</v>
      </c>
    </row>
    <row r="5727">
      <c r="A5727" s="1">
        <v>4.90405159E8</v>
      </c>
      <c r="B5727" s="2">
        <v>11912.0</v>
      </c>
      <c r="C5727" s="1" t="s">
        <v>5</v>
      </c>
      <c r="D5727" s="1" t="s">
        <v>4644</v>
      </c>
      <c r="E5727" s="1" t="s">
        <v>4645</v>
      </c>
    </row>
    <row r="5728">
      <c r="A5728" s="1">
        <v>4.90405162E8</v>
      </c>
      <c r="B5728" s="2">
        <v>12012.0</v>
      </c>
      <c r="C5728" s="1" t="s">
        <v>5</v>
      </c>
      <c r="D5728" s="1" t="s">
        <v>4646</v>
      </c>
      <c r="E5728" s="1" t="s">
        <v>7</v>
      </c>
    </row>
    <row r="5729">
      <c r="A5729" s="1">
        <v>4.90405193E8</v>
      </c>
      <c r="B5729" s="2">
        <v>11940.0</v>
      </c>
      <c r="C5729" s="1" t="s">
        <v>5</v>
      </c>
      <c r="D5729" s="1" t="s">
        <v>4647</v>
      </c>
      <c r="E5729" s="1" t="s">
        <v>7</v>
      </c>
    </row>
    <row r="5730">
      <c r="A5730" s="1">
        <v>4.90405198E8</v>
      </c>
      <c r="B5730" s="2">
        <v>11946.0</v>
      </c>
      <c r="C5730" s="1" t="s">
        <v>5</v>
      </c>
      <c r="D5730" s="1" t="s">
        <v>4648</v>
      </c>
      <c r="E5730" s="1" t="s">
        <v>11</v>
      </c>
    </row>
    <row r="5731">
      <c r="A5731" s="1">
        <v>4.90405202E8</v>
      </c>
      <c r="B5731" s="2">
        <v>11921.0</v>
      </c>
      <c r="C5731" s="1" t="s">
        <v>5</v>
      </c>
      <c r="D5731" s="1" t="s">
        <v>4649</v>
      </c>
      <c r="E5731" s="1" t="s">
        <v>7</v>
      </c>
    </row>
    <row r="5732">
      <c r="A5732" s="1">
        <v>4.90405208E8</v>
      </c>
      <c r="B5732" s="2">
        <v>11943.0</v>
      </c>
      <c r="C5732" s="1" t="s">
        <v>5</v>
      </c>
      <c r="D5732" s="1" t="s">
        <v>11</v>
      </c>
      <c r="E5732" s="1" t="s">
        <v>7</v>
      </c>
    </row>
    <row r="5733">
      <c r="A5733" s="1">
        <v>4.90405209E8</v>
      </c>
      <c r="B5733" s="2">
        <v>11910.0</v>
      </c>
      <c r="C5733" s="1" t="s">
        <v>5</v>
      </c>
      <c r="D5733" s="1" t="s">
        <v>4650</v>
      </c>
      <c r="E5733" s="1" t="s">
        <v>7</v>
      </c>
    </row>
    <row r="5734">
      <c r="A5734" s="1">
        <v>4.90405215E8</v>
      </c>
      <c r="B5734" s="2">
        <v>12017.0</v>
      </c>
      <c r="C5734" s="1" t="s">
        <v>5</v>
      </c>
      <c r="D5734" s="1" t="s">
        <v>11</v>
      </c>
      <c r="E5734" s="1" t="s">
        <v>7</v>
      </c>
    </row>
    <row r="5735">
      <c r="A5735" s="1">
        <v>4.9040522E8</v>
      </c>
      <c r="B5735" s="2">
        <v>11909.0</v>
      </c>
      <c r="C5735" s="1" t="s">
        <v>5</v>
      </c>
      <c r="D5735" s="1" t="s">
        <v>11</v>
      </c>
      <c r="E5735" s="1" t="s">
        <v>7</v>
      </c>
    </row>
    <row r="5736">
      <c r="A5736" s="1">
        <v>4.90405221E8</v>
      </c>
      <c r="B5736" s="2">
        <v>11904.0</v>
      </c>
      <c r="C5736" s="1" t="s">
        <v>5</v>
      </c>
      <c r="D5736" s="1" t="s">
        <v>4651</v>
      </c>
      <c r="E5736" s="1" t="s">
        <v>11</v>
      </c>
    </row>
    <row r="5737">
      <c r="A5737" s="1">
        <v>4.9040523E8</v>
      </c>
      <c r="B5737" s="2">
        <v>11910.0</v>
      </c>
      <c r="C5737" s="1" t="s">
        <v>5</v>
      </c>
      <c r="D5737" s="1" t="s">
        <v>11</v>
      </c>
      <c r="E5737" s="1" t="s">
        <v>7</v>
      </c>
    </row>
    <row r="5738">
      <c r="A5738" s="1">
        <v>4.90405235E8</v>
      </c>
      <c r="B5738" s="2">
        <v>11946.0</v>
      </c>
      <c r="C5738" s="1" t="s">
        <v>5</v>
      </c>
      <c r="D5738" s="1" t="s">
        <v>11</v>
      </c>
      <c r="E5738" s="1" t="s">
        <v>7</v>
      </c>
    </row>
    <row r="5739">
      <c r="A5739" s="1">
        <v>4.90405238E8</v>
      </c>
      <c r="B5739" s="2">
        <v>11946.0</v>
      </c>
      <c r="C5739" s="1" t="s">
        <v>5</v>
      </c>
      <c r="D5739" s="1" t="s">
        <v>11</v>
      </c>
      <c r="E5739" s="1" t="s">
        <v>7</v>
      </c>
    </row>
    <row r="5740">
      <c r="A5740" s="1">
        <v>4.90405255E8</v>
      </c>
      <c r="B5740" s="2">
        <v>11921.0</v>
      </c>
      <c r="C5740" s="1" t="s">
        <v>5</v>
      </c>
      <c r="D5740" s="1" t="s">
        <v>4652</v>
      </c>
      <c r="E5740" s="1" t="s">
        <v>11</v>
      </c>
    </row>
    <row r="5741">
      <c r="A5741" s="1">
        <v>4.90405262E8</v>
      </c>
      <c r="B5741" s="2">
        <v>11965.0</v>
      </c>
      <c r="C5741" s="1" t="s">
        <v>5</v>
      </c>
      <c r="D5741" s="1" t="s">
        <v>4653</v>
      </c>
      <c r="E5741" s="1" t="s">
        <v>7</v>
      </c>
    </row>
    <row r="5742">
      <c r="A5742" s="1">
        <v>4.90405269E8</v>
      </c>
      <c r="B5742" s="2">
        <v>11944.0</v>
      </c>
      <c r="C5742" s="1" t="s">
        <v>5</v>
      </c>
      <c r="D5742" s="1" t="s">
        <v>4654</v>
      </c>
      <c r="E5742" s="1" t="s">
        <v>4655</v>
      </c>
    </row>
    <row r="5743">
      <c r="A5743" s="1">
        <v>4.90405302E8</v>
      </c>
      <c r="B5743" s="2">
        <v>12011.0</v>
      </c>
      <c r="C5743" s="1" t="s">
        <v>5</v>
      </c>
      <c r="D5743" s="1" t="s">
        <v>4656</v>
      </c>
      <c r="E5743" s="1" t="s">
        <v>7</v>
      </c>
    </row>
    <row r="5744">
      <c r="A5744" s="1">
        <v>4.90405303E8</v>
      </c>
      <c r="B5744" s="2">
        <v>12015.0</v>
      </c>
      <c r="C5744" s="1" t="s">
        <v>5</v>
      </c>
      <c r="D5744" s="1" t="s">
        <v>4657</v>
      </c>
      <c r="E5744" s="1" t="s">
        <v>11</v>
      </c>
    </row>
    <row r="5745">
      <c r="A5745" s="1">
        <v>4.90405317E8</v>
      </c>
      <c r="B5745" s="2">
        <v>11912.0</v>
      </c>
      <c r="C5745" s="1" t="s">
        <v>5</v>
      </c>
      <c r="D5745" s="1" t="s">
        <v>11</v>
      </c>
      <c r="E5745" s="1" t="s">
        <v>7</v>
      </c>
    </row>
    <row r="5746">
      <c r="A5746" s="1">
        <v>4.90405323E8</v>
      </c>
      <c r="B5746" s="2">
        <v>12011.0</v>
      </c>
      <c r="C5746" s="1" t="s">
        <v>5</v>
      </c>
      <c r="D5746" s="1" t="s">
        <v>4658</v>
      </c>
      <c r="E5746" s="1" t="s">
        <v>11</v>
      </c>
    </row>
    <row r="5747">
      <c r="A5747" s="1">
        <v>4.90405334E8</v>
      </c>
      <c r="B5747" s="2">
        <v>11941.0</v>
      </c>
      <c r="C5747" s="1" t="s">
        <v>5</v>
      </c>
      <c r="D5747" s="1" t="s">
        <v>4659</v>
      </c>
      <c r="E5747" s="1" t="s">
        <v>7</v>
      </c>
    </row>
    <row r="5748">
      <c r="A5748" s="1">
        <v>4.90405338E8</v>
      </c>
      <c r="B5748" s="2">
        <v>11941.0</v>
      </c>
      <c r="C5748" s="1" t="s">
        <v>5</v>
      </c>
      <c r="D5748" s="1" t="s">
        <v>4660</v>
      </c>
      <c r="E5748" s="1" t="s">
        <v>11</v>
      </c>
    </row>
    <row r="5749">
      <c r="A5749" s="1">
        <v>4.90405341E8</v>
      </c>
      <c r="B5749" s="2">
        <v>11921.0</v>
      </c>
      <c r="C5749" s="1" t="s">
        <v>5</v>
      </c>
      <c r="D5749" s="1" t="s">
        <v>7</v>
      </c>
      <c r="E5749" s="1" t="s">
        <v>7</v>
      </c>
    </row>
    <row r="5750">
      <c r="A5750" s="1">
        <v>4.90405345E8</v>
      </c>
      <c r="B5750" s="2">
        <v>12015.0</v>
      </c>
      <c r="C5750" s="1" t="s">
        <v>5</v>
      </c>
      <c r="D5750" s="1" t="s">
        <v>4661</v>
      </c>
      <c r="E5750" s="1" t="s">
        <v>7</v>
      </c>
    </row>
    <row r="5751">
      <c r="A5751" s="1">
        <v>4.90405356E8</v>
      </c>
      <c r="B5751" s="2">
        <v>11940.0</v>
      </c>
      <c r="C5751" s="1" t="s">
        <v>5</v>
      </c>
      <c r="D5751" s="1" t="s">
        <v>4662</v>
      </c>
      <c r="E5751" s="1" t="s">
        <v>11</v>
      </c>
    </row>
    <row r="5752">
      <c r="A5752" s="1">
        <v>4.90405365E8</v>
      </c>
      <c r="B5752" s="2">
        <v>11943.0</v>
      </c>
      <c r="C5752" s="1" t="s">
        <v>5</v>
      </c>
      <c r="D5752" s="1" t="s">
        <v>11</v>
      </c>
      <c r="E5752" s="1" t="s">
        <v>7</v>
      </c>
    </row>
    <row r="5753">
      <c r="A5753" s="1">
        <v>4.9040538E8</v>
      </c>
      <c r="B5753" s="2">
        <v>11909.0</v>
      </c>
      <c r="C5753" s="1" t="s">
        <v>5</v>
      </c>
      <c r="D5753" s="1" t="s">
        <v>11</v>
      </c>
      <c r="E5753" s="1" t="s">
        <v>7</v>
      </c>
    </row>
    <row r="5754">
      <c r="A5754" s="1">
        <v>4.90405393E8</v>
      </c>
      <c r="B5754" s="2">
        <v>11912.0</v>
      </c>
      <c r="C5754" s="1" t="s">
        <v>5</v>
      </c>
      <c r="D5754" s="1" t="s">
        <v>4663</v>
      </c>
      <c r="E5754" s="1" t="s">
        <v>11</v>
      </c>
    </row>
    <row r="5755">
      <c r="A5755" s="1">
        <v>4.90405398E8</v>
      </c>
      <c r="B5755" s="2">
        <v>11939.0</v>
      </c>
      <c r="C5755" s="1" t="s">
        <v>5</v>
      </c>
      <c r="D5755" s="1" t="s">
        <v>4664</v>
      </c>
      <c r="E5755" s="1" t="s">
        <v>11</v>
      </c>
    </row>
    <row r="5756">
      <c r="A5756" s="1">
        <v>4.90405407E8</v>
      </c>
      <c r="B5756" s="2">
        <v>11921.0</v>
      </c>
      <c r="C5756" s="1" t="s">
        <v>5</v>
      </c>
      <c r="D5756" s="1" t="s">
        <v>4665</v>
      </c>
      <c r="E5756" s="1" t="s">
        <v>7</v>
      </c>
    </row>
    <row r="5757">
      <c r="A5757" s="1">
        <v>4.90405414E8</v>
      </c>
      <c r="B5757" s="2">
        <v>11907.0</v>
      </c>
      <c r="C5757" s="1" t="s">
        <v>5</v>
      </c>
      <c r="D5757" s="1" t="s">
        <v>4666</v>
      </c>
      <c r="E5757" s="1" t="s">
        <v>7</v>
      </c>
    </row>
    <row r="5758">
      <c r="A5758" s="1">
        <v>4.90405428E8</v>
      </c>
      <c r="B5758" s="2">
        <v>11904.0</v>
      </c>
      <c r="C5758" s="1" t="s">
        <v>5</v>
      </c>
      <c r="D5758" s="1" t="s">
        <v>11</v>
      </c>
      <c r="E5758" s="1" t="s">
        <v>7</v>
      </c>
    </row>
    <row r="5759">
      <c r="A5759" s="1">
        <v>4.90405443E8</v>
      </c>
      <c r="B5759" s="2">
        <v>11912.0</v>
      </c>
      <c r="C5759" s="1" t="s">
        <v>5</v>
      </c>
      <c r="D5759" s="1" t="s">
        <v>4667</v>
      </c>
      <c r="E5759" s="1" t="s">
        <v>11</v>
      </c>
    </row>
    <row r="5760">
      <c r="A5760" s="1">
        <v>4.90405445E8</v>
      </c>
      <c r="B5760" s="2">
        <v>12017.0</v>
      </c>
      <c r="C5760" s="1" t="s">
        <v>5</v>
      </c>
      <c r="D5760" s="1" t="s">
        <v>11</v>
      </c>
      <c r="E5760" s="1" t="s">
        <v>7</v>
      </c>
    </row>
    <row r="5761">
      <c r="A5761" s="1">
        <v>4.90405448E8</v>
      </c>
      <c r="B5761" s="2">
        <v>11939.0</v>
      </c>
      <c r="C5761" s="1" t="s">
        <v>5</v>
      </c>
      <c r="D5761" s="1" t="s">
        <v>4668</v>
      </c>
      <c r="E5761" s="1" t="s">
        <v>7</v>
      </c>
    </row>
    <row r="5762">
      <c r="A5762" s="1">
        <v>4.90405451E8</v>
      </c>
      <c r="B5762" s="2">
        <v>11943.0</v>
      </c>
      <c r="C5762" s="1" t="s">
        <v>5</v>
      </c>
      <c r="D5762" s="1" t="s">
        <v>4669</v>
      </c>
      <c r="E5762" s="1" t="s">
        <v>4670</v>
      </c>
    </row>
    <row r="5763">
      <c r="A5763" s="1">
        <v>4.90405452E8</v>
      </c>
      <c r="B5763" s="2">
        <v>11941.0</v>
      </c>
      <c r="C5763" s="1" t="s">
        <v>5</v>
      </c>
      <c r="D5763" s="1" t="s">
        <v>4671</v>
      </c>
      <c r="E5763" s="1" t="s">
        <v>11</v>
      </c>
    </row>
    <row r="5764">
      <c r="A5764" s="1">
        <v>4.90405462E8</v>
      </c>
      <c r="B5764" s="2">
        <v>11915.0</v>
      </c>
      <c r="C5764" s="1" t="s">
        <v>5</v>
      </c>
      <c r="D5764" s="1" t="s">
        <v>4672</v>
      </c>
      <c r="E5764" s="1" t="s">
        <v>11</v>
      </c>
    </row>
    <row r="5765">
      <c r="A5765" s="1">
        <v>4.90405464E8</v>
      </c>
      <c r="B5765" s="2">
        <v>11920.0</v>
      </c>
      <c r="C5765" s="1" t="s">
        <v>5</v>
      </c>
      <c r="D5765" s="1" t="s">
        <v>4673</v>
      </c>
      <c r="E5765" s="1" t="s">
        <v>7</v>
      </c>
    </row>
    <row r="5766">
      <c r="A5766" s="1">
        <v>4.90405468E8</v>
      </c>
      <c r="B5766" s="2">
        <v>12010.0</v>
      </c>
      <c r="C5766" s="1" t="s">
        <v>5</v>
      </c>
      <c r="D5766" s="1" t="s">
        <v>4674</v>
      </c>
      <c r="E5766" s="1" t="s">
        <v>11</v>
      </c>
    </row>
    <row r="5767">
      <c r="A5767" s="1">
        <v>4.90405488E8</v>
      </c>
      <c r="B5767" s="2">
        <v>11941.0</v>
      </c>
      <c r="C5767" s="1" t="s">
        <v>5</v>
      </c>
      <c r="D5767" s="1" t="s">
        <v>4675</v>
      </c>
      <c r="E5767" s="1" t="s">
        <v>7</v>
      </c>
    </row>
    <row r="5768">
      <c r="A5768" s="1">
        <v>4.90405492E8</v>
      </c>
      <c r="B5768" s="2">
        <v>11913.0</v>
      </c>
      <c r="C5768" s="1" t="s">
        <v>5</v>
      </c>
      <c r="D5768" s="1" t="s">
        <v>4676</v>
      </c>
      <c r="E5768" s="1" t="s">
        <v>7</v>
      </c>
    </row>
    <row r="5769">
      <c r="A5769" s="1">
        <v>4.90405496E8</v>
      </c>
      <c r="B5769" s="2">
        <v>11939.0</v>
      </c>
      <c r="C5769" s="1" t="s">
        <v>5</v>
      </c>
      <c r="D5769" s="1" t="s">
        <v>4677</v>
      </c>
      <c r="E5769" s="1" t="s">
        <v>11</v>
      </c>
    </row>
    <row r="5770">
      <c r="A5770" s="1">
        <v>4.90405499E8</v>
      </c>
      <c r="B5770" s="2">
        <v>11904.0</v>
      </c>
      <c r="C5770" s="1" t="s">
        <v>5</v>
      </c>
      <c r="D5770" s="1" t="s">
        <v>11</v>
      </c>
      <c r="E5770" s="1" t="s">
        <v>7</v>
      </c>
    </row>
    <row r="5771">
      <c r="A5771" s="1">
        <v>4.90405512E8</v>
      </c>
      <c r="B5771" s="2">
        <v>11944.0</v>
      </c>
      <c r="C5771" s="1" t="s">
        <v>5</v>
      </c>
      <c r="D5771" s="1" t="s">
        <v>11</v>
      </c>
      <c r="E5771" s="1" t="s">
        <v>7</v>
      </c>
    </row>
    <row r="5772">
      <c r="A5772" s="1">
        <v>4.90405515E8</v>
      </c>
      <c r="B5772" s="2">
        <v>11908.0</v>
      </c>
      <c r="C5772" s="1" t="s">
        <v>5</v>
      </c>
      <c r="D5772" s="1" t="s">
        <v>4678</v>
      </c>
      <c r="E5772" s="1" t="s">
        <v>7</v>
      </c>
    </row>
    <row r="5773">
      <c r="A5773" s="1">
        <v>4.90405523E8</v>
      </c>
      <c r="B5773" s="2">
        <v>11920.0</v>
      </c>
      <c r="C5773" s="1" t="s">
        <v>5</v>
      </c>
      <c r="D5773" s="1" t="s">
        <v>4679</v>
      </c>
      <c r="E5773" s="1" t="s">
        <v>7</v>
      </c>
    </row>
    <row r="5774">
      <c r="A5774" s="1">
        <v>4.90405524E8</v>
      </c>
      <c r="B5774" s="2">
        <v>11906.0</v>
      </c>
      <c r="C5774" s="1" t="s">
        <v>5</v>
      </c>
      <c r="D5774" s="1" t="s">
        <v>11</v>
      </c>
      <c r="E5774" s="1" t="s">
        <v>7</v>
      </c>
    </row>
    <row r="5775">
      <c r="A5775" s="1">
        <v>4.90405543E8</v>
      </c>
      <c r="B5775" s="2">
        <v>12015.0</v>
      </c>
      <c r="C5775" s="1" t="s">
        <v>5</v>
      </c>
      <c r="D5775" s="1" t="s">
        <v>4680</v>
      </c>
      <c r="E5775" s="1" t="s">
        <v>4681</v>
      </c>
    </row>
    <row r="5776">
      <c r="A5776" s="1">
        <v>4.90405551E8</v>
      </c>
      <c r="B5776" s="2">
        <v>11941.0</v>
      </c>
      <c r="C5776" s="1" t="s">
        <v>5</v>
      </c>
      <c r="D5776" s="1" t="s">
        <v>4682</v>
      </c>
      <c r="E5776" s="1" t="s">
        <v>11</v>
      </c>
    </row>
    <row r="5777">
      <c r="A5777" s="1">
        <v>4.90405563E8</v>
      </c>
      <c r="B5777" s="2">
        <v>11913.0</v>
      </c>
      <c r="C5777" s="1" t="s">
        <v>5</v>
      </c>
      <c r="D5777" s="1" t="s">
        <v>11</v>
      </c>
      <c r="E5777" s="1" t="s">
        <v>7</v>
      </c>
    </row>
    <row r="5778">
      <c r="A5778" s="1">
        <v>4.90405581E8</v>
      </c>
      <c r="B5778" s="2">
        <v>11945.0</v>
      </c>
      <c r="C5778" s="1" t="s">
        <v>5</v>
      </c>
      <c r="D5778" s="1" t="s">
        <v>4683</v>
      </c>
      <c r="E5778" s="1" t="s">
        <v>11</v>
      </c>
    </row>
    <row r="5779">
      <c r="A5779" s="1">
        <v>4.9040559E8</v>
      </c>
      <c r="B5779" s="2">
        <v>12013.0</v>
      </c>
      <c r="C5779" s="1" t="s">
        <v>5</v>
      </c>
      <c r="D5779" s="1" t="s">
        <v>11</v>
      </c>
      <c r="E5779" s="1" t="s">
        <v>7</v>
      </c>
    </row>
    <row r="5780">
      <c r="A5780" s="1">
        <v>4.90405595E8</v>
      </c>
      <c r="B5780" s="2">
        <v>11912.0</v>
      </c>
      <c r="C5780" s="1" t="s">
        <v>5</v>
      </c>
      <c r="D5780" s="1" t="s">
        <v>4684</v>
      </c>
      <c r="E5780" s="1" t="s">
        <v>7</v>
      </c>
    </row>
    <row r="5781">
      <c r="A5781" s="1">
        <v>4.90405598E8</v>
      </c>
      <c r="B5781" s="2">
        <v>11906.0</v>
      </c>
      <c r="C5781" s="1" t="s">
        <v>5</v>
      </c>
      <c r="D5781" s="1" t="s">
        <v>4685</v>
      </c>
      <c r="E5781" s="1" t="s">
        <v>7</v>
      </c>
    </row>
    <row r="5782">
      <c r="A5782" s="1">
        <v>4.90405601E8</v>
      </c>
      <c r="B5782" s="2">
        <v>11905.0</v>
      </c>
      <c r="C5782" s="1" t="s">
        <v>5</v>
      </c>
      <c r="D5782" s="1" t="s">
        <v>4686</v>
      </c>
      <c r="E5782" s="1" t="s">
        <v>7</v>
      </c>
    </row>
    <row r="5783">
      <c r="A5783" s="1">
        <v>4.90405607E8</v>
      </c>
      <c r="B5783" s="2">
        <v>11920.0</v>
      </c>
      <c r="C5783" s="1" t="s">
        <v>5</v>
      </c>
      <c r="D5783" s="1" t="s">
        <v>11</v>
      </c>
      <c r="E5783" s="1" t="s">
        <v>7</v>
      </c>
    </row>
    <row r="5784">
      <c r="A5784" s="1">
        <v>4.90405612E8</v>
      </c>
      <c r="B5784" s="2">
        <v>11945.0</v>
      </c>
      <c r="C5784" s="1" t="s">
        <v>5</v>
      </c>
      <c r="D5784" s="1" t="s">
        <v>11</v>
      </c>
      <c r="E5784" s="1" t="s">
        <v>7</v>
      </c>
    </row>
    <row r="5785">
      <c r="A5785" s="1">
        <v>4.9040562E8</v>
      </c>
      <c r="B5785" s="2">
        <v>11939.0</v>
      </c>
      <c r="C5785" s="1" t="s">
        <v>5</v>
      </c>
      <c r="D5785" s="1" t="s">
        <v>4687</v>
      </c>
      <c r="E5785" s="1" t="s">
        <v>7</v>
      </c>
    </row>
    <row r="5786">
      <c r="A5786" s="1">
        <v>4.90405623E8</v>
      </c>
      <c r="B5786" s="2">
        <v>11905.0</v>
      </c>
      <c r="C5786" s="1" t="s">
        <v>5</v>
      </c>
      <c r="D5786" s="1" t="s">
        <v>4688</v>
      </c>
      <c r="E5786" s="1" t="s">
        <v>7</v>
      </c>
    </row>
    <row r="5787">
      <c r="A5787" s="1">
        <v>4.90405628E8</v>
      </c>
      <c r="B5787" s="2">
        <v>11945.0</v>
      </c>
      <c r="C5787" s="1" t="s">
        <v>5</v>
      </c>
      <c r="D5787" s="1" t="s">
        <v>11</v>
      </c>
      <c r="E5787" s="1" t="s">
        <v>7</v>
      </c>
    </row>
    <row r="5788">
      <c r="A5788" s="1">
        <v>4.9040563E8</v>
      </c>
      <c r="B5788" s="2">
        <v>11906.0</v>
      </c>
      <c r="C5788" s="1" t="s">
        <v>5</v>
      </c>
      <c r="D5788" s="1" t="s">
        <v>4689</v>
      </c>
      <c r="E5788" s="1" t="s">
        <v>7</v>
      </c>
    </row>
    <row r="5789">
      <c r="A5789" s="1">
        <v>4.90405633E8</v>
      </c>
      <c r="B5789" s="2">
        <v>11941.0</v>
      </c>
      <c r="C5789" s="1" t="s">
        <v>5</v>
      </c>
      <c r="D5789" s="1" t="s">
        <v>4690</v>
      </c>
      <c r="E5789" s="1" t="s">
        <v>7</v>
      </c>
    </row>
    <row r="5790">
      <c r="A5790" s="1">
        <v>4.90405641E8</v>
      </c>
      <c r="B5790" s="2">
        <v>12015.0</v>
      </c>
      <c r="C5790" s="1" t="s">
        <v>5</v>
      </c>
      <c r="D5790" s="1" t="s">
        <v>4691</v>
      </c>
      <c r="E5790" s="1" t="s">
        <v>7</v>
      </c>
    </row>
    <row r="5791">
      <c r="A5791" s="1">
        <v>4.90405648E8</v>
      </c>
      <c r="B5791" s="2">
        <v>11940.0</v>
      </c>
      <c r="C5791" s="1" t="s">
        <v>5</v>
      </c>
      <c r="D5791" s="1" t="s">
        <v>4692</v>
      </c>
      <c r="E5791" s="1" t="s">
        <v>11</v>
      </c>
    </row>
    <row r="5792">
      <c r="A5792" s="1">
        <v>4.90405652E8</v>
      </c>
      <c r="B5792" s="2">
        <v>11920.0</v>
      </c>
      <c r="C5792" s="1" t="s">
        <v>5</v>
      </c>
      <c r="D5792" s="1" t="s">
        <v>4693</v>
      </c>
      <c r="E5792" s="1" t="s">
        <v>7</v>
      </c>
    </row>
    <row r="5793">
      <c r="A5793" s="1">
        <v>4.90405658E8</v>
      </c>
      <c r="B5793" s="2">
        <v>12012.0</v>
      </c>
      <c r="C5793" s="1" t="s">
        <v>5</v>
      </c>
      <c r="D5793" s="1" t="s">
        <v>4694</v>
      </c>
      <c r="E5793" s="1" t="s">
        <v>7</v>
      </c>
    </row>
    <row r="5794">
      <c r="A5794" s="1">
        <v>4.90405661E8</v>
      </c>
      <c r="B5794" s="2">
        <v>11911.0</v>
      </c>
      <c r="C5794" s="1" t="s">
        <v>5</v>
      </c>
      <c r="D5794" s="1" t="s">
        <v>11</v>
      </c>
      <c r="E5794" s="1" t="s">
        <v>7</v>
      </c>
    </row>
    <row r="5795">
      <c r="A5795" s="1">
        <v>4.90405664E8</v>
      </c>
      <c r="B5795" s="2">
        <v>11942.0</v>
      </c>
      <c r="C5795" s="1" t="s">
        <v>5</v>
      </c>
      <c r="D5795" s="1" t="s">
        <v>4695</v>
      </c>
      <c r="E5795" s="1" t="s">
        <v>7</v>
      </c>
    </row>
    <row r="5796">
      <c r="A5796" s="1">
        <v>4.90405674E8</v>
      </c>
      <c r="B5796" s="2">
        <v>11939.0</v>
      </c>
      <c r="C5796" s="1" t="s">
        <v>5</v>
      </c>
      <c r="D5796" s="1" t="s">
        <v>11</v>
      </c>
      <c r="E5796" s="1" t="s">
        <v>7</v>
      </c>
    </row>
    <row r="5797">
      <c r="A5797" s="1">
        <v>4.90405678E8</v>
      </c>
      <c r="B5797" s="2">
        <v>11908.0</v>
      </c>
      <c r="C5797" s="1" t="s">
        <v>5</v>
      </c>
      <c r="D5797" s="1" t="s">
        <v>4696</v>
      </c>
      <c r="E5797" s="1" t="s">
        <v>7</v>
      </c>
    </row>
    <row r="5798">
      <c r="A5798" s="1">
        <v>4.90405688E8</v>
      </c>
      <c r="B5798" s="2">
        <v>11920.0</v>
      </c>
      <c r="C5798" s="1" t="s">
        <v>5</v>
      </c>
      <c r="D5798" s="1" t="s">
        <v>4697</v>
      </c>
      <c r="E5798" s="1" t="s">
        <v>11</v>
      </c>
    </row>
    <row r="5799">
      <c r="A5799" s="1">
        <v>4.90405693E8</v>
      </c>
      <c r="B5799" s="2">
        <v>11946.0</v>
      </c>
      <c r="C5799" s="1" t="s">
        <v>5</v>
      </c>
      <c r="D5799" s="1" t="s">
        <v>4698</v>
      </c>
      <c r="E5799" s="1" t="s">
        <v>7</v>
      </c>
    </row>
    <row r="5800">
      <c r="A5800" s="1">
        <v>4.90405704E8</v>
      </c>
      <c r="B5800" s="2">
        <v>11915.0</v>
      </c>
      <c r="C5800" s="1" t="s">
        <v>5</v>
      </c>
      <c r="D5800" s="1" t="s">
        <v>4699</v>
      </c>
      <c r="E5800" s="1" t="s">
        <v>4700</v>
      </c>
    </row>
    <row r="5801">
      <c r="A5801" s="1">
        <v>4.90405721E8</v>
      </c>
      <c r="B5801" s="2">
        <v>11911.0</v>
      </c>
      <c r="C5801" s="1" t="s">
        <v>5</v>
      </c>
      <c r="D5801" s="1" t="s">
        <v>4701</v>
      </c>
      <c r="E5801" s="1" t="s">
        <v>7</v>
      </c>
    </row>
    <row r="5802">
      <c r="A5802" s="1">
        <v>4.90405724E8</v>
      </c>
      <c r="B5802" s="2">
        <v>11905.0</v>
      </c>
      <c r="C5802" s="1" t="s">
        <v>5</v>
      </c>
      <c r="D5802" s="1" t="s">
        <v>4702</v>
      </c>
      <c r="E5802" s="1" t="s">
        <v>11</v>
      </c>
    </row>
    <row r="5803">
      <c r="A5803" s="1">
        <v>4.90405731E8</v>
      </c>
      <c r="B5803" s="2">
        <v>11936.0</v>
      </c>
      <c r="C5803" s="1" t="s">
        <v>5</v>
      </c>
      <c r="D5803" s="1" t="s">
        <v>4703</v>
      </c>
      <c r="E5803" s="1" t="s">
        <v>7</v>
      </c>
    </row>
    <row r="5804">
      <c r="A5804" s="1">
        <v>4.90405753E8</v>
      </c>
      <c r="B5804" s="2">
        <v>11936.0</v>
      </c>
      <c r="C5804" s="1" t="s">
        <v>5</v>
      </c>
      <c r="D5804" s="1" t="s">
        <v>4704</v>
      </c>
      <c r="E5804" s="1" t="s">
        <v>11</v>
      </c>
    </row>
    <row r="5805">
      <c r="A5805" s="1">
        <v>4.90405772E8</v>
      </c>
      <c r="B5805" s="2">
        <v>11942.0</v>
      </c>
      <c r="C5805" s="1" t="s">
        <v>5</v>
      </c>
      <c r="D5805" s="1" t="s">
        <v>11</v>
      </c>
      <c r="E5805" s="1" t="s">
        <v>7</v>
      </c>
    </row>
    <row r="5806">
      <c r="A5806" s="1">
        <v>4.90405775E8</v>
      </c>
      <c r="B5806" s="2">
        <v>11944.0</v>
      </c>
      <c r="C5806" s="1" t="s">
        <v>5</v>
      </c>
      <c r="D5806" s="1" t="s">
        <v>4705</v>
      </c>
      <c r="E5806" s="1" t="s">
        <v>4706</v>
      </c>
    </row>
    <row r="5807">
      <c r="A5807" s="1">
        <v>4.90405794E8</v>
      </c>
      <c r="B5807" s="2">
        <v>11938.0</v>
      </c>
      <c r="C5807" s="1" t="s">
        <v>5</v>
      </c>
      <c r="D5807" s="1" t="s">
        <v>4707</v>
      </c>
      <c r="E5807" s="1" t="s">
        <v>4708</v>
      </c>
    </row>
    <row r="5808">
      <c r="A5808" s="1">
        <v>4.90405798E8</v>
      </c>
      <c r="B5808" s="2">
        <v>11939.0</v>
      </c>
      <c r="C5808" s="1" t="s">
        <v>5</v>
      </c>
      <c r="D5808" s="1" t="s">
        <v>4709</v>
      </c>
      <c r="E5808" s="1" t="s">
        <v>11</v>
      </c>
    </row>
    <row r="5809">
      <c r="A5809" s="1">
        <v>4.90405799E8</v>
      </c>
      <c r="B5809" s="2">
        <v>12016.0</v>
      </c>
      <c r="C5809" s="1" t="s">
        <v>5</v>
      </c>
      <c r="D5809" s="1" t="s">
        <v>4710</v>
      </c>
      <c r="E5809" s="1" t="s">
        <v>7</v>
      </c>
    </row>
    <row r="5810">
      <c r="A5810" s="1">
        <v>4.90405804E8</v>
      </c>
      <c r="B5810" s="2">
        <v>11911.0</v>
      </c>
      <c r="C5810" s="1" t="s">
        <v>5</v>
      </c>
      <c r="D5810" s="1" t="s">
        <v>4711</v>
      </c>
      <c r="E5810" s="1" t="s">
        <v>11</v>
      </c>
    </row>
    <row r="5811">
      <c r="A5811" s="1">
        <v>4.90405818E8</v>
      </c>
      <c r="B5811" s="2">
        <v>12017.0</v>
      </c>
      <c r="C5811" s="1" t="s">
        <v>5</v>
      </c>
      <c r="D5811" s="1" t="s">
        <v>4712</v>
      </c>
      <c r="E5811" s="1" t="s">
        <v>7</v>
      </c>
    </row>
    <row r="5812">
      <c r="A5812" s="1">
        <v>4.90405821E8</v>
      </c>
      <c r="B5812" s="2">
        <v>11919.0</v>
      </c>
      <c r="C5812" s="1" t="s">
        <v>5</v>
      </c>
      <c r="D5812" s="1" t="s">
        <v>11</v>
      </c>
      <c r="E5812" s="1" t="s">
        <v>7</v>
      </c>
    </row>
    <row r="5813">
      <c r="A5813" s="1">
        <v>4.90405828E8</v>
      </c>
      <c r="B5813" s="2">
        <v>11911.0</v>
      </c>
      <c r="C5813" s="1" t="s">
        <v>5</v>
      </c>
      <c r="D5813" s="1" t="s">
        <v>4713</v>
      </c>
      <c r="E5813" s="1" t="s">
        <v>7</v>
      </c>
    </row>
    <row r="5814">
      <c r="A5814" s="1">
        <v>4.90405843E8</v>
      </c>
      <c r="B5814" s="2">
        <v>11920.0</v>
      </c>
      <c r="C5814" s="1" t="s">
        <v>5</v>
      </c>
      <c r="D5814" s="1" t="s">
        <v>4714</v>
      </c>
      <c r="E5814" s="1" t="s">
        <v>11</v>
      </c>
    </row>
    <row r="5815">
      <c r="A5815" s="1">
        <v>4.90405848E8</v>
      </c>
      <c r="B5815" s="2">
        <v>11918.0</v>
      </c>
      <c r="C5815" s="1" t="s">
        <v>5</v>
      </c>
      <c r="D5815" s="1" t="s">
        <v>4715</v>
      </c>
      <c r="E5815" s="1" t="s">
        <v>11</v>
      </c>
    </row>
    <row r="5816">
      <c r="A5816" s="1">
        <v>4.90405852E8</v>
      </c>
      <c r="B5816" s="2">
        <v>11911.0</v>
      </c>
      <c r="C5816" s="1" t="s">
        <v>5</v>
      </c>
      <c r="D5816" s="1" t="s">
        <v>11</v>
      </c>
      <c r="E5816" s="1" t="s">
        <v>7</v>
      </c>
    </row>
    <row r="5817">
      <c r="A5817" s="1">
        <v>4.9040586E8</v>
      </c>
      <c r="B5817" s="2">
        <v>11941.0</v>
      </c>
      <c r="C5817" s="1" t="s">
        <v>5</v>
      </c>
      <c r="D5817" s="1" t="s">
        <v>4716</v>
      </c>
      <c r="E5817" s="1" t="s">
        <v>11</v>
      </c>
    </row>
    <row r="5818">
      <c r="A5818" s="1">
        <v>4.90405878E8</v>
      </c>
      <c r="B5818" s="2">
        <v>11918.0</v>
      </c>
      <c r="C5818" s="1" t="s">
        <v>5</v>
      </c>
      <c r="D5818" s="1" t="s">
        <v>4717</v>
      </c>
      <c r="E5818" s="1" t="s">
        <v>7</v>
      </c>
    </row>
    <row r="5819">
      <c r="A5819" s="1">
        <v>4.90405918E8</v>
      </c>
      <c r="B5819" s="2">
        <v>11935.0</v>
      </c>
      <c r="C5819" s="1" t="s">
        <v>5</v>
      </c>
      <c r="D5819" s="1" t="s">
        <v>4718</v>
      </c>
      <c r="E5819" s="1" t="s">
        <v>4719</v>
      </c>
    </row>
    <row r="5820">
      <c r="A5820" s="1">
        <v>4.90405923E8</v>
      </c>
      <c r="B5820" s="2">
        <v>11920.0</v>
      </c>
      <c r="C5820" s="1" t="s">
        <v>5</v>
      </c>
      <c r="D5820" s="1" t="s">
        <v>4720</v>
      </c>
      <c r="E5820" s="1" t="s">
        <v>11</v>
      </c>
    </row>
    <row r="5821">
      <c r="A5821" s="1">
        <v>4.90405935E8</v>
      </c>
      <c r="B5821" s="2">
        <v>12018.0</v>
      </c>
      <c r="C5821" s="1" t="s">
        <v>5</v>
      </c>
      <c r="D5821" s="1" t="s">
        <v>4721</v>
      </c>
      <c r="E5821" s="1" t="s">
        <v>11</v>
      </c>
    </row>
    <row r="5822">
      <c r="A5822" s="1">
        <v>4.90405944E8</v>
      </c>
      <c r="B5822" s="2">
        <v>11944.0</v>
      </c>
      <c r="C5822" s="1" t="s">
        <v>5</v>
      </c>
      <c r="D5822" s="1" t="s">
        <v>4722</v>
      </c>
      <c r="E5822" s="1" t="s">
        <v>11</v>
      </c>
    </row>
    <row r="5823">
      <c r="A5823" s="1">
        <v>4.90405951E8</v>
      </c>
      <c r="B5823" s="2">
        <v>11945.0</v>
      </c>
      <c r="C5823" s="1" t="s">
        <v>5</v>
      </c>
      <c r="D5823" s="1" t="s">
        <v>4723</v>
      </c>
      <c r="E5823" s="1" t="s">
        <v>7</v>
      </c>
    </row>
    <row r="5824">
      <c r="A5824" s="1">
        <v>4.90405973E8</v>
      </c>
      <c r="B5824" s="2">
        <v>11910.0</v>
      </c>
      <c r="C5824" s="1" t="s">
        <v>5</v>
      </c>
      <c r="D5824" s="1" t="s">
        <v>4724</v>
      </c>
      <c r="E5824" s="1" t="s">
        <v>4725</v>
      </c>
    </row>
    <row r="5825">
      <c r="A5825" s="1">
        <v>4.90405974E8</v>
      </c>
      <c r="B5825" s="2">
        <v>11944.0</v>
      </c>
      <c r="C5825" s="1" t="s">
        <v>5</v>
      </c>
      <c r="D5825" s="1" t="s">
        <v>4726</v>
      </c>
      <c r="E5825" s="1" t="s">
        <v>11</v>
      </c>
    </row>
    <row r="5826">
      <c r="A5826" s="1">
        <v>4.90405988E8</v>
      </c>
      <c r="B5826" s="2">
        <v>12018.0</v>
      </c>
      <c r="C5826" s="1" t="s">
        <v>5</v>
      </c>
      <c r="D5826" s="1" t="s">
        <v>4727</v>
      </c>
      <c r="E5826" s="1" t="s">
        <v>7</v>
      </c>
    </row>
    <row r="5827">
      <c r="A5827" s="1">
        <v>4.9040599E8</v>
      </c>
      <c r="B5827" s="2">
        <v>11911.0</v>
      </c>
      <c r="C5827" s="1" t="s">
        <v>5</v>
      </c>
      <c r="D5827" s="1" t="s">
        <v>11</v>
      </c>
      <c r="E5827" s="1" t="s">
        <v>7</v>
      </c>
    </row>
    <row r="5828">
      <c r="A5828" s="1">
        <v>4.90406023E8</v>
      </c>
      <c r="B5828" s="2">
        <v>11938.0</v>
      </c>
      <c r="C5828" s="1" t="s">
        <v>5</v>
      </c>
      <c r="D5828" s="1" t="s">
        <v>11</v>
      </c>
      <c r="E5828" s="1" t="s">
        <v>7</v>
      </c>
    </row>
    <row r="5829">
      <c r="A5829" s="1">
        <v>4.90406034E8</v>
      </c>
      <c r="B5829" s="2">
        <v>11910.0</v>
      </c>
      <c r="C5829" s="1" t="s">
        <v>5</v>
      </c>
      <c r="D5829" s="1" t="s">
        <v>4728</v>
      </c>
      <c r="E5829" s="1" t="s">
        <v>7</v>
      </c>
    </row>
    <row r="5830">
      <c r="A5830" s="1">
        <v>4.90406039E8</v>
      </c>
      <c r="B5830" s="2">
        <v>11939.0</v>
      </c>
      <c r="C5830" s="1" t="s">
        <v>5</v>
      </c>
      <c r="D5830" s="1" t="s">
        <v>11</v>
      </c>
      <c r="E5830" s="1" t="s">
        <v>7</v>
      </c>
    </row>
    <row r="5831">
      <c r="A5831" s="1">
        <v>4.9040604E8</v>
      </c>
      <c r="B5831" s="2">
        <v>11940.0</v>
      </c>
      <c r="C5831" s="1" t="s">
        <v>5</v>
      </c>
      <c r="D5831" s="1" t="s">
        <v>11</v>
      </c>
      <c r="E5831" s="1" t="s">
        <v>7</v>
      </c>
    </row>
    <row r="5832">
      <c r="A5832" s="1">
        <v>4.90406051E8</v>
      </c>
      <c r="B5832" s="2">
        <v>11940.0</v>
      </c>
      <c r="C5832" s="1" t="s">
        <v>5</v>
      </c>
      <c r="D5832" s="1" t="s">
        <v>4729</v>
      </c>
      <c r="E5832" s="1" t="s">
        <v>7</v>
      </c>
    </row>
    <row r="5833">
      <c r="A5833" s="1">
        <v>4.90406054E8</v>
      </c>
      <c r="B5833" s="2">
        <v>11944.0</v>
      </c>
      <c r="C5833" s="1" t="s">
        <v>5</v>
      </c>
      <c r="D5833" s="1" t="s">
        <v>4730</v>
      </c>
      <c r="E5833" s="1" t="s">
        <v>7</v>
      </c>
    </row>
    <row r="5834">
      <c r="A5834" s="1">
        <v>4.90406059E8</v>
      </c>
      <c r="B5834" s="2">
        <v>12017.0</v>
      </c>
      <c r="C5834" s="1" t="s">
        <v>5</v>
      </c>
      <c r="D5834" s="1" t="s">
        <v>4731</v>
      </c>
      <c r="E5834" s="1" t="s">
        <v>7</v>
      </c>
    </row>
    <row r="5835">
      <c r="A5835" s="1">
        <v>4.90406064E8</v>
      </c>
      <c r="B5835" s="2">
        <v>12009.0</v>
      </c>
      <c r="C5835" s="1" t="s">
        <v>5</v>
      </c>
      <c r="D5835" s="1" t="s">
        <v>11</v>
      </c>
      <c r="E5835" s="1" t="s">
        <v>7</v>
      </c>
    </row>
    <row r="5836">
      <c r="A5836" s="1">
        <v>4.90406068E8</v>
      </c>
      <c r="B5836" s="2">
        <v>11940.0</v>
      </c>
      <c r="C5836" s="1" t="s">
        <v>5</v>
      </c>
      <c r="D5836" s="1" t="s">
        <v>4732</v>
      </c>
      <c r="E5836" s="1" t="s">
        <v>7</v>
      </c>
    </row>
    <row r="5837">
      <c r="A5837" s="1">
        <v>4.90406072E8</v>
      </c>
      <c r="B5837" s="2">
        <v>12016.0</v>
      </c>
      <c r="C5837" s="1" t="s">
        <v>5</v>
      </c>
      <c r="D5837" s="1" t="s">
        <v>4733</v>
      </c>
      <c r="E5837" s="1" t="s">
        <v>7</v>
      </c>
    </row>
    <row r="5838">
      <c r="A5838" s="1">
        <v>4.90406074E8</v>
      </c>
      <c r="B5838" s="2">
        <v>11913.0</v>
      </c>
      <c r="C5838" s="1" t="s">
        <v>5</v>
      </c>
      <c r="D5838" s="1" t="s">
        <v>4734</v>
      </c>
      <c r="E5838" s="1" t="s">
        <v>7</v>
      </c>
    </row>
    <row r="5839">
      <c r="A5839" s="1">
        <v>4.90406078E8</v>
      </c>
      <c r="B5839" s="2">
        <v>11961.0</v>
      </c>
      <c r="C5839" s="1" t="s">
        <v>5</v>
      </c>
      <c r="D5839" s="1" t="s">
        <v>11</v>
      </c>
      <c r="E5839" s="1" t="s">
        <v>7</v>
      </c>
    </row>
    <row r="5840">
      <c r="A5840" s="1">
        <v>4.90406086E8</v>
      </c>
      <c r="B5840" s="2">
        <v>11941.0</v>
      </c>
      <c r="C5840" s="1" t="s">
        <v>5</v>
      </c>
      <c r="D5840" s="1" t="s">
        <v>11</v>
      </c>
      <c r="E5840" s="1" t="s">
        <v>7</v>
      </c>
    </row>
    <row r="5841">
      <c r="A5841" s="1">
        <v>4.90406093E8</v>
      </c>
      <c r="B5841" s="2">
        <v>11918.0</v>
      </c>
      <c r="C5841" s="1" t="s">
        <v>5</v>
      </c>
      <c r="D5841" s="1" t="s">
        <v>4735</v>
      </c>
      <c r="E5841" s="1" t="s">
        <v>4736</v>
      </c>
    </row>
    <row r="5842">
      <c r="A5842" s="1">
        <v>4.90406095E8</v>
      </c>
      <c r="B5842" s="2">
        <v>11940.0</v>
      </c>
      <c r="C5842" s="1" t="s">
        <v>5</v>
      </c>
      <c r="D5842" s="1" t="s">
        <v>4737</v>
      </c>
      <c r="E5842" s="1" t="s">
        <v>7</v>
      </c>
    </row>
    <row r="5843">
      <c r="A5843" s="1">
        <v>4.90406096E8</v>
      </c>
      <c r="B5843" s="2">
        <v>11910.0</v>
      </c>
      <c r="C5843" s="1" t="s">
        <v>5</v>
      </c>
      <c r="D5843" s="1" t="s">
        <v>4738</v>
      </c>
      <c r="E5843" s="1" t="s">
        <v>7</v>
      </c>
    </row>
    <row r="5844">
      <c r="A5844" s="1">
        <v>4.90406098E8</v>
      </c>
      <c r="B5844" s="2">
        <v>12014.0</v>
      </c>
      <c r="C5844" s="1" t="s">
        <v>5</v>
      </c>
      <c r="D5844" s="1" t="s">
        <v>4739</v>
      </c>
      <c r="E5844" s="1" t="s">
        <v>7</v>
      </c>
    </row>
    <row r="5845">
      <c r="A5845" s="1">
        <v>4.90406117E8</v>
      </c>
      <c r="B5845" s="2">
        <v>11943.0</v>
      </c>
      <c r="C5845" s="1" t="s">
        <v>5</v>
      </c>
      <c r="D5845" s="1" t="s">
        <v>4740</v>
      </c>
      <c r="E5845" s="1" t="s">
        <v>7</v>
      </c>
    </row>
    <row r="5846">
      <c r="A5846" s="1">
        <v>4.90406122E8</v>
      </c>
      <c r="B5846" s="2">
        <v>12014.0</v>
      </c>
      <c r="C5846" s="1" t="s">
        <v>5</v>
      </c>
      <c r="D5846" s="1" t="s">
        <v>4741</v>
      </c>
      <c r="E5846" s="1" t="s">
        <v>11</v>
      </c>
    </row>
    <row r="5847">
      <c r="A5847" s="1">
        <v>4.90406125E8</v>
      </c>
      <c r="B5847" s="2">
        <v>12010.0</v>
      </c>
      <c r="C5847" s="1" t="s">
        <v>5</v>
      </c>
      <c r="D5847" s="1" t="s">
        <v>4742</v>
      </c>
      <c r="E5847" s="1" t="s">
        <v>7</v>
      </c>
    </row>
    <row r="5848">
      <c r="A5848" s="1">
        <v>4.90406126E8</v>
      </c>
      <c r="B5848" s="2">
        <v>11918.0</v>
      </c>
      <c r="C5848" s="1" t="s">
        <v>5</v>
      </c>
      <c r="D5848" s="1" t="s">
        <v>4743</v>
      </c>
      <c r="E5848" s="1" t="s">
        <v>7</v>
      </c>
    </row>
    <row r="5849">
      <c r="A5849" s="1">
        <v>4.90406133E8</v>
      </c>
      <c r="B5849" s="2">
        <v>11944.0</v>
      </c>
      <c r="C5849" s="1" t="s">
        <v>5</v>
      </c>
      <c r="D5849" s="1" t="s">
        <v>4744</v>
      </c>
      <c r="E5849" s="1" t="s">
        <v>7</v>
      </c>
    </row>
    <row r="5850">
      <c r="A5850" s="1">
        <v>4.90406134E8</v>
      </c>
      <c r="B5850" s="2">
        <v>11944.0</v>
      </c>
      <c r="C5850" s="1" t="s">
        <v>5</v>
      </c>
      <c r="D5850" s="1" t="s">
        <v>11</v>
      </c>
      <c r="E5850" s="1" t="s">
        <v>7</v>
      </c>
    </row>
    <row r="5851">
      <c r="A5851" s="1">
        <v>4.90406141E8</v>
      </c>
      <c r="B5851" s="2">
        <v>11941.0</v>
      </c>
      <c r="C5851" s="1" t="s">
        <v>5</v>
      </c>
      <c r="D5851" s="1" t="s">
        <v>11</v>
      </c>
      <c r="E5851" s="1" t="s">
        <v>7</v>
      </c>
    </row>
    <row r="5852">
      <c r="A5852" s="1">
        <v>4.9040615E8</v>
      </c>
      <c r="B5852" s="2">
        <v>11903.0</v>
      </c>
      <c r="C5852" s="1" t="s">
        <v>5</v>
      </c>
      <c r="D5852" s="1" t="s">
        <v>4745</v>
      </c>
      <c r="E5852" s="1" t="s">
        <v>11</v>
      </c>
    </row>
    <row r="5853">
      <c r="A5853" s="1">
        <v>4.90406159E8</v>
      </c>
      <c r="B5853" s="2">
        <v>11934.0</v>
      </c>
      <c r="C5853" s="1" t="s">
        <v>5</v>
      </c>
      <c r="D5853" s="1" t="s">
        <v>11</v>
      </c>
      <c r="E5853" s="1" t="s">
        <v>7</v>
      </c>
    </row>
    <row r="5854">
      <c r="A5854" s="1">
        <v>4.9040616E8</v>
      </c>
      <c r="B5854" s="2">
        <v>11944.0</v>
      </c>
      <c r="C5854" s="1" t="s">
        <v>5</v>
      </c>
      <c r="D5854" s="1" t="s">
        <v>4746</v>
      </c>
      <c r="E5854" s="1" t="s">
        <v>11</v>
      </c>
    </row>
    <row r="5855">
      <c r="A5855" s="1">
        <v>4.90406164E8</v>
      </c>
      <c r="B5855" s="2">
        <v>12013.0</v>
      </c>
      <c r="C5855" s="1" t="s">
        <v>5</v>
      </c>
      <c r="D5855" s="1" t="s">
        <v>11</v>
      </c>
      <c r="E5855" s="1" t="s">
        <v>7</v>
      </c>
    </row>
    <row r="5856">
      <c r="A5856" s="1">
        <v>4.90406183E8</v>
      </c>
      <c r="B5856" s="2">
        <v>11940.0</v>
      </c>
      <c r="C5856" s="1" t="s">
        <v>5</v>
      </c>
      <c r="D5856" s="1" t="s">
        <v>4747</v>
      </c>
      <c r="E5856" s="1" t="s">
        <v>7</v>
      </c>
    </row>
    <row r="5857">
      <c r="A5857" s="1">
        <v>4.90406208E8</v>
      </c>
      <c r="B5857" s="2">
        <v>11944.0</v>
      </c>
      <c r="C5857" s="1" t="s">
        <v>5</v>
      </c>
      <c r="D5857" s="1" t="s">
        <v>4748</v>
      </c>
      <c r="E5857" s="1" t="s">
        <v>11</v>
      </c>
    </row>
    <row r="5858">
      <c r="A5858" s="1">
        <v>4.90406218E8</v>
      </c>
      <c r="B5858" s="2">
        <v>11939.0</v>
      </c>
      <c r="C5858" s="1" t="s">
        <v>5</v>
      </c>
      <c r="D5858" s="1" t="s">
        <v>4749</v>
      </c>
      <c r="E5858" s="1" t="s">
        <v>7</v>
      </c>
    </row>
    <row r="5859">
      <c r="A5859" s="1">
        <v>4.90406224E8</v>
      </c>
      <c r="B5859" s="2">
        <v>11943.0</v>
      </c>
      <c r="C5859" s="1" t="s">
        <v>5</v>
      </c>
      <c r="D5859" s="1" t="s">
        <v>4750</v>
      </c>
      <c r="E5859" s="1" t="s">
        <v>11</v>
      </c>
    </row>
    <row r="5860">
      <c r="A5860" s="1">
        <v>4.90406225E8</v>
      </c>
      <c r="B5860" s="2">
        <v>12014.0</v>
      </c>
      <c r="C5860" s="1" t="s">
        <v>5</v>
      </c>
      <c r="D5860" s="1" t="s">
        <v>4751</v>
      </c>
      <c r="E5860" s="1" t="s">
        <v>7</v>
      </c>
    </row>
    <row r="5861">
      <c r="A5861" s="1">
        <v>4.90406235E8</v>
      </c>
      <c r="B5861" s="2">
        <v>11910.0</v>
      </c>
      <c r="C5861" s="1" t="s">
        <v>5</v>
      </c>
      <c r="D5861" s="1" t="s">
        <v>4752</v>
      </c>
      <c r="E5861" s="1" t="s">
        <v>7</v>
      </c>
    </row>
    <row r="5862">
      <c r="A5862" s="1">
        <v>4.90406239E8</v>
      </c>
      <c r="B5862" s="2">
        <v>12012.0</v>
      </c>
      <c r="C5862" s="1" t="s">
        <v>5</v>
      </c>
      <c r="D5862" s="1" t="s">
        <v>4753</v>
      </c>
      <c r="E5862" s="1" t="s">
        <v>7</v>
      </c>
    </row>
    <row r="5863">
      <c r="A5863" s="1">
        <v>4.90406241E8</v>
      </c>
      <c r="B5863" s="2">
        <v>11940.0</v>
      </c>
      <c r="C5863" s="1" t="s">
        <v>5</v>
      </c>
      <c r="D5863" s="1" t="s">
        <v>11</v>
      </c>
      <c r="E5863" s="1" t="s">
        <v>7</v>
      </c>
    </row>
    <row r="5864">
      <c r="A5864" s="1">
        <v>4.90406247E8</v>
      </c>
      <c r="B5864" s="2">
        <v>11918.0</v>
      </c>
      <c r="C5864" s="1" t="s">
        <v>5</v>
      </c>
      <c r="D5864" s="1" t="s">
        <v>4754</v>
      </c>
      <c r="E5864" s="1" t="s">
        <v>7</v>
      </c>
    </row>
    <row r="5865">
      <c r="A5865" s="1">
        <v>4.90406249E8</v>
      </c>
      <c r="B5865" s="2">
        <v>11944.0</v>
      </c>
      <c r="C5865" s="1" t="s">
        <v>5</v>
      </c>
      <c r="D5865" s="1" t="s">
        <v>4488</v>
      </c>
      <c r="E5865" s="1" t="s">
        <v>11</v>
      </c>
    </row>
    <row r="5866">
      <c r="A5866" s="1">
        <v>4.9040626E8</v>
      </c>
      <c r="B5866" s="2">
        <v>12007.0</v>
      </c>
      <c r="C5866" s="1" t="s">
        <v>5</v>
      </c>
      <c r="D5866" s="1" t="s">
        <v>11</v>
      </c>
      <c r="E5866" s="1" t="s">
        <v>7</v>
      </c>
    </row>
    <row r="5867">
      <c r="A5867" s="1">
        <v>4.90406263E8</v>
      </c>
      <c r="B5867" s="2">
        <v>11918.0</v>
      </c>
      <c r="C5867" s="1" t="s">
        <v>5</v>
      </c>
      <c r="D5867" s="1" t="s">
        <v>11</v>
      </c>
      <c r="E5867" s="1" t="s">
        <v>7</v>
      </c>
    </row>
    <row r="5868">
      <c r="A5868" s="1">
        <v>4.90406298E8</v>
      </c>
      <c r="B5868" s="2">
        <v>11944.0</v>
      </c>
      <c r="C5868" s="1" t="s">
        <v>5</v>
      </c>
      <c r="D5868" s="1" t="s">
        <v>4755</v>
      </c>
      <c r="E5868" s="1" t="s">
        <v>11</v>
      </c>
    </row>
    <row r="5869">
      <c r="A5869" s="1">
        <v>4.90406303E8</v>
      </c>
      <c r="B5869" s="2">
        <v>11937.0</v>
      </c>
      <c r="C5869" s="1" t="s">
        <v>5</v>
      </c>
      <c r="D5869" s="1" t="s">
        <v>4756</v>
      </c>
      <c r="E5869" s="1" t="s">
        <v>11</v>
      </c>
    </row>
    <row r="5870">
      <c r="A5870" s="1">
        <v>4.90406307E8</v>
      </c>
      <c r="B5870" s="2">
        <v>12016.0</v>
      </c>
      <c r="C5870" s="1" t="s">
        <v>5</v>
      </c>
      <c r="D5870" s="1" t="s">
        <v>4757</v>
      </c>
      <c r="E5870" s="1" t="s">
        <v>11</v>
      </c>
    </row>
    <row r="5871">
      <c r="A5871" s="1">
        <v>4.90406312E8</v>
      </c>
      <c r="B5871" s="2">
        <v>11902.0</v>
      </c>
      <c r="C5871" s="1" t="s">
        <v>5</v>
      </c>
      <c r="D5871" s="1" t="s">
        <v>4758</v>
      </c>
      <c r="E5871" s="1" t="s">
        <v>4759</v>
      </c>
    </row>
    <row r="5872">
      <c r="A5872" s="1">
        <v>4.90406313E8</v>
      </c>
      <c r="B5872" s="2">
        <v>11917.0</v>
      </c>
      <c r="C5872" s="1" t="s">
        <v>5</v>
      </c>
      <c r="D5872" s="1" t="s">
        <v>4760</v>
      </c>
      <c r="E5872" s="1" t="s">
        <v>7</v>
      </c>
    </row>
    <row r="5873">
      <c r="A5873" s="1">
        <v>4.9040632E8</v>
      </c>
      <c r="B5873" s="2">
        <v>11938.0</v>
      </c>
      <c r="C5873" s="1" t="s">
        <v>5</v>
      </c>
      <c r="D5873" s="1" t="s">
        <v>4761</v>
      </c>
      <c r="E5873" s="1" t="s">
        <v>7</v>
      </c>
    </row>
    <row r="5874">
      <c r="A5874" s="1">
        <v>4.90406327E8</v>
      </c>
      <c r="B5874" s="2">
        <v>12015.0</v>
      </c>
      <c r="C5874" s="1" t="s">
        <v>5</v>
      </c>
      <c r="D5874" s="1" t="s">
        <v>4762</v>
      </c>
      <c r="E5874" s="1" t="s">
        <v>11</v>
      </c>
    </row>
    <row r="5875">
      <c r="A5875" s="1">
        <v>4.90406328E8</v>
      </c>
      <c r="B5875" s="2">
        <v>11934.0</v>
      </c>
      <c r="C5875" s="1" t="s">
        <v>5</v>
      </c>
      <c r="D5875" s="1" t="s">
        <v>11</v>
      </c>
      <c r="E5875" s="1" t="s">
        <v>7</v>
      </c>
    </row>
    <row r="5876">
      <c r="A5876" s="1">
        <v>4.90406331E8</v>
      </c>
      <c r="B5876" s="2">
        <v>12012.0</v>
      </c>
      <c r="C5876" s="1" t="s">
        <v>5</v>
      </c>
      <c r="D5876" s="1" t="s">
        <v>4763</v>
      </c>
      <c r="E5876" s="1" t="s">
        <v>7</v>
      </c>
    </row>
    <row r="5877">
      <c r="A5877" s="1">
        <v>4.90406333E8</v>
      </c>
      <c r="B5877" s="2">
        <v>11909.0</v>
      </c>
      <c r="C5877" s="1" t="s">
        <v>5</v>
      </c>
      <c r="D5877" s="1" t="s">
        <v>4764</v>
      </c>
      <c r="E5877" s="1" t="s">
        <v>7</v>
      </c>
    </row>
    <row r="5878">
      <c r="A5878" s="1">
        <v>4.90406336E8</v>
      </c>
      <c r="B5878" s="2">
        <v>11951.0</v>
      </c>
      <c r="C5878" s="1" t="s">
        <v>5</v>
      </c>
      <c r="D5878" s="1" t="s">
        <v>4765</v>
      </c>
      <c r="E5878" s="1" t="s">
        <v>7</v>
      </c>
    </row>
    <row r="5879">
      <c r="A5879" s="1">
        <v>4.9040635E8</v>
      </c>
      <c r="B5879" s="2">
        <v>11906.0</v>
      </c>
      <c r="C5879" s="1" t="s">
        <v>5</v>
      </c>
      <c r="D5879" s="1" t="s">
        <v>4766</v>
      </c>
      <c r="E5879" s="1" t="s">
        <v>4767</v>
      </c>
    </row>
    <row r="5880">
      <c r="A5880" s="1">
        <v>4.90406356E8</v>
      </c>
      <c r="B5880" s="2">
        <v>11951.0</v>
      </c>
      <c r="C5880" s="1" t="s">
        <v>5</v>
      </c>
      <c r="D5880" s="1" t="s">
        <v>4768</v>
      </c>
      <c r="E5880" s="1" t="s">
        <v>7</v>
      </c>
    </row>
    <row r="5881">
      <c r="A5881" s="1">
        <v>4.90406363E8</v>
      </c>
      <c r="B5881" s="2">
        <v>12006.0</v>
      </c>
      <c r="C5881" s="1" t="s">
        <v>5</v>
      </c>
      <c r="D5881" s="1" t="s">
        <v>4769</v>
      </c>
      <c r="E5881" s="1" t="s">
        <v>7</v>
      </c>
    </row>
    <row r="5882">
      <c r="A5882" s="1">
        <v>4.90406364E8</v>
      </c>
      <c r="B5882" s="2">
        <v>12013.0</v>
      </c>
      <c r="C5882" s="1" t="s">
        <v>5</v>
      </c>
      <c r="D5882" s="1" t="s">
        <v>4770</v>
      </c>
      <c r="E5882" s="1" t="s">
        <v>11</v>
      </c>
    </row>
    <row r="5883">
      <c r="A5883" s="1">
        <v>4.90406368E8</v>
      </c>
      <c r="B5883" s="2">
        <v>11944.0</v>
      </c>
      <c r="C5883" s="1" t="s">
        <v>5</v>
      </c>
      <c r="D5883" s="1" t="s">
        <v>4771</v>
      </c>
      <c r="E5883" s="1" t="s">
        <v>7</v>
      </c>
    </row>
    <row r="5884">
      <c r="A5884" s="1">
        <v>4.90406375E8</v>
      </c>
      <c r="B5884" s="2">
        <v>11940.0</v>
      </c>
      <c r="C5884" s="1" t="s">
        <v>5</v>
      </c>
      <c r="D5884" s="1" t="s">
        <v>4772</v>
      </c>
      <c r="E5884" s="1" t="s">
        <v>7</v>
      </c>
    </row>
    <row r="5885">
      <c r="A5885" s="1">
        <v>4.90406379E8</v>
      </c>
      <c r="B5885" s="2">
        <v>11934.0</v>
      </c>
      <c r="C5885" s="1" t="s">
        <v>5</v>
      </c>
      <c r="D5885" s="1" t="s">
        <v>11</v>
      </c>
      <c r="E5885" s="1" t="s">
        <v>7</v>
      </c>
    </row>
    <row r="5886">
      <c r="A5886" s="1">
        <v>4.90406384E8</v>
      </c>
      <c r="B5886" s="2">
        <v>11939.0</v>
      </c>
      <c r="C5886" s="1" t="s">
        <v>5</v>
      </c>
      <c r="D5886" s="1" t="s">
        <v>4773</v>
      </c>
      <c r="E5886" s="1" t="s">
        <v>7</v>
      </c>
    </row>
    <row r="5887">
      <c r="A5887" s="1">
        <v>4.90406387E8</v>
      </c>
      <c r="B5887" s="2">
        <v>12010.0</v>
      </c>
      <c r="C5887" s="1" t="s">
        <v>5</v>
      </c>
      <c r="D5887" s="1" t="s">
        <v>4774</v>
      </c>
      <c r="E5887" s="1" t="s">
        <v>11</v>
      </c>
    </row>
    <row r="5888">
      <c r="A5888" s="1">
        <v>4.90406394E8</v>
      </c>
      <c r="B5888" s="2">
        <v>11910.0</v>
      </c>
      <c r="C5888" s="1" t="s">
        <v>5</v>
      </c>
      <c r="D5888" s="1" t="s">
        <v>4775</v>
      </c>
      <c r="E5888" s="1" t="s">
        <v>7</v>
      </c>
    </row>
    <row r="5889">
      <c r="A5889" s="1">
        <v>4.90406399E8</v>
      </c>
      <c r="B5889" s="2">
        <v>12011.0</v>
      </c>
      <c r="C5889" s="1" t="s">
        <v>5</v>
      </c>
      <c r="D5889" s="1" t="s">
        <v>4776</v>
      </c>
      <c r="E5889" s="1" t="s">
        <v>7</v>
      </c>
    </row>
    <row r="5890">
      <c r="A5890" s="1">
        <v>4.90406402E8</v>
      </c>
      <c r="B5890" s="2">
        <v>12015.0</v>
      </c>
      <c r="C5890" s="1" t="s">
        <v>5</v>
      </c>
      <c r="D5890" s="1" t="s">
        <v>11</v>
      </c>
      <c r="E5890" s="1" t="s">
        <v>7</v>
      </c>
    </row>
    <row r="5891">
      <c r="A5891" s="1">
        <v>4.90406403E8</v>
      </c>
      <c r="B5891" s="2">
        <v>11917.0</v>
      </c>
      <c r="C5891" s="1" t="s">
        <v>5</v>
      </c>
      <c r="D5891" s="1" t="s">
        <v>4777</v>
      </c>
      <c r="E5891" s="1" t="s">
        <v>7</v>
      </c>
    </row>
    <row r="5892">
      <c r="A5892" s="1">
        <v>4.90406404E8</v>
      </c>
      <c r="B5892" s="2">
        <v>11912.0</v>
      </c>
      <c r="C5892" s="1" t="s">
        <v>5</v>
      </c>
      <c r="D5892" s="1" t="s">
        <v>4778</v>
      </c>
      <c r="E5892" s="1" t="s">
        <v>11</v>
      </c>
    </row>
    <row r="5893">
      <c r="A5893" s="1">
        <v>4.90406423E8</v>
      </c>
      <c r="B5893" s="2">
        <v>11934.0</v>
      </c>
      <c r="C5893" s="1" t="s">
        <v>5</v>
      </c>
      <c r="D5893" s="1" t="s">
        <v>4779</v>
      </c>
      <c r="E5893" s="1" t="s">
        <v>11</v>
      </c>
    </row>
    <row r="5894">
      <c r="A5894" s="1">
        <v>4.90406429E8</v>
      </c>
      <c r="B5894" s="2">
        <v>11938.0</v>
      </c>
      <c r="C5894" s="1" t="s">
        <v>5</v>
      </c>
      <c r="D5894" s="1" t="s">
        <v>4780</v>
      </c>
      <c r="E5894" s="1" t="s">
        <v>11</v>
      </c>
    </row>
    <row r="5895">
      <c r="A5895" s="1">
        <v>4.90406442E8</v>
      </c>
      <c r="B5895" s="2">
        <v>11965.0</v>
      </c>
      <c r="C5895" s="1" t="s">
        <v>5</v>
      </c>
      <c r="D5895" s="1" t="s">
        <v>4781</v>
      </c>
      <c r="E5895" s="1" t="s">
        <v>7</v>
      </c>
    </row>
    <row r="5896">
      <c r="A5896" s="1">
        <v>4.90406446E8</v>
      </c>
      <c r="B5896" s="2">
        <v>11939.0</v>
      </c>
      <c r="C5896" s="1" t="s">
        <v>5</v>
      </c>
      <c r="D5896" s="1" t="s">
        <v>4782</v>
      </c>
      <c r="E5896" s="1" t="s">
        <v>7</v>
      </c>
    </row>
    <row r="5897">
      <c r="A5897" s="1">
        <v>4.90406464E8</v>
      </c>
      <c r="B5897" s="2">
        <v>12011.0</v>
      </c>
      <c r="C5897" s="1" t="s">
        <v>5</v>
      </c>
      <c r="D5897" s="1" t="s">
        <v>4783</v>
      </c>
      <c r="E5897" s="1" t="s">
        <v>7</v>
      </c>
    </row>
    <row r="5898">
      <c r="A5898" s="1">
        <v>4.90406481E8</v>
      </c>
      <c r="B5898" s="2">
        <v>11938.0</v>
      </c>
      <c r="C5898" s="1" t="s">
        <v>5</v>
      </c>
      <c r="D5898" s="1" t="s">
        <v>4784</v>
      </c>
      <c r="E5898" s="1" t="s">
        <v>7</v>
      </c>
    </row>
    <row r="5899">
      <c r="A5899" s="1">
        <v>4.90406493E8</v>
      </c>
      <c r="B5899" s="2">
        <v>11939.0</v>
      </c>
      <c r="C5899" s="1" t="s">
        <v>5</v>
      </c>
      <c r="D5899" s="1" t="s">
        <v>11</v>
      </c>
      <c r="E5899" s="1" t="s">
        <v>7</v>
      </c>
    </row>
    <row r="5900">
      <c r="A5900" s="1">
        <v>4.90406508E8</v>
      </c>
      <c r="B5900" s="2">
        <v>11965.0</v>
      </c>
      <c r="C5900" s="1" t="s">
        <v>5</v>
      </c>
      <c r="D5900" s="1" t="s">
        <v>4785</v>
      </c>
      <c r="E5900" s="1" t="s">
        <v>11</v>
      </c>
    </row>
    <row r="5901">
      <c r="A5901" s="1">
        <v>4.90406509E8</v>
      </c>
      <c r="B5901" s="2">
        <v>12010.0</v>
      </c>
      <c r="C5901" s="1" t="s">
        <v>5</v>
      </c>
      <c r="D5901" s="1" t="s">
        <v>4786</v>
      </c>
      <c r="E5901" s="1" t="s">
        <v>7</v>
      </c>
    </row>
    <row r="5902">
      <c r="A5902" s="1">
        <v>4.90406521E8</v>
      </c>
      <c r="B5902" s="2">
        <v>12006.0</v>
      </c>
      <c r="C5902" s="1" t="s">
        <v>5</v>
      </c>
      <c r="D5902" s="1" t="s">
        <v>4787</v>
      </c>
      <c r="E5902" s="1" t="s">
        <v>11</v>
      </c>
    </row>
    <row r="5903">
      <c r="A5903" s="1">
        <v>4.90406533E8</v>
      </c>
      <c r="B5903" s="2">
        <v>12007.0</v>
      </c>
      <c r="C5903" s="1" t="s">
        <v>5</v>
      </c>
      <c r="D5903" s="1" t="s">
        <v>4788</v>
      </c>
      <c r="E5903" s="1" t="s">
        <v>11</v>
      </c>
    </row>
    <row r="5904">
      <c r="A5904" s="1">
        <v>4.90406547E8</v>
      </c>
      <c r="B5904" s="2">
        <v>11965.0</v>
      </c>
      <c r="C5904" s="1" t="s">
        <v>5</v>
      </c>
      <c r="D5904" s="1" t="s">
        <v>4789</v>
      </c>
      <c r="E5904" s="1" t="s">
        <v>4790</v>
      </c>
    </row>
    <row r="5905">
      <c r="A5905" s="1">
        <v>4.90406557E8</v>
      </c>
      <c r="B5905" s="2">
        <v>12010.0</v>
      </c>
      <c r="C5905" s="1" t="s">
        <v>5</v>
      </c>
      <c r="D5905" s="1" t="s">
        <v>4791</v>
      </c>
      <c r="E5905" s="1" t="s">
        <v>7</v>
      </c>
    </row>
    <row r="5906">
      <c r="A5906" s="1">
        <v>4.90406558E8</v>
      </c>
      <c r="B5906" s="2">
        <v>12009.0</v>
      </c>
      <c r="C5906" s="1" t="s">
        <v>5</v>
      </c>
      <c r="D5906" s="1" t="s">
        <v>11</v>
      </c>
      <c r="E5906" s="1" t="s">
        <v>7</v>
      </c>
    </row>
    <row r="5907">
      <c r="A5907" s="1">
        <v>4.90406563E8</v>
      </c>
      <c r="B5907" s="2">
        <v>11936.0</v>
      </c>
      <c r="C5907" s="1" t="s">
        <v>5</v>
      </c>
      <c r="D5907" s="1" t="s">
        <v>11</v>
      </c>
      <c r="E5907" s="1" t="s">
        <v>7</v>
      </c>
    </row>
    <row r="5908">
      <c r="A5908" s="1">
        <v>4.90406564E8</v>
      </c>
      <c r="B5908" s="2">
        <v>11939.0</v>
      </c>
      <c r="C5908" s="1" t="s">
        <v>5</v>
      </c>
      <c r="D5908" s="1" t="s">
        <v>4792</v>
      </c>
      <c r="E5908" s="1" t="s">
        <v>7</v>
      </c>
    </row>
    <row r="5909">
      <c r="A5909" s="1">
        <v>4.90406597E8</v>
      </c>
      <c r="B5909" s="2">
        <v>12013.0</v>
      </c>
      <c r="C5909" s="1" t="s">
        <v>5</v>
      </c>
      <c r="D5909" s="1" t="s">
        <v>4793</v>
      </c>
      <c r="E5909" s="1" t="s">
        <v>7</v>
      </c>
    </row>
    <row r="5910">
      <c r="A5910" s="1">
        <v>4.90406599E8</v>
      </c>
      <c r="B5910" s="2">
        <v>11905.0</v>
      </c>
      <c r="C5910" s="1" t="s">
        <v>5</v>
      </c>
      <c r="D5910" s="1" t="s">
        <v>4794</v>
      </c>
      <c r="E5910" s="1" t="s">
        <v>7</v>
      </c>
    </row>
    <row r="5911">
      <c r="A5911" s="1">
        <v>4.90406605E8</v>
      </c>
      <c r="B5911" s="2">
        <v>12013.0</v>
      </c>
      <c r="C5911" s="1" t="s">
        <v>5</v>
      </c>
      <c r="D5911" s="1" t="s">
        <v>4795</v>
      </c>
      <c r="E5911" s="1" t="s">
        <v>7</v>
      </c>
    </row>
    <row r="5912">
      <c r="A5912" s="1">
        <v>4.90406609E8</v>
      </c>
      <c r="B5912" s="2">
        <v>11936.0</v>
      </c>
      <c r="C5912" s="1" t="s">
        <v>5</v>
      </c>
      <c r="D5912" s="1" t="s">
        <v>4796</v>
      </c>
      <c r="E5912" s="1" t="s">
        <v>11</v>
      </c>
    </row>
    <row r="5913">
      <c r="A5913" s="1">
        <v>4.90406618E8</v>
      </c>
      <c r="B5913" s="2">
        <v>11939.0</v>
      </c>
      <c r="C5913" s="1" t="s">
        <v>5</v>
      </c>
      <c r="D5913" s="1" t="s">
        <v>11</v>
      </c>
      <c r="E5913" s="1" t="s">
        <v>7</v>
      </c>
    </row>
    <row r="5914">
      <c r="A5914" s="1">
        <v>4.9040662E8</v>
      </c>
      <c r="B5914" s="2">
        <v>11938.0</v>
      </c>
      <c r="C5914" s="1" t="s">
        <v>5</v>
      </c>
      <c r="D5914" s="1" t="s">
        <v>4797</v>
      </c>
      <c r="E5914" s="1" t="s">
        <v>7</v>
      </c>
    </row>
    <row r="5915">
      <c r="A5915" s="1">
        <v>4.90406628E8</v>
      </c>
      <c r="B5915" s="2">
        <v>11917.0</v>
      </c>
      <c r="C5915" s="1" t="s">
        <v>5</v>
      </c>
      <c r="D5915" s="1" t="s">
        <v>11</v>
      </c>
      <c r="E5915" s="1" t="s">
        <v>7</v>
      </c>
    </row>
    <row r="5916">
      <c r="A5916" s="1">
        <v>4.90406635E8</v>
      </c>
      <c r="B5916" s="2">
        <v>12013.0</v>
      </c>
      <c r="C5916" s="1" t="s">
        <v>5</v>
      </c>
      <c r="D5916" s="1" t="s">
        <v>4798</v>
      </c>
      <c r="E5916" s="1" t="s">
        <v>11</v>
      </c>
    </row>
    <row r="5917">
      <c r="A5917" s="1">
        <v>4.90406661E8</v>
      </c>
      <c r="B5917" s="2">
        <v>11938.0</v>
      </c>
      <c r="C5917" s="1" t="s">
        <v>5</v>
      </c>
      <c r="D5917" s="1" t="s">
        <v>4799</v>
      </c>
      <c r="E5917" s="1" t="s">
        <v>4800</v>
      </c>
    </row>
    <row r="5918">
      <c r="A5918" s="1">
        <v>4.90406668E8</v>
      </c>
      <c r="B5918" s="2">
        <v>12009.0</v>
      </c>
      <c r="C5918" s="1" t="s">
        <v>5</v>
      </c>
      <c r="D5918" s="1" t="s">
        <v>4801</v>
      </c>
      <c r="E5918" s="1" t="s">
        <v>11</v>
      </c>
    </row>
    <row r="5919">
      <c r="A5919" s="1">
        <v>4.90406675E8</v>
      </c>
      <c r="B5919" s="2">
        <v>11905.0</v>
      </c>
      <c r="C5919" s="1" t="s">
        <v>5</v>
      </c>
      <c r="D5919" s="1" t="s">
        <v>11</v>
      </c>
      <c r="E5919" s="1" t="s">
        <v>7</v>
      </c>
    </row>
    <row r="5920">
      <c r="A5920" s="1">
        <v>4.90406691E8</v>
      </c>
      <c r="B5920" s="2">
        <v>11917.0</v>
      </c>
      <c r="C5920" s="1" t="s">
        <v>5</v>
      </c>
      <c r="D5920" s="1" t="s">
        <v>4802</v>
      </c>
      <c r="E5920" s="1" t="s">
        <v>7</v>
      </c>
    </row>
    <row r="5921">
      <c r="A5921" s="1">
        <v>4.90406698E8</v>
      </c>
      <c r="B5921" s="2">
        <v>11905.0</v>
      </c>
      <c r="C5921" s="1" t="s">
        <v>5</v>
      </c>
      <c r="D5921" s="1" t="s">
        <v>4803</v>
      </c>
      <c r="E5921" s="1" t="s">
        <v>7</v>
      </c>
    </row>
    <row r="5922">
      <c r="A5922" s="1">
        <v>4.90406728E8</v>
      </c>
      <c r="B5922" s="2">
        <v>11917.0</v>
      </c>
      <c r="C5922" s="1" t="s">
        <v>5</v>
      </c>
      <c r="D5922" s="1" t="s">
        <v>4804</v>
      </c>
      <c r="E5922" s="1" t="s">
        <v>11</v>
      </c>
    </row>
    <row r="5923">
      <c r="A5923" s="1">
        <v>4.90406736E8</v>
      </c>
      <c r="B5923" s="2">
        <v>11909.0</v>
      </c>
      <c r="C5923" s="1" t="s">
        <v>5</v>
      </c>
      <c r="D5923" s="1" t="s">
        <v>4805</v>
      </c>
      <c r="E5923" s="1" t="s">
        <v>11</v>
      </c>
    </row>
    <row r="5924">
      <c r="A5924" s="1">
        <v>4.9040675E8</v>
      </c>
      <c r="B5924" s="2">
        <v>11909.0</v>
      </c>
      <c r="C5924" s="1" t="s">
        <v>5</v>
      </c>
      <c r="D5924" s="1" t="s">
        <v>4806</v>
      </c>
      <c r="E5924" s="1" t="s">
        <v>7</v>
      </c>
    </row>
    <row r="5925">
      <c r="A5925" s="1">
        <v>4.90406753E8</v>
      </c>
      <c r="B5925" s="2">
        <v>12010.0</v>
      </c>
      <c r="C5925" s="1" t="s">
        <v>5</v>
      </c>
      <c r="D5925" s="1" t="s">
        <v>4807</v>
      </c>
      <c r="E5925" s="1" t="s">
        <v>7</v>
      </c>
    </row>
    <row r="5926">
      <c r="A5926" s="1">
        <v>4.90406766E8</v>
      </c>
      <c r="B5926" s="2">
        <v>11937.0</v>
      </c>
      <c r="C5926" s="1" t="s">
        <v>5</v>
      </c>
      <c r="D5926" s="1" t="s">
        <v>4808</v>
      </c>
      <c r="E5926" s="1" t="s">
        <v>11</v>
      </c>
    </row>
    <row r="5927">
      <c r="A5927" s="1">
        <v>4.90406768E8</v>
      </c>
      <c r="B5927" s="2">
        <v>12006.0</v>
      </c>
      <c r="C5927" s="1" t="s">
        <v>5</v>
      </c>
      <c r="D5927" s="1" t="s">
        <v>11</v>
      </c>
      <c r="E5927" s="1" t="s">
        <v>7</v>
      </c>
    </row>
    <row r="5928">
      <c r="A5928" s="1">
        <v>4.90406774E8</v>
      </c>
      <c r="B5928" s="2">
        <v>11936.0</v>
      </c>
      <c r="C5928" s="1" t="s">
        <v>5</v>
      </c>
      <c r="D5928" s="1" t="s">
        <v>11</v>
      </c>
      <c r="E5928" s="1" t="s">
        <v>7</v>
      </c>
    </row>
    <row r="5929">
      <c r="A5929" s="1">
        <v>4.90406787E8</v>
      </c>
      <c r="B5929" s="2">
        <v>11942.0</v>
      </c>
      <c r="C5929" s="1" t="s">
        <v>5</v>
      </c>
      <c r="D5929" s="1" t="s">
        <v>11</v>
      </c>
      <c r="E5929" s="1" t="s">
        <v>7</v>
      </c>
    </row>
    <row r="5930">
      <c r="A5930" s="1">
        <v>4.90406788E8</v>
      </c>
      <c r="B5930" s="2">
        <v>11982.0</v>
      </c>
      <c r="C5930" s="1" t="s">
        <v>5</v>
      </c>
      <c r="D5930" s="1" t="s">
        <v>42</v>
      </c>
      <c r="E5930" s="1" t="s">
        <v>7</v>
      </c>
    </row>
    <row r="5931">
      <c r="A5931" s="1">
        <v>4.90406789E8</v>
      </c>
      <c r="B5931" s="2">
        <v>11936.0</v>
      </c>
      <c r="C5931" s="1" t="s">
        <v>5</v>
      </c>
      <c r="D5931" s="1" t="s">
        <v>4809</v>
      </c>
      <c r="E5931" s="1" t="s">
        <v>4810</v>
      </c>
    </row>
    <row r="5932">
      <c r="A5932" s="1">
        <v>4.90406808E8</v>
      </c>
      <c r="B5932" s="2">
        <v>11941.0</v>
      </c>
      <c r="C5932" s="1" t="s">
        <v>5</v>
      </c>
      <c r="D5932" s="1" t="s">
        <v>4811</v>
      </c>
      <c r="E5932" s="1" t="s">
        <v>11</v>
      </c>
    </row>
    <row r="5933">
      <c r="A5933" s="1">
        <v>4.90406809E8</v>
      </c>
      <c r="B5933" s="2">
        <v>11938.0</v>
      </c>
      <c r="C5933" s="1" t="s">
        <v>5</v>
      </c>
      <c r="D5933" s="1" t="s">
        <v>4812</v>
      </c>
      <c r="E5933" s="1" t="s">
        <v>11</v>
      </c>
    </row>
    <row r="5934">
      <c r="A5934" s="1">
        <v>4.90406818E8</v>
      </c>
      <c r="B5934" s="2">
        <v>12013.0</v>
      </c>
      <c r="C5934" s="1" t="s">
        <v>5</v>
      </c>
      <c r="D5934" s="1" t="s">
        <v>4813</v>
      </c>
      <c r="E5934" s="1" t="s">
        <v>7</v>
      </c>
    </row>
    <row r="5935">
      <c r="A5935" s="1">
        <v>4.9040682E8</v>
      </c>
      <c r="B5935" s="2">
        <v>11916.0</v>
      </c>
      <c r="C5935" s="1" t="s">
        <v>5</v>
      </c>
      <c r="D5935" s="1" t="s">
        <v>4814</v>
      </c>
      <c r="E5935" s="1" t="s">
        <v>7</v>
      </c>
    </row>
    <row r="5936">
      <c r="A5936" s="1">
        <v>4.90406824E8</v>
      </c>
      <c r="B5936" s="2">
        <v>11939.0</v>
      </c>
      <c r="C5936" s="1" t="s">
        <v>5</v>
      </c>
      <c r="D5936" s="1" t="s">
        <v>4815</v>
      </c>
      <c r="E5936" s="1" t="s">
        <v>7</v>
      </c>
    </row>
    <row r="5937">
      <c r="A5937" s="1">
        <v>4.90406837E8</v>
      </c>
      <c r="B5937" s="2">
        <v>11943.0</v>
      </c>
      <c r="C5937" s="1" t="s">
        <v>5</v>
      </c>
      <c r="D5937" s="1" t="s">
        <v>11</v>
      </c>
      <c r="E5937" s="1" t="s">
        <v>7</v>
      </c>
    </row>
    <row r="5938">
      <c r="A5938" s="1">
        <v>4.9040686E8</v>
      </c>
      <c r="B5938" s="2">
        <v>11916.0</v>
      </c>
      <c r="C5938" s="1" t="s">
        <v>5</v>
      </c>
      <c r="D5938" s="1" t="s">
        <v>4816</v>
      </c>
      <c r="E5938" s="1" t="s">
        <v>11</v>
      </c>
    </row>
    <row r="5939">
      <c r="A5939" s="1">
        <v>4.90406868E8</v>
      </c>
      <c r="B5939" s="2">
        <v>11904.0</v>
      </c>
      <c r="C5939" s="1" t="s">
        <v>5</v>
      </c>
      <c r="D5939" s="1" t="s">
        <v>4817</v>
      </c>
      <c r="E5939" s="1" t="s">
        <v>7</v>
      </c>
    </row>
    <row r="5940">
      <c r="A5940" s="1">
        <v>4.9040687E8</v>
      </c>
      <c r="B5940" s="2">
        <v>12017.0</v>
      </c>
      <c r="C5940" s="1" t="s">
        <v>5</v>
      </c>
      <c r="D5940" s="1" t="s">
        <v>4818</v>
      </c>
      <c r="E5940" s="1" t="s">
        <v>11</v>
      </c>
    </row>
    <row r="5941">
      <c r="A5941" s="1">
        <v>4.90406874E8</v>
      </c>
      <c r="B5941" s="2">
        <v>12009.0</v>
      </c>
      <c r="C5941" s="1" t="s">
        <v>5</v>
      </c>
      <c r="D5941" s="1" t="s">
        <v>4819</v>
      </c>
      <c r="E5941" s="1" t="s">
        <v>7</v>
      </c>
    </row>
    <row r="5942">
      <c r="A5942" s="1">
        <v>4.90406875E8</v>
      </c>
      <c r="B5942" s="2">
        <v>11938.0</v>
      </c>
      <c r="C5942" s="1" t="s">
        <v>5</v>
      </c>
      <c r="D5942" s="1" t="s">
        <v>4820</v>
      </c>
      <c r="E5942" s="1" t="s">
        <v>11</v>
      </c>
    </row>
    <row r="5943">
      <c r="A5943" s="1">
        <v>4.90406878E8</v>
      </c>
      <c r="B5943" s="2">
        <v>11942.0</v>
      </c>
      <c r="C5943" s="1" t="s">
        <v>5</v>
      </c>
      <c r="D5943" s="1" t="s">
        <v>4821</v>
      </c>
      <c r="E5943" s="1" t="s">
        <v>7</v>
      </c>
    </row>
    <row r="5944">
      <c r="A5944" s="1">
        <v>4.9040689E8</v>
      </c>
      <c r="B5944" s="2">
        <v>11941.0</v>
      </c>
      <c r="C5944" s="1" t="s">
        <v>5</v>
      </c>
      <c r="D5944" s="1" t="s">
        <v>4822</v>
      </c>
      <c r="E5944" s="1" t="s">
        <v>7</v>
      </c>
    </row>
    <row r="5945">
      <c r="A5945" s="1">
        <v>4.90406894E8</v>
      </c>
      <c r="B5945" s="2">
        <v>11982.0</v>
      </c>
      <c r="C5945" s="1" t="s">
        <v>5</v>
      </c>
      <c r="D5945" s="1" t="s">
        <v>11</v>
      </c>
      <c r="E5945" s="1" t="s">
        <v>7</v>
      </c>
    </row>
    <row r="5946">
      <c r="A5946" s="1">
        <v>4.90406896E8</v>
      </c>
      <c r="B5946" s="2">
        <v>11915.0</v>
      </c>
      <c r="C5946" s="1" t="s">
        <v>5</v>
      </c>
      <c r="D5946" s="1" t="s">
        <v>4823</v>
      </c>
      <c r="E5946" s="1" t="s">
        <v>7</v>
      </c>
    </row>
    <row r="5947">
      <c r="A5947" s="1">
        <v>4.90406898E8</v>
      </c>
      <c r="B5947" s="2">
        <v>12009.0</v>
      </c>
      <c r="C5947" s="1" t="s">
        <v>5</v>
      </c>
      <c r="D5947" s="1" t="s">
        <v>4824</v>
      </c>
      <c r="E5947" s="1" t="s">
        <v>7</v>
      </c>
    </row>
    <row r="5948">
      <c r="A5948" s="1">
        <v>4.90406911E8</v>
      </c>
      <c r="B5948" s="2">
        <v>12019.0</v>
      </c>
      <c r="C5948" s="1" t="s">
        <v>5</v>
      </c>
      <c r="D5948" s="1" t="s">
        <v>4825</v>
      </c>
      <c r="E5948" s="1" t="s">
        <v>7</v>
      </c>
    </row>
    <row r="5949">
      <c r="A5949" s="1">
        <v>4.90406915E8</v>
      </c>
      <c r="B5949" s="2">
        <v>11936.0</v>
      </c>
      <c r="C5949" s="1" t="s">
        <v>5</v>
      </c>
      <c r="D5949" s="1" t="s">
        <v>4826</v>
      </c>
      <c r="E5949" s="1" t="s">
        <v>11</v>
      </c>
    </row>
    <row r="5950">
      <c r="A5950" s="1">
        <v>4.90406928E8</v>
      </c>
      <c r="B5950" s="2">
        <v>11935.0</v>
      </c>
      <c r="C5950" s="1" t="s">
        <v>5</v>
      </c>
      <c r="D5950" s="1" t="s">
        <v>4827</v>
      </c>
      <c r="E5950" s="1" t="s">
        <v>7</v>
      </c>
    </row>
    <row r="5951">
      <c r="A5951" s="1">
        <v>4.90406941E8</v>
      </c>
      <c r="B5951" s="2">
        <v>11910.0</v>
      </c>
      <c r="C5951" s="1" t="s">
        <v>5</v>
      </c>
      <c r="D5951" s="1" t="s">
        <v>4828</v>
      </c>
      <c r="E5951" s="1" t="s">
        <v>11</v>
      </c>
    </row>
    <row r="5952">
      <c r="A5952" s="1">
        <v>4.90406958E8</v>
      </c>
      <c r="B5952" s="2">
        <v>11908.0</v>
      </c>
      <c r="C5952" s="1" t="s">
        <v>5</v>
      </c>
      <c r="D5952" s="1" t="s">
        <v>4829</v>
      </c>
      <c r="E5952" s="1" t="s">
        <v>7</v>
      </c>
    </row>
    <row r="5953">
      <c r="A5953" s="1">
        <v>4.90406971E8</v>
      </c>
      <c r="B5953" s="2">
        <v>12008.0</v>
      </c>
      <c r="C5953" s="1" t="s">
        <v>5</v>
      </c>
      <c r="D5953" s="1" t="s">
        <v>4830</v>
      </c>
      <c r="E5953" s="1" t="s">
        <v>11</v>
      </c>
    </row>
    <row r="5954">
      <c r="A5954" s="1">
        <v>4.90406988E8</v>
      </c>
      <c r="B5954" s="2">
        <v>11962.0</v>
      </c>
      <c r="C5954" s="1" t="s">
        <v>5</v>
      </c>
      <c r="D5954" s="1" t="s">
        <v>11</v>
      </c>
      <c r="E5954" s="1" t="s">
        <v>7</v>
      </c>
    </row>
    <row r="5955">
      <c r="A5955" s="1">
        <v>4.90406994E8</v>
      </c>
      <c r="B5955" s="2">
        <v>11940.0</v>
      </c>
      <c r="C5955" s="1" t="s">
        <v>5</v>
      </c>
      <c r="D5955" s="1" t="s">
        <v>4677</v>
      </c>
      <c r="E5955" s="1" t="s">
        <v>11</v>
      </c>
    </row>
    <row r="5956">
      <c r="A5956" s="1">
        <v>4.90407021E8</v>
      </c>
      <c r="B5956" s="2">
        <v>11938.0</v>
      </c>
      <c r="C5956" s="1" t="s">
        <v>5</v>
      </c>
      <c r="D5956" s="1" t="s">
        <v>4831</v>
      </c>
      <c r="E5956" s="1" t="s">
        <v>11</v>
      </c>
    </row>
    <row r="5957">
      <c r="A5957" s="1">
        <v>4.90407032E8</v>
      </c>
      <c r="B5957" s="2">
        <v>12005.0</v>
      </c>
      <c r="C5957" s="1" t="s">
        <v>5</v>
      </c>
      <c r="D5957" s="1" t="s">
        <v>4832</v>
      </c>
      <c r="E5957" s="1" t="s">
        <v>11</v>
      </c>
    </row>
    <row r="5958">
      <c r="A5958" s="1">
        <v>4.90407045E8</v>
      </c>
      <c r="B5958" s="2">
        <v>12012.0</v>
      </c>
      <c r="C5958" s="1" t="s">
        <v>5</v>
      </c>
      <c r="D5958" s="1" t="s">
        <v>4833</v>
      </c>
      <c r="E5958" s="1" t="s">
        <v>7</v>
      </c>
    </row>
    <row r="5959">
      <c r="A5959" s="1">
        <v>4.90407052E8</v>
      </c>
      <c r="B5959" s="2">
        <v>11908.0</v>
      </c>
      <c r="C5959" s="1" t="s">
        <v>5</v>
      </c>
      <c r="D5959" s="1" t="s">
        <v>11</v>
      </c>
      <c r="E5959" s="1" t="s">
        <v>7</v>
      </c>
    </row>
    <row r="5960">
      <c r="A5960" s="1">
        <v>4.90407058E8</v>
      </c>
      <c r="B5960" s="2">
        <v>12018.0</v>
      </c>
      <c r="C5960" s="1" t="s">
        <v>5</v>
      </c>
      <c r="D5960" s="1" t="s">
        <v>4834</v>
      </c>
      <c r="E5960" s="1" t="s">
        <v>7</v>
      </c>
    </row>
    <row r="5961">
      <c r="A5961" s="1">
        <v>4.9040706E8</v>
      </c>
      <c r="B5961" s="2">
        <v>11941.0</v>
      </c>
      <c r="C5961" s="1" t="s">
        <v>5</v>
      </c>
      <c r="D5961" s="1" t="s">
        <v>4835</v>
      </c>
      <c r="E5961" s="1" t="s">
        <v>7</v>
      </c>
    </row>
    <row r="5962">
      <c r="A5962" s="1">
        <v>4.90407079E8</v>
      </c>
      <c r="B5962" s="2">
        <v>11936.0</v>
      </c>
      <c r="C5962" s="1" t="s">
        <v>5</v>
      </c>
      <c r="D5962" s="1" t="s">
        <v>4836</v>
      </c>
      <c r="E5962" s="1" t="s">
        <v>11</v>
      </c>
    </row>
    <row r="5963">
      <c r="A5963" s="1">
        <v>4.90407081E8</v>
      </c>
      <c r="B5963" s="2">
        <v>12012.0</v>
      </c>
      <c r="C5963" s="1" t="s">
        <v>5</v>
      </c>
      <c r="D5963" s="1" t="s">
        <v>4837</v>
      </c>
      <c r="E5963" s="1" t="s">
        <v>4838</v>
      </c>
    </row>
    <row r="5964">
      <c r="A5964" s="1">
        <v>4.90407084E8</v>
      </c>
      <c r="B5964" s="2">
        <v>11937.0</v>
      </c>
      <c r="C5964" s="1" t="s">
        <v>5</v>
      </c>
      <c r="D5964" s="1" t="s">
        <v>4839</v>
      </c>
      <c r="E5964" s="1" t="s">
        <v>4840</v>
      </c>
    </row>
    <row r="5965">
      <c r="A5965" s="1">
        <v>4.90407091E8</v>
      </c>
      <c r="B5965" s="2">
        <v>11938.0</v>
      </c>
      <c r="C5965" s="1" t="s">
        <v>5</v>
      </c>
      <c r="D5965" s="1" t="s">
        <v>4841</v>
      </c>
      <c r="E5965" s="1" t="s">
        <v>11</v>
      </c>
    </row>
    <row r="5966">
      <c r="A5966" s="1">
        <v>4.90407103E8</v>
      </c>
      <c r="B5966" s="2">
        <v>11910.0</v>
      </c>
      <c r="C5966" s="1" t="s">
        <v>5</v>
      </c>
      <c r="D5966" s="1" t="s">
        <v>11</v>
      </c>
      <c r="E5966" s="1" t="s">
        <v>7</v>
      </c>
    </row>
    <row r="5967">
      <c r="A5967" s="1">
        <v>4.90407104E8</v>
      </c>
      <c r="B5967" s="2">
        <v>11908.0</v>
      </c>
      <c r="C5967" s="1" t="s">
        <v>5</v>
      </c>
      <c r="D5967" s="1" t="s">
        <v>11</v>
      </c>
      <c r="E5967" s="1" t="s">
        <v>7</v>
      </c>
    </row>
    <row r="5968">
      <c r="A5968" s="1">
        <v>4.90407108E8</v>
      </c>
      <c r="B5968" s="2">
        <v>12012.0</v>
      </c>
      <c r="C5968" s="1" t="s">
        <v>5</v>
      </c>
      <c r="D5968" s="1" t="s">
        <v>4842</v>
      </c>
      <c r="E5968" s="1" t="s">
        <v>7</v>
      </c>
    </row>
    <row r="5969">
      <c r="A5969" s="1">
        <v>4.9040712E8</v>
      </c>
      <c r="B5969" s="2">
        <v>11908.0</v>
      </c>
      <c r="C5969" s="1" t="s">
        <v>5</v>
      </c>
      <c r="D5969" s="1" t="s">
        <v>4843</v>
      </c>
      <c r="E5969" s="1" t="s">
        <v>7</v>
      </c>
    </row>
    <row r="5970">
      <c r="A5970" s="1">
        <v>4.90407127E8</v>
      </c>
      <c r="B5970" s="2">
        <v>12009.0</v>
      </c>
      <c r="C5970" s="1" t="s">
        <v>5</v>
      </c>
      <c r="D5970" s="1" t="s">
        <v>4844</v>
      </c>
      <c r="E5970" s="1" t="s">
        <v>11</v>
      </c>
    </row>
    <row r="5971">
      <c r="A5971" s="1">
        <v>4.90407131E8</v>
      </c>
      <c r="B5971" s="2">
        <v>12017.0</v>
      </c>
      <c r="C5971" s="1" t="s">
        <v>5</v>
      </c>
      <c r="D5971" s="1" t="s">
        <v>11</v>
      </c>
      <c r="E5971" s="1" t="s">
        <v>7</v>
      </c>
    </row>
    <row r="5972">
      <c r="A5972" s="1">
        <v>4.90407138E8</v>
      </c>
      <c r="B5972" s="2">
        <v>12012.0</v>
      </c>
      <c r="C5972" s="1" t="s">
        <v>5</v>
      </c>
      <c r="D5972" s="1" t="s">
        <v>4845</v>
      </c>
      <c r="E5972" s="1" t="s">
        <v>7</v>
      </c>
    </row>
    <row r="5973">
      <c r="A5973" s="1">
        <v>4.90407142E8</v>
      </c>
      <c r="B5973" s="2">
        <v>11908.0</v>
      </c>
      <c r="C5973" s="1" t="s">
        <v>5</v>
      </c>
      <c r="D5973" s="1" t="s">
        <v>4846</v>
      </c>
      <c r="E5973" s="1" t="s">
        <v>11</v>
      </c>
    </row>
    <row r="5974">
      <c r="A5974" s="1">
        <v>4.90407148E8</v>
      </c>
      <c r="B5974" s="2">
        <v>12016.0</v>
      </c>
      <c r="C5974" s="1" t="s">
        <v>5</v>
      </c>
      <c r="D5974" s="1" t="s">
        <v>4847</v>
      </c>
      <c r="E5974" s="1" t="s">
        <v>7</v>
      </c>
    </row>
    <row r="5975">
      <c r="A5975" s="1">
        <v>4.90407175E8</v>
      </c>
      <c r="B5975" s="2">
        <v>12017.0</v>
      </c>
      <c r="C5975" s="1" t="s">
        <v>5</v>
      </c>
      <c r="D5975" s="1" t="s">
        <v>4848</v>
      </c>
      <c r="E5975" s="1" t="s">
        <v>7</v>
      </c>
    </row>
    <row r="5976">
      <c r="A5976" s="1">
        <v>4.90407184E8</v>
      </c>
      <c r="B5976" s="2">
        <v>11938.0</v>
      </c>
      <c r="C5976" s="1" t="s">
        <v>5</v>
      </c>
      <c r="D5976" s="1" t="s">
        <v>4849</v>
      </c>
      <c r="E5976" s="1" t="s">
        <v>11</v>
      </c>
    </row>
    <row r="5977">
      <c r="A5977" s="1">
        <v>4.90407194E8</v>
      </c>
      <c r="B5977" s="2">
        <v>11941.0</v>
      </c>
      <c r="C5977" s="1" t="s">
        <v>5</v>
      </c>
      <c r="D5977" s="1" t="s">
        <v>11</v>
      </c>
      <c r="E5977" s="1" t="s">
        <v>7</v>
      </c>
    </row>
    <row r="5978">
      <c r="A5978" s="1">
        <v>4.90407204E8</v>
      </c>
      <c r="B5978" s="2">
        <v>12004.0</v>
      </c>
      <c r="C5978" s="1" t="s">
        <v>5</v>
      </c>
      <c r="D5978" s="1" t="s">
        <v>4850</v>
      </c>
      <c r="E5978" s="1" t="s">
        <v>11</v>
      </c>
    </row>
    <row r="5979">
      <c r="A5979" s="1">
        <v>4.90407205E8</v>
      </c>
      <c r="B5979" s="2">
        <v>12017.0</v>
      </c>
      <c r="C5979" s="1" t="s">
        <v>5</v>
      </c>
      <c r="D5979" s="1" t="s">
        <v>11</v>
      </c>
      <c r="E5979" s="1" t="s">
        <v>7</v>
      </c>
    </row>
    <row r="5980">
      <c r="A5980" s="1">
        <v>4.90407206E8</v>
      </c>
      <c r="B5980" s="2">
        <v>11909.0</v>
      </c>
      <c r="C5980" s="1" t="s">
        <v>5</v>
      </c>
      <c r="D5980" s="1" t="s">
        <v>4851</v>
      </c>
      <c r="E5980" s="1" t="s">
        <v>11</v>
      </c>
    </row>
    <row r="5981">
      <c r="A5981" s="1">
        <v>4.90407209E8</v>
      </c>
      <c r="B5981" s="2">
        <v>12016.0</v>
      </c>
      <c r="C5981" s="1" t="s">
        <v>5</v>
      </c>
      <c r="D5981" s="1" t="s">
        <v>4852</v>
      </c>
      <c r="E5981" s="1" t="s">
        <v>11</v>
      </c>
    </row>
    <row r="5982">
      <c r="A5982" s="1">
        <v>4.90407212E8</v>
      </c>
      <c r="B5982" s="2">
        <v>11993.0</v>
      </c>
      <c r="C5982" s="1" t="s">
        <v>5</v>
      </c>
      <c r="D5982" s="1" t="s">
        <v>11</v>
      </c>
      <c r="E5982" s="1" t="s">
        <v>7</v>
      </c>
    </row>
    <row r="5983">
      <c r="A5983" s="1">
        <v>4.9040723E8</v>
      </c>
      <c r="B5983" s="2">
        <v>11904.0</v>
      </c>
      <c r="C5983" s="1" t="s">
        <v>5</v>
      </c>
      <c r="D5983" s="1" t="s">
        <v>11</v>
      </c>
      <c r="E5983" s="1" t="s">
        <v>7</v>
      </c>
    </row>
    <row r="5984">
      <c r="A5984" s="1">
        <v>4.90407233E8</v>
      </c>
      <c r="B5984" s="2">
        <v>12016.0</v>
      </c>
      <c r="C5984" s="1" t="s">
        <v>5</v>
      </c>
      <c r="D5984" s="1" t="s">
        <v>4853</v>
      </c>
      <c r="E5984" s="1" t="s">
        <v>7</v>
      </c>
    </row>
    <row r="5985">
      <c r="A5985" s="1">
        <v>4.90407238E8</v>
      </c>
      <c r="B5985" s="2">
        <v>12006.0</v>
      </c>
      <c r="C5985" s="1" t="s">
        <v>5</v>
      </c>
      <c r="D5985" s="1" t="s">
        <v>4854</v>
      </c>
      <c r="E5985" s="1" t="s">
        <v>4855</v>
      </c>
    </row>
    <row r="5986">
      <c r="A5986" s="1">
        <v>4.90407253E8</v>
      </c>
      <c r="B5986" s="2">
        <v>11915.0</v>
      </c>
      <c r="C5986" s="1" t="s">
        <v>5</v>
      </c>
      <c r="D5986" s="1" t="s">
        <v>4856</v>
      </c>
      <c r="E5986" s="1" t="s">
        <v>4857</v>
      </c>
    </row>
    <row r="5987">
      <c r="A5987" s="1">
        <v>4.90407264E8</v>
      </c>
      <c r="B5987" s="2">
        <v>11909.0</v>
      </c>
      <c r="C5987" s="1" t="s">
        <v>5</v>
      </c>
      <c r="D5987" s="1" t="s">
        <v>4858</v>
      </c>
      <c r="E5987" s="1" t="s">
        <v>7</v>
      </c>
    </row>
    <row r="5988">
      <c r="A5988" s="1">
        <v>4.90407268E8</v>
      </c>
      <c r="B5988" s="2">
        <v>11993.0</v>
      </c>
      <c r="C5988" s="1" t="s">
        <v>5</v>
      </c>
      <c r="D5988" s="1" t="s">
        <v>4859</v>
      </c>
      <c r="E5988" s="1" t="s">
        <v>7</v>
      </c>
    </row>
    <row r="5989">
      <c r="A5989" s="1">
        <v>4.90407277E8</v>
      </c>
      <c r="B5989" s="2">
        <v>11961.0</v>
      </c>
      <c r="C5989" s="1" t="s">
        <v>5</v>
      </c>
      <c r="D5989" s="1" t="s">
        <v>4860</v>
      </c>
      <c r="E5989" s="1" t="s">
        <v>11</v>
      </c>
    </row>
    <row r="5990">
      <c r="A5990" s="1">
        <v>4.90407278E8</v>
      </c>
      <c r="B5990" s="2">
        <v>11934.0</v>
      </c>
      <c r="C5990" s="1" t="s">
        <v>5</v>
      </c>
      <c r="D5990" s="1" t="s">
        <v>4861</v>
      </c>
      <c r="E5990" s="1" t="s">
        <v>7</v>
      </c>
    </row>
    <row r="5991">
      <c r="A5991" s="1">
        <v>4.90407279E8</v>
      </c>
      <c r="B5991" s="2">
        <v>12017.0</v>
      </c>
      <c r="C5991" s="1" t="s">
        <v>5</v>
      </c>
      <c r="D5991" s="1" t="s">
        <v>4862</v>
      </c>
      <c r="E5991" s="1" t="s">
        <v>7</v>
      </c>
    </row>
    <row r="5992">
      <c r="A5992" s="1">
        <v>4.9040728E8</v>
      </c>
      <c r="B5992" s="2">
        <v>11940.0</v>
      </c>
      <c r="C5992" s="1" t="s">
        <v>5</v>
      </c>
      <c r="D5992" s="1" t="s">
        <v>4863</v>
      </c>
      <c r="E5992" s="1" t="s">
        <v>7</v>
      </c>
    </row>
    <row r="5993">
      <c r="A5993" s="1">
        <v>4.90407294E8</v>
      </c>
      <c r="B5993" s="2">
        <v>11940.0</v>
      </c>
      <c r="C5993" s="1" t="s">
        <v>5</v>
      </c>
      <c r="D5993" s="1" t="s">
        <v>4864</v>
      </c>
      <c r="E5993" s="1" t="s">
        <v>7</v>
      </c>
    </row>
    <row r="5994">
      <c r="A5994" s="1">
        <v>4.9040731E8</v>
      </c>
      <c r="B5994" s="2">
        <v>11941.0</v>
      </c>
      <c r="C5994" s="1" t="s">
        <v>5</v>
      </c>
      <c r="D5994" s="1" t="s">
        <v>11</v>
      </c>
      <c r="E5994" s="1" t="s">
        <v>7</v>
      </c>
    </row>
    <row r="5995">
      <c r="A5995" s="1">
        <v>4.90407325E8</v>
      </c>
      <c r="B5995" s="2">
        <v>12011.0</v>
      </c>
      <c r="C5995" s="1" t="s">
        <v>5</v>
      </c>
      <c r="D5995" s="1" t="s">
        <v>4865</v>
      </c>
      <c r="E5995" s="1" t="s">
        <v>11</v>
      </c>
    </row>
    <row r="5996">
      <c r="A5996" s="1">
        <v>4.90407339E8</v>
      </c>
      <c r="B5996" s="2">
        <v>12016.0</v>
      </c>
      <c r="C5996" s="1" t="s">
        <v>5</v>
      </c>
      <c r="D5996" s="1" t="s">
        <v>4866</v>
      </c>
      <c r="E5996" s="1" t="s">
        <v>7</v>
      </c>
    </row>
    <row r="5997">
      <c r="A5997" s="1">
        <v>4.90407344E8</v>
      </c>
      <c r="B5997" s="2">
        <v>11951.0</v>
      </c>
      <c r="C5997" s="1" t="s">
        <v>5</v>
      </c>
      <c r="D5997" s="1" t="s">
        <v>11</v>
      </c>
      <c r="E5997" s="1" t="s">
        <v>7</v>
      </c>
    </row>
    <row r="5998">
      <c r="A5998" s="1">
        <v>4.90407358E8</v>
      </c>
      <c r="B5998" s="2">
        <v>12011.0</v>
      </c>
      <c r="C5998" s="1" t="s">
        <v>5</v>
      </c>
      <c r="D5998" s="1" t="s">
        <v>4867</v>
      </c>
      <c r="E5998" s="1" t="s">
        <v>11</v>
      </c>
    </row>
    <row r="5999">
      <c r="A5999" s="1">
        <v>4.90407359E8</v>
      </c>
      <c r="B5999" s="2">
        <v>12006.0</v>
      </c>
      <c r="C5999" s="1" t="s">
        <v>5</v>
      </c>
      <c r="D5999" s="1" t="s">
        <v>4868</v>
      </c>
      <c r="E5999" s="1" t="s">
        <v>11</v>
      </c>
    </row>
    <row r="6000">
      <c r="A6000" s="1">
        <v>4.90407372E8</v>
      </c>
      <c r="B6000" s="2">
        <v>11908.0</v>
      </c>
      <c r="C6000" s="1" t="s">
        <v>5</v>
      </c>
      <c r="D6000" s="1" t="s">
        <v>4869</v>
      </c>
      <c r="E6000" s="1" t="s">
        <v>11</v>
      </c>
    </row>
    <row r="6001">
      <c r="A6001" s="1">
        <v>4.90407384E8</v>
      </c>
      <c r="B6001" s="2">
        <v>11908.0</v>
      </c>
      <c r="C6001" s="1" t="s">
        <v>5</v>
      </c>
      <c r="D6001" s="1" t="s">
        <v>4870</v>
      </c>
      <c r="E6001" s="1" t="s">
        <v>4871</v>
      </c>
    </row>
    <row r="6002">
      <c r="A6002" s="1">
        <v>4.904074E8</v>
      </c>
      <c r="B6002" s="2">
        <v>11908.0</v>
      </c>
      <c r="C6002" s="1" t="s">
        <v>5</v>
      </c>
      <c r="D6002" s="1" t="s">
        <v>4872</v>
      </c>
      <c r="E6002" s="1" t="s">
        <v>7</v>
      </c>
    </row>
    <row r="6003">
      <c r="A6003" s="1">
        <v>4.90407401E8</v>
      </c>
      <c r="B6003" s="2">
        <v>11940.0</v>
      </c>
      <c r="C6003" s="1" t="s">
        <v>5</v>
      </c>
      <c r="D6003" s="1" t="s">
        <v>4873</v>
      </c>
      <c r="E6003" s="1" t="s">
        <v>7</v>
      </c>
    </row>
    <row r="6004">
      <c r="A6004" s="1">
        <v>4.90407404E8</v>
      </c>
      <c r="B6004" s="2">
        <v>11939.0</v>
      </c>
      <c r="C6004" s="1" t="s">
        <v>5</v>
      </c>
      <c r="D6004" s="1" t="s">
        <v>4874</v>
      </c>
      <c r="E6004" s="1" t="s">
        <v>7</v>
      </c>
    </row>
    <row r="6005">
      <c r="A6005" s="1">
        <v>4.90407407E8</v>
      </c>
      <c r="B6005" s="2">
        <v>12016.0</v>
      </c>
      <c r="C6005" s="1" t="s">
        <v>5</v>
      </c>
      <c r="D6005" s="1" t="s">
        <v>4875</v>
      </c>
      <c r="E6005" s="1" t="s">
        <v>11</v>
      </c>
    </row>
    <row r="6006">
      <c r="A6006" s="1">
        <v>4.90407423E8</v>
      </c>
      <c r="B6006" s="2">
        <v>11909.0</v>
      </c>
      <c r="C6006" s="1" t="s">
        <v>5</v>
      </c>
      <c r="D6006" s="1" t="s">
        <v>4876</v>
      </c>
      <c r="E6006" s="1" t="s">
        <v>11</v>
      </c>
    </row>
    <row r="6007">
      <c r="A6007" s="1">
        <v>4.90407428E8</v>
      </c>
      <c r="B6007" s="2">
        <v>11915.0</v>
      </c>
      <c r="C6007" s="1" t="s">
        <v>5</v>
      </c>
      <c r="D6007" s="1" t="s">
        <v>4877</v>
      </c>
      <c r="E6007" s="1" t="s">
        <v>11</v>
      </c>
    </row>
    <row r="6008">
      <c r="A6008" s="1">
        <v>4.90407435E8</v>
      </c>
      <c r="B6008" s="2">
        <v>12004.0</v>
      </c>
      <c r="C6008" s="1" t="s">
        <v>5</v>
      </c>
      <c r="D6008" s="1" t="s">
        <v>4878</v>
      </c>
      <c r="E6008" s="1" t="s">
        <v>11</v>
      </c>
    </row>
    <row r="6009">
      <c r="A6009" s="1">
        <v>4.90407438E8</v>
      </c>
      <c r="B6009" s="2">
        <v>11985.0</v>
      </c>
      <c r="C6009" s="1" t="s">
        <v>5</v>
      </c>
      <c r="D6009" s="1" t="s">
        <v>4879</v>
      </c>
      <c r="E6009" s="1" t="s">
        <v>7</v>
      </c>
    </row>
    <row r="6010">
      <c r="A6010" s="1">
        <v>4.90407454E8</v>
      </c>
      <c r="B6010" s="2">
        <v>11907.0</v>
      </c>
      <c r="C6010" s="1" t="s">
        <v>5</v>
      </c>
      <c r="D6010" s="1" t="s">
        <v>4880</v>
      </c>
      <c r="E6010" s="1" t="s">
        <v>7</v>
      </c>
    </row>
    <row r="6011">
      <c r="A6011" s="1">
        <v>4.9040747E8</v>
      </c>
      <c r="B6011" s="2">
        <v>11935.0</v>
      </c>
      <c r="C6011" s="1" t="s">
        <v>5</v>
      </c>
      <c r="D6011" s="1" t="s">
        <v>4881</v>
      </c>
      <c r="E6011" s="1" t="s">
        <v>11</v>
      </c>
    </row>
    <row r="6012">
      <c r="A6012" s="1">
        <v>4.90407504E8</v>
      </c>
      <c r="B6012" s="2">
        <v>11935.0</v>
      </c>
      <c r="C6012" s="1" t="s">
        <v>5</v>
      </c>
      <c r="D6012" s="1" t="s">
        <v>4882</v>
      </c>
      <c r="E6012" s="1" t="s">
        <v>11</v>
      </c>
    </row>
    <row r="6013">
      <c r="A6013" s="1">
        <v>4.90407507E8</v>
      </c>
      <c r="B6013" s="2">
        <v>11936.0</v>
      </c>
      <c r="C6013" s="1" t="s">
        <v>5</v>
      </c>
      <c r="D6013" s="1" t="s">
        <v>4883</v>
      </c>
      <c r="E6013" s="1" t="s">
        <v>7</v>
      </c>
    </row>
    <row r="6014">
      <c r="A6014" s="1">
        <v>4.90407508E8</v>
      </c>
      <c r="B6014" s="2">
        <v>11985.0</v>
      </c>
      <c r="C6014" s="1" t="s">
        <v>5</v>
      </c>
      <c r="D6014" s="1" t="s">
        <v>11</v>
      </c>
      <c r="E6014" s="1" t="s">
        <v>7</v>
      </c>
    </row>
    <row r="6015">
      <c r="A6015" s="1">
        <v>4.90407518E8</v>
      </c>
      <c r="B6015" s="2">
        <v>12015.0</v>
      </c>
      <c r="C6015" s="1" t="s">
        <v>5</v>
      </c>
      <c r="D6015" s="1" t="s">
        <v>4884</v>
      </c>
      <c r="E6015" s="1" t="s">
        <v>11</v>
      </c>
    </row>
    <row r="6016">
      <c r="A6016" s="1">
        <v>4.90407524E8</v>
      </c>
      <c r="B6016" s="2">
        <v>11907.0</v>
      </c>
      <c r="C6016" s="1" t="s">
        <v>5</v>
      </c>
      <c r="D6016" s="1" t="s">
        <v>11</v>
      </c>
      <c r="E6016" s="1" t="s">
        <v>7</v>
      </c>
    </row>
    <row r="6017">
      <c r="A6017" s="1">
        <v>4.90407544E8</v>
      </c>
      <c r="B6017" s="2">
        <v>12014.0</v>
      </c>
      <c r="C6017" s="1" t="s">
        <v>5</v>
      </c>
      <c r="D6017" s="1" t="s">
        <v>4885</v>
      </c>
      <c r="E6017" s="1" t="s">
        <v>7</v>
      </c>
    </row>
    <row r="6018">
      <c r="A6018" s="1">
        <v>4.90407548E8</v>
      </c>
      <c r="B6018" s="2">
        <v>11936.0</v>
      </c>
      <c r="C6018" s="1" t="s">
        <v>5</v>
      </c>
      <c r="D6018" s="1" t="s">
        <v>11</v>
      </c>
      <c r="E6018" s="1" t="s">
        <v>7</v>
      </c>
    </row>
    <row r="6019">
      <c r="A6019" s="1">
        <v>4.90407564E8</v>
      </c>
      <c r="B6019" s="2">
        <v>12004.0</v>
      </c>
      <c r="C6019" s="1" t="s">
        <v>5</v>
      </c>
      <c r="D6019" s="1" t="s">
        <v>4886</v>
      </c>
      <c r="E6019" s="1" t="s">
        <v>11</v>
      </c>
    </row>
    <row r="6020">
      <c r="A6020" s="1">
        <v>4.90407584E8</v>
      </c>
      <c r="B6020" s="2">
        <v>12010.0</v>
      </c>
      <c r="C6020" s="1" t="s">
        <v>5</v>
      </c>
      <c r="D6020" s="1" t="s">
        <v>4887</v>
      </c>
      <c r="E6020" s="1" t="s">
        <v>4888</v>
      </c>
    </row>
    <row r="6021">
      <c r="A6021" s="1">
        <v>4.90407585E8</v>
      </c>
      <c r="B6021" s="2">
        <v>11915.0</v>
      </c>
      <c r="C6021" s="1" t="s">
        <v>5</v>
      </c>
      <c r="D6021" s="1" t="s">
        <v>4889</v>
      </c>
      <c r="E6021" s="1" t="s">
        <v>7</v>
      </c>
    </row>
    <row r="6022">
      <c r="A6022" s="1">
        <v>4.90407594E8</v>
      </c>
      <c r="B6022" s="2">
        <v>12015.0</v>
      </c>
      <c r="C6022" s="1" t="s">
        <v>5</v>
      </c>
      <c r="D6022" s="1" t="s">
        <v>4890</v>
      </c>
      <c r="E6022" s="1" t="s">
        <v>11</v>
      </c>
    </row>
    <row r="6023">
      <c r="A6023" s="1">
        <v>4.90407599E8</v>
      </c>
      <c r="B6023" s="2">
        <v>11909.0</v>
      </c>
      <c r="C6023" s="1" t="s">
        <v>5</v>
      </c>
      <c r="D6023" s="1" t="s">
        <v>11</v>
      </c>
      <c r="E6023" s="1" t="s">
        <v>7</v>
      </c>
    </row>
    <row r="6024">
      <c r="A6024" s="1">
        <v>4.90407628E8</v>
      </c>
      <c r="B6024" s="2">
        <v>12007.0</v>
      </c>
      <c r="C6024" s="1" t="s">
        <v>5</v>
      </c>
      <c r="D6024" s="1" t="s">
        <v>4891</v>
      </c>
      <c r="E6024" s="1" t="s">
        <v>7</v>
      </c>
    </row>
    <row r="6025">
      <c r="A6025" s="1">
        <v>4.90407639E8</v>
      </c>
      <c r="B6025" s="2">
        <v>11940.0</v>
      </c>
      <c r="C6025" s="1" t="s">
        <v>5</v>
      </c>
      <c r="D6025" s="1" t="s">
        <v>4892</v>
      </c>
      <c r="E6025" s="1" t="s">
        <v>7</v>
      </c>
    </row>
    <row r="6026">
      <c r="A6026" s="1">
        <v>4.90407643E8</v>
      </c>
      <c r="B6026" s="2">
        <v>12013.0</v>
      </c>
      <c r="C6026" s="1" t="s">
        <v>5</v>
      </c>
      <c r="D6026" s="1" t="s">
        <v>4893</v>
      </c>
      <c r="E6026" s="1" t="s">
        <v>11</v>
      </c>
    </row>
    <row r="6027">
      <c r="A6027" s="1">
        <v>4.90407649E8</v>
      </c>
      <c r="B6027" s="2">
        <v>12010.0</v>
      </c>
      <c r="C6027" s="1" t="s">
        <v>5</v>
      </c>
      <c r="D6027" s="1" t="s">
        <v>4894</v>
      </c>
      <c r="E6027" s="1" t="s">
        <v>11</v>
      </c>
    </row>
    <row r="6028">
      <c r="A6028" s="1">
        <v>4.90407653E8</v>
      </c>
      <c r="B6028" s="2">
        <v>12006.0</v>
      </c>
      <c r="C6028" s="1" t="s">
        <v>5</v>
      </c>
      <c r="D6028" s="1" t="s">
        <v>4895</v>
      </c>
      <c r="E6028" s="1" t="s">
        <v>7</v>
      </c>
    </row>
    <row r="6029">
      <c r="A6029" s="1">
        <v>4.90407667E8</v>
      </c>
      <c r="B6029" s="2">
        <v>11934.0</v>
      </c>
      <c r="C6029" s="1" t="s">
        <v>5</v>
      </c>
      <c r="D6029" s="1" t="s">
        <v>4896</v>
      </c>
      <c r="E6029" s="1" t="s">
        <v>7</v>
      </c>
    </row>
    <row r="6030">
      <c r="A6030" s="1">
        <v>4.90407669E8</v>
      </c>
      <c r="B6030" s="2">
        <v>11940.0</v>
      </c>
      <c r="C6030" s="1" t="s">
        <v>5</v>
      </c>
      <c r="D6030" s="1" t="s">
        <v>11</v>
      </c>
      <c r="E6030" s="1" t="s">
        <v>7</v>
      </c>
    </row>
    <row r="6031">
      <c r="A6031" s="1">
        <v>4.90407675E8</v>
      </c>
      <c r="B6031" s="2">
        <v>11935.0</v>
      </c>
      <c r="C6031" s="1" t="s">
        <v>5</v>
      </c>
      <c r="D6031" s="1" t="s">
        <v>4128</v>
      </c>
      <c r="E6031" s="1" t="s">
        <v>11</v>
      </c>
    </row>
    <row r="6032">
      <c r="A6032" s="1">
        <v>4.90407683E8</v>
      </c>
      <c r="B6032" s="2">
        <v>11985.0</v>
      </c>
      <c r="C6032" s="1" t="s">
        <v>5</v>
      </c>
      <c r="D6032" s="1" t="s">
        <v>4897</v>
      </c>
      <c r="E6032" s="1" t="s">
        <v>11</v>
      </c>
    </row>
    <row r="6033">
      <c r="A6033" s="1">
        <v>4.9040771E8</v>
      </c>
      <c r="B6033" s="2">
        <v>12007.0</v>
      </c>
      <c r="C6033" s="1" t="s">
        <v>5</v>
      </c>
      <c r="D6033" s="1" t="s">
        <v>11</v>
      </c>
      <c r="E6033" s="1" t="s">
        <v>7</v>
      </c>
    </row>
    <row r="6034">
      <c r="A6034" s="1">
        <v>4.90407719E8</v>
      </c>
      <c r="B6034" s="2">
        <v>12010.0</v>
      </c>
      <c r="C6034" s="1" t="s">
        <v>5</v>
      </c>
      <c r="D6034" s="1" t="s">
        <v>4898</v>
      </c>
      <c r="E6034" s="1" t="s">
        <v>11</v>
      </c>
    </row>
    <row r="6035">
      <c r="A6035" s="1">
        <v>4.90407731E8</v>
      </c>
      <c r="B6035" s="2">
        <v>12013.0</v>
      </c>
      <c r="C6035" s="1" t="s">
        <v>5</v>
      </c>
      <c r="D6035" s="1" t="s">
        <v>4899</v>
      </c>
      <c r="E6035" s="1" t="s">
        <v>11</v>
      </c>
    </row>
    <row r="6036">
      <c r="A6036" s="1">
        <v>4.90407733E8</v>
      </c>
      <c r="B6036" s="2">
        <v>12006.0</v>
      </c>
      <c r="C6036" s="1" t="s">
        <v>5</v>
      </c>
      <c r="D6036" s="1" t="s">
        <v>4900</v>
      </c>
      <c r="E6036" s="1" t="s">
        <v>11</v>
      </c>
    </row>
    <row r="6037">
      <c r="A6037" s="1">
        <v>4.9040775E8</v>
      </c>
      <c r="B6037" s="2">
        <v>11906.0</v>
      </c>
      <c r="C6037" s="1" t="s">
        <v>5</v>
      </c>
      <c r="D6037" s="1" t="s">
        <v>2578</v>
      </c>
      <c r="E6037" s="1" t="s">
        <v>7</v>
      </c>
    </row>
    <row r="6038">
      <c r="A6038" s="1">
        <v>4.90407758E8</v>
      </c>
      <c r="B6038" s="2">
        <v>11934.0</v>
      </c>
      <c r="C6038" s="1" t="s">
        <v>5</v>
      </c>
      <c r="D6038" s="1" t="s">
        <v>4901</v>
      </c>
      <c r="E6038" s="1" t="s">
        <v>11</v>
      </c>
    </row>
    <row r="6039">
      <c r="A6039" s="1">
        <v>4.90407783E8</v>
      </c>
      <c r="B6039" s="2">
        <v>11906.0</v>
      </c>
      <c r="C6039" s="1" t="s">
        <v>5</v>
      </c>
      <c r="D6039" s="1" t="s">
        <v>4902</v>
      </c>
      <c r="E6039" s="1" t="s">
        <v>11</v>
      </c>
    </row>
    <row r="6040">
      <c r="A6040" s="1">
        <v>4.90407787E8</v>
      </c>
      <c r="B6040" s="2">
        <v>12013.0</v>
      </c>
      <c r="C6040" s="1" t="s">
        <v>5</v>
      </c>
      <c r="D6040" s="1" t="s">
        <v>4903</v>
      </c>
      <c r="E6040" s="1" t="s">
        <v>11</v>
      </c>
    </row>
    <row r="6041">
      <c r="A6041" s="1">
        <v>4.90407789E8</v>
      </c>
      <c r="B6041" s="2">
        <v>11939.0</v>
      </c>
      <c r="C6041" s="1" t="s">
        <v>5</v>
      </c>
      <c r="D6041" s="1" t="s">
        <v>4904</v>
      </c>
      <c r="E6041" s="1" t="s">
        <v>11</v>
      </c>
    </row>
    <row r="6042">
      <c r="A6042" s="1">
        <v>4.90407796E8</v>
      </c>
      <c r="B6042" s="2">
        <v>11906.0</v>
      </c>
      <c r="C6042" s="1" t="s">
        <v>5</v>
      </c>
      <c r="D6042" s="1" t="s">
        <v>4905</v>
      </c>
      <c r="E6042" s="1" t="s">
        <v>11</v>
      </c>
    </row>
    <row r="6043">
      <c r="A6043" s="1">
        <v>4.90407806E8</v>
      </c>
      <c r="B6043" s="2">
        <v>11934.0</v>
      </c>
      <c r="C6043" s="1" t="s">
        <v>5</v>
      </c>
      <c r="D6043" s="1" t="s">
        <v>4906</v>
      </c>
      <c r="E6043" s="1" t="s">
        <v>11</v>
      </c>
    </row>
    <row r="6044">
      <c r="A6044" s="1">
        <v>4.90407808E8</v>
      </c>
      <c r="B6044" s="2">
        <v>12006.0</v>
      </c>
      <c r="C6044" s="1" t="s">
        <v>5</v>
      </c>
      <c r="D6044" s="1" t="s">
        <v>4907</v>
      </c>
      <c r="E6044" s="1" t="s">
        <v>11</v>
      </c>
    </row>
    <row r="6045">
      <c r="A6045" s="1">
        <v>4.90407817E8</v>
      </c>
      <c r="B6045" s="2">
        <v>11906.0</v>
      </c>
      <c r="C6045" s="1" t="s">
        <v>5</v>
      </c>
      <c r="D6045" s="1" t="s">
        <v>11</v>
      </c>
      <c r="E6045" s="1" t="s">
        <v>7</v>
      </c>
    </row>
    <row r="6046">
      <c r="A6046" s="1">
        <v>4.90407851E8</v>
      </c>
      <c r="B6046" s="2">
        <v>11908.0</v>
      </c>
      <c r="C6046" s="1" t="s">
        <v>5</v>
      </c>
      <c r="D6046" s="1" t="s">
        <v>11</v>
      </c>
      <c r="E6046" s="1" t="s">
        <v>7</v>
      </c>
    </row>
    <row r="6047">
      <c r="A6047" s="1">
        <v>4.90407854E8</v>
      </c>
      <c r="B6047" s="2">
        <v>11939.0</v>
      </c>
      <c r="C6047" s="1" t="s">
        <v>5</v>
      </c>
      <c r="D6047" s="1" t="s">
        <v>4908</v>
      </c>
      <c r="E6047" s="1" t="s">
        <v>7</v>
      </c>
    </row>
    <row r="6048">
      <c r="A6048" s="1">
        <v>4.90407859E8</v>
      </c>
      <c r="B6048" s="2">
        <v>12010.0</v>
      </c>
      <c r="C6048" s="1" t="s">
        <v>5</v>
      </c>
      <c r="D6048" s="1" t="s">
        <v>4909</v>
      </c>
      <c r="E6048" s="1" t="s">
        <v>7</v>
      </c>
    </row>
    <row r="6049">
      <c r="A6049" s="1">
        <v>4.90407864E8</v>
      </c>
      <c r="B6049" s="2">
        <v>11992.0</v>
      </c>
      <c r="C6049" s="1" t="s">
        <v>5</v>
      </c>
      <c r="D6049" s="1" t="s">
        <v>4910</v>
      </c>
      <c r="E6049" s="1" t="s">
        <v>11</v>
      </c>
    </row>
    <row r="6050">
      <c r="A6050" s="1">
        <v>4.9040789E8</v>
      </c>
      <c r="B6050" s="2">
        <v>11913.0</v>
      </c>
      <c r="C6050" s="1" t="s">
        <v>5</v>
      </c>
      <c r="D6050" s="1" t="s">
        <v>4911</v>
      </c>
      <c r="E6050" s="1" t="s">
        <v>7</v>
      </c>
    </row>
    <row r="6051">
      <c r="A6051" s="1">
        <v>4.90407891E8</v>
      </c>
      <c r="B6051" s="2">
        <v>12005.0</v>
      </c>
      <c r="C6051" s="1" t="s">
        <v>5</v>
      </c>
      <c r="D6051" s="1" t="s">
        <v>4912</v>
      </c>
      <c r="E6051" s="1" t="s">
        <v>11</v>
      </c>
    </row>
    <row r="6052">
      <c r="A6052" s="1">
        <v>4.90407898E8</v>
      </c>
      <c r="B6052" s="2">
        <v>11938.0</v>
      </c>
      <c r="C6052" s="1" t="s">
        <v>5</v>
      </c>
      <c r="D6052" s="1" t="s">
        <v>4913</v>
      </c>
      <c r="E6052" s="1" t="s">
        <v>11</v>
      </c>
    </row>
    <row r="6053">
      <c r="A6053" s="1">
        <v>4.90407918E8</v>
      </c>
      <c r="B6053" s="2">
        <v>12010.0</v>
      </c>
      <c r="C6053" s="1" t="s">
        <v>5</v>
      </c>
      <c r="D6053" s="1" t="s">
        <v>4914</v>
      </c>
      <c r="E6053" s="1" t="s">
        <v>11</v>
      </c>
    </row>
    <row r="6054">
      <c r="A6054" s="1">
        <v>4.90407923E8</v>
      </c>
      <c r="B6054" s="2">
        <v>11934.0</v>
      </c>
      <c r="C6054" s="1" t="s">
        <v>5</v>
      </c>
      <c r="D6054" s="1" t="s">
        <v>4915</v>
      </c>
      <c r="E6054" s="1" t="s">
        <v>7</v>
      </c>
    </row>
    <row r="6055">
      <c r="A6055" s="1">
        <v>4.90407931E8</v>
      </c>
      <c r="B6055" s="2">
        <v>12006.0</v>
      </c>
      <c r="C6055" s="1" t="s">
        <v>5</v>
      </c>
      <c r="D6055" s="1" t="s">
        <v>11</v>
      </c>
      <c r="E6055" s="1" t="s">
        <v>7</v>
      </c>
    </row>
    <row r="6056">
      <c r="A6056" s="1">
        <v>4.90407943E8</v>
      </c>
      <c r="B6056" s="2">
        <v>12012.0</v>
      </c>
      <c r="C6056" s="1" t="s">
        <v>5</v>
      </c>
      <c r="D6056" s="1" t="s">
        <v>4916</v>
      </c>
      <c r="E6056" s="1" t="s">
        <v>4917</v>
      </c>
    </row>
    <row r="6057">
      <c r="A6057" s="1">
        <v>4.90407957E8</v>
      </c>
      <c r="B6057" s="2">
        <v>11982.0</v>
      </c>
      <c r="C6057" s="1" t="s">
        <v>5</v>
      </c>
      <c r="D6057" s="1" t="s">
        <v>42</v>
      </c>
      <c r="E6057" s="1" t="s">
        <v>7</v>
      </c>
    </row>
    <row r="6058">
      <c r="A6058" s="1">
        <v>4.90407959E8</v>
      </c>
      <c r="B6058" s="2">
        <v>12015.0</v>
      </c>
      <c r="C6058" s="1" t="s">
        <v>5</v>
      </c>
      <c r="D6058" s="1" t="s">
        <v>4918</v>
      </c>
      <c r="E6058" s="1" t="s">
        <v>7</v>
      </c>
    </row>
    <row r="6059">
      <c r="A6059" s="1">
        <v>4.90407965E8</v>
      </c>
      <c r="B6059" s="2">
        <v>12006.0</v>
      </c>
      <c r="C6059" s="1" t="s">
        <v>5</v>
      </c>
      <c r="D6059" s="1" t="s">
        <v>4919</v>
      </c>
      <c r="E6059" s="1" t="s">
        <v>7</v>
      </c>
    </row>
    <row r="6060">
      <c r="A6060" s="1">
        <v>4.90407983E8</v>
      </c>
      <c r="B6060" s="2">
        <v>11939.0</v>
      </c>
      <c r="C6060" s="1" t="s">
        <v>5</v>
      </c>
      <c r="D6060" s="1" t="s">
        <v>4920</v>
      </c>
      <c r="E6060" s="1" t="s">
        <v>11</v>
      </c>
    </row>
    <row r="6061">
      <c r="A6061" s="1">
        <v>4.90407984E8</v>
      </c>
      <c r="B6061" s="2">
        <v>11961.0</v>
      </c>
      <c r="C6061" s="1" t="s">
        <v>5</v>
      </c>
      <c r="D6061" s="1" t="s">
        <v>4921</v>
      </c>
      <c r="E6061" s="1" t="s">
        <v>11</v>
      </c>
    </row>
    <row r="6062">
      <c r="A6062" s="1">
        <v>4.90407994E8</v>
      </c>
      <c r="B6062" s="2">
        <v>11908.0</v>
      </c>
      <c r="C6062" s="1" t="s">
        <v>5</v>
      </c>
      <c r="D6062" s="1" t="s">
        <v>11</v>
      </c>
      <c r="E6062" s="1" t="s">
        <v>7</v>
      </c>
    </row>
    <row r="6063">
      <c r="A6063" s="1">
        <v>4.90407998E8</v>
      </c>
      <c r="B6063" s="2">
        <v>12004.0</v>
      </c>
      <c r="C6063" s="1" t="s">
        <v>5</v>
      </c>
      <c r="D6063" s="1" t="s">
        <v>4922</v>
      </c>
      <c r="E6063" s="1" t="s">
        <v>11</v>
      </c>
    </row>
    <row r="6064">
      <c r="A6064" s="1">
        <v>4.90407999E8</v>
      </c>
      <c r="B6064" s="2">
        <v>11934.0</v>
      </c>
      <c r="C6064" s="1" t="s">
        <v>5</v>
      </c>
      <c r="D6064" s="1" t="s">
        <v>11</v>
      </c>
      <c r="E6064" s="1" t="s">
        <v>7</v>
      </c>
    </row>
    <row r="6065">
      <c r="A6065" s="1">
        <v>4.90408014E8</v>
      </c>
      <c r="B6065" s="2">
        <v>12009.0</v>
      </c>
      <c r="C6065" s="1" t="s">
        <v>5</v>
      </c>
      <c r="D6065" s="1" t="s">
        <v>11</v>
      </c>
      <c r="E6065" s="1" t="s">
        <v>7</v>
      </c>
    </row>
    <row r="6066">
      <c r="A6066" s="1">
        <v>4.90408019E8</v>
      </c>
      <c r="B6066" s="2">
        <v>11940.0</v>
      </c>
      <c r="C6066" s="1" t="s">
        <v>5</v>
      </c>
      <c r="D6066" s="1" t="s">
        <v>4923</v>
      </c>
      <c r="E6066" s="1" t="s">
        <v>11</v>
      </c>
    </row>
    <row r="6067">
      <c r="A6067" s="1">
        <v>4.9040802E8</v>
      </c>
      <c r="B6067" s="2">
        <v>12002.0</v>
      </c>
      <c r="C6067" s="1" t="s">
        <v>5</v>
      </c>
      <c r="D6067" s="1" t="s">
        <v>11</v>
      </c>
      <c r="E6067" s="1" t="s">
        <v>7</v>
      </c>
    </row>
    <row r="6068">
      <c r="A6068" s="1">
        <v>4.90408024E8</v>
      </c>
      <c r="B6068" s="2">
        <v>11908.0</v>
      </c>
      <c r="C6068" s="1" t="s">
        <v>5</v>
      </c>
      <c r="D6068" s="1" t="s">
        <v>4924</v>
      </c>
      <c r="E6068" s="1" t="s">
        <v>7</v>
      </c>
    </row>
    <row r="6069">
      <c r="A6069" s="1">
        <v>4.90408039E8</v>
      </c>
      <c r="B6069" s="2">
        <v>11939.0</v>
      </c>
      <c r="C6069" s="1" t="s">
        <v>5</v>
      </c>
      <c r="D6069" s="1" t="s">
        <v>4925</v>
      </c>
      <c r="E6069" s="1" t="s">
        <v>7</v>
      </c>
    </row>
    <row r="6070">
      <c r="A6070" s="1">
        <v>4.90408043E8</v>
      </c>
      <c r="B6070" s="2">
        <v>11905.0</v>
      </c>
      <c r="C6070" s="1" t="s">
        <v>5</v>
      </c>
      <c r="D6070" s="1" t="s">
        <v>4926</v>
      </c>
      <c r="E6070" s="1" t="s">
        <v>4927</v>
      </c>
    </row>
    <row r="6071">
      <c r="A6071" s="1">
        <v>4.90408064E8</v>
      </c>
      <c r="B6071" s="2">
        <v>11905.0</v>
      </c>
      <c r="C6071" s="1" t="s">
        <v>5</v>
      </c>
      <c r="D6071" s="1" t="s">
        <v>11</v>
      </c>
      <c r="E6071" s="1" t="s">
        <v>7</v>
      </c>
    </row>
    <row r="6072">
      <c r="A6072" s="1">
        <v>4.9040807E8</v>
      </c>
      <c r="B6072" s="2">
        <v>11934.0</v>
      </c>
      <c r="C6072" s="1" t="s">
        <v>5</v>
      </c>
      <c r="D6072" s="1" t="s">
        <v>4928</v>
      </c>
      <c r="E6072" s="1" t="s">
        <v>11</v>
      </c>
    </row>
    <row r="6073">
      <c r="A6073" s="1">
        <v>4.90408088E8</v>
      </c>
      <c r="B6073" s="2">
        <v>11913.0</v>
      </c>
      <c r="C6073" s="1" t="s">
        <v>5</v>
      </c>
      <c r="D6073" s="1" t="s">
        <v>4929</v>
      </c>
      <c r="E6073" s="1" t="s">
        <v>7</v>
      </c>
    </row>
    <row r="6074">
      <c r="A6074" s="1">
        <v>4.90408096E8</v>
      </c>
      <c r="B6074" s="2">
        <v>11937.0</v>
      </c>
      <c r="C6074" s="1" t="s">
        <v>5</v>
      </c>
      <c r="D6074" s="1" t="s">
        <v>4930</v>
      </c>
      <c r="E6074" s="1" t="s">
        <v>7</v>
      </c>
    </row>
    <row r="6075">
      <c r="A6075" s="1">
        <v>4.90408111E8</v>
      </c>
      <c r="B6075" s="2">
        <v>11904.0</v>
      </c>
      <c r="C6075" s="1" t="s">
        <v>5</v>
      </c>
      <c r="D6075" s="1" t="s">
        <v>4931</v>
      </c>
      <c r="E6075" s="1" t="s">
        <v>11</v>
      </c>
    </row>
    <row r="6076">
      <c r="A6076" s="1">
        <v>4.90408114E8</v>
      </c>
      <c r="B6076" s="2">
        <v>11905.0</v>
      </c>
      <c r="C6076" s="1" t="s">
        <v>5</v>
      </c>
      <c r="D6076" s="1" t="s">
        <v>4932</v>
      </c>
      <c r="E6076" s="1" t="s">
        <v>4933</v>
      </c>
    </row>
    <row r="6077">
      <c r="A6077" s="1">
        <v>4.9040812E8</v>
      </c>
      <c r="B6077" s="2">
        <v>11936.0</v>
      </c>
      <c r="C6077" s="1" t="s">
        <v>5</v>
      </c>
      <c r="D6077" s="1" t="s">
        <v>11</v>
      </c>
      <c r="E6077" s="1" t="s">
        <v>7</v>
      </c>
    </row>
    <row r="6078">
      <c r="A6078" s="1">
        <v>4.90408144E8</v>
      </c>
      <c r="B6078" s="2">
        <v>12006.0</v>
      </c>
      <c r="C6078" s="1" t="s">
        <v>5</v>
      </c>
      <c r="D6078" s="1" t="s">
        <v>4934</v>
      </c>
      <c r="E6078" s="1" t="s">
        <v>7</v>
      </c>
    </row>
    <row r="6079">
      <c r="A6079" s="1">
        <v>4.90408148E8</v>
      </c>
      <c r="B6079" s="2">
        <v>12005.0</v>
      </c>
      <c r="C6079" s="1" t="s">
        <v>5</v>
      </c>
      <c r="D6079" s="1" t="s">
        <v>4935</v>
      </c>
      <c r="E6079" s="1" t="s">
        <v>11</v>
      </c>
    </row>
    <row r="6080">
      <c r="A6080" s="1">
        <v>4.90408154E8</v>
      </c>
      <c r="B6080" s="2">
        <v>11914.0</v>
      </c>
      <c r="C6080" s="1" t="s">
        <v>5</v>
      </c>
      <c r="D6080" s="1" t="s">
        <v>4936</v>
      </c>
      <c r="E6080" s="1" t="s">
        <v>7</v>
      </c>
    </row>
    <row r="6081">
      <c r="A6081" s="1">
        <v>4.90408165E8</v>
      </c>
      <c r="B6081" s="2">
        <v>12011.0</v>
      </c>
      <c r="C6081" s="1" t="s">
        <v>5</v>
      </c>
      <c r="D6081" s="1" t="s">
        <v>11</v>
      </c>
      <c r="E6081" s="1" t="s">
        <v>7</v>
      </c>
    </row>
    <row r="6082">
      <c r="A6082" s="1">
        <v>4.90408169E8</v>
      </c>
      <c r="B6082" s="2">
        <v>11935.0</v>
      </c>
      <c r="C6082" s="1" t="s">
        <v>5</v>
      </c>
      <c r="D6082" s="1" t="s">
        <v>4937</v>
      </c>
      <c r="E6082" s="1" t="s">
        <v>7</v>
      </c>
    </row>
    <row r="6083">
      <c r="A6083" s="1">
        <v>4.90408194E8</v>
      </c>
      <c r="B6083" s="2">
        <v>12001.0</v>
      </c>
      <c r="C6083" s="1" t="s">
        <v>5</v>
      </c>
      <c r="D6083" s="1" t="s">
        <v>4938</v>
      </c>
      <c r="E6083" s="1" t="s">
        <v>7</v>
      </c>
    </row>
    <row r="6084">
      <c r="A6084" s="1">
        <v>4.90408214E8</v>
      </c>
      <c r="B6084" s="2">
        <v>11905.0</v>
      </c>
      <c r="C6084" s="1" t="s">
        <v>5</v>
      </c>
      <c r="D6084" s="1" t="s">
        <v>4939</v>
      </c>
      <c r="E6084" s="1" t="s">
        <v>11</v>
      </c>
    </row>
    <row r="6085">
      <c r="A6085" s="1">
        <v>4.9040823E8</v>
      </c>
      <c r="B6085" s="2">
        <v>11904.0</v>
      </c>
      <c r="C6085" s="1" t="s">
        <v>5</v>
      </c>
      <c r="D6085" s="1" t="s">
        <v>4940</v>
      </c>
      <c r="E6085" s="1" t="s">
        <v>7</v>
      </c>
    </row>
    <row r="6086">
      <c r="A6086" s="1">
        <v>4.90408255E8</v>
      </c>
      <c r="B6086" s="2">
        <v>11913.0</v>
      </c>
      <c r="C6086" s="1" t="s">
        <v>5</v>
      </c>
      <c r="D6086" s="1" t="s">
        <v>4027</v>
      </c>
      <c r="E6086" s="1" t="s">
        <v>11</v>
      </c>
    </row>
    <row r="6087">
      <c r="A6087" s="1">
        <v>4.9040827E8</v>
      </c>
      <c r="B6087" s="2">
        <v>12009.0</v>
      </c>
      <c r="C6087" s="1" t="s">
        <v>5</v>
      </c>
      <c r="D6087" s="1" t="s">
        <v>11</v>
      </c>
      <c r="E6087" s="1" t="s">
        <v>7</v>
      </c>
    </row>
    <row r="6088">
      <c r="A6088" s="1">
        <v>4.90408274E8</v>
      </c>
      <c r="B6088" s="2">
        <v>11936.0</v>
      </c>
      <c r="C6088" s="1" t="s">
        <v>5</v>
      </c>
      <c r="D6088" s="1" t="s">
        <v>4941</v>
      </c>
      <c r="E6088" s="1" t="s">
        <v>11</v>
      </c>
    </row>
    <row r="6089">
      <c r="A6089" s="1">
        <v>4.90408281E8</v>
      </c>
      <c r="B6089" s="2">
        <v>11982.0</v>
      </c>
      <c r="C6089" s="1" t="s">
        <v>5</v>
      </c>
      <c r="D6089" s="1" t="s">
        <v>11</v>
      </c>
      <c r="E6089" s="1" t="s">
        <v>7</v>
      </c>
    </row>
    <row r="6090">
      <c r="A6090" s="1">
        <v>4.90408294E8</v>
      </c>
      <c r="B6090" s="2">
        <v>11906.0</v>
      </c>
      <c r="C6090" s="1" t="s">
        <v>5</v>
      </c>
      <c r="D6090" s="1" t="s">
        <v>4942</v>
      </c>
      <c r="E6090" s="1" t="s">
        <v>11</v>
      </c>
    </row>
    <row r="6091">
      <c r="A6091" s="1">
        <v>4.90408304E8</v>
      </c>
      <c r="B6091" s="2">
        <v>11985.0</v>
      </c>
      <c r="C6091" s="1" t="s">
        <v>5</v>
      </c>
      <c r="D6091" s="1" t="s">
        <v>4943</v>
      </c>
      <c r="E6091" s="1" t="s">
        <v>7</v>
      </c>
    </row>
    <row r="6092">
      <c r="A6092" s="1">
        <v>4.90408319E8</v>
      </c>
      <c r="B6092" s="2">
        <v>11936.0</v>
      </c>
      <c r="C6092" s="1" t="s">
        <v>5</v>
      </c>
      <c r="D6092" s="1" t="s">
        <v>4944</v>
      </c>
      <c r="E6092" s="1" t="s">
        <v>7</v>
      </c>
    </row>
    <row r="6093">
      <c r="A6093" s="1">
        <v>4.90408332E8</v>
      </c>
      <c r="B6093" s="2">
        <v>12004.0</v>
      </c>
      <c r="C6093" s="1" t="s">
        <v>5</v>
      </c>
      <c r="D6093" s="1" t="s">
        <v>4945</v>
      </c>
      <c r="E6093" s="1" t="s">
        <v>7</v>
      </c>
    </row>
    <row r="6094">
      <c r="A6094" s="1">
        <v>4.90408338E8</v>
      </c>
      <c r="B6094" s="2">
        <v>12010.0</v>
      </c>
      <c r="C6094" s="1" t="s">
        <v>5</v>
      </c>
      <c r="D6094" s="1" t="s">
        <v>4946</v>
      </c>
      <c r="E6094" s="1" t="s">
        <v>11</v>
      </c>
    </row>
    <row r="6095">
      <c r="A6095" s="1">
        <v>4.90408354E8</v>
      </c>
      <c r="B6095" s="2">
        <v>11912.0</v>
      </c>
      <c r="C6095" s="1" t="s">
        <v>5</v>
      </c>
      <c r="D6095" s="1" t="s">
        <v>4947</v>
      </c>
      <c r="E6095" s="1" t="s">
        <v>7</v>
      </c>
    </row>
    <row r="6096">
      <c r="A6096" s="1">
        <v>4.90408355E8</v>
      </c>
      <c r="B6096" s="2">
        <v>11906.0</v>
      </c>
      <c r="C6096" s="1" t="s">
        <v>5</v>
      </c>
      <c r="D6096" s="1" t="s">
        <v>4948</v>
      </c>
      <c r="E6096" s="1" t="s">
        <v>11</v>
      </c>
    </row>
    <row r="6097">
      <c r="A6097" s="1">
        <v>4.9040836E8</v>
      </c>
      <c r="B6097" s="2">
        <v>11985.0</v>
      </c>
      <c r="C6097" s="1" t="s">
        <v>5</v>
      </c>
      <c r="D6097" s="1" t="s">
        <v>4949</v>
      </c>
      <c r="E6097" s="1" t="s">
        <v>11</v>
      </c>
    </row>
    <row r="6098">
      <c r="A6098" s="1">
        <v>4.90408368E8</v>
      </c>
      <c r="B6098" s="2">
        <v>11982.0</v>
      </c>
      <c r="C6098" s="1" t="s">
        <v>5</v>
      </c>
      <c r="D6098" s="1" t="s">
        <v>4950</v>
      </c>
      <c r="E6098" s="1" t="s">
        <v>11</v>
      </c>
    </row>
    <row r="6099">
      <c r="A6099" s="1">
        <v>4.90408385E8</v>
      </c>
      <c r="B6099" s="2">
        <v>11991.0</v>
      </c>
      <c r="C6099" s="1" t="s">
        <v>5</v>
      </c>
      <c r="D6099" s="1" t="s">
        <v>11</v>
      </c>
      <c r="E6099" s="1" t="s">
        <v>7</v>
      </c>
    </row>
    <row r="6100">
      <c r="A6100" s="1">
        <v>4.90408389E8</v>
      </c>
      <c r="B6100" s="2">
        <v>11904.0</v>
      </c>
      <c r="C6100" s="1" t="s">
        <v>5</v>
      </c>
      <c r="D6100" s="1" t="s">
        <v>4951</v>
      </c>
      <c r="E6100" s="1" t="s">
        <v>4952</v>
      </c>
    </row>
    <row r="6101">
      <c r="A6101" s="1">
        <v>4.90408406E8</v>
      </c>
      <c r="B6101" s="2">
        <v>12008.0</v>
      </c>
      <c r="C6101" s="1" t="s">
        <v>5</v>
      </c>
      <c r="D6101" s="1" t="s">
        <v>4953</v>
      </c>
      <c r="E6101" s="1" t="s">
        <v>11</v>
      </c>
    </row>
    <row r="6102">
      <c r="A6102" s="1">
        <v>4.9040848E8</v>
      </c>
      <c r="B6102" s="2">
        <v>12004.0</v>
      </c>
      <c r="C6102" s="1" t="s">
        <v>5</v>
      </c>
      <c r="D6102" s="1" t="s">
        <v>4954</v>
      </c>
      <c r="E6102" s="1" t="s">
        <v>4955</v>
      </c>
    </row>
    <row r="6103">
      <c r="A6103" s="1">
        <v>4.90408498E8</v>
      </c>
      <c r="B6103" s="2">
        <v>12004.0</v>
      </c>
      <c r="C6103" s="1" t="s">
        <v>5</v>
      </c>
      <c r="D6103" s="1" t="s">
        <v>42</v>
      </c>
      <c r="E6103" s="1" t="s">
        <v>7</v>
      </c>
    </row>
    <row r="6104">
      <c r="A6104" s="1">
        <v>4.90408505E8</v>
      </c>
      <c r="B6104" s="2">
        <v>12005.0</v>
      </c>
      <c r="C6104" s="1" t="s">
        <v>5</v>
      </c>
      <c r="D6104" s="1" t="s">
        <v>4956</v>
      </c>
      <c r="E6104" s="1" t="s">
        <v>7</v>
      </c>
    </row>
    <row r="6105">
      <c r="A6105" s="1">
        <v>4.90408514E8</v>
      </c>
      <c r="B6105" s="2">
        <v>11912.0</v>
      </c>
      <c r="C6105" s="1" t="s">
        <v>5</v>
      </c>
      <c r="D6105" s="1" t="s">
        <v>4957</v>
      </c>
      <c r="E6105" s="1" t="s">
        <v>11</v>
      </c>
    </row>
    <row r="6106">
      <c r="A6106" s="1">
        <v>4.90408524E8</v>
      </c>
      <c r="B6106" s="2">
        <v>12001.0</v>
      </c>
      <c r="C6106" s="1" t="s">
        <v>5</v>
      </c>
      <c r="D6106" s="1" t="s">
        <v>4958</v>
      </c>
      <c r="E6106" s="1" t="s">
        <v>11</v>
      </c>
    </row>
    <row r="6107">
      <c r="A6107" s="1">
        <v>4.90408529E8</v>
      </c>
      <c r="B6107" s="2">
        <v>12009.0</v>
      </c>
      <c r="C6107" s="1" t="s">
        <v>5</v>
      </c>
      <c r="D6107" s="1" t="s">
        <v>4959</v>
      </c>
      <c r="E6107" s="1" t="s">
        <v>7</v>
      </c>
    </row>
    <row r="6108">
      <c r="A6108" s="1">
        <v>4.90408533E8</v>
      </c>
      <c r="B6108" s="2">
        <v>12017.0</v>
      </c>
      <c r="C6108" s="1" t="s">
        <v>5</v>
      </c>
      <c r="D6108" s="1" t="s">
        <v>4960</v>
      </c>
      <c r="E6108" s="1" t="s">
        <v>11</v>
      </c>
    </row>
    <row r="6109">
      <c r="A6109" s="1">
        <v>4.90408539E8</v>
      </c>
      <c r="B6109" s="2">
        <v>11936.0</v>
      </c>
      <c r="C6109" s="1" t="s">
        <v>5</v>
      </c>
      <c r="D6109" s="1" t="s">
        <v>4961</v>
      </c>
      <c r="E6109" s="1" t="s">
        <v>11</v>
      </c>
    </row>
    <row r="6110">
      <c r="A6110" s="1">
        <v>4.90408553E8</v>
      </c>
      <c r="B6110" s="2">
        <v>11951.0</v>
      </c>
      <c r="C6110" s="1" t="s">
        <v>5</v>
      </c>
      <c r="D6110" s="1" t="s">
        <v>4962</v>
      </c>
      <c r="E6110" s="1" t="s">
        <v>7</v>
      </c>
    </row>
    <row r="6111">
      <c r="A6111" s="1">
        <v>4.90408559E8</v>
      </c>
      <c r="B6111" s="2">
        <v>11982.0</v>
      </c>
      <c r="C6111" s="1" t="s">
        <v>5</v>
      </c>
      <c r="D6111" s="1" t="s">
        <v>4963</v>
      </c>
      <c r="E6111" s="1" t="s">
        <v>11</v>
      </c>
    </row>
    <row r="6112">
      <c r="A6112" s="1">
        <v>4.90408564E8</v>
      </c>
      <c r="B6112" s="2">
        <v>12013.0</v>
      </c>
      <c r="C6112" s="1" t="s">
        <v>5</v>
      </c>
      <c r="D6112" s="1" t="s">
        <v>11</v>
      </c>
      <c r="E6112" s="1" t="s">
        <v>7</v>
      </c>
    </row>
    <row r="6113">
      <c r="A6113" s="1">
        <v>4.90408568E8</v>
      </c>
      <c r="B6113" s="2">
        <v>12004.0</v>
      </c>
      <c r="C6113" s="1" t="s">
        <v>5</v>
      </c>
      <c r="D6113" s="1" t="s">
        <v>4964</v>
      </c>
      <c r="E6113" s="1" t="s">
        <v>11</v>
      </c>
    </row>
    <row r="6114">
      <c r="A6114" s="1">
        <v>4.90408576E8</v>
      </c>
      <c r="B6114" s="2">
        <v>11904.0</v>
      </c>
      <c r="C6114" s="1" t="s">
        <v>5</v>
      </c>
      <c r="D6114" s="1" t="s">
        <v>4965</v>
      </c>
      <c r="E6114" s="1" t="s">
        <v>7</v>
      </c>
    </row>
    <row r="6115">
      <c r="A6115" s="1">
        <v>4.90408587E8</v>
      </c>
      <c r="B6115" s="2">
        <v>11939.0</v>
      </c>
      <c r="C6115" s="1" t="s">
        <v>5</v>
      </c>
      <c r="D6115" s="1" t="s">
        <v>4966</v>
      </c>
      <c r="E6115" s="1" t="s">
        <v>7</v>
      </c>
    </row>
    <row r="6116">
      <c r="A6116" s="1">
        <v>4.90408594E8</v>
      </c>
      <c r="B6116" s="2">
        <v>11990.0</v>
      </c>
      <c r="C6116" s="1" t="s">
        <v>5</v>
      </c>
      <c r="D6116" s="1" t="s">
        <v>4967</v>
      </c>
      <c r="E6116" s="1" t="s">
        <v>7</v>
      </c>
    </row>
    <row r="6117">
      <c r="A6117" s="1">
        <v>4.90408603E8</v>
      </c>
      <c r="B6117" s="2">
        <v>11936.0</v>
      </c>
      <c r="C6117" s="1" t="s">
        <v>5</v>
      </c>
      <c r="D6117" s="1" t="s">
        <v>4968</v>
      </c>
      <c r="E6117" s="1" t="s">
        <v>7</v>
      </c>
    </row>
    <row r="6118">
      <c r="A6118" s="1">
        <v>4.90408607E8</v>
      </c>
      <c r="B6118" s="2">
        <v>12008.0</v>
      </c>
      <c r="C6118" s="1" t="s">
        <v>5</v>
      </c>
      <c r="D6118" s="1" t="s">
        <v>4969</v>
      </c>
      <c r="E6118" s="1" t="s">
        <v>11</v>
      </c>
    </row>
    <row r="6119">
      <c r="A6119" s="1">
        <v>4.90408613E8</v>
      </c>
      <c r="B6119" s="2">
        <v>12017.0</v>
      </c>
      <c r="C6119" s="1" t="s">
        <v>5</v>
      </c>
      <c r="D6119" s="1" t="s">
        <v>11</v>
      </c>
      <c r="E6119" s="1" t="s">
        <v>7</v>
      </c>
    </row>
    <row r="6120">
      <c r="A6120" s="1">
        <v>4.90408618E8</v>
      </c>
      <c r="B6120" s="2">
        <v>11939.0</v>
      </c>
      <c r="C6120" s="1" t="s">
        <v>5</v>
      </c>
      <c r="D6120" s="1" t="s">
        <v>4970</v>
      </c>
      <c r="E6120" s="1" t="s">
        <v>11</v>
      </c>
    </row>
    <row r="6121">
      <c r="A6121" s="1">
        <v>4.90408623E8</v>
      </c>
      <c r="B6121" s="2">
        <v>12008.0</v>
      </c>
      <c r="C6121" s="1" t="s">
        <v>5</v>
      </c>
      <c r="D6121" s="1" t="s">
        <v>4971</v>
      </c>
      <c r="E6121" s="1" t="s">
        <v>4972</v>
      </c>
    </row>
    <row r="6122">
      <c r="A6122" s="1">
        <v>4.90408634E8</v>
      </c>
      <c r="B6122" s="2">
        <v>11982.0</v>
      </c>
      <c r="C6122" s="1" t="s">
        <v>5</v>
      </c>
      <c r="D6122" s="1" t="s">
        <v>4973</v>
      </c>
      <c r="E6122" s="1" t="s">
        <v>7</v>
      </c>
    </row>
    <row r="6123">
      <c r="A6123" s="1">
        <v>4.90408645E8</v>
      </c>
      <c r="B6123" s="2">
        <v>11990.0</v>
      </c>
      <c r="C6123" s="1" t="s">
        <v>5</v>
      </c>
      <c r="D6123" s="1" t="s">
        <v>11</v>
      </c>
      <c r="E6123" s="1" t="s">
        <v>7</v>
      </c>
    </row>
    <row r="6124">
      <c r="A6124" s="1">
        <v>4.90408684E8</v>
      </c>
      <c r="B6124" s="2">
        <v>11936.0</v>
      </c>
      <c r="C6124" s="1" t="s">
        <v>5</v>
      </c>
      <c r="D6124" s="1" t="s">
        <v>4974</v>
      </c>
      <c r="E6124" s="1" t="s">
        <v>7</v>
      </c>
    </row>
    <row r="6125">
      <c r="A6125" s="1">
        <v>4.90408696E8</v>
      </c>
      <c r="B6125" s="2">
        <v>11935.0</v>
      </c>
      <c r="C6125" s="1" t="s">
        <v>5</v>
      </c>
      <c r="D6125" s="1" t="s">
        <v>4975</v>
      </c>
      <c r="E6125" s="1" t="s">
        <v>7</v>
      </c>
    </row>
    <row r="6126">
      <c r="A6126" s="1">
        <v>4.90408704E8</v>
      </c>
      <c r="B6126" s="2">
        <v>11935.0</v>
      </c>
      <c r="C6126" s="1" t="s">
        <v>5</v>
      </c>
      <c r="D6126" s="1" t="s">
        <v>4976</v>
      </c>
      <c r="E6126" s="1" t="s">
        <v>7</v>
      </c>
    </row>
    <row r="6127">
      <c r="A6127" s="1">
        <v>4.90408713E8</v>
      </c>
      <c r="B6127" s="2">
        <v>11912.0</v>
      </c>
      <c r="C6127" s="1" t="s">
        <v>5</v>
      </c>
      <c r="D6127" s="1" t="s">
        <v>4977</v>
      </c>
      <c r="E6127" s="1" t="s">
        <v>11</v>
      </c>
    </row>
    <row r="6128">
      <c r="A6128" s="1">
        <v>4.9040872E8</v>
      </c>
      <c r="B6128" s="2">
        <v>11935.0</v>
      </c>
      <c r="C6128" s="1" t="s">
        <v>5</v>
      </c>
      <c r="D6128" s="1" t="s">
        <v>4978</v>
      </c>
      <c r="E6128" s="1" t="s">
        <v>7</v>
      </c>
    </row>
    <row r="6129">
      <c r="A6129" s="1">
        <v>4.9040873E8</v>
      </c>
      <c r="B6129" s="2">
        <v>11936.0</v>
      </c>
      <c r="C6129" s="1" t="s">
        <v>5</v>
      </c>
      <c r="D6129" s="1" t="s">
        <v>4979</v>
      </c>
      <c r="E6129" s="1" t="s">
        <v>11</v>
      </c>
    </row>
    <row r="6130">
      <c r="A6130" s="1">
        <v>4.90408783E8</v>
      </c>
      <c r="B6130" s="2">
        <v>11937.0</v>
      </c>
      <c r="C6130" s="1" t="s">
        <v>5</v>
      </c>
      <c r="D6130" s="1" t="s">
        <v>4980</v>
      </c>
      <c r="E6130" s="1" t="s">
        <v>7</v>
      </c>
    </row>
    <row r="6131">
      <c r="A6131" s="1">
        <v>4.90408789E8</v>
      </c>
      <c r="B6131" s="2">
        <v>11962.0</v>
      </c>
      <c r="C6131" s="1" t="s">
        <v>5</v>
      </c>
      <c r="D6131" s="1" t="s">
        <v>4981</v>
      </c>
      <c r="E6131" s="1" t="s">
        <v>7</v>
      </c>
    </row>
    <row r="6132">
      <c r="A6132" s="1">
        <v>4.90408796E8</v>
      </c>
      <c r="B6132" s="2">
        <v>11939.0</v>
      </c>
      <c r="C6132" s="1" t="s">
        <v>5</v>
      </c>
      <c r="D6132" s="1" t="s">
        <v>4982</v>
      </c>
      <c r="E6132" s="1" t="s">
        <v>11</v>
      </c>
    </row>
    <row r="6133">
      <c r="A6133" s="1">
        <v>4.90408799E8</v>
      </c>
      <c r="B6133" s="2">
        <v>12011.0</v>
      </c>
      <c r="C6133" s="1" t="s">
        <v>5</v>
      </c>
      <c r="D6133" s="1" t="s">
        <v>4983</v>
      </c>
      <c r="E6133" s="1" t="s">
        <v>11</v>
      </c>
    </row>
    <row r="6134">
      <c r="A6134" s="1">
        <v>4.904088E8</v>
      </c>
      <c r="B6134" s="2">
        <v>11935.0</v>
      </c>
      <c r="C6134" s="1" t="s">
        <v>5</v>
      </c>
      <c r="D6134" s="1" t="s">
        <v>4984</v>
      </c>
      <c r="E6134" s="1" t="s">
        <v>7</v>
      </c>
    </row>
    <row r="6135">
      <c r="A6135" s="1">
        <v>4.90408804E8</v>
      </c>
      <c r="B6135" s="2">
        <v>11982.0</v>
      </c>
      <c r="C6135" s="1" t="s">
        <v>5</v>
      </c>
      <c r="D6135" s="1" t="s">
        <v>4985</v>
      </c>
      <c r="E6135" s="1" t="s">
        <v>7</v>
      </c>
    </row>
    <row r="6136">
      <c r="A6136" s="1">
        <v>4.90408818E8</v>
      </c>
      <c r="B6136" s="2">
        <v>11992.0</v>
      </c>
      <c r="C6136" s="1" t="s">
        <v>5</v>
      </c>
      <c r="D6136" s="1" t="s">
        <v>4986</v>
      </c>
      <c r="E6136" s="1" t="s">
        <v>11</v>
      </c>
    </row>
    <row r="6137">
      <c r="A6137" s="1">
        <v>4.90408823E8</v>
      </c>
      <c r="B6137" s="2">
        <v>11993.0</v>
      </c>
      <c r="C6137" s="1" t="s">
        <v>5</v>
      </c>
      <c r="D6137" s="1" t="s">
        <v>11</v>
      </c>
      <c r="E6137" s="1" t="s">
        <v>7</v>
      </c>
    </row>
    <row r="6138">
      <c r="A6138" s="1">
        <v>4.90408843E8</v>
      </c>
      <c r="B6138" s="2">
        <v>11934.0</v>
      </c>
      <c r="C6138" s="1" t="s">
        <v>5</v>
      </c>
      <c r="D6138" s="1" t="s">
        <v>4987</v>
      </c>
      <c r="E6138" s="1" t="s">
        <v>11</v>
      </c>
    </row>
    <row r="6139">
      <c r="A6139" s="1">
        <v>4.9040885E8</v>
      </c>
      <c r="B6139" s="2">
        <v>11962.0</v>
      </c>
      <c r="C6139" s="1" t="s">
        <v>5</v>
      </c>
      <c r="D6139" s="1" t="s">
        <v>4988</v>
      </c>
      <c r="E6139" s="1" t="s">
        <v>11</v>
      </c>
    </row>
    <row r="6140">
      <c r="A6140" s="1">
        <v>4.9040886E8</v>
      </c>
      <c r="B6140" s="2">
        <v>12001.0</v>
      </c>
      <c r="C6140" s="1" t="s">
        <v>5</v>
      </c>
      <c r="D6140" s="1" t="s">
        <v>4989</v>
      </c>
      <c r="E6140" s="1" t="s">
        <v>7</v>
      </c>
    </row>
    <row r="6141">
      <c r="A6141" s="1">
        <v>4.90408864E8</v>
      </c>
      <c r="B6141" s="2">
        <v>12000.0</v>
      </c>
      <c r="C6141" s="1" t="s">
        <v>5</v>
      </c>
      <c r="D6141" s="1" t="s">
        <v>4990</v>
      </c>
      <c r="E6141" s="1" t="s">
        <v>11</v>
      </c>
    </row>
    <row r="6142">
      <c r="A6142" s="1">
        <v>4.90408878E8</v>
      </c>
      <c r="B6142" s="2">
        <v>11993.0</v>
      </c>
      <c r="C6142" s="1" t="s">
        <v>5</v>
      </c>
      <c r="D6142" s="1" t="s">
        <v>4991</v>
      </c>
      <c r="E6142" s="1" t="s">
        <v>11</v>
      </c>
    </row>
    <row r="6143">
      <c r="A6143" s="1">
        <v>4.90408879E8</v>
      </c>
      <c r="B6143" s="2">
        <v>11939.0</v>
      </c>
      <c r="C6143" s="1" t="s">
        <v>5</v>
      </c>
      <c r="D6143" s="1" t="s">
        <v>11</v>
      </c>
      <c r="E6143" s="1" t="s">
        <v>7</v>
      </c>
    </row>
    <row r="6144">
      <c r="A6144" s="1">
        <v>4.90408894E8</v>
      </c>
      <c r="B6144" s="2">
        <v>11992.0</v>
      </c>
      <c r="C6144" s="1" t="s">
        <v>5</v>
      </c>
      <c r="D6144" s="1" t="s">
        <v>4992</v>
      </c>
      <c r="E6144" s="1" t="s">
        <v>11</v>
      </c>
    </row>
    <row r="6145">
      <c r="A6145" s="1">
        <v>4.90408895E8</v>
      </c>
      <c r="B6145" s="2">
        <v>12001.0</v>
      </c>
      <c r="C6145" s="1" t="s">
        <v>5</v>
      </c>
      <c r="D6145" s="1" t="s">
        <v>4993</v>
      </c>
      <c r="E6145" s="1" t="s">
        <v>11</v>
      </c>
    </row>
    <row r="6146">
      <c r="A6146" s="1">
        <v>4.90408925E8</v>
      </c>
      <c r="B6146" s="2">
        <v>12010.0</v>
      </c>
      <c r="C6146" s="1" t="s">
        <v>5</v>
      </c>
      <c r="D6146" s="1" t="s">
        <v>4994</v>
      </c>
      <c r="E6146" s="1" t="s">
        <v>4995</v>
      </c>
    </row>
    <row r="6147">
      <c r="A6147" s="1">
        <v>4.90408948E8</v>
      </c>
      <c r="B6147" s="2">
        <v>12002.0</v>
      </c>
      <c r="C6147" s="1" t="s">
        <v>5</v>
      </c>
      <c r="D6147" s="1" t="s">
        <v>11</v>
      </c>
      <c r="E6147" s="1" t="s">
        <v>7</v>
      </c>
    </row>
    <row r="6148">
      <c r="A6148" s="1">
        <v>4.9040895E8</v>
      </c>
      <c r="B6148" s="2">
        <v>12009.0</v>
      </c>
      <c r="C6148" s="1" t="s">
        <v>5</v>
      </c>
      <c r="D6148" s="1" t="s">
        <v>4996</v>
      </c>
      <c r="E6148" s="1" t="s">
        <v>11</v>
      </c>
    </row>
    <row r="6149">
      <c r="A6149" s="1">
        <v>4.90408955E8</v>
      </c>
      <c r="B6149" s="2">
        <v>12010.0</v>
      </c>
      <c r="C6149" s="1" t="s">
        <v>5</v>
      </c>
      <c r="D6149" s="1" t="s">
        <v>11</v>
      </c>
      <c r="E6149" s="1" t="s">
        <v>7</v>
      </c>
    </row>
    <row r="6150">
      <c r="A6150" s="1">
        <v>4.90408958E8</v>
      </c>
      <c r="B6150" s="2">
        <v>11951.0</v>
      </c>
      <c r="C6150" s="1" t="s">
        <v>5</v>
      </c>
      <c r="D6150" s="1" t="s">
        <v>11</v>
      </c>
      <c r="E6150" s="1" t="s">
        <v>7</v>
      </c>
    </row>
    <row r="6151">
      <c r="A6151" s="1">
        <v>4.90408964E8</v>
      </c>
      <c r="B6151" s="2">
        <v>11912.0</v>
      </c>
      <c r="C6151" s="1" t="s">
        <v>5</v>
      </c>
      <c r="D6151" s="1" t="s">
        <v>11</v>
      </c>
      <c r="E6151" s="1" t="s">
        <v>7</v>
      </c>
    </row>
    <row r="6152">
      <c r="A6152" s="1">
        <v>4.90408965E8</v>
      </c>
      <c r="B6152" s="2">
        <v>11934.0</v>
      </c>
      <c r="C6152" s="1" t="s">
        <v>5</v>
      </c>
      <c r="D6152" s="1" t="s">
        <v>4997</v>
      </c>
      <c r="E6152" s="1" t="s">
        <v>7</v>
      </c>
    </row>
    <row r="6153">
      <c r="A6153" s="1">
        <v>4.90408967E8</v>
      </c>
      <c r="B6153" s="2">
        <v>11936.0</v>
      </c>
      <c r="C6153" s="1" t="s">
        <v>5</v>
      </c>
      <c r="D6153" s="1" t="s">
        <v>11</v>
      </c>
      <c r="E6153" s="1" t="s">
        <v>7</v>
      </c>
    </row>
    <row r="6154">
      <c r="A6154" s="1">
        <v>4.90408989E8</v>
      </c>
      <c r="B6154" s="2">
        <v>12006.0</v>
      </c>
      <c r="C6154" s="1" t="s">
        <v>5</v>
      </c>
      <c r="D6154" s="1" t="s">
        <v>11</v>
      </c>
      <c r="E6154" s="1" t="s">
        <v>7</v>
      </c>
    </row>
    <row r="6155">
      <c r="A6155" s="1">
        <v>4.9040902E8</v>
      </c>
      <c r="B6155" s="2">
        <v>12013.0</v>
      </c>
      <c r="C6155" s="1" t="s">
        <v>5</v>
      </c>
      <c r="D6155" s="1" t="s">
        <v>4998</v>
      </c>
      <c r="E6155" s="1" t="s">
        <v>11</v>
      </c>
    </row>
    <row r="6156">
      <c r="A6156" s="1">
        <v>4.90409027E8</v>
      </c>
      <c r="B6156" s="2">
        <v>12008.0</v>
      </c>
      <c r="C6156" s="1" t="s">
        <v>5</v>
      </c>
      <c r="D6156" s="1" t="s">
        <v>4999</v>
      </c>
      <c r="E6156" s="1" t="s">
        <v>11</v>
      </c>
    </row>
    <row r="6157">
      <c r="A6157" s="1">
        <v>4.90409063E8</v>
      </c>
      <c r="B6157" s="2">
        <v>11993.0</v>
      </c>
      <c r="C6157" s="1" t="s">
        <v>5</v>
      </c>
      <c r="D6157" s="1" t="s">
        <v>11</v>
      </c>
      <c r="E6157" s="1" t="s">
        <v>7</v>
      </c>
    </row>
    <row r="6158">
      <c r="A6158" s="1">
        <v>4.90409083E8</v>
      </c>
      <c r="B6158" s="2">
        <v>11911.0</v>
      </c>
      <c r="C6158" s="1" t="s">
        <v>5</v>
      </c>
      <c r="D6158" s="1" t="s">
        <v>5000</v>
      </c>
      <c r="E6158" s="1" t="s">
        <v>11</v>
      </c>
    </row>
    <row r="6159">
      <c r="A6159" s="1">
        <v>4.90409084E8</v>
      </c>
      <c r="B6159" s="2">
        <v>12002.0</v>
      </c>
      <c r="C6159" s="1" t="s">
        <v>5</v>
      </c>
      <c r="D6159" s="1" t="s">
        <v>5001</v>
      </c>
      <c r="E6159" s="1" t="s">
        <v>7</v>
      </c>
    </row>
    <row r="6160">
      <c r="A6160" s="1">
        <v>4.90409093E8</v>
      </c>
      <c r="B6160" s="2">
        <v>11985.0</v>
      </c>
      <c r="C6160" s="1" t="s">
        <v>5</v>
      </c>
      <c r="D6160" s="1" t="s">
        <v>5002</v>
      </c>
      <c r="E6160" s="1" t="s">
        <v>11</v>
      </c>
    </row>
    <row r="6161">
      <c r="A6161" s="1">
        <v>4.90409097E8</v>
      </c>
      <c r="B6161" s="2">
        <v>11985.0</v>
      </c>
      <c r="C6161" s="1" t="s">
        <v>5</v>
      </c>
      <c r="D6161" s="1" t="s">
        <v>5003</v>
      </c>
      <c r="E6161" s="1" t="s">
        <v>7</v>
      </c>
    </row>
    <row r="6162">
      <c r="A6162" s="1">
        <v>4.90409107E8</v>
      </c>
      <c r="B6162" s="2">
        <v>11910.0</v>
      </c>
      <c r="C6162" s="1" t="s">
        <v>5</v>
      </c>
      <c r="D6162" s="1" t="s">
        <v>5004</v>
      </c>
      <c r="E6162" s="1" t="s">
        <v>11</v>
      </c>
    </row>
    <row r="6163">
      <c r="A6163" s="1">
        <v>4.9040911E8</v>
      </c>
      <c r="B6163" s="2">
        <v>12012.0</v>
      </c>
      <c r="C6163" s="1" t="s">
        <v>5</v>
      </c>
      <c r="D6163" s="1" t="s">
        <v>5005</v>
      </c>
      <c r="E6163" s="1" t="s">
        <v>7</v>
      </c>
    </row>
    <row r="6164">
      <c r="A6164" s="1">
        <v>4.90409118E8</v>
      </c>
      <c r="B6164" s="2">
        <v>11904.0</v>
      </c>
      <c r="C6164" s="1" t="s">
        <v>5</v>
      </c>
      <c r="D6164" s="1" t="s">
        <v>5006</v>
      </c>
      <c r="E6164" s="1" t="s">
        <v>7</v>
      </c>
    </row>
    <row r="6165">
      <c r="A6165" s="1">
        <v>4.90409119E8</v>
      </c>
      <c r="B6165" s="2">
        <v>12000.0</v>
      </c>
      <c r="C6165" s="1" t="s">
        <v>5</v>
      </c>
      <c r="D6165" s="1" t="s">
        <v>5007</v>
      </c>
      <c r="E6165" s="1" t="s">
        <v>11</v>
      </c>
    </row>
    <row r="6166">
      <c r="A6166" s="1">
        <v>4.90409125E8</v>
      </c>
      <c r="B6166" s="2">
        <v>11989.0</v>
      </c>
      <c r="C6166" s="1" t="s">
        <v>5</v>
      </c>
      <c r="D6166" s="1" t="s">
        <v>5008</v>
      </c>
      <c r="E6166" s="1" t="s">
        <v>11</v>
      </c>
    </row>
    <row r="6167">
      <c r="A6167" s="1">
        <v>4.9040913E8</v>
      </c>
      <c r="B6167" s="2">
        <v>11962.0</v>
      </c>
      <c r="C6167" s="1" t="s">
        <v>5</v>
      </c>
      <c r="D6167" s="1" t="s">
        <v>5009</v>
      </c>
      <c r="E6167" s="1" t="s">
        <v>11</v>
      </c>
    </row>
    <row r="6168">
      <c r="A6168" s="1">
        <v>4.90409141E8</v>
      </c>
      <c r="B6168" s="2">
        <v>11910.0</v>
      </c>
      <c r="C6168" s="1" t="s">
        <v>5</v>
      </c>
      <c r="D6168" s="1" t="s">
        <v>5010</v>
      </c>
      <c r="E6168" s="1" t="s">
        <v>7</v>
      </c>
    </row>
    <row r="6169">
      <c r="A6169" s="1">
        <v>4.90409144E8</v>
      </c>
      <c r="B6169" s="2">
        <v>12053.0</v>
      </c>
      <c r="C6169" s="1" t="s">
        <v>5</v>
      </c>
      <c r="D6169" s="1" t="s">
        <v>5011</v>
      </c>
      <c r="E6169" s="1" t="s">
        <v>11</v>
      </c>
    </row>
    <row r="6170">
      <c r="A6170" s="1">
        <v>4.90409147E8</v>
      </c>
      <c r="B6170" s="2">
        <v>11985.0</v>
      </c>
      <c r="C6170" s="1" t="s">
        <v>5</v>
      </c>
      <c r="D6170" s="1" t="s">
        <v>5012</v>
      </c>
      <c r="E6170" s="1" t="s">
        <v>11</v>
      </c>
    </row>
    <row r="6171">
      <c r="A6171" s="1">
        <v>4.90409155E8</v>
      </c>
      <c r="B6171" s="2">
        <v>11992.0</v>
      </c>
      <c r="C6171" s="1" t="s">
        <v>5</v>
      </c>
      <c r="D6171" s="1" t="s">
        <v>11</v>
      </c>
      <c r="E6171" s="1" t="s">
        <v>7</v>
      </c>
    </row>
    <row r="6172">
      <c r="A6172" s="1">
        <v>4.90409174E8</v>
      </c>
      <c r="B6172" s="2">
        <v>11910.0</v>
      </c>
      <c r="C6172" s="1" t="s">
        <v>5</v>
      </c>
      <c r="D6172" s="1" t="s">
        <v>5013</v>
      </c>
      <c r="E6172" s="1" t="s">
        <v>7</v>
      </c>
    </row>
    <row r="6173">
      <c r="A6173" s="1">
        <v>4.9040919E8</v>
      </c>
      <c r="B6173" s="2">
        <v>12008.0</v>
      </c>
      <c r="C6173" s="1" t="s">
        <v>5</v>
      </c>
      <c r="D6173" s="1" t="s">
        <v>5014</v>
      </c>
      <c r="E6173" s="1" t="s">
        <v>11</v>
      </c>
    </row>
    <row r="6174">
      <c r="A6174" s="1">
        <v>4.90409194E8</v>
      </c>
      <c r="B6174" s="2">
        <v>12000.0</v>
      </c>
      <c r="C6174" s="1" t="s">
        <v>5</v>
      </c>
      <c r="D6174" s="1" t="s">
        <v>5015</v>
      </c>
      <c r="E6174" s="1" t="s">
        <v>7</v>
      </c>
    </row>
    <row r="6175">
      <c r="A6175" s="1">
        <v>4.90409207E8</v>
      </c>
      <c r="B6175" s="2">
        <v>12002.0</v>
      </c>
      <c r="C6175" s="1" t="s">
        <v>5</v>
      </c>
      <c r="D6175" s="1" t="s">
        <v>5016</v>
      </c>
      <c r="E6175" s="1" t="s">
        <v>11</v>
      </c>
    </row>
    <row r="6176">
      <c r="A6176" s="1">
        <v>4.90409224E8</v>
      </c>
      <c r="B6176" s="2">
        <v>11985.0</v>
      </c>
      <c r="C6176" s="1" t="s">
        <v>5</v>
      </c>
      <c r="D6176" s="1" t="s">
        <v>5017</v>
      </c>
      <c r="E6176" s="1" t="s">
        <v>7</v>
      </c>
    </row>
    <row r="6177">
      <c r="A6177" s="1">
        <v>4.90409245E8</v>
      </c>
      <c r="B6177" s="2">
        <v>11991.0</v>
      </c>
      <c r="C6177" s="1" t="s">
        <v>5</v>
      </c>
      <c r="D6177" s="1" t="s">
        <v>5018</v>
      </c>
      <c r="E6177" s="1" t="s">
        <v>11</v>
      </c>
    </row>
    <row r="6178">
      <c r="A6178" s="1">
        <v>4.90409256E8</v>
      </c>
      <c r="B6178" s="2">
        <v>11985.0</v>
      </c>
      <c r="C6178" s="1" t="s">
        <v>5</v>
      </c>
      <c r="D6178" s="1" t="s">
        <v>11</v>
      </c>
      <c r="E6178" s="1" t="s">
        <v>7</v>
      </c>
    </row>
    <row r="6179">
      <c r="A6179" s="1">
        <v>4.90409275E8</v>
      </c>
      <c r="B6179" s="2">
        <v>11934.0</v>
      </c>
      <c r="C6179" s="1" t="s">
        <v>5</v>
      </c>
      <c r="D6179" s="1" t="s">
        <v>5019</v>
      </c>
      <c r="E6179" s="1" t="s">
        <v>7</v>
      </c>
    </row>
    <row r="6180">
      <c r="A6180" s="1">
        <v>4.90409279E8</v>
      </c>
      <c r="B6180" s="2">
        <v>11989.0</v>
      </c>
      <c r="C6180" s="1" t="s">
        <v>5</v>
      </c>
      <c r="D6180" s="1" t="s">
        <v>5020</v>
      </c>
      <c r="E6180" s="1" t="s">
        <v>11</v>
      </c>
    </row>
    <row r="6181">
      <c r="A6181" s="1">
        <v>4.9040928E8</v>
      </c>
      <c r="B6181" s="2">
        <v>11911.0</v>
      </c>
      <c r="C6181" s="1" t="s">
        <v>5</v>
      </c>
      <c r="D6181" s="1" t="s">
        <v>5021</v>
      </c>
      <c r="E6181" s="1" t="s">
        <v>11</v>
      </c>
    </row>
    <row r="6182">
      <c r="A6182" s="1">
        <v>4.90409325E8</v>
      </c>
      <c r="B6182" s="2">
        <v>11982.0</v>
      </c>
      <c r="C6182" s="1" t="s">
        <v>5</v>
      </c>
      <c r="D6182" s="1" t="s">
        <v>5022</v>
      </c>
      <c r="E6182" s="1" t="s">
        <v>11</v>
      </c>
    </row>
    <row r="6183">
      <c r="A6183" s="1">
        <v>4.90409326E8</v>
      </c>
      <c r="B6183" s="2">
        <v>11985.0</v>
      </c>
      <c r="C6183" s="1" t="s">
        <v>5</v>
      </c>
      <c r="D6183" s="1" t="s">
        <v>5023</v>
      </c>
      <c r="E6183" s="1" t="s">
        <v>11</v>
      </c>
    </row>
    <row r="6184">
      <c r="A6184" s="1">
        <v>4.9040933E8</v>
      </c>
      <c r="B6184" s="2">
        <v>11985.0</v>
      </c>
      <c r="C6184" s="1" t="s">
        <v>5</v>
      </c>
      <c r="D6184" s="1" t="s">
        <v>5024</v>
      </c>
      <c r="E6184" s="1" t="s">
        <v>5025</v>
      </c>
    </row>
    <row r="6185">
      <c r="A6185" s="1">
        <v>4.90409331E8</v>
      </c>
      <c r="B6185" s="2">
        <v>11962.0</v>
      </c>
      <c r="C6185" s="1" t="s">
        <v>5</v>
      </c>
      <c r="D6185" s="1" t="s">
        <v>5026</v>
      </c>
      <c r="E6185" s="1" t="s">
        <v>7</v>
      </c>
    </row>
    <row r="6186">
      <c r="A6186" s="1">
        <v>4.90409348E8</v>
      </c>
      <c r="B6186" s="2">
        <v>11934.0</v>
      </c>
      <c r="C6186" s="1" t="s">
        <v>5</v>
      </c>
      <c r="D6186" s="1" t="s">
        <v>5027</v>
      </c>
      <c r="E6186" s="1" t="s">
        <v>11</v>
      </c>
    </row>
    <row r="6187">
      <c r="A6187" s="1">
        <v>4.90409349E8</v>
      </c>
      <c r="B6187" s="2">
        <v>12008.0</v>
      </c>
      <c r="C6187" s="1" t="s">
        <v>5</v>
      </c>
      <c r="D6187" s="1" t="s">
        <v>11</v>
      </c>
      <c r="E6187" s="1" t="s">
        <v>7</v>
      </c>
    </row>
    <row r="6188">
      <c r="A6188" s="1">
        <v>4.9040935E8</v>
      </c>
      <c r="B6188" s="2">
        <v>11935.0</v>
      </c>
      <c r="C6188" s="1" t="s">
        <v>5</v>
      </c>
      <c r="D6188" s="1" t="s">
        <v>5028</v>
      </c>
      <c r="E6188" s="1" t="s">
        <v>7</v>
      </c>
    </row>
    <row r="6189">
      <c r="A6189" s="1">
        <v>4.90409372E8</v>
      </c>
      <c r="B6189" s="2">
        <v>11982.0</v>
      </c>
      <c r="C6189" s="1" t="s">
        <v>5</v>
      </c>
      <c r="D6189" s="1" t="s">
        <v>5029</v>
      </c>
      <c r="E6189" s="1" t="s">
        <v>7</v>
      </c>
    </row>
    <row r="6190">
      <c r="A6190" s="1">
        <v>4.9040938E8</v>
      </c>
      <c r="B6190" s="2">
        <v>11909.0</v>
      </c>
      <c r="C6190" s="1" t="s">
        <v>5</v>
      </c>
      <c r="D6190" s="1" t="s">
        <v>11</v>
      </c>
      <c r="E6190" s="1" t="s">
        <v>7</v>
      </c>
    </row>
    <row r="6191">
      <c r="A6191" s="1">
        <v>4.9040939E8</v>
      </c>
      <c r="B6191" s="2">
        <v>12052.0</v>
      </c>
      <c r="C6191" s="1" t="s">
        <v>5</v>
      </c>
      <c r="D6191" s="1" t="s">
        <v>5030</v>
      </c>
      <c r="E6191" s="1" t="s">
        <v>7</v>
      </c>
    </row>
    <row r="6192">
      <c r="A6192" s="1">
        <v>4.90409395E8</v>
      </c>
      <c r="B6192" s="2">
        <v>11985.0</v>
      </c>
      <c r="C6192" s="1" t="s">
        <v>5</v>
      </c>
      <c r="D6192" s="1" t="s">
        <v>5031</v>
      </c>
      <c r="E6192" s="1" t="s">
        <v>7</v>
      </c>
    </row>
    <row r="6193">
      <c r="A6193" s="1">
        <v>4.904094E8</v>
      </c>
      <c r="B6193" s="2">
        <v>12000.0</v>
      </c>
      <c r="C6193" s="1" t="s">
        <v>5</v>
      </c>
      <c r="D6193" s="1" t="s">
        <v>5032</v>
      </c>
      <c r="E6193" s="1" t="s">
        <v>11</v>
      </c>
    </row>
    <row r="6194">
      <c r="A6194" s="1">
        <v>4.9040943E8</v>
      </c>
      <c r="B6194" s="2">
        <v>11903.0</v>
      </c>
      <c r="C6194" s="1" t="s">
        <v>5</v>
      </c>
      <c r="D6194" s="1" t="s">
        <v>5033</v>
      </c>
      <c r="E6194" s="1" t="s">
        <v>7</v>
      </c>
    </row>
    <row r="6195">
      <c r="A6195" s="1">
        <v>4.90409434E8</v>
      </c>
      <c r="B6195" s="2">
        <v>12006.0</v>
      </c>
      <c r="C6195" s="1" t="s">
        <v>5</v>
      </c>
      <c r="D6195" s="1" t="s">
        <v>11</v>
      </c>
      <c r="E6195" s="1" t="s">
        <v>7</v>
      </c>
    </row>
    <row r="6196">
      <c r="A6196" s="1">
        <v>4.90409439E8</v>
      </c>
      <c r="B6196" s="2">
        <v>11992.0</v>
      </c>
      <c r="C6196" s="1" t="s">
        <v>5</v>
      </c>
      <c r="D6196" s="1" t="s">
        <v>5034</v>
      </c>
      <c r="E6196" s="1" t="s">
        <v>7</v>
      </c>
    </row>
    <row r="6197">
      <c r="A6197" s="1">
        <v>4.90409445E8</v>
      </c>
      <c r="B6197" s="2">
        <v>11992.0</v>
      </c>
      <c r="C6197" s="1" t="s">
        <v>5</v>
      </c>
      <c r="D6197" s="1" t="s">
        <v>5035</v>
      </c>
      <c r="E6197" s="1" t="s">
        <v>5036</v>
      </c>
    </row>
    <row r="6198">
      <c r="A6198" s="1">
        <v>4.90409446E8</v>
      </c>
      <c r="B6198" s="2">
        <v>12009.0</v>
      </c>
      <c r="C6198" s="1" t="s">
        <v>5</v>
      </c>
      <c r="D6198" s="1" t="s">
        <v>11</v>
      </c>
      <c r="E6198" s="1" t="s">
        <v>7</v>
      </c>
    </row>
    <row r="6199">
      <c r="A6199" s="1">
        <v>4.90409465E8</v>
      </c>
      <c r="B6199" s="2">
        <v>12002.0</v>
      </c>
      <c r="C6199" s="1" t="s">
        <v>5</v>
      </c>
      <c r="D6199" s="1" t="s">
        <v>5037</v>
      </c>
      <c r="E6199" s="1" t="s">
        <v>7</v>
      </c>
    </row>
    <row r="6200">
      <c r="A6200" s="1">
        <v>4.90409502E8</v>
      </c>
      <c r="B6200" s="2">
        <v>11982.0</v>
      </c>
      <c r="C6200" s="1" t="s">
        <v>5</v>
      </c>
      <c r="D6200" s="1" t="s">
        <v>5038</v>
      </c>
      <c r="E6200" s="1" t="s">
        <v>7</v>
      </c>
    </row>
    <row r="6201">
      <c r="A6201" s="1">
        <v>4.90409504E8</v>
      </c>
      <c r="B6201" s="2">
        <v>11992.0</v>
      </c>
      <c r="C6201" s="1" t="s">
        <v>5</v>
      </c>
      <c r="D6201" s="1" t="s">
        <v>5039</v>
      </c>
      <c r="E6201" s="1" t="s">
        <v>11</v>
      </c>
    </row>
    <row r="6202">
      <c r="A6202" s="1">
        <v>4.90409509E8</v>
      </c>
      <c r="B6202" s="2">
        <v>11961.0</v>
      </c>
      <c r="C6202" s="1" t="s">
        <v>5</v>
      </c>
      <c r="D6202" s="1" t="s">
        <v>5040</v>
      </c>
      <c r="E6202" s="1" t="s">
        <v>11</v>
      </c>
    </row>
    <row r="6203">
      <c r="A6203" s="1">
        <v>4.9040952E8</v>
      </c>
      <c r="B6203" s="2">
        <v>11961.0</v>
      </c>
      <c r="C6203" s="1" t="s">
        <v>5</v>
      </c>
      <c r="D6203" s="1" t="s">
        <v>5041</v>
      </c>
      <c r="E6203" s="1" t="s">
        <v>11</v>
      </c>
    </row>
    <row r="6204">
      <c r="A6204" s="1">
        <v>4.90409524E8</v>
      </c>
      <c r="B6204" s="2">
        <v>12010.0</v>
      </c>
      <c r="C6204" s="1" t="s">
        <v>5</v>
      </c>
      <c r="D6204" s="1" t="s">
        <v>5042</v>
      </c>
      <c r="E6204" s="1" t="s">
        <v>11</v>
      </c>
    </row>
    <row r="6205">
      <c r="A6205" s="1">
        <v>4.90409539E8</v>
      </c>
      <c r="B6205" s="2">
        <v>11909.0</v>
      </c>
      <c r="C6205" s="1" t="s">
        <v>5</v>
      </c>
      <c r="D6205" s="1" t="s">
        <v>5043</v>
      </c>
      <c r="E6205" s="1" t="s">
        <v>7</v>
      </c>
    </row>
    <row r="6206">
      <c r="A6206" s="1">
        <v>4.90409542E8</v>
      </c>
      <c r="B6206" s="2">
        <v>11985.0</v>
      </c>
      <c r="C6206" s="1" t="s">
        <v>5</v>
      </c>
      <c r="D6206" s="1" t="s">
        <v>5044</v>
      </c>
      <c r="E6206" s="1" t="s">
        <v>5045</v>
      </c>
    </row>
    <row r="6207">
      <c r="A6207" s="1">
        <v>4.90409547E8</v>
      </c>
      <c r="B6207" s="2">
        <v>11911.0</v>
      </c>
      <c r="C6207" s="1" t="s">
        <v>5</v>
      </c>
      <c r="D6207" s="1" t="s">
        <v>5046</v>
      </c>
      <c r="E6207" s="1" t="s">
        <v>11</v>
      </c>
    </row>
    <row r="6208">
      <c r="A6208" s="1">
        <v>4.9040955E8</v>
      </c>
      <c r="B6208" s="2">
        <v>11985.0</v>
      </c>
      <c r="C6208" s="1" t="s">
        <v>5</v>
      </c>
      <c r="D6208" s="1" t="s">
        <v>11</v>
      </c>
      <c r="E6208" s="1" t="s">
        <v>7</v>
      </c>
    </row>
    <row r="6209">
      <c r="A6209" s="1">
        <v>4.90409583E8</v>
      </c>
      <c r="B6209" s="2">
        <v>12010.0</v>
      </c>
      <c r="C6209" s="1" t="s">
        <v>5</v>
      </c>
      <c r="D6209" s="1" t="s">
        <v>11</v>
      </c>
      <c r="E6209" s="1" t="s">
        <v>7</v>
      </c>
    </row>
    <row r="6210">
      <c r="A6210" s="1">
        <v>4.90409584E8</v>
      </c>
      <c r="B6210" s="2">
        <v>11992.0</v>
      </c>
      <c r="C6210" s="1" t="s">
        <v>5</v>
      </c>
      <c r="D6210" s="1" t="s">
        <v>5047</v>
      </c>
      <c r="E6210" s="1" t="s">
        <v>7</v>
      </c>
    </row>
    <row r="6211">
      <c r="A6211" s="1">
        <v>4.90409606E8</v>
      </c>
      <c r="B6211" s="2">
        <v>12001.0</v>
      </c>
      <c r="C6211" s="1" t="s">
        <v>5</v>
      </c>
      <c r="D6211" s="1" t="s">
        <v>5048</v>
      </c>
      <c r="E6211" s="1" t="s">
        <v>7</v>
      </c>
    </row>
    <row r="6212">
      <c r="A6212" s="1">
        <v>4.90409636E8</v>
      </c>
      <c r="B6212" s="2">
        <v>11982.0</v>
      </c>
      <c r="C6212" s="1" t="s">
        <v>5</v>
      </c>
      <c r="D6212" s="1" t="s">
        <v>5049</v>
      </c>
      <c r="E6212" s="1" t="s">
        <v>11</v>
      </c>
    </row>
    <row r="6213">
      <c r="A6213" s="1">
        <v>4.90409637E8</v>
      </c>
      <c r="B6213" s="2">
        <v>11909.0</v>
      </c>
      <c r="C6213" s="1" t="s">
        <v>5</v>
      </c>
      <c r="D6213" s="1" t="s">
        <v>11</v>
      </c>
      <c r="E6213" s="1" t="s">
        <v>7</v>
      </c>
    </row>
    <row r="6214">
      <c r="A6214" s="1">
        <v>4.90409639E8</v>
      </c>
      <c r="B6214" s="2">
        <v>12004.0</v>
      </c>
      <c r="C6214" s="1" t="s">
        <v>5</v>
      </c>
      <c r="D6214" s="1" t="s">
        <v>5050</v>
      </c>
      <c r="E6214" s="1" t="s">
        <v>11</v>
      </c>
    </row>
    <row r="6215">
      <c r="A6215" s="1">
        <v>4.9040964E8</v>
      </c>
      <c r="B6215" s="2">
        <v>11992.0</v>
      </c>
      <c r="C6215" s="1" t="s">
        <v>5</v>
      </c>
      <c r="D6215" s="1" t="s">
        <v>5051</v>
      </c>
      <c r="E6215" s="1" t="s">
        <v>11</v>
      </c>
    </row>
    <row r="6216">
      <c r="A6216" s="1">
        <v>4.90409641E8</v>
      </c>
      <c r="B6216" s="2">
        <v>11910.0</v>
      </c>
      <c r="C6216" s="1" t="s">
        <v>5</v>
      </c>
      <c r="D6216" s="1" t="s">
        <v>11</v>
      </c>
      <c r="E6216" s="1" t="s">
        <v>7</v>
      </c>
    </row>
    <row r="6217">
      <c r="A6217" s="1">
        <v>4.90409644E8</v>
      </c>
      <c r="B6217" s="2">
        <v>11988.0</v>
      </c>
      <c r="C6217" s="1" t="s">
        <v>5</v>
      </c>
      <c r="D6217" s="1" t="s">
        <v>11</v>
      </c>
      <c r="E6217" s="1" t="s">
        <v>7</v>
      </c>
    </row>
    <row r="6218">
      <c r="A6218" s="1">
        <v>4.90409664E8</v>
      </c>
      <c r="B6218" s="2">
        <v>11982.0</v>
      </c>
      <c r="C6218" s="1" t="s">
        <v>5</v>
      </c>
      <c r="D6218" s="1" t="s">
        <v>5052</v>
      </c>
      <c r="E6218" s="1" t="s">
        <v>11</v>
      </c>
    </row>
    <row r="6219">
      <c r="A6219" s="1">
        <v>4.90409665E8</v>
      </c>
      <c r="B6219" s="2">
        <v>11951.0</v>
      </c>
      <c r="C6219" s="1" t="s">
        <v>5</v>
      </c>
      <c r="D6219" s="1" t="s">
        <v>11</v>
      </c>
      <c r="E6219" s="1" t="s">
        <v>7</v>
      </c>
    </row>
    <row r="6220">
      <c r="A6220" s="1">
        <v>4.90409674E8</v>
      </c>
      <c r="B6220" s="2">
        <v>11951.0</v>
      </c>
      <c r="C6220" s="1" t="s">
        <v>5</v>
      </c>
      <c r="D6220" s="1" t="s">
        <v>5053</v>
      </c>
      <c r="E6220" s="1" t="s">
        <v>5054</v>
      </c>
    </row>
    <row r="6221">
      <c r="A6221" s="1">
        <v>4.9040968E8</v>
      </c>
      <c r="B6221" s="2">
        <v>12009.0</v>
      </c>
      <c r="C6221" s="1" t="s">
        <v>5</v>
      </c>
      <c r="D6221" s="1" t="s">
        <v>5055</v>
      </c>
      <c r="E6221" s="1" t="s">
        <v>11</v>
      </c>
    </row>
    <row r="6222">
      <c r="A6222" s="1">
        <v>4.90409685E8</v>
      </c>
      <c r="B6222" s="2">
        <v>11982.0</v>
      </c>
      <c r="C6222" s="1" t="s">
        <v>5</v>
      </c>
      <c r="D6222" s="1" t="s">
        <v>5056</v>
      </c>
      <c r="E6222" s="1" t="s">
        <v>7</v>
      </c>
    </row>
    <row r="6223">
      <c r="A6223" s="1">
        <v>4.90409713E8</v>
      </c>
      <c r="B6223" s="2">
        <v>11992.0</v>
      </c>
      <c r="C6223" s="1" t="s">
        <v>5</v>
      </c>
      <c r="D6223" s="1" t="s">
        <v>5057</v>
      </c>
      <c r="E6223" s="1" t="s">
        <v>11</v>
      </c>
    </row>
    <row r="6224">
      <c r="A6224" s="1">
        <v>4.90409714E8</v>
      </c>
      <c r="B6224" s="2">
        <v>11990.0</v>
      </c>
      <c r="C6224" s="1" t="s">
        <v>5</v>
      </c>
      <c r="D6224" s="1" t="s">
        <v>11</v>
      </c>
      <c r="E6224" s="1" t="s">
        <v>7</v>
      </c>
    </row>
    <row r="6225">
      <c r="A6225" s="1">
        <v>4.90409724E8</v>
      </c>
      <c r="B6225" s="2">
        <v>11910.0</v>
      </c>
      <c r="C6225" s="1" t="s">
        <v>5</v>
      </c>
      <c r="D6225" s="1" t="s">
        <v>5058</v>
      </c>
      <c r="E6225" s="1" t="s">
        <v>11</v>
      </c>
    </row>
    <row r="6226">
      <c r="A6226" s="1">
        <v>4.90409753E8</v>
      </c>
      <c r="B6226" s="2">
        <v>11982.0</v>
      </c>
      <c r="C6226" s="1" t="s">
        <v>5</v>
      </c>
      <c r="D6226" s="1" t="s">
        <v>5059</v>
      </c>
      <c r="E6226" s="1" t="s">
        <v>11</v>
      </c>
    </row>
    <row r="6227">
      <c r="A6227" s="1">
        <v>4.90409756E8</v>
      </c>
      <c r="B6227" s="2">
        <v>11908.0</v>
      </c>
      <c r="C6227" s="1" t="s">
        <v>5</v>
      </c>
      <c r="D6227" s="1" t="s">
        <v>5060</v>
      </c>
      <c r="E6227" s="1" t="s">
        <v>7</v>
      </c>
    </row>
    <row r="6228">
      <c r="A6228" s="1">
        <v>4.90409769E8</v>
      </c>
      <c r="B6228" s="2">
        <v>11992.0</v>
      </c>
      <c r="C6228" s="1" t="s">
        <v>5</v>
      </c>
      <c r="D6228" s="1" t="s">
        <v>5061</v>
      </c>
      <c r="E6228" s="1" t="s">
        <v>7</v>
      </c>
    </row>
    <row r="6229">
      <c r="A6229" s="1">
        <v>4.90409778E8</v>
      </c>
      <c r="B6229" s="2">
        <v>11992.0</v>
      </c>
      <c r="C6229" s="1" t="s">
        <v>5</v>
      </c>
      <c r="D6229" s="1" t="s">
        <v>5062</v>
      </c>
      <c r="E6229" s="1" t="s">
        <v>11</v>
      </c>
    </row>
    <row r="6230">
      <c r="A6230" s="1">
        <v>4.90409822E8</v>
      </c>
      <c r="B6230" s="2">
        <v>11934.0</v>
      </c>
      <c r="C6230" s="1" t="s">
        <v>5</v>
      </c>
      <c r="D6230" s="1" t="s">
        <v>5063</v>
      </c>
      <c r="E6230" s="1" t="s">
        <v>7</v>
      </c>
    </row>
    <row r="6231">
      <c r="A6231" s="1">
        <v>4.90409824E8</v>
      </c>
      <c r="B6231" s="2">
        <v>12001.0</v>
      </c>
      <c r="C6231" s="1" t="s">
        <v>5</v>
      </c>
      <c r="D6231" s="1" t="s">
        <v>11</v>
      </c>
      <c r="E6231" s="1" t="s">
        <v>7</v>
      </c>
    </row>
    <row r="6232">
      <c r="A6232" s="1">
        <v>4.90409827E8</v>
      </c>
      <c r="B6232" s="2">
        <v>11992.0</v>
      </c>
      <c r="C6232" s="1" t="s">
        <v>5</v>
      </c>
      <c r="D6232" s="1" t="s">
        <v>5064</v>
      </c>
      <c r="E6232" s="1" t="s">
        <v>7</v>
      </c>
    </row>
    <row r="6233">
      <c r="A6233" s="1">
        <v>4.90409839E8</v>
      </c>
      <c r="B6233" s="2">
        <v>12007.0</v>
      </c>
      <c r="C6233" s="1" t="s">
        <v>5</v>
      </c>
      <c r="D6233" s="1" t="s">
        <v>11</v>
      </c>
      <c r="E6233" s="1" t="s">
        <v>7</v>
      </c>
    </row>
    <row r="6234">
      <c r="A6234" s="1">
        <v>4.90409843E8</v>
      </c>
      <c r="B6234" s="2">
        <v>11908.0</v>
      </c>
      <c r="C6234" s="1" t="s">
        <v>5</v>
      </c>
      <c r="D6234" s="1" t="s">
        <v>11</v>
      </c>
      <c r="E6234" s="1" t="s">
        <v>7</v>
      </c>
    </row>
    <row r="6235">
      <c r="A6235" s="1">
        <v>4.90409844E8</v>
      </c>
      <c r="B6235" s="2">
        <v>12007.0</v>
      </c>
      <c r="C6235" s="1" t="s">
        <v>5</v>
      </c>
      <c r="D6235" s="1" t="s">
        <v>5065</v>
      </c>
      <c r="E6235" s="1" t="s">
        <v>7</v>
      </c>
    </row>
    <row r="6236">
      <c r="A6236" s="1">
        <v>4.90409854E8</v>
      </c>
      <c r="B6236" s="2">
        <v>11961.0</v>
      </c>
      <c r="C6236" s="1" t="s">
        <v>5</v>
      </c>
      <c r="D6236" s="1" t="s">
        <v>5066</v>
      </c>
      <c r="E6236" s="1" t="s">
        <v>5067</v>
      </c>
    </row>
    <row r="6237">
      <c r="A6237" s="1">
        <v>4.90409893E8</v>
      </c>
      <c r="B6237" s="2">
        <v>11961.0</v>
      </c>
      <c r="C6237" s="1" t="s">
        <v>5</v>
      </c>
      <c r="D6237" s="1" t="s">
        <v>5068</v>
      </c>
      <c r="E6237" s="1" t="s">
        <v>7</v>
      </c>
    </row>
    <row r="6238">
      <c r="A6238" s="1">
        <v>4.90409894E8</v>
      </c>
      <c r="B6238" s="2">
        <v>11909.0</v>
      </c>
      <c r="C6238" s="1" t="s">
        <v>5</v>
      </c>
      <c r="D6238" s="1" t="s">
        <v>5069</v>
      </c>
      <c r="E6238" s="1" t="s">
        <v>11</v>
      </c>
    </row>
    <row r="6239">
      <c r="A6239" s="1">
        <v>4.90409917E8</v>
      </c>
      <c r="B6239" s="2">
        <v>12008.0</v>
      </c>
      <c r="C6239" s="1" t="s">
        <v>5</v>
      </c>
      <c r="D6239" s="1" t="s">
        <v>5070</v>
      </c>
      <c r="E6239" s="1" t="s">
        <v>7</v>
      </c>
    </row>
    <row r="6240">
      <c r="A6240" s="1">
        <v>4.90409924E8</v>
      </c>
      <c r="B6240" s="2">
        <v>11992.0</v>
      </c>
      <c r="C6240" s="1" t="s">
        <v>5</v>
      </c>
      <c r="D6240" s="1" t="s">
        <v>11</v>
      </c>
      <c r="E6240" s="1" t="s">
        <v>7</v>
      </c>
    </row>
    <row r="6241">
      <c r="A6241" s="1">
        <v>4.90409932E8</v>
      </c>
      <c r="B6241" s="2">
        <v>11991.0</v>
      </c>
      <c r="C6241" s="1" t="s">
        <v>5</v>
      </c>
      <c r="D6241" s="1" t="s">
        <v>5071</v>
      </c>
      <c r="E6241" s="1" t="s">
        <v>7</v>
      </c>
    </row>
    <row r="6242">
      <c r="A6242" s="1">
        <v>4.90409934E8</v>
      </c>
      <c r="B6242" s="2">
        <v>12051.0</v>
      </c>
      <c r="C6242" s="1" t="s">
        <v>5</v>
      </c>
      <c r="D6242" s="1" t="s">
        <v>11</v>
      </c>
      <c r="E6242" s="1" t="s">
        <v>7</v>
      </c>
    </row>
    <row r="6243">
      <c r="A6243" s="1">
        <v>4.9040994E8</v>
      </c>
      <c r="B6243" s="2">
        <v>11985.0</v>
      </c>
      <c r="C6243" s="1" t="s">
        <v>5</v>
      </c>
      <c r="D6243" s="1" t="s">
        <v>5072</v>
      </c>
      <c r="E6243" s="1" t="s">
        <v>7</v>
      </c>
    </row>
    <row r="6244">
      <c r="A6244" s="1">
        <v>4.90409943E8</v>
      </c>
      <c r="B6244" s="2">
        <v>11989.0</v>
      </c>
      <c r="C6244" s="1" t="s">
        <v>5</v>
      </c>
      <c r="D6244" s="1" t="s">
        <v>11</v>
      </c>
      <c r="E6244" s="1" t="s">
        <v>7</v>
      </c>
    </row>
    <row r="6245">
      <c r="A6245" s="1">
        <v>4.90409962E8</v>
      </c>
      <c r="B6245" s="2">
        <v>12052.0</v>
      </c>
      <c r="C6245" s="1" t="s">
        <v>5</v>
      </c>
      <c r="D6245" s="1" t="s">
        <v>11</v>
      </c>
      <c r="E6245" s="1" t="s">
        <v>7</v>
      </c>
    </row>
    <row r="6246">
      <c r="A6246" s="1">
        <v>4.90409975E8</v>
      </c>
      <c r="B6246" s="2">
        <v>11991.0</v>
      </c>
      <c r="C6246" s="1" t="s">
        <v>5</v>
      </c>
      <c r="D6246" s="1" t="s">
        <v>11</v>
      </c>
      <c r="E6246" s="1" t="s">
        <v>7</v>
      </c>
    </row>
    <row r="6247">
      <c r="A6247" s="1">
        <v>4.9040999E8</v>
      </c>
      <c r="B6247" s="2">
        <v>11993.0</v>
      </c>
      <c r="C6247" s="1" t="s">
        <v>5</v>
      </c>
      <c r="D6247" s="1" t="s">
        <v>11</v>
      </c>
      <c r="E6247" s="1" t="s">
        <v>7</v>
      </c>
    </row>
    <row r="6248">
      <c r="A6248" s="1">
        <v>4.90409992E8</v>
      </c>
      <c r="B6248" s="2">
        <v>12006.0</v>
      </c>
      <c r="C6248" s="1" t="s">
        <v>5</v>
      </c>
      <c r="D6248" s="1" t="s">
        <v>5073</v>
      </c>
      <c r="E6248" s="1" t="s">
        <v>7</v>
      </c>
    </row>
    <row r="6249">
      <c r="A6249" s="1">
        <v>4.90410004E8</v>
      </c>
      <c r="B6249" s="2">
        <v>12007.0</v>
      </c>
      <c r="C6249" s="1" t="s">
        <v>5</v>
      </c>
      <c r="D6249" s="1" t="s">
        <v>5074</v>
      </c>
      <c r="E6249" s="1" t="s">
        <v>11</v>
      </c>
    </row>
    <row r="6250">
      <c r="A6250" s="1">
        <v>4.90410012E8</v>
      </c>
      <c r="B6250" s="2">
        <v>12000.0</v>
      </c>
      <c r="C6250" s="1" t="s">
        <v>5</v>
      </c>
      <c r="D6250" s="1" t="s">
        <v>11</v>
      </c>
      <c r="E6250" s="1" t="s">
        <v>7</v>
      </c>
    </row>
    <row r="6251">
      <c r="A6251" s="1">
        <v>4.90410015E8</v>
      </c>
      <c r="B6251" s="2">
        <v>11982.0</v>
      </c>
      <c r="C6251" s="1" t="s">
        <v>5</v>
      </c>
      <c r="D6251" s="1" t="s">
        <v>11</v>
      </c>
      <c r="E6251" s="1" t="s">
        <v>7</v>
      </c>
    </row>
    <row r="6252">
      <c r="A6252" s="1">
        <v>4.90410024E8</v>
      </c>
      <c r="B6252" s="2">
        <v>11985.0</v>
      </c>
      <c r="C6252" s="1" t="s">
        <v>5</v>
      </c>
      <c r="D6252" s="1" t="s">
        <v>5075</v>
      </c>
      <c r="E6252" s="1" t="s">
        <v>11</v>
      </c>
    </row>
    <row r="6253">
      <c r="A6253" s="1">
        <v>4.90410043E8</v>
      </c>
      <c r="B6253" s="2">
        <v>12006.0</v>
      </c>
      <c r="C6253" s="1" t="s">
        <v>5</v>
      </c>
      <c r="D6253" s="1" t="s">
        <v>11</v>
      </c>
      <c r="E6253" s="1" t="s">
        <v>7</v>
      </c>
    </row>
    <row r="6254">
      <c r="A6254" s="1">
        <v>4.90410048E8</v>
      </c>
      <c r="B6254" s="2">
        <v>11908.0</v>
      </c>
      <c r="C6254" s="1" t="s">
        <v>5</v>
      </c>
      <c r="D6254" s="1" t="s">
        <v>5076</v>
      </c>
      <c r="E6254" s="1" t="s">
        <v>11</v>
      </c>
    </row>
    <row r="6255">
      <c r="A6255" s="1">
        <v>4.90410055E8</v>
      </c>
      <c r="B6255" s="2">
        <v>12008.0</v>
      </c>
      <c r="C6255" s="1" t="s">
        <v>5</v>
      </c>
      <c r="D6255" s="1" t="s">
        <v>5077</v>
      </c>
      <c r="E6255" s="1" t="s">
        <v>7</v>
      </c>
    </row>
    <row r="6256">
      <c r="A6256" s="1">
        <v>4.9041006E8</v>
      </c>
      <c r="B6256" s="2">
        <v>12005.0</v>
      </c>
      <c r="C6256" s="1" t="s">
        <v>5</v>
      </c>
      <c r="D6256" s="1" t="s">
        <v>5078</v>
      </c>
      <c r="E6256" s="1" t="s">
        <v>11</v>
      </c>
    </row>
    <row r="6257">
      <c r="A6257" s="1">
        <v>4.9041007E8</v>
      </c>
      <c r="B6257" s="2">
        <v>12006.0</v>
      </c>
      <c r="C6257" s="1" t="s">
        <v>5</v>
      </c>
      <c r="D6257" s="1" t="s">
        <v>5079</v>
      </c>
      <c r="E6257" s="1" t="s">
        <v>7</v>
      </c>
    </row>
    <row r="6258">
      <c r="A6258" s="1">
        <v>4.90410072E8</v>
      </c>
      <c r="B6258" s="2">
        <v>12000.0</v>
      </c>
      <c r="C6258" s="1" t="s">
        <v>5</v>
      </c>
      <c r="D6258" s="1" t="s">
        <v>5080</v>
      </c>
      <c r="E6258" s="1" t="s">
        <v>7</v>
      </c>
    </row>
    <row r="6259">
      <c r="A6259" s="1">
        <v>4.90410084E8</v>
      </c>
      <c r="B6259" s="2">
        <v>11987.0</v>
      </c>
      <c r="C6259" s="1" t="s">
        <v>5</v>
      </c>
      <c r="D6259" s="1" t="s">
        <v>11</v>
      </c>
      <c r="E6259" s="1" t="s">
        <v>7</v>
      </c>
    </row>
    <row r="6260">
      <c r="A6260" s="1">
        <v>4.90410102E8</v>
      </c>
      <c r="B6260" s="2">
        <v>11909.0</v>
      </c>
      <c r="C6260" s="1" t="s">
        <v>5</v>
      </c>
      <c r="D6260" s="1" t="s">
        <v>5081</v>
      </c>
      <c r="E6260" s="1" t="s">
        <v>11</v>
      </c>
    </row>
    <row r="6261">
      <c r="A6261" s="1">
        <v>4.90410104E8</v>
      </c>
      <c r="B6261" s="2">
        <v>11987.0</v>
      </c>
      <c r="C6261" s="1" t="s">
        <v>5</v>
      </c>
      <c r="D6261" s="1" t="s">
        <v>11</v>
      </c>
      <c r="E6261" s="1" t="s">
        <v>7</v>
      </c>
    </row>
    <row r="6262">
      <c r="A6262" s="1">
        <v>4.9041011E8</v>
      </c>
      <c r="B6262" s="2">
        <v>11985.0</v>
      </c>
      <c r="C6262" s="1" t="s">
        <v>5</v>
      </c>
      <c r="D6262" s="1" t="s">
        <v>11</v>
      </c>
      <c r="E6262" s="1" t="s">
        <v>7</v>
      </c>
    </row>
    <row r="6263">
      <c r="A6263" s="1">
        <v>4.90410114E8</v>
      </c>
      <c r="B6263" s="2">
        <v>11991.0</v>
      </c>
      <c r="C6263" s="1" t="s">
        <v>5</v>
      </c>
      <c r="D6263" s="1" t="s">
        <v>5082</v>
      </c>
      <c r="E6263" s="1" t="s">
        <v>5083</v>
      </c>
    </row>
    <row r="6264">
      <c r="A6264" s="1">
        <v>4.90410115E8</v>
      </c>
      <c r="B6264" s="2">
        <v>11908.0</v>
      </c>
      <c r="C6264" s="1" t="s">
        <v>5</v>
      </c>
      <c r="D6264" s="1" t="s">
        <v>5084</v>
      </c>
      <c r="E6264" s="1" t="s">
        <v>7</v>
      </c>
    </row>
    <row r="6265">
      <c r="A6265" s="1">
        <v>4.90410126E8</v>
      </c>
      <c r="B6265" s="2">
        <v>12000.0</v>
      </c>
      <c r="C6265" s="1" t="s">
        <v>5</v>
      </c>
      <c r="D6265" s="1" t="s">
        <v>5085</v>
      </c>
      <c r="E6265" s="1" t="s">
        <v>7</v>
      </c>
    </row>
    <row r="6266">
      <c r="A6266" s="1">
        <v>4.90410163E8</v>
      </c>
      <c r="B6266" s="2">
        <v>12000.0</v>
      </c>
      <c r="C6266" s="1" t="s">
        <v>5</v>
      </c>
      <c r="D6266" s="1" t="s">
        <v>5086</v>
      </c>
      <c r="E6266" s="1" t="s">
        <v>11</v>
      </c>
    </row>
    <row r="6267">
      <c r="A6267" s="1">
        <v>4.90410172E8</v>
      </c>
      <c r="B6267" s="2">
        <v>12052.0</v>
      </c>
      <c r="C6267" s="1" t="s">
        <v>5</v>
      </c>
      <c r="D6267" s="1" t="s">
        <v>5087</v>
      </c>
      <c r="E6267" s="1" t="s">
        <v>7</v>
      </c>
    </row>
    <row r="6268">
      <c r="A6268" s="1">
        <v>4.90410175E8</v>
      </c>
      <c r="B6268" s="2">
        <v>11986.0</v>
      </c>
      <c r="C6268" s="1" t="s">
        <v>5</v>
      </c>
      <c r="D6268" s="1" t="s">
        <v>5088</v>
      </c>
      <c r="E6268" s="1" t="s">
        <v>5089</v>
      </c>
    </row>
    <row r="6269">
      <c r="A6269" s="1">
        <v>4.90410195E8</v>
      </c>
      <c r="B6269" s="2">
        <v>12000.0</v>
      </c>
      <c r="C6269" s="1" t="s">
        <v>5</v>
      </c>
      <c r="D6269" s="1" t="s">
        <v>5090</v>
      </c>
      <c r="E6269" s="1" t="s">
        <v>11</v>
      </c>
    </row>
    <row r="6270">
      <c r="A6270" s="1">
        <v>4.904102E8</v>
      </c>
      <c r="B6270" s="2">
        <v>11990.0</v>
      </c>
      <c r="C6270" s="1" t="s">
        <v>5</v>
      </c>
      <c r="D6270" s="1" t="s">
        <v>5091</v>
      </c>
      <c r="E6270" s="1" t="s">
        <v>11</v>
      </c>
    </row>
    <row r="6271">
      <c r="A6271" s="1">
        <v>4.90410203E8</v>
      </c>
      <c r="B6271" s="2">
        <v>11982.0</v>
      </c>
      <c r="C6271" s="1" t="s">
        <v>5</v>
      </c>
      <c r="D6271" s="1" t="s">
        <v>5092</v>
      </c>
      <c r="E6271" s="1" t="s">
        <v>11</v>
      </c>
    </row>
    <row r="6272">
      <c r="A6272" s="1">
        <v>4.90410205E8</v>
      </c>
      <c r="B6272" s="2">
        <v>11986.0</v>
      </c>
      <c r="C6272" s="1" t="s">
        <v>5</v>
      </c>
      <c r="D6272" s="1" t="s">
        <v>5093</v>
      </c>
      <c r="E6272" s="1" t="s">
        <v>5094</v>
      </c>
    </row>
    <row r="6273">
      <c r="A6273" s="1">
        <v>4.90410225E8</v>
      </c>
      <c r="B6273" s="2">
        <v>12051.0</v>
      </c>
      <c r="C6273" s="1" t="s">
        <v>5</v>
      </c>
      <c r="D6273" s="1" t="s">
        <v>5095</v>
      </c>
      <c r="E6273" s="1" t="s">
        <v>5096</v>
      </c>
    </row>
    <row r="6274">
      <c r="A6274" s="1">
        <v>4.90410233E8</v>
      </c>
      <c r="B6274" s="2">
        <v>12000.0</v>
      </c>
      <c r="C6274" s="1" t="s">
        <v>5</v>
      </c>
      <c r="D6274" s="1" t="s">
        <v>5097</v>
      </c>
      <c r="E6274" s="1" t="s">
        <v>11</v>
      </c>
    </row>
    <row r="6275">
      <c r="A6275" s="1">
        <v>4.90410234E8</v>
      </c>
      <c r="B6275" s="2">
        <v>11991.0</v>
      </c>
      <c r="C6275" s="1" t="s">
        <v>5</v>
      </c>
      <c r="D6275" s="1" t="s">
        <v>5098</v>
      </c>
      <c r="E6275" s="1" t="s">
        <v>7</v>
      </c>
    </row>
    <row r="6276">
      <c r="A6276" s="1">
        <v>4.90410244E8</v>
      </c>
      <c r="B6276" s="2">
        <v>11908.0</v>
      </c>
      <c r="C6276" s="1" t="s">
        <v>5</v>
      </c>
      <c r="D6276" s="1" t="s">
        <v>5099</v>
      </c>
      <c r="E6276" s="1" t="s">
        <v>11</v>
      </c>
    </row>
    <row r="6277">
      <c r="A6277" s="1">
        <v>4.90410253E8</v>
      </c>
      <c r="B6277" s="2">
        <v>11935.0</v>
      </c>
      <c r="C6277" s="1" t="s">
        <v>5</v>
      </c>
      <c r="D6277" s="1" t="s">
        <v>5100</v>
      </c>
      <c r="E6277" s="1" t="s">
        <v>7</v>
      </c>
    </row>
    <row r="6278">
      <c r="A6278" s="1">
        <v>4.90410276E8</v>
      </c>
      <c r="B6278" s="2">
        <v>11907.0</v>
      </c>
      <c r="C6278" s="1" t="s">
        <v>5</v>
      </c>
      <c r="D6278" s="1" t="s">
        <v>5101</v>
      </c>
      <c r="E6278" s="1" t="s">
        <v>5102</v>
      </c>
    </row>
    <row r="6279">
      <c r="A6279" s="1">
        <v>4.90410284E8</v>
      </c>
      <c r="B6279" s="2">
        <v>12006.0</v>
      </c>
      <c r="C6279" s="1" t="s">
        <v>5</v>
      </c>
      <c r="D6279" s="1" t="s">
        <v>5103</v>
      </c>
      <c r="E6279" s="1" t="s">
        <v>11</v>
      </c>
    </row>
    <row r="6280">
      <c r="A6280" s="1">
        <v>4.90410285E8</v>
      </c>
      <c r="B6280" s="2">
        <v>12004.0</v>
      </c>
      <c r="C6280" s="1" t="s">
        <v>5</v>
      </c>
      <c r="D6280" s="1" t="s">
        <v>5104</v>
      </c>
      <c r="E6280" s="1" t="s">
        <v>7</v>
      </c>
    </row>
    <row r="6281">
      <c r="A6281" s="1">
        <v>4.90410302E8</v>
      </c>
      <c r="B6281" s="2">
        <v>12003.0</v>
      </c>
      <c r="C6281" s="1" t="s">
        <v>5</v>
      </c>
      <c r="D6281" s="1" t="s">
        <v>5105</v>
      </c>
      <c r="E6281" s="1" t="s">
        <v>7</v>
      </c>
    </row>
    <row r="6282">
      <c r="A6282" s="1">
        <v>4.90410303E8</v>
      </c>
      <c r="B6282" s="2">
        <v>11934.0</v>
      </c>
      <c r="C6282" s="1" t="s">
        <v>5</v>
      </c>
      <c r="D6282" s="1" t="s">
        <v>5106</v>
      </c>
      <c r="E6282" s="1" t="s">
        <v>7</v>
      </c>
    </row>
    <row r="6283">
      <c r="A6283" s="1">
        <v>4.9041031E8</v>
      </c>
      <c r="B6283" s="2">
        <v>11990.0</v>
      </c>
      <c r="C6283" s="1" t="s">
        <v>5</v>
      </c>
      <c r="D6283" s="1" t="s">
        <v>5107</v>
      </c>
      <c r="E6283" s="1" t="s">
        <v>11</v>
      </c>
    </row>
    <row r="6284">
      <c r="A6284" s="1">
        <v>4.90410319E8</v>
      </c>
      <c r="B6284" s="2">
        <v>11982.0</v>
      </c>
      <c r="C6284" s="1" t="s">
        <v>5</v>
      </c>
      <c r="D6284" s="1" t="s">
        <v>5108</v>
      </c>
      <c r="E6284" s="1" t="s">
        <v>11</v>
      </c>
    </row>
    <row r="6285">
      <c r="A6285" s="1">
        <v>4.90410325E8</v>
      </c>
      <c r="B6285" s="2">
        <v>11908.0</v>
      </c>
      <c r="C6285" s="1" t="s">
        <v>5</v>
      </c>
      <c r="D6285" s="1" t="s">
        <v>11</v>
      </c>
      <c r="E6285" s="1" t="s">
        <v>7</v>
      </c>
    </row>
    <row r="6286">
      <c r="A6286" s="1">
        <v>4.90410334E8</v>
      </c>
      <c r="B6286" s="2">
        <v>11990.0</v>
      </c>
      <c r="C6286" s="1" t="s">
        <v>5</v>
      </c>
      <c r="D6286" s="1" t="s">
        <v>5109</v>
      </c>
      <c r="E6286" s="1" t="s">
        <v>7</v>
      </c>
    </row>
    <row r="6287">
      <c r="A6287" s="1">
        <v>4.90410374E8</v>
      </c>
      <c r="B6287" s="2">
        <v>11982.0</v>
      </c>
      <c r="C6287" s="1" t="s">
        <v>5</v>
      </c>
      <c r="D6287" s="1" t="s">
        <v>5110</v>
      </c>
      <c r="E6287" s="1" t="s">
        <v>7</v>
      </c>
    </row>
    <row r="6288">
      <c r="A6288" s="1">
        <v>4.90410382E8</v>
      </c>
      <c r="B6288" s="2">
        <v>12006.0</v>
      </c>
      <c r="C6288" s="1" t="s">
        <v>5</v>
      </c>
      <c r="D6288" s="1" t="s">
        <v>5111</v>
      </c>
      <c r="E6288" s="1" t="s">
        <v>7</v>
      </c>
    </row>
    <row r="6289">
      <c r="A6289" s="1">
        <v>4.90410385E8</v>
      </c>
      <c r="B6289" s="2">
        <v>11989.0</v>
      </c>
      <c r="C6289" s="1" t="s">
        <v>5</v>
      </c>
      <c r="D6289" s="1" t="s">
        <v>11</v>
      </c>
      <c r="E6289" s="1" t="s">
        <v>7</v>
      </c>
    </row>
    <row r="6290">
      <c r="A6290" s="1">
        <v>4.90410388E8</v>
      </c>
      <c r="B6290" s="2">
        <v>12007.0</v>
      </c>
      <c r="C6290" s="1" t="s">
        <v>5</v>
      </c>
      <c r="D6290" s="1" t="s">
        <v>5112</v>
      </c>
      <c r="E6290" s="1" t="s">
        <v>7</v>
      </c>
    </row>
    <row r="6291">
      <c r="A6291" s="1">
        <v>4.90410394E8</v>
      </c>
      <c r="B6291" s="2">
        <v>12053.0</v>
      </c>
      <c r="C6291" s="1" t="s">
        <v>5</v>
      </c>
      <c r="D6291" s="1" t="s">
        <v>5113</v>
      </c>
      <c r="E6291" s="1" t="s">
        <v>11</v>
      </c>
    </row>
    <row r="6292">
      <c r="A6292" s="1">
        <v>4.90410398E8</v>
      </c>
      <c r="B6292" s="2">
        <v>12006.0</v>
      </c>
      <c r="C6292" s="1" t="s">
        <v>5</v>
      </c>
      <c r="D6292" s="1" t="s">
        <v>11</v>
      </c>
      <c r="E6292" s="1" t="s">
        <v>7</v>
      </c>
    </row>
    <row r="6293">
      <c r="A6293" s="1">
        <v>4.90410424E8</v>
      </c>
      <c r="B6293" s="2">
        <v>12004.0</v>
      </c>
      <c r="C6293" s="1" t="s">
        <v>5</v>
      </c>
      <c r="D6293" s="1" t="s">
        <v>5114</v>
      </c>
      <c r="E6293" s="1" t="s">
        <v>11</v>
      </c>
    </row>
    <row r="6294">
      <c r="A6294" s="1">
        <v>4.9041043E8</v>
      </c>
      <c r="B6294" s="2">
        <v>11907.0</v>
      </c>
      <c r="C6294" s="1" t="s">
        <v>5</v>
      </c>
      <c r="D6294" s="1" t="s">
        <v>5115</v>
      </c>
      <c r="E6294" s="1" t="s">
        <v>7</v>
      </c>
    </row>
    <row r="6295">
      <c r="A6295" s="1">
        <v>4.90410434E8</v>
      </c>
      <c r="B6295" s="2">
        <v>11906.0</v>
      </c>
      <c r="C6295" s="1" t="s">
        <v>5</v>
      </c>
      <c r="D6295" s="1" t="s">
        <v>5116</v>
      </c>
      <c r="E6295" s="1" t="s">
        <v>5117</v>
      </c>
    </row>
    <row r="6296">
      <c r="A6296" s="1">
        <v>4.90410449E8</v>
      </c>
      <c r="B6296" s="2">
        <v>12006.0</v>
      </c>
      <c r="C6296" s="1" t="s">
        <v>5</v>
      </c>
      <c r="D6296" s="1" t="s">
        <v>5118</v>
      </c>
      <c r="E6296" s="1" t="s">
        <v>11</v>
      </c>
    </row>
    <row r="6297">
      <c r="A6297" s="1">
        <v>4.90410462E8</v>
      </c>
      <c r="B6297" s="2">
        <v>12053.0</v>
      </c>
      <c r="C6297" s="1" t="s">
        <v>5</v>
      </c>
      <c r="D6297" s="1" t="s">
        <v>5119</v>
      </c>
      <c r="E6297" s="1" t="s">
        <v>7</v>
      </c>
    </row>
    <row r="6298">
      <c r="A6298" s="1">
        <v>4.90410476E8</v>
      </c>
      <c r="B6298" s="2">
        <v>11907.0</v>
      </c>
      <c r="C6298" s="1" t="s">
        <v>5</v>
      </c>
      <c r="D6298" s="1" t="s">
        <v>5120</v>
      </c>
      <c r="E6298" s="1" t="s">
        <v>7</v>
      </c>
    </row>
    <row r="6299">
      <c r="A6299" s="1">
        <v>4.90410479E8</v>
      </c>
      <c r="B6299" s="2">
        <v>12006.0</v>
      </c>
      <c r="C6299" s="1" t="s">
        <v>5</v>
      </c>
      <c r="D6299" s="1" t="s">
        <v>5121</v>
      </c>
      <c r="E6299" s="1" t="s">
        <v>5122</v>
      </c>
    </row>
    <row r="6300">
      <c r="A6300" s="1">
        <v>4.90410504E8</v>
      </c>
      <c r="B6300" s="2">
        <v>12006.0</v>
      </c>
      <c r="C6300" s="1" t="s">
        <v>5</v>
      </c>
      <c r="D6300" s="1" t="s">
        <v>5123</v>
      </c>
      <c r="E6300" s="1" t="s">
        <v>5124</v>
      </c>
    </row>
    <row r="6301">
      <c r="A6301" s="1">
        <v>4.90410517E8</v>
      </c>
      <c r="B6301" s="2">
        <v>11988.0</v>
      </c>
      <c r="C6301" s="1" t="s">
        <v>5</v>
      </c>
      <c r="D6301" s="1" t="s">
        <v>11</v>
      </c>
      <c r="E6301" s="1" t="s">
        <v>7</v>
      </c>
    </row>
    <row r="6302">
      <c r="A6302" s="1">
        <v>4.90410526E8</v>
      </c>
      <c r="B6302" s="2">
        <v>12006.0</v>
      </c>
      <c r="C6302" s="1" t="s">
        <v>5</v>
      </c>
      <c r="D6302" s="1" t="s">
        <v>5125</v>
      </c>
      <c r="E6302" s="1" t="s">
        <v>5126</v>
      </c>
    </row>
    <row r="6303">
      <c r="A6303" s="1">
        <v>4.90410554E8</v>
      </c>
      <c r="B6303" s="2">
        <v>11906.0</v>
      </c>
      <c r="C6303" s="1" t="s">
        <v>5</v>
      </c>
      <c r="D6303" s="1" t="s">
        <v>5127</v>
      </c>
      <c r="E6303" s="1" t="s">
        <v>7</v>
      </c>
    </row>
    <row r="6304">
      <c r="A6304" s="1">
        <v>4.90410562E8</v>
      </c>
      <c r="B6304" s="2">
        <v>12052.0</v>
      </c>
      <c r="C6304" s="1" t="s">
        <v>5</v>
      </c>
      <c r="D6304" s="1" t="s">
        <v>5128</v>
      </c>
      <c r="E6304" s="1" t="s">
        <v>7</v>
      </c>
    </row>
    <row r="6305">
      <c r="A6305" s="1">
        <v>4.90410584E8</v>
      </c>
      <c r="B6305" s="2">
        <v>12004.0</v>
      </c>
      <c r="C6305" s="1" t="s">
        <v>5</v>
      </c>
      <c r="D6305" s="1" t="s">
        <v>11</v>
      </c>
      <c r="E6305" s="1" t="s">
        <v>7</v>
      </c>
    </row>
    <row r="6306">
      <c r="A6306" s="1">
        <v>4.90410585E8</v>
      </c>
      <c r="B6306" s="2">
        <v>12006.0</v>
      </c>
      <c r="C6306" s="1" t="s">
        <v>5</v>
      </c>
      <c r="D6306" s="1" t="s">
        <v>5129</v>
      </c>
      <c r="E6306" s="1" t="s">
        <v>7</v>
      </c>
    </row>
    <row r="6307">
      <c r="A6307" s="1">
        <v>4.90410598E8</v>
      </c>
      <c r="B6307" s="2">
        <v>11993.0</v>
      </c>
      <c r="C6307" s="1" t="s">
        <v>5</v>
      </c>
      <c r="D6307" s="1" t="s">
        <v>5130</v>
      </c>
      <c r="E6307" s="1" t="s">
        <v>7</v>
      </c>
    </row>
    <row r="6308">
      <c r="A6308" s="1">
        <v>4.90410619E8</v>
      </c>
      <c r="B6308" s="2">
        <v>11992.0</v>
      </c>
      <c r="C6308" s="1" t="s">
        <v>5</v>
      </c>
      <c r="D6308" s="1" t="s">
        <v>5131</v>
      </c>
      <c r="E6308" s="1" t="s">
        <v>5132</v>
      </c>
    </row>
    <row r="6309">
      <c r="A6309" s="1">
        <v>4.90410627E8</v>
      </c>
      <c r="B6309" s="2">
        <v>11985.0</v>
      </c>
      <c r="C6309" s="1" t="s">
        <v>5</v>
      </c>
      <c r="D6309" s="1" t="s">
        <v>5133</v>
      </c>
      <c r="E6309" s="1" t="s">
        <v>11</v>
      </c>
    </row>
    <row r="6310">
      <c r="A6310" s="1">
        <v>4.9041063E8</v>
      </c>
      <c r="B6310" s="2">
        <v>11983.0</v>
      </c>
      <c r="C6310" s="1" t="s">
        <v>5</v>
      </c>
      <c r="D6310" s="1" t="s">
        <v>5134</v>
      </c>
      <c r="E6310" s="1" t="s">
        <v>11</v>
      </c>
    </row>
    <row r="6311">
      <c r="A6311" s="1">
        <v>4.90410648E8</v>
      </c>
      <c r="B6311" s="2">
        <v>11992.0</v>
      </c>
      <c r="C6311" s="1" t="s">
        <v>5</v>
      </c>
      <c r="D6311" s="1" t="s">
        <v>7</v>
      </c>
      <c r="E6311" s="1" t="s">
        <v>7</v>
      </c>
    </row>
    <row r="6312">
      <c r="A6312" s="1">
        <v>4.90410664E8</v>
      </c>
      <c r="B6312" s="2">
        <v>11992.0</v>
      </c>
      <c r="C6312" s="1" t="s">
        <v>5</v>
      </c>
      <c r="D6312" s="1" t="s">
        <v>5135</v>
      </c>
      <c r="E6312" s="1" t="s">
        <v>5136</v>
      </c>
    </row>
    <row r="6313">
      <c r="A6313" s="1">
        <v>4.90410692E8</v>
      </c>
      <c r="B6313" s="2">
        <v>12050.0</v>
      </c>
      <c r="C6313" s="1" t="s">
        <v>5</v>
      </c>
      <c r="D6313" s="1" t="s">
        <v>5137</v>
      </c>
      <c r="E6313" s="1" t="s">
        <v>11</v>
      </c>
    </row>
    <row r="6314">
      <c r="A6314" s="1">
        <v>4.904107E8</v>
      </c>
      <c r="B6314" s="2">
        <v>11990.0</v>
      </c>
      <c r="C6314" s="1" t="s">
        <v>5</v>
      </c>
      <c r="D6314" s="1" t="s">
        <v>11</v>
      </c>
      <c r="E6314" s="1" t="s">
        <v>7</v>
      </c>
    </row>
    <row r="6315">
      <c r="A6315" s="1">
        <v>4.90410738E8</v>
      </c>
      <c r="B6315" s="2">
        <v>11906.0</v>
      </c>
      <c r="C6315" s="1" t="s">
        <v>5</v>
      </c>
      <c r="D6315" s="1" t="s">
        <v>5138</v>
      </c>
      <c r="E6315" s="1" t="s">
        <v>7</v>
      </c>
    </row>
    <row r="6316">
      <c r="A6316" s="1">
        <v>4.90410744E8</v>
      </c>
      <c r="B6316" s="2">
        <v>12050.0</v>
      </c>
      <c r="C6316" s="1" t="s">
        <v>5</v>
      </c>
      <c r="D6316" s="1" t="s">
        <v>5139</v>
      </c>
      <c r="E6316" s="1" t="s">
        <v>11</v>
      </c>
    </row>
    <row r="6317">
      <c r="A6317" s="1">
        <v>4.90410758E8</v>
      </c>
      <c r="B6317" s="2">
        <v>11905.0</v>
      </c>
      <c r="C6317" s="1" t="s">
        <v>5</v>
      </c>
      <c r="D6317" s="1" t="s">
        <v>11</v>
      </c>
      <c r="E6317" s="1" t="s">
        <v>7</v>
      </c>
    </row>
    <row r="6318">
      <c r="A6318" s="1">
        <v>4.90410765E8</v>
      </c>
      <c r="B6318" s="2">
        <v>12428.0</v>
      </c>
      <c r="C6318" s="1" t="s">
        <v>5</v>
      </c>
      <c r="D6318" s="1" t="s">
        <v>5140</v>
      </c>
      <c r="E6318" s="1" t="s">
        <v>7</v>
      </c>
    </row>
    <row r="6319">
      <c r="A6319" s="1">
        <v>4.90410767E8</v>
      </c>
      <c r="B6319" s="2">
        <v>11906.0</v>
      </c>
      <c r="C6319" s="1" t="s">
        <v>5</v>
      </c>
      <c r="D6319" s="1" t="s">
        <v>11</v>
      </c>
      <c r="E6319" s="1" t="s">
        <v>7</v>
      </c>
    </row>
    <row r="6320">
      <c r="A6320" s="1">
        <v>4.90410784E8</v>
      </c>
      <c r="B6320" s="2">
        <v>12003.0</v>
      </c>
      <c r="C6320" s="1" t="s">
        <v>5</v>
      </c>
      <c r="D6320" s="1" t="s">
        <v>5141</v>
      </c>
      <c r="E6320" s="1" t="s">
        <v>11</v>
      </c>
    </row>
    <row r="6321">
      <c r="A6321" s="1">
        <v>4.90410801E8</v>
      </c>
      <c r="B6321" s="2">
        <v>11982.0</v>
      </c>
      <c r="C6321" s="1" t="s">
        <v>5</v>
      </c>
      <c r="D6321" s="1" t="s">
        <v>5142</v>
      </c>
      <c r="E6321" s="1" t="s">
        <v>7</v>
      </c>
    </row>
    <row r="6322">
      <c r="A6322" s="1">
        <v>4.90410838E8</v>
      </c>
      <c r="B6322" s="2">
        <v>12052.0</v>
      </c>
      <c r="C6322" s="1" t="s">
        <v>5</v>
      </c>
      <c r="D6322" s="1" t="s">
        <v>5143</v>
      </c>
      <c r="E6322" s="1" t="s">
        <v>11</v>
      </c>
    </row>
    <row r="6323">
      <c r="A6323" s="1">
        <v>4.9041084E8</v>
      </c>
      <c r="B6323" s="2">
        <v>11992.0</v>
      </c>
      <c r="C6323" s="1" t="s">
        <v>5</v>
      </c>
      <c r="D6323" s="1" t="s">
        <v>11</v>
      </c>
      <c r="E6323" s="1" t="s">
        <v>7</v>
      </c>
    </row>
    <row r="6324">
      <c r="A6324" s="1">
        <v>4.90410841E8</v>
      </c>
      <c r="B6324" s="2">
        <v>11985.0</v>
      </c>
      <c r="C6324" s="1" t="s">
        <v>5</v>
      </c>
      <c r="D6324" s="1" t="s">
        <v>11</v>
      </c>
      <c r="E6324" s="1" t="s">
        <v>7</v>
      </c>
    </row>
    <row r="6325">
      <c r="A6325" s="1">
        <v>4.90410846E8</v>
      </c>
      <c r="B6325" s="2">
        <v>11993.0</v>
      </c>
      <c r="C6325" s="1" t="s">
        <v>5</v>
      </c>
      <c r="D6325" s="1" t="s">
        <v>5144</v>
      </c>
      <c r="E6325" s="1" t="s">
        <v>7</v>
      </c>
    </row>
    <row r="6326">
      <c r="A6326" s="1">
        <v>4.90410858E8</v>
      </c>
      <c r="B6326" s="2">
        <v>11981.0</v>
      </c>
      <c r="C6326" s="1" t="s">
        <v>5</v>
      </c>
      <c r="D6326" s="1" t="s">
        <v>5145</v>
      </c>
      <c r="E6326" s="1" t="s">
        <v>5146</v>
      </c>
    </row>
    <row r="6327">
      <c r="A6327" s="1">
        <v>4.90410859E8</v>
      </c>
      <c r="B6327" s="2">
        <v>12449.0</v>
      </c>
      <c r="C6327" s="1" t="s">
        <v>5</v>
      </c>
      <c r="D6327" s="1" t="s">
        <v>5147</v>
      </c>
      <c r="E6327" s="1" t="s">
        <v>11</v>
      </c>
    </row>
    <row r="6328">
      <c r="A6328" s="1">
        <v>4.90410865E8</v>
      </c>
      <c r="B6328" s="2">
        <v>12002.0</v>
      </c>
      <c r="C6328" s="1" t="s">
        <v>5</v>
      </c>
      <c r="D6328" s="1" t="s">
        <v>5148</v>
      </c>
      <c r="E6328" s="1" t="s">
        <v>7</v>
      </c>
    </row>
    <row r="6329">
      <c r="A6329" s="1">
        <v>4.90410871E8</v>
      </c>
      <c r="B6329" s="2">
        <v>11993.0</v>
      </c>
      <c r="C6329" s="1" t="s">
        <v>5</v>
      </c>
      <c r="D6329" s="1" t="s">
        <v>5149</v>
      </c>
      <c r="E6329" s="1" t="s">
        <v>11</v>
      </c>
    </row>
    <row r="6330">
      <c r="A6330" s="1">
        <v>4.90410873E8</v>
      </c>
      <c r="B6330" s="2">
        <v>11990.0</v>
      </c>
      <c r="C6330" s="1" t="s">
        <v>5</v>
      </c>
      <c r="D6330" s="1" t="s">
        <v>11</v>
      </c>
      <c r="E6330" s="1" t="s">
        <v>7</v>
      </c>
    </row>
    <row r="6331">
      <c r="A6331" s="1">
        <v>4.904109E8</v>
      </c>
      <c r="B6331" s="2">
        <v>11991.0</v>
      </c>
      <c r="C6331" s="1" t="s">
        <v>5</v>
      </c>
      <c r="D6331" s="1" t="s">
        <v>5150</v>
      </c>
      <c r="E6331" s="1" t="s">
        <v>7</v>
      </c>
    </row>
    <row r="6332">
      <c r="A6332" s="1">
        <v>4.90410913E8</v>
      </c>
      <c r="B6332" s="2">
        <v>12003.0</v>
      </c>
      <c r="C6332" s="1" t="s">
        <v>5</v>
      </c>
      <c r="D6332" s="1" t="s">
        <v>5151</v>
      </c>
      <c r="E6332" s="1" t="s">
        <v>7</v>
      </c>
    </row>
    <row r="6333">
      <c r="A6333" s="1">
        <v>4.90410914E8</v>
      </c>
      <c r="B6333" s="2">
        <v>12006.0</v>
      </c>
      <c r="C6333" s="1" t="s">
        <v>5</v>
      </c>
      <c r="D6333" s="1" t="s">
        <v>5152</v>
      </c>
      <c r="E6333" s="1" t="s">
        <v>7</v>
      </c>
    </row>
    <row r="6334">
      <c r="A6334" s="1">
        <v>4.90410916E8</v>
      </c>
      <c r="B6334" s="2">
        <v>12001.0</v>
      </c>
      <c r="C6334" s="1" t="s">
        <v>5</v>
      </c>
      <c r="D6334" s="1" t="s">
        <v>5153</v>
      </c>
      <c r="E6334" s="1" t="s">
        <v>5154</v>
      </c>
    </row>
    <row r="6335">
      <c r="A6335" s="1">
        <v>4.90410926E8</v>
      </c>
      <c r="B6335" s="2">
        <v>11904.0</v>
      </c>
      <c r="C6335" s="1" t="s">
        <v>5</v>
      </c>
      <c r="D6335" s="1" t="s">
        <v>5155</v>
      </c>
      <c r="E6335" s="1" t="s">
        <v>7</v>
      </c>
    </row>
    <row r="6336">
      <c r="A6336" s="1">
        <v>4.90410933E8</v>
      </c>
      <c r="B6336" s="2">
        <v>12003.0</v>
      </c>
      <c r="C6336" s="1" t="s">
        <v>5</v>
      </c>
      <c r="D6336" s="1" t="s">
        <v>5156</v>
      </c>
      <c r="E6336" s="1" t="s">
        <v>11</v>
      </c>
    </row>
    <row r="6337">
      <c r="A6337" s="1">
        <v>4.90410934E8</v>
      </c>
      <c r="B6337" s="2">
        <v>12006.0</v>
      </c>
      <c r="C6337" s="1" t="s">
        <v>5</v>
      </c>
      <c r="D6337" s="1" t="s">
        <v>5157</v>
      </c>
      <c r="E6337" s="1" t="s">
        <v>11</v>
      </c>
    </row>
    <row r="6338">
      <c r="A6338" s="1">
        <v>4.9041094E8</v>
      </c>
      <c r="B6338" s="2">
        <v>11985.0</v>
      </c>
      <c r="C6338" s="1" t="s">
        <v>5</v>
      </c>
      <c r="D6338" s="1" t="s">
        <v>11</v>
      </c>
      <c r="E6338" s="1" t="s">
        <v>7</v>
      </c>
    </row>
    <row r="6339">
      <c r="A6339" s="1">
        <v>4.90410943E8</v>
      </c>
      <c r="B6339" s="2">
        <v>12005.0</v>
      </c>
      <c r="C6339" s="1" t="s">
        <v>5</v>
      </c>
      <c r="D6339" s="1" t="s">
        <v>5158</v>
      </c>
      <c r="E6339" s="1" t="s">
        <v>11</v>
      </c>
    </row>
    <row r="6340">
      <c r="A6340" s="1">
        <v>4.90410956E8</v>
      </c>
      <c r="B6340" s="2">
        <v>11904.0</v>
      </c>
      <c r="C6340" s="1" t="s">
        <v>5</v>
      </c>
      <c r="D6340" s="1" t="s">
        <v>5159</v>
      </c>
      <c r="E6340" s="1" t="s">
        <v>7</v>
      </c>
    </row>
    <row r="6341">
      <c r="A6341" s="1">
        <v>4.90410958E8</v>
      </c>
      <c r="B6341" s="2">
        <v>11991.0</v>
      </c>
      <c r="C6341" s="1" t="s">
        <v>5</v>
      </c>
      <c r="D6341" s="1" t="s">
        <v>11</v>
      </c>
      <c r="E6341" s="1" t="s">
        <v>7</v>
      </c>
    </row>
    <row r="6342">
      <c r="A6342" s="1">
        <v>4.90410978E8</v>
      </c>
      <c r="B6342" s="2">
        <v>11905.0</v>
      </c>
      <c r="C6342" s="1" t="s">
        <v>5</v>
      </c>
      <c r="D6342" s="1" t="s">
        <v>5160</v>
      </c>
      <c r="E6342" s="1" t="s">
        <v>7</v>
      </c>
    </row>
    <row r="6343">
      <c r="A6343" s="1">
        <v>4.90410985E8</v>
      </c>
      <c r="B6343" s="2">
        <v>12003.0</v>
      </c>
      <c r="C6343" s="1" t="s">
        <v>5</v>
      </c>
      <c r="D6343" s="1" t="s">
        <v>5161</v>
      </c>
      <c r="E6343" s="1" t="s">
        <v>11</v>
      </c>
    </row>
    <row r="6344">
      <c r="A6344" s="1">
        <v>4.90410988E8</v>
      </c>
      <c r="B6344" s="2">
        <v>11985.0</v>
      </c>
      <c r="C6344" s="1" t="s">
        <v>5</v>
      </c>
      <c r="D6344" s="1" t="s">
        <v>5162</v>
      </c>
      <c r="E6344" s="1" t="s">
        <v>5163</v>
      </c>
    </row>
    <row r="6345">
      <c r="A6345" s="1">
        <v>4.90410989E8</v>
      </c>
      <c r="B6345" s="2">
        <v>11989.0</v>
      </c>
      <c r="C6345" s="1" t="s">
        <v>5</v>
      </c>
      <c r="D6345" s="1" t="s">
        <v>11</v>
      </c>
      <c r="E6345" s="1" t="s">
        <v>7</v>
      </c>
    </row>
    <row r="6346">
      <c r="A6346" s="1">
        <v>4.90411003E8</v>
      </c>
      <c r="B6346" s="2">
        <v>11905.0</v>
      </c>
      <c r="C6346" s="1" t="s">
        <v>5</v>
      </c>
      <c r="D6346" s="1" t="s">
        <v>5164</v>
      </c>
      <c r="E6346" s="1" t="s">
        <v>11</v>
      </c>
    </row>
    <row r="6347">
      <c r="A6347" s="1">
        <v>4.90411006E8</v>
      </c>
      <c r="B6347" s="2">
        <v>12003.0</v>
      </c>
      <c r="C6347" s="1" t="s">
        <v>5</v>
      </c>
      <c r="D6347" s="1" t="s">
        <v>11</v>
      </c>
      <c r="E6347" s="1" t="s">
        <v>7</v>
      </c>
    </row>
    <row r="6348">
      <c r="A6348" s="1">
        <v>4.90411013E8</v>
      </c>
      <c r="B6348" s="2">
        <v>12053.0</v>
      </c>
      <c r="C6348" s="1" t="s">
        <v>5</v>
      </c>
      <c r="D6348" s="1" t="s">
        <v>5165</v>
      </c>
      <c r="E6348" s="1" t="s">
        <v>11</v>
      </c>
    </row>
    <row r="6349">
      <c r="A6349" s="1">
        <v>4.90411018E8</v>
      </c>
      <c r="B6349" s="2">
        <v>11985.0</v>
      </c>
      <c r="C6349" s="1" t="s">
        <v>5</v>
      </c>
      <c r="D6349" s="1" t="s">
        <v>5166</v>
      </c>
      <c r="E6349" s="1" t="s">
        <v>7</v>
      </c>
    </row>
    <row r="6350">
      <c r="A6350" s="1">
        <v>4.90411022E8</v>
      </c>
      <c r="B6350" s="2">
        <v>12049.0</v>
      </c>
      <c r="C6350" s="1" t="s">
        <v>5</v>
      </c>
      <c r="D6350" s="1" t="s">
        <v>5167</v>
      </c>
      <c r="E6350" s="1" t="s">
        <v>11</v>
      </c>
    </row>
    <row r="6351">
      <c r="A6351" s="1">
        <v>4.9041103E8</v>
      </c>
      <c r="B6351" s="2">
        <v>12003.0</v>
      </c>
      <c r="C6351" s="1" t="s">
        <v>5</v>
      </c>
      <c r="D6351" s="1" t="s">
        <v>5168</v>
      </c>
      <c r="E6351" s="1" t="s">
        <v>11</v>
      </c>
    </row>
    <row r="6352">
      <c r="A6352" s="1">
        <v>4.90411034E8</v>
      </c>
      <c r="B6352" s="2">
        <v>11992.0</v>
      </c>
      <c r="C6352" s="1" t="s">
        <v>5</v>
      </c>
      <c r="D6352" s="1" t="s">
        <v>5169</v>
      </c>
      <c r="E6352" s="1" t="s">
        <v>7</v>
      </c>
    </row>
    <row r="6353">
      <c r="A6353" s="1">
        <v>4.90411055E8</v>
      </c>
      <c r="B6353" s="2">
        <v>12002.0</v>
      </c>
      <c r="C6353" s="1" t="s">
        <v>5</v>
      </c>
      <c r="D6353" s="1" t="s">
        <v>5170</v>
      </c>
      <c r="E6353" s="1" t="s">
        <v>7</v>
      </c>
    </row>
    <row r="6354">
      <c r="A6354" s="1">
        <v>4.9041107E8</v>
      </c>
      <c r="B6354" s="2">
        <v>11981.0</v>
      </c>
      <c r="C6354" s="1" t="s">
        <v>5</v>
      </c>
      <c r="D6354" s="1" t="s">
        <v>5171</v>
      </c>
      <c r="E6354" s="1" t="s">
        <v>11</v>
      </c>
    </row>
    <row r="6355">
      <c r="A6355" s="1">
        <v>4.90411093E8</v>
      </c>
      <c r="B6355" s="2">
        <v>12002.0</v>
      </c>
      <c r="C6355" s="1" t="s">
        <v>5</v>
      </c>
      <c r="D6355" s="1" t="s">
        <v>5172</v>
      </c>
      <c r="E6355" s="1" t="s">
        <v>11</v>
      </c>
    </row>
    <row r="6356">
      <c r="A6356" s="1">
        <v>4.90411096E8</v>
      </c>
      <c r="B6356" s="2">
        <v>12004.0</v>
      </c>
      <c r="C6356" s="1" t="s">
        <v>5</v>
      </c>
      <c r="D6356" s="1" t="s">
        <v>5173</v>
      </c>
      <c r="E6356" s="1" t="s">
        <v>7</v>
      </c>
    </row>
    <row r="6357">
      <c r="A6357" s="1">
        <v>4.904111E8</v>
      </c>
      <c r="B6357" s="2">
        <v>11989.0</v>
      </c>
      <c r="C6357" s="1" t="s">
        <v>5</v>
      </c>
      <c r="D6357" s="1" t="s">
        <v>5174</v>
      </c>
      <c r="E6357" s="1" t="s">
        <v>11</v>
      </c>
    </row>
    <row r="6358">
      <c r="A6358" s="1">
        <v>4.90411104E8</v>
      </c>
      <c r="B6358" s="2">
        <v>11991.0</v>
      </c>
      <c r="C6358" s="1" t="s">
        <v>5</v>
      </c>
      <c r="D6358" s="1" t="s">
        <v>11</v>
      </c>
      <c r="E6358" s="1" t="s">
        <v>7</v>
      </c>
    </row>
    <row r="6359">
      <c r="A6359" s="1">
        <v>4.90411111E8</v>
      </c>
      <c r="B6359" s="2">
        <v>12050.0</v>
      </c>
      <c r="C6359" s="1" t="s">
        <v>5</v>
      </c>
      <c r="D6359" s="1" t="s">
        <v>5175</v>
      </c>
      <c r="E6359" s="1" t="s">
        <v>11</v>
      </c>
    </row>
    <row r="6360">
      <c r="A6360" s="1">
        <v>4.90411132E8</v>
      </c>
      <c r="B6360" s="2">
        <v>11904.0</v>
      </c>
      <c r="C6360" s="1" t="s">
        <v>5</v>
      </c>
      <c r="D6360" s="1" t="s">
        <v>11</v>
      </c>
      <c r="E6360" s="1" t="s">
        <v>7</v>
      </c>
    </row>
    <row r="6361">
      <c r="A6361" s="1">
        <v>4.90411138E8</v>
      </c>
      <c r="B6361" s="2">
        <v>11990.0</v>
      </c>
      <c r="C6361" s="1" t="s">
        <v>5</v>
      </c>
      <c r="D6361" s="1" t="s">
        <v>5176</v>
      </c>
      <c r="E6361" s="1" t="s">
        <v>11</v>
      </c>
    </row>
    <row r="6362">
      <c r="A6362" s="1">
        <v>4.90411143E8</v>
      </c>
      <c r="B6362" s="2">
        <v>12003.0</v>
      </c>
      <c r="C6362" s="1" t="s">
        <v>5</v>
      </c>
      <c r="D6362" s="1" t="s">
        <v>11</v>
      </c>
      <c r="E6362" s="1" t="s">
        <v>7</v>
      </c>
    </row>
    <row r="6363">
      <c r="A6363" s="1">
        <v>4.90411144E8</v>
      </c>
      <c r="B6363" s="2">
        <v>11989.0</v>
      </c>
      <c r="C6363" s="1" t="s">
        <v>5</v>
      </c>
      <c r="D6363" s="1" t="s">
        <v>11</v>
      </c>
      <c r="E6363" s="1" t="s">
        <v>7</v>
      </c>
    </row>
    <row r="6364">
      <c r="A6364" s="1">
        <v>4.90411155E8</v>
      </c>
      <c r="B6364" s="2">
        <v>12002.0</v>
      </c>
      <c r="C6364" s="1" t="s">
        <v>5</v>
      </c>
      <c r="D6364" s="1" t="s">
        <v>5177</v>
      </c>
      <c r="E6364" s="1" t="s">
        <v>11</v>
      </c>
    </row>
    <row r="6365">
      <c r="A6365" s="1">
        <v>4.90411178E8</v>
      </c>
      <c r="B6365" s="2">
        <v>12004.0</v>
      </c>
      <c r="C6365" s="1" t="s">
        <v>5</v>
      </c>
      <c r="D6365" s="1" t="s">
        <v>5178</v>
      </c>
      <c r="E6365" s="1" t="s">
        <v>11</v>
      </c>
    </row>
    <row r="6366">
      <c r="A6366" s="1">
        <v>4.90411185E8</v>
      </c>
      <c r="B6366" s="2">
        <v>11987.0</v>
      </c>
      <c r="C6366" s="1" t="s">
        <v>5</v>
      </c>
      <c r="D6366" s="1" t="s">
        <v>5179</v>
      </c>
      <c r="E6366" s="1" t="s">
        <v>11</v>
      </c>
    </row>
    <row r="6367">
      <c r="A6367" s="1">
        <v>4.90411189E8</v>
      </c>
      <c r="B6367" s="2">
        <v>11987.0</v>
      </c>
      <c r="C6367" s="1" t="s">
        <v>5</v>
      </c>
      <c r="D6367" s="1" t="s">
        <v>11</v>
      </c>
      <c r="E6367" s="1" t="s">
        <v>7</v>
      </c>
    </row>
    <row r="6368">
      <c r="A6368" s="1">
        <v>4.90411208E8</v>
      </c>
      <c r="B6368" s="2">
        <v>11989.0</v>
      </c>
      <c r="C6368" s="1" t="s">
        <v>5</v>
      </c>
      <c r="D6368" s="1" t="s">
        <v>11</v>
      </c>
      <c r="E6368" s="1" t="s">
        <v>7</v>
      </c>
    </row>
    <row r="6369">
      <c r="A6369" s="1">
        <v>4.90411213E8</v>
      </c>
      <c r="B6369" s="2">
        <v>12004.0</v>
      </c>
      <c r="C6369" s="1" t="s">
        <v>5</v>
      </c>
      <c r="D6369" s="1" t="s">
        <v>5180</v>
      </c>
      <c r="E6369" s="1" t="s">
        <v>11</v>
      </c>
    </row>
    <row r="6370">
      <c r="A6370" s="1">
        <v>4.90411243E8</v>
      </c>
      <c r="B6370" s="2">
        <v>11988.0</v>
      </c>
      <c r="C6370" s="1" t="s">
        <v>5</v>
      </c>
      <c r="D6370" s="1" t="s">
        <v>5181</v>
      </c>
      <c r="E6370" s="1" t="s">
        <v>7</v>
      </c>
    </row>
    <row r="6371">
      <c r="A6371" s="1">
        <v>4.90411246E8</v>
      </c>
      <c r="B6371" s="2">
        <v>12003.0</v>
      </c>
      <c r="C6371" s="1" t="s">
        <v>5</v>
      </c>
      <c r="D6371" s="1" t="s">
        <v>5182</v>
      </c>
      <c r="E6371" s="1" t="s">
        <v>7</v>
      </c>
    </row>
    <row r="6372">
      <c r="A6372" s="1">
        <v>4.90411263E8</v>
      </c>
      <c r="B6372" s="2">
        <v>12003.0</v>
      </c>
      <c r="C6372" s="1" t="s">
        <v>5</v>
      </c>
      <c r="D6372" s="1" t="s">
        <v>5183</v>
      </c>
      <c r="E6372" s="1" t="s">
        <v>11</v>
      </c>
    </row>
    <row r="6373">
      <c r="A6373" s="1">
        <v>4.90411273E8</v>
      </c>
      <c r="B6373" s="2">
        <v>11903.0</v>
      </c>
      <c r="C6373" s="1" t="s">
        <v>5</v>
      </c>
      <c r="D6373" s="1" t="s">
        <v>5184</v>
      </c>
      <c r="E6373" s="1" t="s">
        <v>11</v>
      </c>
    </row>
    <row r="6374">
      <c r="A6374" s="1">
        <v>4.90411282E8</v>
      </c>
      <c r="B6374" s="2">
        <v>11987.0</v>
      </c>
      <c r="C6374" s="1" t="s">
        <v>5</v>
      </c>
      <c r="D6374" s="1" t="s">
        <v>5185</v>
      </c>
      <c r="E6374" s="1" t="s">
        <v>7</v>
      </c>
    </row>
    <row r="6375">
      <c r="A6375" s="1">
        <v>4.90411294E8</v>
      </c>
      <c r="B6375" s="2">
        <v>11990.0</v>
      </c>
      <c r="C6375" s="1" t="s">
        <v>5</v>
      </c>
      <c r="D6375" s="1" t="s">
        <v>5186</v>
      </c>
      <c r="E6375" s="1" t="s">
        <v>7</v>
      </c>
    </row>
    <row r="6376">
      <c r="A6376" s="1">
        <v>4.90411313E8</v>
      </c>
      <c r="B6376" s="2">
        <v>12003.0</v>
      </c>
      <c r="C6376" s="1" t="s">
        <v>5</v>
      </c>
      <c r="D6376" s="1" t="s">
        <v>5187</v>
      </c>
      <c r="E6376" s="1" t="s">
        <v>11</v>
      </c>
    </row>
    <row r="6377">
      <c r="A6377" s="1">
        <v>4.90411331E8</v>
      </c>
      <c r="B6377" s="2">
        <v>12002.0</v>
      </c>
      <c r="C6377" s="1" t="s">
        <v>5</v>
      </c>
      <c r="D6377" s="1" t="s">
        <v>5188</v>
      </c>
      <c r="E6377" s="1" t="s">
        <v>11</v>
      </c>
    </row>
    <row r="6378">
      <c r="A6378" s="1">
        <v>4.9041142E8</v>
      </c>
      <c r="B6378" s="2">
        <v>11988.0</v>
      </c>
      <c r="C6378" s="1" t="s">
        <v>5</v>
      </c>
      <c r="D6378" s="1" t="s">
        <v>5189</v>
      </c>
      <c r="E6378" s="1" t="s">
        <v>7</v>
      </c>
    </row>
    <row r="6379">
      <c r="A6379" s="1">
        <v>4.90411422E8</v>
      </c>
      <c r="B6379" s="2">
        <v>12050.0</v>
      </c>
      <c r="C6379" s="1" t="s">
        <v>5</v>
      </c>
      <c r="D6379" s="1" t="s">
        <v>5190</v>
      </c>
      <c r="E6379" s="1" t="s">
        <v>7</v>
      </c>
    </row>
    <row r="6380">
      <c r="A6380" s="1">
        <v>4.90411433E8</v>
      </c>
      <c r="B6380" s="2">
        <v>11986.0</v>
      </c>
      <c r="C6380" s="1" t="s">
        <v>5</v>
      </c>
      <c r="D6380" s="1" t="s">
        <v>5191</v>
      </c>
      <c r="E6380" s="1" t="s">
        <v>7</v>
      </c>
    </row>
    <row r="6381">
      <c r="A6381" s="1">
        <v>4.90411434E8</v>
      </c>
      <c r="B6381" s="2">
        <v>11988.0</v>
      </c>
      <c r="C6381" s="1" t="s">
        <v>5</v>
      </c>
      <c r="D6381" s="1" t="s">
        <v>11</v>
      </c>
      <c r="E6381" s="1" t="s">
        <v>7</v>
      </c>
    </row>
    <row r="6382">
      <c r="A6382" s="1">
        <v>4.90411464E8</v>
      </c>
      <c r="B6382" s="2">
        <v>11988.0</v>
      </c>
      <c r="C6382" s="1" t="s">
        <v>5</v>
      </c>
      <c r="D6382" s="1" t="s">
        <v>5192</v>
      </c>
      <c r="E6382" s="1" t="s">
        <v>7</v>
      </c>
    </row>
    <row r="6383">
      <c r="A6383" s="1">
        <v>4.90411474E8</v>
      </c>
      <c r="B6383" s="2">
        <v>11992.0</v>
      </c>
      <c r="C6383" s="1" t="s">
        <v>5</v>
      </c>
      <c r="D6383" s="1" t="s">
        <v>5193</v>
      </c>
      <c r="E6383" s="1" t="s">
        <v>11</v>
      </c>
    </row>
    <row r="6384">
      <c r="A6384" s="1">
        <v>4.90411496E8</v>
      </c>
      <c r="B6384" s="2">
        <v>12051.0</v>
      </c>
      <c r="C6384" s="1" t="s">
        <v>5</v>
      </c>
      <c r="D6384" s="1" t="s">
        <v>11</v>
      </c>
      <c r="E6384" s="1" t="s">
        <v>7</v>
      </c>
    </row>
    <row r="6385">
      <c r="A6385" s="1">
        <v>4.90411511E8</v>
      </c>
      <c r="B6385" s="2">
        <v>11990.0</v>
      </c>
      <c r="C6385" s="1" t="s">
        <v>5</v>
      </c>
      <c r="D6385" s="1" t="s">
        <v>5194</v>
      </c>
      <c r="E6385" s="1" t="s">
        <v>11</v>
      </c>
    </row>
    <row r="6386">
      <c r="A6386" s="1">
        <v>4.90411512E8</v>
      </c>
      <c r="B6386" s="2">
        <v>11987.0</v>
      </c>
      <c r="C6386" s="1" t="s">
        <v>5</v>
      </c>
      <c r="D6386" s="1" t="s">
        <v>5195</v>
      </c>
      <c r="E6386" s="1" t="s">
        <v>11</v>
      </c>
    </row>
    <row r="6387">
      <c r="A6387" s="1">
        <v>4.90411513E8</v>
      </c>
      <c r="B6387" s="2">
        <v>12003.0</v>
      </c>
      <c r="C6387" s="1" t="s">
        <v>5</v>
      </c>
      <c r="D6387" s="1" t="s">
        <v>5196</v>
      </c>
      <c r="E6387" s="1" t="s">
        <v>7</v>
      </c>
    </row>
    <row r="6388">
      <c r="A6388" s="1">
        <v>4.90411535E8</v>
      </c>
      <c r="B6388" s="2">
        <v>12001.0</v>
      </c>
      <c r="C6388" s="1" t="s">
        <v>5</v>
      </c>
      <c r="D6388" s="1" t="s">
        <v>11</v>
      </c>
      <c r="E6388" s="1" t="s">
        <v>7</v>
      </c>
    </row>
    <row r="6389">
      <c r="A6389" s="1">
        <v>4.90411583E8</v>
      </c>
      <c r="B6389" s="2">
        <v>12428.0</v>
      </c>
      <c r="C6389" s="1" t="s">
        <v>5</v>
      </c>
      <c r="D6389" s="1" t="s">
        <v>5197</v>
      </c>
      <c r="E6389" s="1" t="s">
        <v>11</v>
      </c>
    </row>
    <row r="6390">
      <c r="A6390" s="1">
        <v>4.90411595E8</v>
      </c>
      <c r="B6390" s="2">
        <v>11984.0</v>
      </c>
      <c r="C6390" s="1" t="s">
        <v>5</v>
      </c>
      <c r="D6390" s="1" t="s">
        <v>5198</v>
      </c>
      <c r="E6390" s="1" t="s">
        <v>11</v>
      </c>
    </row>
    <row r="6391">
      <c r="A6391" s="1">
        <v>4.90411606E8</v>
      </c>
      <c r="B6391" s="2">
        <v>11951.0</v>
      </c>
      <c r="C6391" s="1" t="s">
        <v>5</v>
      </c>
      <c r="D6391" s="1" t="s">
        <v>5199</v>
      </c>
      <c r="E6391" s="1" t="s">
        <v>5200</v>
      </c>
    </row>
    <row r="6392">
      <c r="A6392" s="1">
        <v>4.90411615E8</v>
      </c>
      <c r="B6392" s="2">
        <v>11989.0</v>
      </c>
      <c r="C6392" s="1" t="s">
        <v>5</v>
      </c>
      <c r="D6392" s="1" t="s">
        <v>5201</v>
      </c>
      <c r="E6392" s="1" t="s">
        <v>5202</v>
      </c>
    </row>
    <row r="6393">
      <c r="A6393" s="1">
        <v>4.90411628E8</v>
      </c>
      <c r="B6393" s="2">
        <v>12448.0</v>
      </c>
      <c r="C6393" s="1" t="s">
        <v>5</v>
      </c>
      <c r="D6393" s="1" t="s">
        <v>5203</v>
      </c>
      <c r="E6393" s="1" t="s">
        <v>7</v>
      </c>
    </row>
    <row r="6394">
      <c r="A6394" s="1">
        <v>4.90411629E8</v>
      </c>
      <c r="B6394" s="2">
        <v>12449.0</v>
      </c>
      <c r="C6394" s="1" t="s">
        <v>5</v>
      </c>
      <c r="D6394" s="1" t="s">
        <v>1392</v>
      </c>
      <c r="E6394" s="1" t="s">
        <v>7</v>
      </c>
    </row>
    <row r="6395">
      <c r="A6395" s="1">
        <v>4.90411633E8</v>
      </c>
      <c r="B6395" s="2">
        <v>11988.0</v>
      </c>
      <c r="C6395" s="1" t="s">
        <v>5</v>
      </c>
      <c r="D6395" s="1" t="s">
        <v>5204</v>
      </c>
      <c r="E6395" s="1" t="s">
        <v>11</v>
      </c>
    </row>
    <row r="6396">
      <c r="A6396" s="1">
        <v>4.90411634E8</v>
      </c>
      <c r="B6396" s="2">
        <v>11984.0</v>
      </c>
      <c r="C6396" s="1" t="s">
        <v>5</v>
      </c>
      <c r="D6396" s="1" t="s">
        <v>11</v>
      </c>
      <c r="E6396" s="1" t="s">
        <v>7</v>
      </c>
    </row>
    <row r="6397">
      <c r="A6397" s="1">
        <v>4.90411638E8</v>
      </c>
      <c r="B6397" s="2">
        <v>12001.0</v>
      </c>
      <c r="C6397" s="1" t="s">
        <v>5</v>
      </c>
      <c r="D6397" s="1" t="s">
        <v>11</v>
      </c>
      <c r="E6397" s="1" t="s">
        <v>7</v>
      </c>
    </row>
    <row r="6398">
      <c r="A6398" s="1">
        <v>4.90411643E8</v>
      </c>
      <c r="B6398" s="2">
        <v>11989.0</v>
      </c>
      <c r="C6398" s="1" t="s">
        <v>5</v>
      </c>
      <c r="D6398" s="1" t="s">
        <v>11</v>
      </c>
      <c r="E6398" s="1" t="s">
        <v>7</v>
      </c>
    </row>
    <row r="6399">
      <c r="A6399" s="1">
        <v>4.90411644E8</v>
      </c>
      <c r="B6399" s="2">
        <v>12002.0</v>
      </c>
      <c r="C6399" s="1" t="s">
        <v>5</v>
      </c>
      <c r="D6399" s="1" t="s">
        <v>11</v>
      </c>
      <c r="E6399" s="1" t="s">
        <v>7</v>
      </c>
    </row>
    <row r="6400">
      <c r="A6400" s="1">
        <v>4.90411655E8</v>
      </c>
      <c r="B6400" s="2">
        <v>12448.0</v>
      </c>
      <c r="C6400" s="1" t="s">
        <v>5</v>
      </c>
      <c r="D6400" s="1" t="s">
        <v>5205</v>
      </c>
      <c r="E6400" s="1" t="s">
        <v>11</v>
      </c>
    </row>
    <row r="6401">
      <c r="A6401" s="1">
        <v>4.90411674E8</v>
      </c>
      <c r="B6401" s="2">
        <v>12003.0</v>
      </c>
      <c r="C6401" s="1" t="s">
        <v>5</v>
      </c>
      <c r="D6401" s="1" t="s">
        <v>11</v>
      </c>
      <c r="E6401" s="1" t="s">
        <v>7</v>
      </c>
    </row>
    <row r="6402">
      <c r="A6402" s="1">
        <v>4.90411677E8</v>
      </c>
      <c r="B6402" s="2">
        <v>12449.0</v>
      </c>
      <c r="C6402" s="1" t="s">
        <v>5</v>
      </c>
      <c r="D6402" s="1" t="s">
        <v>11</v>
      </c>
      <c r="E6402" s="1" t="s">
        <v>7</v>
      </c>
    </row>
    <row r="6403">
      <c r="A6403" s="1">
        <v>4.90411684E8</v>
      </c>
      <c r="B6403" s="2">
        <v>11951.0</v>
      </c>
      <c r="C6403" s="1" t="s">
        <v>5</v>
      </c>
      <c r="D6403" s="1" t="s">
        <v>11</v>
      </c>
      <c r="E6403" s="1" t="s">
        <v>7</v>
      </c>
    </row>
    <row r="6404">
      <c r="A6404" s="1">
        <v>4.90411687E8</v>
      </c>
      <c r="B6404" s="2">
        <v>11990.0</v>
      </c>
      <c r="C6404" s="1" t="s">
        <v>5</v>
      </c>
      <c r="D6404" s="1" t="s">
        <v>5206</v>
      </c>
      <c r="E6404" s="1" t="s">
        <v>11</v>
      </c>
    </row>
    <row r="6405">
      <c r="A6405" s="1">
        <v>4.90411692E8</v>
      </c>
      <c r="B6405" s="2">
        <v>12054.0</v>
      </c>
      <c r="C6405" s="1" t="s">
        <v>5</v>
      </c>
      <c r="D6405" s="1" t="s">
        <v>5207</v>
      </c>
      <c r="E6405" s="1" t="s">
        <v>11</v>
      </c>
    </row>
    <row r="6406">
      <c r="A6406" s="1">
        <v>4.90411695E8</v>
      </c>
      <c r="B6406" s="2">
        <v>11951.0</v>
      </c>
      <c r="C6406" s="1" t="s">
        <v>5</v>
      </c>
      <c r="D6406" s="1" t="s">
        <v>5208</v>
      </c>
      <c r="E6406" s="1" t="s">
        <v>7</v>
      </c>
    </row>
    <row r="6407">
      <c r="A6407" s="1">
        <v>4.904117E8</v>
      </c>
      <c r="B6407" s="2">
        <v>11987.0</v>
      </c>
      <c r="C6407" s="1" t="s">
        <v>5</v>
      </c>
      <c r="D6407" s="1" t="s">
        <v>5209</v>
      </c>
      <c r="E6407" s="1" t="s">
        <v>11</v>
      </c>
    </row>
    <row r="6408">
      <c r="A6408" s="1">
        <v>4.90411702E8</v>
      </c>
      <c r="B6408" s="2">
        <v>11979.0</v>
      </c>
      <c r="C6408" s="1" t="s">
        <v>5</v>
      </c>
      <c r="D6408" s="1" t="s">
        <v>11</v>
      </c>
      <c r="E6408" s="1" t="s">
        <v>7</v>
      </c>
    </row>
    <row r="6409">
      <c r="A6409" s="1">
        <v>4.90411703E8</v>
      </c>
      <c r="B6409" s="2">
        <v>12002.0</v>
      </c>
      <c r="C6409" s="1" t="s">
        <v>5</v>
      </c>
      <c r="D6409" s="1" t="s">
        <v>5210</v>
      </c>
      <c r="E6409" s="1" t="s">
        <v>11</v>
      </c>
    </row>
    <row r="6410">
      <c r="A6410" s="1">
        <v>4.90411715E8</v>
      </c>
      <c r="B6410" s="2">
        <v>12001.0</v>
      </c>
      <c r="C6410" s="1" t="s">
        <v>5</v>
      </c>
      <c r="D6410" s="1" t="s">
        <v>5211</v>
      </c>
      <c r="E6410" s="1" t="s">
        <v>5212</v>
      </c>
    </row>
    <row r="6411">
      <c r="A6411" s="1">
        <v>4.90411725E8</v>
      </c>
      <c r="B6411" s="2">
        <v>12426.0</v>
      </c>
      <c r="C6411" s="1" t="s">
        <v>5</v>
      </c>
      <c r="D6411" s="1" t="s">
        <v>11</v>
      </c>
      <c r="E6411" s="1" t="s">
        <v>7</v>
      </c>
    </row>
    <row r="6412">
      <c r="A6412" s="1">
        <v>4.90411733E8</v>
      </c>
      <c r="B6412" s="2">
        <v>11987.0</v>
      </c>
      <c r="C6412" s="1" t="s">
        <v>5</v>
      </c>
      <c r="D6412" s="1" t="s">
        <v>5213</v>
      </c>
      <c r="E6412" s="1" t="s">
        <v>7</v>
      </c>
    </row>
    <row r="6413">
      <c r="A6413" s="1">
        <v>4.9041174E8</v>
      </c>
      <c r="B6413" s="2">
        <v>11989.0</v>
      </c>
      <c r="C6413" s="1" t="s">
        <v>5</v>
      </c>
      <c r="D6413" s="1" t="s">
        <v>11</v>
      </c>
      <c r="E6413" s="1" t="s">
        <v>7</v>
      </c>
    </row>
    <row r="6414">
      <c r="A6414" s="1">
        <v>4.90411764E8</v>
      </c>
      <c r="B6414" s="2">
        <v>12001.0</v>
      </c>
      <c r="C6414" s="1" t="s">
        <v>5</v>
      </c>
      <c r="D6414" s="1" t="s">
        <v>5214</v>
      </c>
      <c r="E6414" s="1" t="s">
        <v>11</v>
      </c>
    </row>
    <row r="6415">
      <c r="A6415" s="1">
        <v>4.90411772E8</v>
      </c>
      <c r="B6415" s="2">
        <v>11951.0</v>
      </c>
      <c r="C6415" s="1" t="s">
        <v>5</v>
      </c>
      <c r="D6415" s="1" t="s">
        <v>11</v>
      </c>
      <c r="E6415" s="1" t="s">
        <v>7</v>
      </c>
    </row>
    <row r="6416">
      <c r="A6416" s="1">
        <v>4.90411784E8</v>
      </c>
      <c r="B6416" s="2">
        <v>11989.0</v>
      </c>
      <c r="C6416" s="1" t="s">
        <v>5</v>
      </c>
      <c r="D6416" s="1" t="s">
        <v>5215</v>
      </c>
      <c r="E6416" s="1" t="s">
        <v>7</v>
      </c>
    </row>
    <row r="6417">
      <c r="A6417" s="1">
        <v>4.90411796E8</v>
      </c>
      <c r="B6417" s="2">
        <v>12053.0</v>
      </c>
      <c r="C6417" s="1" t="s">
        <v>5</v>
      </c>
      <c r="D6417" s="1" t="s">
        <v>5216</v>
      </c>
      <c r="E6417" s="1" t="s">
        <v>11</v>
      </c>
    </row>
    <row r="6418">
      <c r="A6418" s="1">
        <v>4.904118E8</v>
      </c>
      <c r="B6418" s="2">
        <v>11951.0</v>
      </c>
      <c r="C6418" s="1" t="s">
        <v>5</v>
      </c>
      <c r="D6418" s="1" t="s">
        <v>5217</v>
      </c>
      <c r="E6418" s="1" t="s">
        <v>7</v>
      </c>
    </row>
    <row r="6419">
      <c r="A6419" s="1">
        <v>4.90411804E8</v>
      </c>
      <c r="B6419" s="2">
        <v>12447.0</v>
      </c>
      <c r="C6419" s="1" t="s">
        <v>5</v>
      </c>
      <c r="D6419" s="1" t="s">
        <v>5218</v>
      </c>
      <c r="E6419" s="1" t="s">
        <v>11</v>
      </c>
    </row>
    <row r="6420">
      <c r="A6420" s="1">
        <v>4.90411807E8</v>
      </c>
      <c r="B6420" s="2">
        <v>12426.0</v>
      </c>
      <c r="C6420" s="1" t="s">
        <v>5</v>
      </c>
      <c r="D6420" s="1" t="s">
        <v>5219</v>
      </c>
      <c r="E6420" s="1" t="s">
        <v>7</v>
      </c>
    </row>
    <row r="6421">
      <c r="A6421" s="1">
        <v>4.90411808E8</v>
      </c>
      <c r="B6421" s="2">
        <v>11987.0</v>
      </c>
      <c r="C6421" s="1" t="s">
        <v>5</v>
      </c>
      <c r="D6421" s="1" t="s">
        <v>5220</v>
      </c>
      <c r="E6421" s="1" t="s">
        <v>7</v>
      </c>
    </row>
    <row r="6422">
      <c r="A6422" s="1">
        <v>4.90411814E8</v>
      </c>
      <c r="B6422" s="2">
        <v>12001.0</v>
      </c>
      <c r="C6422" s="1" t="s">
        <v>5</v>
      </c>
      <c r="D6422" s="1" t="s">
        <v>5221</v>
      </c>
      <c r="E6422" s="1" t="s">
        <v>11</v>
      </c>
    </row>
    <row r="6423">
      <c r="A6423" s="1">
        <v>4.90411823E8</v>
      </c>
      <c r="B6423" s="2">
        <v>11951.0</v>
      </c>
      <c r="C6423" s="1" t="s">
        <v>5</v>
      </c>
      <c r="D6423" s="1" t="s">
        <v>5222</v>
      </c>
      <c r="E6423" s="1" t="s">
        <v>11</v>
      </c>
    </row>
    <row r="6424">
      <c r="A6424" s="1">
        <v>4.90411824E8</v>
      </c>
      <c r="B6424" s="2">
        <v>11989.0</v>
      </c>
      <c r="C6424" s="1" t="s">
        <v>5</v>
      </c>
      <c r="D6424" s="1" t="s">
        <v>5223</v>
      </c>
      <c r="E6424" s="1" t="s">
        <v>7</v>
      </c>
    </row>
    <row r="6425">
      <c r="A6425" s="1">
        <v>4.90411846E8</v>
      </c>
      <c r="B6425" s="2">
        <v>12050.0</v>
      </c>
      <c r="C6425" s="1" t="s">
        <v>5</v>
      </c>
      <c r="D6425" s="1" t="s">
        <v>5224</v>
      </c>
      <c r="E6425" s="1" t="s">
        <v>11</v>
      </c>
    </row>
    <row r="6426">
      <c r="A6426" s="1">
        <v>4.90411856E8</v>
      </c>
      <c r="B6426" s="2">
        <v>12442.0</v>
      </c>
      <c r="C6426" s="1" t="s">
        <v>5</v>
      </c>
      <c r="D6426" s="1" t="s">
        <v>11</v>
      </c>
      <c r="E6426" s="1" t="s">
        <v>7</v>
      </c>
    </row>
    <row r="6427">
      <c r="A6427" s="1">
        <v>4.90411878E8</v>
      </c>
      <c r="B6427" s="2">
        <v>12053.0</v>
      </c>
      <c r="C6427" s="1" t="s">
        <v>5</v>
      </c>
      <c r="D6427" s="1" t="s">
        <v>5225</v>
      </c>
      <c r="E6427" s="1" t="s">
        <v>11</v>
      </c>
    </row>
    <row r="6428">
      <c r="A6428" s="1">
        <v>4.90411883E8</v>
      </c>
      <c r="B6428" s="2">
        <v>11989.0</v>
      </c>
      <c r="C6428" s="1" t="s">
        <v>5</v>
      </c>
      <c r="D6428" s="1" t="s">
        <v>5226</v>
      </c>
      <c r="E6428" s="1" t="s">
        <v>7</v>
      </c>
    </row>
    <row r="6429">
      <c r="A6429" s="1">
        <v>4.90411885E8</v>
      </c>
      <c r="B6429" s="2">
        <v>12448.0</v>
      </c>
      <c r="C6429" s="1" t="s">
        <v>5</v>
      </c>
      <c r="D6429" s="1" t="s">
        <v>5227</v>
      </c>
      <c r="E6429" s="1" t="s">
        <v>11</v>
      </c>
    </row>
    <row r="6430">
      <c r="A6430" s="1">
        <v>4.90411894E8</v>
      </c>
      <c r="B6430" s="2">
        <v>12050.0</v>
      </c>
      <c r="C6430" s="1" t="s">
        <v>5</v>
      </c>
      <c r="D6430" s="1" t="s">
        <v>5228</v>
      </c>
      <c r="E6430" s="1" t="s">
        <v>11</v>
      </c>
    </row>
    <row r="6431">
      <c r="A6431" s="1">
        <v>4.90411926E8</v>
      </c>
      <c r="B6431" s="2">
        <v>11981.0</v>
      </c>
      <c r="C6431" s="1" t="s">
        <v>5</v>
      </c>
      <c r="D6431" s="1" t="s">
        <v>5229</v>
      </c>
      <c r="E6431" s="1" t="s">
        <v>5230</v>
      </c>
    </row>
    <row r="6432">
      <c r="A6432" s="1">
        <v>4.9041195E8</v>
      </c>
      <c r="B6432" s="2">
        <v>12002.0</v>
      </c>
      <c r="C6432" s="1" t="s">
        <v>5</v>
      </c>
      <c r="D6432" s="1" t="s">
        <v>5231</v>
      </c>
      <c r="E6432" s="1" t="s">
        <v>11</v>
      </c>
    </row>
    <row r="6433">
      <c r="A6433" s="1">
        <v>4.90411973E8</v>
      </c>
      <c r="B6433" s="2">
        <v>12000.0</v>
      </c>
      <c r="C6433" s="1" t="s">
        <v>5</v>
      </c>
      <c r="D6433" s="1" t="s">
        <v>5232</v>
      </c>
      <c r="E6433" s="1" t="s">
        <v>7</v>
      </c>
    </row>
    <row r="6434">
      <c r="A6434" s="1">
        <v>4.90411974E8</v>
      </c>
      <c r="B6434" s="2">
        <v>11989.0</v>
      </c>
      <c r="C6434" s="1" t="s">
        <v>5</v>
      </c>
      <c r="D6434" s="1" t="s">
        <v>5233</v>
      </c>
      <c r="E6434" s="1" t="s">
        <v>7</v>
      </c>
    </row>
    <row r="6435">
      <c r="A6435" s="1">
        <v>4.90411982E8</v>
      </c>
      <c r="B6435" s="2">
        <v>12002.0</v>
      </c>
      <c r="C6435" s="1" t="s">
        <v>5</v>
      </c>
      <c r="D6435" s="1" t="s">
        <v>11</v>
      </c>
      <c r="E6435" s="1" t="s">
        <v>7</v>
      </c>
    </row>
    <row r="6436">
      <c r="A6436" s="1">
        <v>4.9041199E8</v>
      </c>
      <c r="B6436" s="2">
        <v>12448.0</v>
      </c>
      <c r="C6436" s="1" t="s">
        <v>5</v>
      </c>
      <c r="D6436" s="1" t="s">
        <v>5234</v>
      </c>
      <c r="E6436" s="1" t="s">
        <v>11</v>
      </c>
    </row>
    <row r="6437">
      <c r="A6437" s="1">
        <v>4.90412006E8</v>
      </c>
      <c r="B6437" s="2">
        <v>12001.0</v>
      </c>
      <c r="C6437" s="1" t="s">
        <v>5</v>
      </c>
      <c r="D6437" s="1" t="s">
        <v>5235</v>
      </c>
      <c r="E6437" s="1" t="s">
        <v>11</v>
      </c>
    </row>
    <row r="6438">
      <c r="A6438" s="1">
        <v>4.9041201E8</v>
      </c>
      <c r="B6438" s="2">
        <v>11978.0</v>
      </c>
      <c r="C6438" s="1" t="s">
        <v>5</v>
      </c>
      <c r="D6438" s="1" t="s">
        <v>5236</v>
      </c>
      <c r="E6438" s="1" t="s">
        <v>11</v>
      </c>
    </row>
    <row r="6439">
      <c r="A6439" s="1">
        <v>4.90412012E8</v>
      </c>
      <c r="B6439" s="2">
        <v>12000.0</v>
      </c>
      <c r="C6439" s="1" t="s">
        <v>5</v>
      </c>
      <c r="D6439" s="1" t="s">
        <v>11</v>
      </c>
      <c r="E6439" s="1" t="s">
        <v>7</v>
      </c>
    </row>
    <row r="6440">
      <c r="A6440" s="1">
        <v>4.90412033E8</v>
      </c>
      <c r="B6440" s="2">
        <v>12000.0</v>
      </c>
      <c r="C6440" s="1" t="s">
        <v>5</v>
      </c>
      <c r="D6440" s="1" t="s">
        <v>5237</v>
      </c>
      <c r="E6440" s="1" t="s">
        <v>5238</v>
      </c>
    </row>
    <row r="6441">
      <c r="A6441" s="1">
        <v>4.90412034E8</v>
      </c>
      <c r="B6441" s="2">
        <v>11983.0</v>
      </c>
      <c r="C6441" s="1" t="s">
        <v>5</v>
      </c>
      <c r="D6441" s="1" t="s">
        <v>5239</v>
      </c>
      <c r="E6441" s="1" t="s">
        <v>7</v>
      </c>
    </row>
    <row r="6442">
      <c r="A6442" s="1">
        <v>4.90412045E8</v>
      </c>
      <c r="B6442" s="2">
        <v>12052.0</v>
      </c>
      <c r="C6442" s="1" t="s">
        <v>5</v>
      </c>
      <c r="D6442" s="1" t="s">
        <v>5240</v>
      </c>
      <c r="E6442" s="1" t="s">
        <v>11</v>
      </c>
    </row>
    <row r="6443">
      <c r="A6443" s="1">
        <v>4.90412048E8</v>
      </c>
      <c r="B6443" s="2">
        <v>11986.0</v>
      </c>
      <c r="C6443" s="1" t="s">
        <v>5</v>
      </c>
      <c r="D6443" s="1" t="s">
        <v>5241</v>
      </c>
      <c r="E6443" s="1" t="s">
        <v>11</v>
      </c>
    </row>
    <row r="6444">
      <c r="A6444" s="1">
        <v>4.90412053E8</v>
      </c>
      <c r="B6444" s="2">
        <v>12001.0</v>
      </c>
      <c r="C6444" s="1" t="s">
        <v>5</v>
      </c>
      <c r="D6444" s="1" t="s">
        <v>5242</v>
      </c>
      <c r="E6444" s="1" t="s">
        <v>11</v>
      </c>
    </row>
    <row r="6445">
      <c r="A6445" s="1">
        <v>4.90412054E8</v>
      </c>
      <c r="B6445" s="2">
        <v>12446.0</v>
      </c>
      <c r="C6445" s="1" t="s">
        <v>5</v>
      </c>
      <c r="D6445" s="1" t="s">
        <v>5243</v>
      </c>
      <c r="E6445" s="1" t="s">
        <v>7</v>
      </c>
    </row>
    <row r="6446">
      <c r="A6446" s="1">
        <v>4.90412074E8</v>
      </c>
      <c r="B6446" s="2">
        <v>12441.0</v>
      </c>
      <c r="C6446" s="1" t="s">
        <v>5</v>
      </c>
      <c r="D6446" s="1" t="s">
        <v>11</v>
      </c>
      <c r="E6446" s="1" t="s">
        <v>7</v>
      </c>
    </row>
    <row r="6447">
      <c r="A6447" s="1">
        <v>4.90412084E8</v>
      </c>
      <c r="B6447" s="2">
        <v>12449.0</v>
      </c>
      <c r="C6447" s="1" t="s">
        <v>5</v>
      </c>
      <c r="D6447" s="1" t="s">
        <v>5244</v>
      </c>
      <c r="E6447" s="1" t="s">
        <v>7</v>
      </c>
    </row>
    <row r="6448">
      <c r="A6448" s="1">
        <v>4.90412104E8</v>
      </c>
      <c r="B6448" s="2">
        <v>12448.0</v>
      </c>
      <c r="C6448" s="1" t="s">
        <v>5</v>
      </c>
      <c r="D6448" s="1" t="s">
        <v>5245</v>
      </c>
      <c r="E6448" s="1" t="s">
        <v>11</v>
      </c>
    </row>
    <row r="6449">
      <c r="A6449" s="1">
        <v>4.90412127E8</v>
      </c>
      <c r="B6449" s="2">
        <v>12000.0</v>
      </c>
      <c r="C6449" s="1" t="s">
        <v>5</v>
      </c>
      <c r="D6449" s="1" t="s">
        <v>5246</v>
      </c>
      <c r="E6449" s="1" t="s">
        <v>11</v>
      </c>
    </row>
    <row r="6450">
      <c r="A6450" s="1">
        <v>4.90412135E8</v>
      </c>
      <c r="B6450" s="2">
        <v>12001.0</v>
      </c>
      <c r="C6450" s="1" t="s">
        <v>5</v>
      </c>
      <c r="D6450" s="1" t="s">
        <v>5247</v>
      </c>
      <c r="E6450" s="1" t="s">
        <v>7</v>
      </c>
    </row>
    <row r="6451">
      <c r="A6451" s="1">
        <v>4.90412143E8</v>
      </c>
      <c r="B6451" s="2">
        <v>11988.0</v>
      </c>
      <c r="C6451" s="1" t="s">
        <v>5</v>
      </c>
      <c r="D6451" s="1" t="s">
        <v>7</v>
      </c>
      <c r="E6451" s="1" t="s">
        <v>7</v>
      </c>
    </row>
    <row r="6452">
      <c r="A6452" s="1">
        <v>4.90412144E8</v>
      </c>
      <c r="B6452" s="2">
        <v>11978.0</v>
      </c>
      <c r="C6452" s="1" t="s">
        <v>5</v>
      </c>
      <c r="D6452" s="1" t="s">
        <v>5248</v>
      </c>
      <c r="E6452" s="1" t="s">
        <v>11</v>
      </c>
    </row>
    <row r="6453">
      <c r="A6453" s="1">
        <v>4.90412177E8</v>
      </c>
      <c r="B6453" s="2">
        <v>12449.0</v>
      </c>
      <c r="C6453" s="1" t="s">
        <v>5</v>
      </c>
      <c r="D6453" s="1" t="s">
        <v>5249</v>
      </c>
      <c r="E6453" s="1" t="s">
        <v>7</v>
      </c>
    </row>
    <row r="6454">
      <c r="A6454" s="1">
        <v>4.90412184E8</v>
      </c>
      <c r="B6454" s="2">
        <v>11988.0</v>
      </c>
      <c r="C6454" s="1" t="s">
        <v>5</v>
      </c>
      <c r="D6454" s="1" t="s">
        <v>11</v>
      </c>
      <c r="E6454" s="1" t="s">
        <v>7</v>
      </c>
    </row>
    <row r="6455">
      <c r="A6455" s="1">
        <v>4.90412193E8</v>
      </c>
      <c r="B6455" s="2">
        <v>12440.0</v>
      </c>
      <c r="C6455" s="1" t="s">
        <v>5</v>
      </c>
      <c r="D6455" s="1" t="s">
        <v>5250</v>
      </c>
      <c r="E6455" s="1" t="s">
        <v>11</v>
      </c>
    </row>
    <row r="6456">
      <c r="A6456" s="1">
        <v>4.90412195E8</v>
      </c>
      <c r="B6456" s="2">
        <v>12052.0</v>
      </c>
      <c r="C6456" s="1" t="s">
        <v>5</v>
      </c>
      <c r="D6456" s="1" t="s">
        <v>11</v>
      </c>
      <c r="E6456" s="1" t="s">
        <v>7</v>
      </c>
    </row>
    <row r="6457">
      <c r="A6457" s="1">
        <v>4.90412216E8</v>
      </c>
      <c r="B6457" s="2">
        <v>11981.0</v>
      </c>
      <c r="C6457" s="1" t="s">
        <v>5</v>
      </c>
      <c r="D6457" s="1" t="s">
        <v>5251</v>
      </c>
      <c r="E6457" s="1" t="s">
        <v>7</v>
      </c>
    </row>
    <row r="6458">
      <c r="A6458" s="1">
        <v>4.90412218E8</v>
      </c>
      <c r="B6458" s="2">
        <v>11986.0</v>
      </c>
      <c r="C6458" s="1" t="s">
        <v>5</v>
      </c>
      <c r="D6458" s="1" t="s">
        <v>5252</v>
      </c>
      <c r="E6458" s="1" t="s">
        <v>7</v>
      </c>
    </row>
    <row r="6459">
      <c r="A6459" s="1">
        <v>4.90412223E8</v>
      </c>
      <c r="B6459" s="2">
        <v>12000.0</v>
      </c>
      <c r="C6459" s="1" t="s">
        <v>5</v>
      </c>
      <c r="D6459" s="1" t="s">
        <v>11</v>
      </c>
      <c r="E6459" s="1" t="s">
        <v>7</v>
      </c>
    </row>
    <row r="6460">
      <c r="A6460" s="1">
        <v>4.90412224E8</v>
      </c>
      <c r="B6460" s="2">
        <v>12445.0</v>
      </c>
      <c r="C6460" s="1" t="s">
        <v>5</v>
      </c>
      <c r="D6460" s="1" t="s">
        <v>11</v>
      </c>
      <c r="E6460" s="1" t="s">
        <v>7</v>
      </c>
    </row>
    <row r="6461">
      <c r="A6461" s="1">
        <v>4.9041223E8</v>
      </c>
      <c r="B6461" s="2">
        <v>11986.0</v>
      </c>
      <c r="C6461" s="1" t="s">
        <v>5</v>
      </c>
      <c r="D6461" s="1" t="s">
        <v>5253</v>
      </c>
      <c r="E6461" s="1" t="s">
        <v>7</v>
      </c>
    </row>
    <row r="6462">
      <c r="A6462" s="1">
        <v>4.90412232E8</v>
      </c>
      <c r="B6462" s="2">
        <v>12000.0</v>
      </c>
      <c r="C6462" s="1" t="s">
        <v>5</v>
      </c>
      <c r="D6462" s="1" t="s">
        <v>11</v>
      </c>
      <c r="E6462" s="1" t="s">
        <v>7</v>
      </c>
    </row>
    <row r="6463">
      <c r="A6463" s="1">
        <v>4.90412235E8</v>
      </c>
      <c r="B6463" s="2">
        <v>12000.0</v>
      </c>
      <c r="C6463" s="1" t="s">
        <v>5</v>
      </c>
      <c r="D6463" s="1" t="s">
        <v>5254</v>
      </c>
      <c r="E6463" s="1" t="s">
        <v>7</v>
      </c>
    </row>
    <row r="6464">
      <c r="A6464" s="1">
        <v>4.90412243E8</v>
      </c>
      <c r="B6464" s="2">
        <v>12444.0</v>
      </c>
      <c r="C6464" s="1" t="s">
        <v>5</v>
      </c>
      <c r="D6464" s="1" t="s">
        <v>5255</v>
      </c>
      <c r="E6464" s="1" t="s">
        <v>7</v>
      </c>
    </row>
    <row r="6465">
      <c r="A6465" s="1">
        <v>4.90412244E8</v>
      </c>
      <c r="B6465" s="2">
        <v>11984.0</v>
      </c>
      <c r="C6465" s="1" t="s">
        <v>5</v>
      </c>
      <c r="D6465" s="1" t="s">
        <v>5256</v>
      </c>
      <c r="E6465" s="1" t="s">
        <v>7</v>
      </c>
    </row>
    <row r="6466">
      <c r="A6466" s="1">
        <v>4.90412254E8</v>
      </c>
      <c r="B6466" s="2">
        <v>12052.0</v>
      </c>
      <c r="C6466" s="1" t="s">
        <v>5</v>
      </c>
      <c r="D6466" s="1" t="s">
        <v>5257</v>
      </c>
      <c r="E6466" s="1" t="s">
        <v>11</v>
      </c>
    </row>
    <row r="6467">
      <c r="A6467" s="1">
        <v>4.90412257E8</v>
      </c>
      <c r="B6467" s="2">
        <v>11981.0</v>
      </c>
      <c r="C6467" s="1" t="s">
        <v>5</v>
      </c>
      <c r="D6467" s="1" t="s">
        <v>5258</v>
      </c>
      <c r="E6467" s="1" t="s">
        <v>11</v>
      </c>
    </row>
    <row r="6468">
      <c r="A6468" s="1">
        <v>4.90412269E8</v>
      </c>
      <c r="B6468" s="2">
        <v>12000.0</v>
      </c>
      <c r="C6468" s="1" t="s">
        <v>5</v>
      </c>
      <c r="D6468" s="1" t="s">
        <v>5259</v>
      </c>
      <c r="E6468" s="1" t="s">
        <v>11</v>
      </c>
    </row>
    <row r="6469">
      <c r="A6469" s="1">
        <v>4.90412271E8</v>
      </c>
      <c r="B6469" s="2">
        <v>12049.0</v>
      </c>
      <c r="C6469" s="1" t="s">
        <v>5</v>
      </c>
      <c r="D6469" s="1" t="s">
        <v>11</v>
      </c>
      <c r="E6469" s="1" t="s">
        <v>7</v>
      </c>
    </row>
    <row r="6470">
      <c r="A6470" s="1">
        <v>4.90412274E8</v>
      </c>
      <c r="B6470" s="2">
        <v>11984.0</v>
      </c>
      <c r="C6470" s="1" t="s">
        <v>5</v>
      </c>
      <c r="D6470" s="1" t="s">
        <v>11</v>
      </c>
      <c r="E6470" s="1" t="s">
        <v>7</v>
      </c>
    </row>
    <row r="6471">
      <c r="A6471" s="1">
        <v>4.90412286E8</v>
      </c>
      <c r="B6471" s="2">
        <v>12440.0</v>
      </c>
      <c r="C6471" s="1" t="s">
        <v>5</v>
      </c>
      <c r="D6471" s="1" t="s">
        <v>5260</v>
      </c>
      <c r="E6471" s="1" t="s">
        <v>11</v>
      </c>
    </row>
    <row r="6472">
      <c r="A6472" s="1">
        <v>4.9041231E8</v>
      </c>
      <c r="B6472" s="2">
        <v>11988.0</v>
      </c>
      <c r="C6472" s="1" t="s">
        <v>5</v>
      </c>
      <c r="D6472" s="1" t="s">
        <v>5261</v>
      </c>
      <c r="E6472" s="1" t="s">
        <v>11</v>
      </c>
    </row>
    <row r="6473">
      <c r="A6473" s="1">
        <v>4.90412313E8</v>
      </c>
      <c r="B6473" s="2">
        <v>12054.0</v>
      </c>
      <c r="C6473" s="1" t="s">
        <v>5</v>
      </c>
      <c r="D6473" s="1" t="s">
        <v>11</v>
      </c>
      <c r="E6473" s="1" t="s">
        <v>7</v>
      </c>
    </row>
    <row r="6474">
      <c r="A6474" s="1">
        <v>4.90412322E8</v>
      </c>
      <c r="B6474" s="2">
        <v>12447.0</v>
      </c>
      <c r="C6474" s="1" t="s">
        <v>5</v>
      </c>
      <c r="D6474" s="1" t="s">
        <v>5262</v>
      </c>
      <c r="E6474" s="1" t="s">
        <v>7</v>
      </c>
    </row>
    <row r="6475">
      <c r="A6475" s="1">
        <v>4.90412395E8</v>
      </c>
      <c r="B6475" s="2">
        <v>12442.0</v>
      </c>
      <c r="C6475" s="1" t="s">
        <v>5</v>
      </c>
      <c r="D6475" s="1" t="s">
        <v>5263</v>
      </c>
      <c r="E6475" s="1" t="s">
        <v>7</v>
      </c>
    </row>
    <row r="6476">
      <c r="A6476" s="1">
        <v>4.90412404E8</v>
      </c>
      <c r="B6476" s="2">
        <v>11987.0</v>
      </c>
      <c r="C6476" s="1" t="s">
        <v>5</v>
      </c>
      <c r="D6476" s="1" t="s">
        <v>5264</v>
      </c>
      <c r="E6476" s="1" t="s">
        <v>7</v>
      </c>
    </row>
    <row r="6477">
      <c r="A6477" s="1">
        <v>4.90412406E8</v>
      </c>
      <c r="B6477" s="2">
        <v>11984.0</v>
      </c>
      <c r="C6477" s="1" t="s">
        <v>5</v>
      </c>
      <c r="D6477" s="1" t="s">
        <v>5265</v>
      </c>
      <c r="E6477" s="1" t="s">
        <v>5266</v>
      </c>
    </row>
    <row r="6478">
      <c r="A6478" s="1">
        <v>4.9041243E8</v>
      </c>
      <c r="B6478" s="2">
        <v>11988.0</v>
      </c>
      <c r="C6478" s="1" t="s">
        <v>5</v>
      </c>
      <c r="D6478" s="1" t="s">
        <v>5267</v>
      </c>
      <c r="E6478" s="1" t="s">
        <v>11</v>
      </c>
    </row>
    <row r="6479">
      <c r="A6479" s="1">
        <v>4.90412464E8</v>
      </c>
      <c r="B6479" s="2">
        <v>11981.0</v>
      </c>
      <c r="C6479" s="1" t="s">
        <v>5</v>
      </c>
      <c r="D6479" s="1" t="s">
        <v>5268</v>
      </c>
      <c r="E6479" s="1" t="s">
        <v>11</v>
      </c>
    </row>
    <row r="6480">
      <c r="A6480" s="1">
        <v>4.90412479E8</v>
      </c>
      <c r="B6480" s="2">
        <v>11984.0</v>
      </c>
      <c r="C6480" s="1" t="s">
        <v>5</v>
      </c>
      <c r="D6480" s="1" t="s">
        <v>5269</v>
      </c>
      <c r="E6480" s="1" t="s">
        <v>11</v>
      </c>
    </row>
    <row r="6481">
      <c r="A6481" s="1">
        <v>4.90412538E8</v>
      </c>
      <c r="B6481" s="2">
        <v>11988.0</v>
      </c>
      <c r="C6481" s="1" t="s">
        <v>5</v>
      </c>
      <c r="D6481" s="1" t="s">
        <v>5270</v>
      </c>
      <c r="E6481" s="1" t="s">
        <v>7</v>
      </c>
    </row>
    <row r="6482">
      <c r="A6482" s="1">
        <v>4.90412574E8</v>
      </c>
      <c r="B6482" s="2">
        <v>11987.0</v>
      </c>
      <c r="C6482" s="1" t="s">
        <v>5</v>
      </c>
      <c r="D6482" s="1" t="s">
        <v>5271</v>
      </c>
      <c r="E6482" s="1" t="s">
        <v>11</v>
      </c>
    </row>
    <row r="6483">
      <c r="A6483" s="1">
        <v>4.90412583E8</v>
      </c>
      <c r="B6483" s="2">
        <v>11983.0</v>
      </c>
      <c r="C6483" s="1" t="s">
        <v>5</v>
      </c>
      <c r="D6483" s="1" t="s">
        <v>11</v>
      </c>
      <c r="E6483" s="1" t="s">
        <v>7</v>
      </c>
    </row>
    <row r="6484">
      <c r="A6484" s="1">
        <v>4.90412608E8</v>
      </c>
      <c r="B6484" s="2">
        <v>11987.0</v>
      </c>
      <c r="C6484" s="1" t="s">
        <v>5</v>
      </c>
      <c r="D6484" s="1" t="s">
        <v>5272</v>
      </c>
      <c r="E6484" s="1" t="s">
        <v>11</v>
      </c>
    </row>
    <row r="6485">
      <c r="A6485" s="1">
        <v>4.9041265E8</v>
      </c>
      <c r="B6485" s="2">
        <v>11987.0</v>
      </c>
      <c r="C6485" s="1" t="s">
        <v>5</v>
      </c>
      <c r="D6485" s="1" t="s">
        <v>5273</v>
      </c>
      <c r="E6485" s="1" t="s">
        <v>11</v>
      </c>
    </row>
    <row r="6486">
      <c r="A6486" s="1">
        <v>4.90412653E8</v>
      </c>
      <c r="B6486" s="2">
        <v>11989.0</v>
      </c>
      <c r="C6486" s="1" t="s">
        <v>5</v>
      </c>
      <c r="D6486" s="1" t="s">
        <v>5274</v>
      </c>
      <c r="E6486" s="1" t="s">
        <v>7</v>
      </c>
    </row>
    <row r="6487">
      <c r="A6487" s="1">
        <v>4.90412658E8</v>
      </c>
      <c r="B6487" s="2">
        <v>12447.0</v>
      </c>
      <c r="C6487" s="1" t="s">
        <v>5</v>
      </c>
      <c r="D6487" s="1" t="s">
        <v>11</v>
      </c>
      <c r="E6487" s="1" t="s">
        <v>7</v>
      </c>
    </row>
    <row r="6488">
      <c r="A6488" s="1">
        <v>4.90412667E8</v>
      </c>
      <c r="B6488" s="2">
        <v>11987.0</v>
      </c>
      <c r="C6488" s="1" t="s">
        <v>5</v>
      </c>
      <c r="D6488" s="1" t="s">
        <v>11</v>
      </c>
      <c r="E6488" s="1" t="s">
        <v>7</v>
      </c>
    </row>
    <row r="6489">
      <c r="A6489" s="1">
        <v>4.90412671E8</v>
      </c>
      <c r="B6489" s="2">
        <v>11987.0</v>
      </c>
      <c r="C6489" s="1" t="s">
        <v>5</v>
      </c>
      <c r="D6489" s="1" t="s">
        <v>5275</v>
      </c>
      <c r="E6489" s="1" t="s">
        <v>11</v>
      </c>
    </row>
    <row r="6490">
      <c r="A6490" s="1">
        <v>4.90412675E8</v>
      </c>
      <c r="B6490" s="2">
        <v>11981.0</v>
      </c>
      <c r="C6490" s="1" t="s">
        <v>5</v>
      </c>
      <c r="D6490" s="1" t="s">
        <v>5276</v>
      </c>
      <c r="E6490" s="1" t="s">
        <v>11</v>
      </c>
    </row>
    <row r="6491">
      <c r="A6491" s="1">
        <v>4.90412696E8</v>
      </c>
      <c r="B6491" s="2">
        <v>11987.0</v>
      </c>
      <c r="C6491" s="1" t="s">
        <v>5</v>
      </c>
      <c r="D6491" s="1" t="s">
        <v>5277</v>
      </c>
      <c r="E6491" s="1" t="s">
        <v>11</v>
      </c>
    </row>
    <row r="6492">
      <c r="A6492" s="1">
        <v>4.9041271E8</v>
      </c>
      <c r="B6492" s="2">
        <v>11981.0</v>
      </c>
      <c r="C6492" s="1" t="s">
        <v>5</v>
      </c>
      <c r="D6492" s="1" t="s">
        <v>5278</v>
      </c>
      <c r="E6492" s="1" t="s">
        <v>7</v>
      </c>
    </row>
    <row r="6493">
      <c r="A6493" s="1">
        <v>4.90412722E8</v>
      </c>
      <c r="B6493" s="2">
        <v>12438.0</v>
      </c>
      <c r="C6493" s="1" t="s">
        <v>5</v>
      </c>
      <c r="D6493" s="1" t="s">
        <v>5279</v>
      </c>
      <c r="E6493" s="1" t="s">
        <v>7</v>
      </c>
    </row>
    <row r="6494">
      <c r="A6494" s="1">
        <v>4.90412732E8</v>
      </c>
      <c r="B6494" s="2">
        <v>12053.0</v>
      </c>
      <c r="C6494" s="1" t="s">
        <v>5</v>
      </c>
      <c r="D6494" s="1" t="s">
        <v>11</v>
      </c>
      <c r="E6494" s="1" t="s">
        <v>7</v>
      </c>
    </row>
    <row r="6495">
      <c r="A6495" s="1">
        <v>4.90412733E8</v>
      </c>
      <c r="B6495" s="2">
        <v>11981.0</v>
      </c>
      <c r="C6495" s="1" t="s">
        <v>5</v>
      </c>
      <c r="D6495" s="1" t="s">
        <v>11</v>
      </c>
      <c r="E6495" s="1" t="s">
        <v>7</v>
      </c>
    </row>
    <row r="6496">
      <c r="A6496" s="1">
        <v>4.90412744E8</v>
      </c>
      <c r="B6496" s="2">
        <v>12053.0</v>
      </c>
      <c r="C6496" s="1" t="s">
        <v>5</v>
      </c>
      <c r="D6496" s="1" t="s">
        <v>11</v>
      </c>
      <c r="E6496" s="1" t="s">
        <v>7</v>
      </c>
    </row>
    <row r="6497">
      <c r="A6497" s="1">
        <v>4.9041275E8</v>
      </c>
      <c r="B6497" s="2">
        <v>12443.0</v>
      </c>
      <c r="C6497" s="1" t="s">
        <v>5</v>
      </c>
      <c r="D6497" s="1" t="s">
        <v>5280</v>
      </c>
      <c r="E6497" s="1" t="s">
        <v>7</v>
      </c>
    </row>
    <row r="6498">
      <c r="A6498" s="1">
        <v>4.90412755E8</v>
      </c>
      <c r="B6498" s="2">
        <v>12053.0</v>
      </c>
      <c r="C6498" s="1" t="s">
        <v>5</v>
      </c>
      <c r="D6498" s="1" t="s">
        <v>11</v>
      </c>
      <c r="E6498" s="1" t="s">
        <v>7</v>
      </c>
    </row>
    <row r="6499">
      <c r="A6499" s="1">
        <v>4.9041276E8</v>
      </c>
      <c r="B6499" s="2">
        <v>11981.0</v>
      </c>
      <c r="C6499" s="1" t="s">
        <v>5</v>
      </c>
      <c r="D6499" s="1" t="s">
        <v>5281</v>
      </c>
      <c r="E6499" s="1" t="s">
        <v>11</v>
      </c>
    </row>
    <row r="6500">
      <c r="A6500" s="1">
        <v>4.90412774E8</v>
      </c>
      <c r="B6500" s="2">
        <v>12052.0</v>
      </c>
      <c r="C6500" s="1" t="s">
        <v>5</v>
      </c>
      <c r="D6500" s="1" t="s">
        <v>5282</v>
      </c>
      <c r="E6500" s="1" t="s">
        <v>11</v>
      </c>
    </row>
    <row r="6501">
      <c r="A6501" s="1">
        <v>4.9041278E8</v>
      </c>
      <c r="B6501" s="2">
        <v>12438.0</v>
      </c>
      <c r="C6501" s="1" t="s">
        <v>5</v>
      </c>
      <c r="D6501" s="1" t="s">
        <v>5283</v>
      </c>
      <c r="E6501" s="1" t="s">
        <v>7</v>
      </c>
    </row>
    <row r="6502">
      <c r="A6502" s="1">
        <v>4.90412784E8</v>
      </c>
      <c r="B6502" s="2">
        <v>12053.0</v>
      </c>
      <c r="C6502" s="1" t="s">
        <v>5</v>
      </c>
      <c r="D6502" s="1" t="s">
        <v>5284</v>
      </c>
      <c r="E6502" s="1" t="s">
        <v>11</v>
      </c>
    </row>
    <row r="6503">
      <c r="A6503" s="1">
        <v>4.9041283E8</v>
      </c>
      <c r="B6503" s="2">
        <v>12438.0</v>
      </c>
      <c r="C6503" s="1" t="s">
        <v>5</v>
      </c>
      <c r="D6503" s="1" t="s">
        <v>5285</v>
      </c>
      <c r="E6503" s="1" t="s">
        <v>7</v>
      </c>
    </row>
    <row r="6504">
      <c r="A6504" s="1">
        <v>4.90412851E8</v>
      </c>
      <c r="B6504" s="2">
        <v>12446.0</v>
      </c>
      <c r="C6504" s="1" t="s">
        <v>5</v>
      </c>
      <c r="D6504" s="1" t="s">
        <v>5286</v>
      </c>
      <c r="E6504" s="1" t="s">
        <v>7</v>
      </c>
    </row>
    <row r="6505">
      <c r="A6505" s="1">
        <v>4.90412863E8</v>
      </c>
      <c r="B6505" s="2">
        <v>11986.0</v>
      </c>
      <c r="C6505" s="1" t="s">
        <v>5</v>
      </c>
      <c r="D6505" s="1" t="s">
        <v>5287</v>
      </c>
      <c r="E6505" s="1" t="s">
        <v>7</v>
      </c>
    </row>
    <row r="6506">
      <c r="A6506" s="1">
        <v>4.90412872E8</v>
      </c>
      <c r="B6506" s="2">
        <v>12053.0</v>
      </c>
      <c r="C6506" s="1" t="s">
        <v>5</v>
      </c>
      <c r="D6506" s="1" t="s">
        <v>5288</v>
      </c>
      <c r="E6506" s="1" t="s">
        <v>7</v>
      </c>
    </row>
    <row r="6507">
      <c r="A6507" s="1">
        <v>4.90412875E8</v>
      </c>
      <c r="B6507" s="2">
        <v>11986.0</v>
      </c>
      <c r="C6507" s="1" t="s">
        <v>5</v>
      </c>
      <c r="D6507" s="1" t="s">
        <v>5289</v>
      </c>
      <c r="E6507" s="1" t="s">
        <v>7</v>
      </c>
    </row>
    <row r="6508">
      <c r="A6508" s="1">
        <v>4.90412895E8</v>
      </c>
      <c r="B6508" s="2">
        <v>12050.0</v>
      </c>
      <c r="C6508" s="1" t="s">
        <v>5</v>
      </c>
      <c r="D6508" s="1" t="s">
        <v>5290</v>
      </c>
      <c r="E6508" s="1" t="s">
        <v>7</v>
      </c>
    </row>
    <row r="6509">
      <c r="A6509" s="1">
        <v>4.90412901E8</v>
      </c>
      <c r="B6509" s="2">
        <v>12447.0</v>
      </c>
      <c r="C6509" s="1" t="s">
        <v>5</v>
      </c>
      <c r="D6509" s="1" t="s">
        <v>7</v>
      </c>
      <c r="E6509" s="1" t="s">
        <v>7</v>
      </c>
    </row>
    <row r="6510">
      <c r="A6510" s="1">
        <v>4.90412949E8</v>
      </c>
      <c r="B6510" s="2">
        <v>12052.0</v>
      </c>
      <c r="C6510" s="1" t="s">
        <v>5</v>
      </c>
      <c r="D6510" s="1" t="s">
        <v>11</v>
      </c>
      <c r="E6510" s="1" t="s">
        <v>7</v>
      </c>
    </row>
    <row r="6511">
      <c r="A6511" s="1">
        <v>4.9041295E8</v>
      </c>
      <c r="B6511" s="2">
        <v>12447.0</v>
      </c>
      <c r="C6511" s="1" t="s">
        <v>5</v>
      </c>
      <c r="D6511" s="1" t="s">
        <v>5291</v>
      </c>
      <c r="E6511" s="1" t="s">
        <v>7</v>
      </c>
    </row>
    <row r="6512">
      <c r="A6512" s="1">
        <v>4.90412955E8</v>
      </c>
      <c r="B6512" s="2">
        <v>12052.0</v>
      </c>
      <c r="C6512" s="1" t="s">
        <v>5</v>
      </c>
      <c r="D6512" s="1" t="s">
        <v>11</v>
      </c>
      <c r="E6512" s="1" t="s">
        <v>7</v>
      </c>
    </row>
    <row r="6513">
      <c r="A6513" s="1">
        <v>4.90412957E8</v>
      </c>
      <c r="B6513" s="2">
        <v>11986.0</v>
      </c>
      <c r="C6513" s="1" t="s">
        <v>5</v>
      </c>
      <c r="D6513" s="1" t="s">
        <v>5292</v>
      </c>
      <c r="E6513" s="1" t="s">
        <v>11</v>
      </c>
    </row>
    <row r="6514">
      <c r="A6514" s="1">
        <v>4.90412965E8</v>
      </c>
      <c r="B6514" s="2">
        <v>11974.0</v>
      </c>
      <c r="C6514" s="1" t="s">
        <v>5</v>
      </c>
      <c r="D6514" s="1" t="s">
        <v>11</v>
      </c>
      <c r="E6514" s="1" t="s">
        <v>7</v>
      </c>
    </row>
    <row r="6515">
      <c r="A6515" s="1">
        <v>4.90412967E8</v>
      </c>
      <c r="B6515" s="2">
        <v>11987.0</v>
      </c>
      <c r="C6515" s="1" t="s">
        <v>5</v>
      </c>
      <c r="D6515" s="1" t="s">
        <v>11</v>
      </c>
      <c r="E6515" s="1" t="s">
        <v>7</v>
      </c>
    </row>
    <row r="6516">
      <c r="A6516" s="1">
        <v>4.90412972E8</v>
      </c>
      <c r="B6516" s="2">
        <v>12442.0</v>
      </c>
      <c r="C6516" s="1" t="s">
        <v>5</v>
      </c>
      <c r="D6516" s="1" t="s">
        <v>5293</v>
      </c>
      <c r="E6516" s="1" t="s">
        <v>11</v>
      </c>
    </row>
    <row r="6517">
      <c r="A6517" s="1">
        <v>4.90412993E8</v>
      </c>
      <c r="B6517" s="2">
        <v>11978.0</v>
      </c>
      <c r="C6517" s="1" t="s">
        <v>5</v>
      </c>
      <c r="D6517" s="1" t="s">
        <v>5294</v>
      </c>
      <c r="E6517" s="1" t="s">
        <v>7</v>
      </c>
    </row>
    <row r="6518">
      <c r="A6518" s="1">
        <v>4.90412996E8</v>
      </c>
      <c r="B6518" s="2">
        <v>11974.0</v>
      </c>
      <c r="C6518" s="1" t="s">
        <v>5</v>
      </c>
      <c r="D6518" s="1" t="s">
        <v>5295</v>
      </c>
      <c r="E6518" s="1" t="s">
        <v>11</v>
      </c>
    </row>
    <row r="6519">
      <c r="A6519" s="1">
        <v>4.90413013E8</v>
      </c>
      <c r="B6519" s="2">
        <v>11983.0</v>
      </c>
      <c r="C6519" s="1" t="s">
        <v>5</v>
      </c>
      <c r="D6519" s="1" t="s">
        <v>5296</v>
      </c>
      <c r="E6519" s="1" t="s">
        <v>5297</v>
      </c>
    </row>
    <row r="6520">
      <c r="A6520" s="1">
        <v>4.90413023E8</v>
      </c>
      <c r="B6520" s="2">
        <v>12436.0</v>
      </c>
      <c r="C6520" s="1" t="s">
        <v>5</v>
      </c>
      <c r="D6520" s="1" t="s">
        <v>5298</v>
      </c>
      <c r="E6520" s="1" t="s">
        <v>11</v>
      </c>
    </row>
    <row r="6521">
      <c r="A6521" s="1">
        <v>4.90413024E8</v>
      </c>
      <c r="B6521" s="2">
        <v>12052.0</v>
      </c>
      <c r="C6521" s="1" t="s">
        <v>5</v>
      </c>
      <c r="D6521" s="1" t="s">
        <v>5299</v>
      </c>
      <c r="E6521" s="1" t="s">
        <v>7</v>
      </c>
    </row>
    <row r="6522">
      <c r="A6522" s="1">
        <v>4.90413074E8</v>
      </c>
      <c r="B6522" s="2">
        <v>12440.0</v>
      </c>
      <c r="C6522" s="1" t="s">
        <v>5</v>
      </c>
      <c r="D6522" s="1" t="s">
        <v>5300</v>
      </c>
      <c r="E6522" s="1" t="s">
        <v>7</v>
      </c>
    </row>
    <row r="6523">
      <c r="A6523" s="1">
        <v>4.904131E8</v>
      </c>
      <c r="B6523" s="2">
        <v>11974.0</v>
      </c>
      <c r="C6523" s="1" t="s">
        <v>5</v>
      </c>
      <c r="D6523" s="1" t="s">
        <v>5301</v>
      </c>
      <c r="E6523" s="1" t="s">
        <v>7</v>
      </c>
    </row>
    <row r="6524">
      <c r="A6524" s="1">
        <v>4.90413115E8</v>
      </c>
      <c r="B6524" s="2">
        <v>11984.0</v>
      </c>
      <c r="C6524" s="1" t="s">
        <v>5</v>
      </c>
      <c r="D6524" s="1" t="s">
        <v>5302</v>
      </c>
      <c r="E6524" s="1" t="s">
        <v>7</v>
      </c>
    </row>
    <row r="6525">
      <c r="A6525" s="1">
        <v>4.90413118E8</v>
      </c>
      <c r="B6525" s="2">
        <v>12049.0</v>
      </c>
      <c r="C6525" s="1" t="s">
        <v>5</v>
      </c>
      <c r="D6525" s="1" t="s">
        <v>5303</v>
      </c>
      <c r="E6525" s="1" t="s">
        <v>7</v>
      </c>
    </row>
    <row r="6526">
      <c r="A6526" s="1">
        <v>4.90413131E8</v>
      </c>
      <c r="B6526" s="2">
        <v>12051.0</v>
      </c>
      <c r="C6526" s="1" t="s">
        <v>5</v>
      </c>
      <c r="D6526" s="1" t="s">
        <v>5304</v>
      </c>
      <c r="E6526" s="1" t="s">
        <v>11</v>
      </c>
    </row>
    <row r="6527">
      <c r="A6527" s="1">
        <v>4.9041314E8</v>
      </c>
      <c r="B6527" s="2">
        <v>12446.0</v>
      </c>
      <c r="C6527" s="1" t="s">
        <v>5</v>
      </c>
      <c r="D6527" s="1" t="s">
        <v>11</v>
      </c>
      <c r="E6527" s="1" t="s">
        <v>7</v>
      </c>
    </row>
    <row r="6528">
      <c r="A6528" s="1">
        <v>4.90413145E8</v>
      </c>
      <c r="B6528" s="2">
        <v>12439.0</v>
      </c>
      <c r="C6528" s="1" t="s">
        <v>5</v>
      </c>
      <c r="D6528" s="1" t="s">
        <v>5305</v>
      </c>
      <c r="E6528" s="1" t="s">
        <v>7</v>
      </c>
    </row>
    <row r="6529">
      <c r="A6529" s="1">
        <v>4.9041315E8</v>
      </c>
      <c r="B6529" s="2">
        <v>11979.0</v>
      </c>
      <c r="C6529" s="1" t="s">
        <v>5</v>
      </c>
      <c r="D6529" s="1" t="s">
        <v>11</v>
      </c>
      <c r="E6529" s="1" t="s">
        <v>7</v>
      </c>
    </row>
    <row r="6530">
      <c r="A6530" s="1">
        <v>4.90413155E8</v>
      </c>
      <c r="B6530" s="2">
        <v>11983.0</v>
      </c>
      <c r="C6530" s="1" t="s">
        <v>5</v>
      </c>
      <c r="D6530" s="1" t="s">
        <v>5306</v>
      </c>
      <c r="E6530" s="1" t="s">
        <v>11</v>
      </c>
    </row>
    <row r="6531">
      <c r="A6531" s="1">
        <v>4.90413172E8</v>
      </c>
      <c r="B6531" s="2">
        <v>11986.0</v>
      </c>
      <c r="C6531" s="1" t="s">
        <v>5</v>
      </c>
      <c r="D6531" s="1" t="s">
        <v>5307</v>
      </c>
      <c r="E6531" s="1" t="s">
        <v>5308</v>
      </c>
    </row>
    <row r="6532">
      <c r="A6532" s="1">
        <v>4.90413178E8</v>
      </c>
      <c r="B6532" s="2">
        <v>12051.0</v>
      </c>
      <c r="C6532" s="1" t="s">
        <v>5</v>
      </c>
      <c r="D6532" s="1" t="s">
        <v>11</v>
      </c>
      <c r="E6532" s="1" t="s">
        <v>7</v>
      </c>
    </row>
    <row r="6533">
      <c r="A6533" s="1">
        <v>4.9041319E8</v>
      </c>
      <c r="B6533" s="2">
        <v>12445.0</v>
      </c>
      <c r="C6533" s="1" t="s">
        <v>5</v>
      </c>
      <c r="D6533" s="4" t="s">
        <v>5309</v>
      </c>
      <c r="E6533" s="1" t="s">
        <v>7</v>
      </c>
    </row>
    <row r="6534">
      <c r="A6534" s="1">
        <v>4.90413193E8</v>
      </c>
      <c r="B6534" s="2">
        <v>11978.0</v>
      </c>
      <c r="C6534" s="1" t="s">
        <v>5</v>
      </c>
      <c r="D6534" s="1" t="s">
        <v>5310</v>
      </c>
      <c r="E6534" s="1" t="s">
        <v>7</v>
      </c>
    </row>
    <row r="6535">
      <c r="A6535" s="1">
        <v>4.90413201E8</v>
      </c>
      <c r="B6535" s="2">
        <v>11983.0</v>
      </c>
      <c r="C6535" s="1" t="s">
        <v>5</v>
      </c>
      <c r="D6535" s="1" t="s">
        <v>5311</v>
      </c>
      <c r="E6535" s="1" t="s">
        <v>7</v>
      </c>
    </row>
    <row r="6536">
      <c r="A6536" s="1">
        <v>4.90413206E8</v>
      </c>
      <c r="B6536" s="2">
        <v>11980.0</v>
      </c>
      <c r="C6536" s="1" t="s">
        <v>5</v>
      </c>
      <c r="D6536" s="1" t="s">
        <v>2384</v>
      </c>
      <c r="E6536" s="1" t="s">
        <v>11</v>
      </c>
    </row>
    <row r="6537">
      <c r="A6537" s="1">
        <v>4.9041323E8</v>
      </c>
      <c r="B6537" s="2">
        <v>12442.0</v>
      </c>
      <c r="C6537" s="1" t="s">
        <v>5</v>
      </c>
      <c r="D6537" s="1" t="s">
        <v>5312</v>
      </c>
      <c r="E6537" s="1" t="s">
        <v>5313</v>
      </c>
    </row>
    <row r="6538">
      <c r="A6538" s="1">
        <v>4.90413252E8</v>
      </c>
      <c r="B6538" s="2">
        <v>11981.0</v>
      </c>
      <c r="C6538" s="1" t="s">
        <v>5</v>
      </c>
      <c r="D6538" s="1" t="s">
        <v>5314</v>
      </c>
      <c r="E6538" s="1" t="s">
        <v>5315</v>
      </c>
    </row>
    <row r="6539">
      <c r="A6539" s="1">
        <v>4.90413258E8</v>
      </c>
      <c r="B6539" s="2">
        <v>11978.0</v>
      </c>
      <c r="C6539" s="1" t="s">
        <v>5</v>
      </c>
      <c r="D6539" s="1" t="s">
        <v>5316</v>
      </c>
      <c r="E6539" s="1" t="s">
        <v>7</v>
      </c>
    </row>
    <row r="6540">
      <c r="A6540" s="1">
        <v>4.90413283E8</v>
      </c>
      <c r="B6540" s="2">
        <v>11977.0</v>
      </c>
      <c r="C6540" s="1" t="s">
        <v>5</v>
      </c>
      <c r="D6540" s="1" t="s">
        <v>5317</v>
      </c>
      <c r="E6540" s="1" t="s">
        <v>11</v>
      </c>
    </row>
    <row r="6541">
      <c r="A6541" s="1">
        <v>4.90413297E8</v>
      </c>
      <c r="B6541" s="2">
        <v>12434.0</v>
      </c>
      <c r="C6541" s="1" t="s">
        <v>5</v>
      </c>
      <c r="D6541" s="1" t="s">
        <v>5318</v>
      </c>
      <c r="E6541" s="1" t="s">
        <v>7</v>
      </c>
    </row>
    <row r="6542">
      <c r="A6542" s="1">
        <v>4.90413299E8</v>
      </c>
      <c r="B6542" s="2">
        <v>12441.0</v>
      </c>
      <c r="C6542" s="1" t="s">
        <v>5</v>
      </c>
      <c r="D6542" s="1" t="s">
        <v>5319</v>
      </c>
      <c r="E6542" s="1" t="s">
        <v>7</v>
      </c>
    </row>
    <row r="6543">
      <c r="A6543" s="1">
        <v>4.90413302E8</v>
      </c>
      <c r="B6543" s="2">
        <v>12051.0</v>
      </c>
      <c r="C6543" s="1" t="s">
        <v>5</v>
      </c>
      <c r="D6543" s="1" t="s">
        <v>5320</v>
      </c>
      <c r="E6543" s="1" t="s">
        <v>7</v>
      </c>
    </row>
    <row r="6544">
      <c r="A6544" s="1">
        <v>4.90413324E8</v>
      </c>
      <c r="B6544" s="2">
        <v>12051.0</v>
      </c>
      <c r="C6544" s="1" t="s">
        <v>5</v>
      </c>
      <c r="D6544" s="1" t="s">
        <v>5321</v>
      </c>
      <c r="E6544" s="1" t="s">
        <v>7</v>
      </c>
    </row>
    <row r="6545">
      <c r="A6545" s="1">
        <v>4.90413325E8</v>
      </c>
      <c r="B6545" s="2">
        <v>12051.0</v>
      </c>
      <c r="C6545" s="1" t="s">
        <v>5</v>
      </c>
      <c r="D6545" s="1" t="s">
        <v>11</v>
      </c>
      <c r="E6545" s="1" t="s">
        <v>7</v>
      </c>
    </row>
    <row r="6546">
      <c r="A6546" s="1">
        <v>4.90413331E8</v>
      </c>
      <c r="B6546" s="2">
        <v>11973.0</v>
      </c>
      <c r="C6546" s="1" t="s">
        <v>5</v>
      </c>
      <c r="D6546" s="1" t="s">
        <v>5322</v>
      </c>
      <c r="E6546" s="1" t="s">
        <v>7</v>
      </c>
    </row>
    <row r="6547">
      <c r="A6547" s="1">
        <v>4.90413332E8</v>
      </c>
      <c r="B6547" s="2">
        <v>12050.0</v>
      </c>
      <c r="C6547" s="1" t="s">
        <v>5</v>
      </c>
      <c r="D6547" s="1" t="s">
        <v>5323</v>
      </c>
      <c r="E6547" s="1" t="s">
        <v>7</v>
      </c>
    </row>
    <row r="6548">
      <c r="A6548" s="1">
        <v>4.9041334E8</v>
      </c>
      <c r="B6548" s="2">
        <v>11984.0</v>
      </c>
      <c r="C6548" s="1" t="s">
        <v>5</v>
      </c>
      <c r="D6548" s="1" t="s">
        <v>11</v>
      </c>
      <c r="E6548" s="1" t="s">
        <v>7</v>
      </c>
    </row>
    <row r="6549">
      <c r="A6549" s="1">
        <v>4.90413362E8</v>
      </c>
      <c r="B6549" s="2">
        <v>12426.0</v>
      </c>
      <c r="C6549" s="1" t="s">
        <v>5</v>
      </c>
      <c r="D6549" s="1" t="s">
        <v>5324</v>
      </c>
      <c r="E6549" s="1" t="s">
        <v>7</v>
      </c>
    </row>
    <row r="6550">
      <c r="A6550" s="1">
        <v>4.90413373E8</v>
      </c>
      <c r="B6550" s="2">
        <v>12052.0</v>
      </c>
      <c r="C6550" s="1" t="s">
        <v>5</v>
      </c>
      <c r="D6550" s="1" t="s">
        <v>5325</v>
      </c>
      <c r="E6550" s="1" t="s">
        <v>7</v>
      </c>
    </row>
    <row r="6551">
      <c r="A6551" s="1">
        <v>4.90413374E8</v>
      </c>
      <c r="B6551" s="2">
        <v>11973.0</v>
      </c>
      <c r="C6551" s="1" t="s">
        <v>5</v>
      </c>
      <c r="D6551" s="1" t="s">
        <v>5326</v>
      </c>
      <c r="E6551" s="1" t="s">
        <v>11</v>
      </c>
    </row>
    <row r="6552">
      <c r="A6552" s="1">
        <v>4.90413383E8</v>
      </c>
      <c r="B6552" s="2">
        <v>11981.0</v>
      </c>
      <c r="C6552" s="1" t="s">
        <v>5</v>
      </c>
      <c r="D6552" s="1" t="s">
        <v>5327</v>
      </c>
      <c r="E6552" s="1" t="s">
        <v>11</v>
      </c>
    </row>
    <row r="6553">
      <c r="A6553" s="1">
        <v>4.90413393E8</v>
      </c>
      <c r="B6553" s="2">
        <v>12440.0</v>
      </c>
      <c r="C6553" s="1" t="s">
        <v>5</v>
      </c>
      <c r="D6553" s="1" t="s">
        <v>5328</v>
      </c>
      <c r="E6553" s="1" t="s">
        <v>7</v>
      </c>
    </row>
    <row r="6554">
      <c r="A6554" s="1">
        <v>4.90413409E8</v>
      </c>
      <c r="B6554" s="2">
        <v>11979.0</v>
      </c>
      <c r="C6554" s="1" t="s">
        <v>5</v>
      </c>
      <c r="D6554" s="1" t="s">
        <v>11</v>
      </c>
      <c r="E6554" s="1" t="s">
        <v>7</v>
      </c>
    </row>
    <row r="6555">
      <c r="A6555" s="1">
        <v>4.90413435E8</v>
      </c>
      <c r="B6555" s="2">
        <v>11987.0</v>
      </c>
      <c r="C6555" s="1" t="s">
        <v>5</v>
      </c>
      <c r="D6555" s="1" t="s">
        <v>5329</v>
      </c>
      <c r="E6555" s="1" t="s">
        <v>11</v>
      </c>
    </row>
    <row r="6556">
      <c r="A6556" s="1">
        <v>4.90413452E8</v>
      </c>
      <c r="B6556" s="2">
        <v>11976.0</v>
      </c>
      <c r="C6556" s="1" t="s">
        <v>5</v>
      </c>
      <c r="D6556" s="1" t="s">
        <v>5330</v>
      </c>
      <c r="E6556" s="1" t="s">
        <v>7</v>
      </c>
    </row>
    <row r="6557">
      <c r="A6557" s="1">
        <v>4.90413467E8</v>
      </c>
      <c r="B6557" s="2">
        <v>12444.0</v>
      </c>
      <c r="C6557" s="1" t="s">
        <v>5</v>
      </c>
      <c r="D6557" s="1" t="s">
        <v>5331</v>
      </c>
      <c r="E6557" s="1" t="s">
        <v>11</v>
      </c>
    </row>
    <row r="6558">
      <c r="A6558" s="1">
        <v>4.9041348E8</v>
      </c>
      <c r="B6558" s="2">
        <v>11981.0</v>
      </c>
      <c r="C6558" s="1" t="s">
        <v>5</v>
      </c>
      <c r="D6558" s="1" t="s">
        <v>5332</v>
      </c>
      <c r="E6558" s="1" t="s">
        <v>7</v>
      </c>
    </row>
    <row r="6559">
      <c r="A6559" s="1">
        <v>4.90413493E8</v>
      </c>
      <c r="B6559" s="2">
        <v>11981.0</v>
      </c>
      <c r="C6559" s="1" t="s">
        <v>5</v>
      </c>
      <c r="D6559" s="1" t="s">
        <v>5333</v>
      </c>
      <c r="E6559" s="1" t="s">
        <v>11</v>
      </c>
    </row>
    <row r="6560">
      <c r="A6560" s="1">
        <v>4.90413504E8</v>
      </c>
      <c r="B6560" s="2">
        <v>12051.0</v>
      </c>
      <c r="C6560" s="1" t="s">
        <v>5</v>
      </c>
      <c r="D6560" s="1" t="s">
        <v>5334</v>
      </c>
      <c r="E6560" s="1" t="s">
        <v>11</v>
      </c>
    </row>
    <row r="6561">
      <c r="A6561" s="1">
        <v>4.90413513E8</v>
      </c>
      <c r="B6561" s="2">
        <v>12050.0</v>
      </c>
      <c r="C6561" s="1" t="s">
        <v>5</v>
      </c>
      <c r="D6561" s="1" t="s">
        <v>5335</v>
      </c>
      <c r="E6561" s="1" t="s">
        <v>7</v>
      </c>
    </row>
    <row r="6562">
      <c r="A6562" s="1">
        <v>4.9041352E8</v>
      </c>
      <c r="B6562" s="2">
        <v>12437.0</v>
      </c>
      <c r="C6562" s="1" t="s">
        <v>5</v>
      </c>
      <c r="D6562" s="1" t="s">
        <v>5336</v>
      </c>
      <c r="E6562" s="1" t="s">
        <v>7</v>
      </c>
    </row>
    <row r="6563">
      <c r="A6563" s="1">
        <v>4.90413533E8</v>
      </c>
      <c r="B6563" s="2">
        <v>12050.0</v>
      </c>
      <c r="C6563" s="1" t="s">
        <v>5</v>
      </c>
      <c r="D6563" s="1" t="s">
        <v>11</v>
      </c>
      <c r="E6563" s="1" t="s">
        <v>7</v>
      </c>
    </row>
    <row r="6564">
      <c r="A6564" s="1">
        <v>4.90413534E8</v>
      </c>
      <c r="B6564" s="2">
        <v>11983.0</v>
      </c>
      <c r="C6564" s="1" t="s">
        <v>5</v>
      </c>
      <c r="D6564" s="1" t="s">
        <v>5337</v>
      </c>
      <c r="E6564" s="1" t="s">
        <v>7</v>
      </c>
    </row>
    <row r="6565">
      <c r="A6565" s="1">
        <v>4.90413544E8</v>
      </c>
      <c r="B6565" s="2">
        <v>12050.0</v>
      </c>
      <c r="C6565" s="1" t="s">
        <v>5</v>
      </c>
      <c r="D6565" s="1" t="s">
        <v>5338</v>
      </c>
      <c r="E6565" s="1" t="s">
        <v>11</v>
      </c>
    </row>
    <row r="6566">
      <c r="A6566" s="1">
        <v>4.90413551E8</v>
      </c>
      <c r="B6566" s="2">
        <v>11981.0</v>
      </c>
      <c r="C6566" s="1" t="s">
        <v>5</v>
      </c>
      <c r="D6566" s="1" t="s">
        <v>11</v>
      </c>
      <c r="E6566" s="1" t="s">
        <v>7</v>
      </c>
    </row>
    <row r="6567">
      <c r="A6567" s="1">
        <v>4.90413584E8</v>
      </c>
      <c r="B6567" s="2">
        <v>12049.0</v>
      </c>
      <c r="C6567" s="1" t="s">
        <v>5</v>
      </c>
      <c r="D6567" s="1" t="s">
        <v>5339</v>
      </c>
      <c r="E6567" s="1" t="s">
        <v>7</v>
      </c>
    </row>
    <row r="6568">
      <c r="A6568" s="1">
        <v>4.90413604E8</v>
      </c>
      <c r="B6568" s="2">
        <v>11978.0</v>
      </c>
      <c r="C6568" s="1" t="s">
        <v>5</v>
      </c>
      <c r="D6568" s="1" t="s">
        <v>11</v>
      </c>
      <c r="E6568" s="1" t="s">
        <v>7</v>
      </c>
    </row>
    <row r="6569">
      <c r="A6569" s="1">
        <v>4.90413607E8</v>
      </c>
      <c r="B6569" s="2">
        <v>11972.0</v>
      </c>
      <c r="C6569" s="1" t="s">
        <v>5</v>
      </c>
      <c r="D6569" s="1" t="s">
        <v>11</v>
      </c>
      <c r="E6569" s="1" t="s">
        <v>7</v>
      </c>
    </row>
    <row r="6570">
      <c r="A6570" s="1">
        <v>4.90413615E8</v>
      </c>
      <c r="B6570" s="2">
        <v>12050.0</v>
      </c>
      <c r="C6570" s="1" t="s">
        <v>5</v>
      </c>
      <c r="D6570" s="1" t="s">
        <v>5340</v>
      </c>
      <c r="E6570" s="1" t="s">
        <v>11</v>
      </c>
    </row>
    <row r="6571">
      <c r="A6571" s="1">
        <v>4.90413644E8</v>
      </c>
      <c r="B6571" s="2">
        <v>11972.0</v>
      </c>
      <c r="C6571" s="1" t="s">
        <v>5</v>
      </c>
      <c r="D6571" s="1" t="s">
        <v>11</v>
      </c>
      <c r="E6571" s="1" t="s">
        <v>7</v>
      </c>
    </row>
    <row r="6572">
      <c r="A6572" s="1">
        <v>4.90413669E8</v>
      </c>
      <c r="B6572" s="2">
        <v>12449.0</v>
      </c>
      <c r="C6572" s="1" t="s">
        <v>5</v>
      </c>
      <c r="D6572" s="1" t="s">
        <v>5341</v>
      </c>
      <c r="E6572" s="1" t="s">
        <v>7</v>
      </c>
    </row>
    <row r="6573">
      <c r="A6573" s="1">
        <v>4.90413679E8</v>
      </c>
      <c r="B6573" s="2">
        <v>11976.0</v>
      </c>
      <c r="C6573" s="1" t="s">
        <v>5</v>
      </c>
      <c r="D6573" s="1" t="s">
        <v>11</v>
      </c>
      <c r="E6573" s="1" t="s">
        <v>7</v>
      </c>
    </row>
    <row r="6574">
      <c r="A6574" s="1">
        <v>4.90413685E8</v>
      </c>
      <c r="B6574" s="2">
        <v>12050.0</v>
      </c>
      <c r="C6574" s="1" t="s">
        <v>5</v>
      </c>
      <c r="D6574" s="1" t="s">
        <v>5342</v>
      </c>
      <c r="E6574" s="1" t="s">
        <v>11</v>
      </c>
    </row>
    <row r="6575">
      <c r="A6575" s="1">
        <v>4.90413698E8</v>
      </c>
      <c r="B6575" s="2">
        <v>12050.0</v>
      </c>
      <c r="C6575" s="1" t="s">
        <v>5</v>
      </c>
      <c r="D6575" s="1" t="s">
        <v>5343</v>
      </c>
      <c r="E6575" s="1" t="s">
        <v>7</v>
      </c>
    </row>
    <row r="6576">
      <c r="A6576" s="1">
        <v>4.90413726E8</v>
      </c>
      <c r="B6576" s="2">
        <v>11978.0</v>
      </c>
      <c r="C6576" s="1" t="s">
        <v>5</v>
      </c>
      <c r="D6576" s="1" t="s">
        <v>5344</v>
      </c>
      <c r="E6576" s="1" t="s">
        <v>11</v>
      </c>
    </row>
    <row r="6577">
      <c r="A6577" s="1">
        <v>4.90413727E8</v>
      </c>
      <c r="B6577" s="2">
        <v>12432.0</v>
      </c>
      <c r="C6577" s="1" t="s">
        <v>5</v>
      </c>
      <c r="D6577" s="1" t="s">
        <v>5345</v>
      </c>
      <c r="E6577" s="1" t="s">
        <v>7</v>
      </c>
    </row>
    <row r="6578">
      <c r="A6578" s="1">
        <v>4.90413734E8</v>
      </c>
      <c r="B6578" s="2">
        <v>11981.0</v>
      </c>
      <c r="C6578" s="1" t="s">
        <v>5</v>
      </c>
      <c r="D6578" s="1" t="s">
        <v>11</v>
      </c>
      <c r="E6578" s="1" t="s">
        <v>7</v>
      </c>
    </row>
    <row r="6579">
      <c r="A6579" s="1">
        <v>4.9041378E8</v>
      </c>
      <c r="B6579" s="2">
        <v>12050.0</v>
      </c>
      <c r="C6579" s="1" t="s">
        <v>5</v>
      </c>
      <c r="D6579" s="1" t="s">
        <v>5346</v>
      </c>
      <c r="E6579" s="1" t="s">
        <v>11</v>
      </c>
    </row>
    <row r="6580">
      <c r="A6580" s="1">
        <v>4.90413784E8</v>
      </c>
      <c r="B6580" s="2">
        <v>11981.0</v>
      </c>
      <c r="C6580" s="1" t="s">
        <v>5</v>
      </c>
      <c r="D6580" s="1" t="s">
        <v>5347</v>
      </c>
      <c r="E6580" s="1" t="s">
        <v>11</v>
      </c>
    </row>
    <row r="6581">
      <c r="A6581" s="1">
        <v>4.9041379E8</v>
      </c>
      <c r="B6581" s="2">
        <v>11981.0</v>
      </c>
      <c r="C6581" s="1" t="s">
        <v>5</v>
      </c>
      <c r="D6581" s="1" t="s">
        <v>5348</v>
      </c>
      <c r="E6581" s="1" t="s">
        <v>11</v>
      </c>
    </row>
    <row r="6582">
      <c r="A6582" s="1">
        <v>4.90413799E8</v>
      </c>
      <c r="B6582" s="2">
        <v>11980.0</v>
      </c>
      <c r="C6582" s="1" t="s">
        <v>5</v>
      </c>
      <c r="D6582" s="1" t="s">
        <v>5349</v>
      </c>
      <c r="E6582" s="1" t="s">
        <v>7</v>
      </c>
    </row>
    <row r="6583">
      <c r="A6583" s="1">
        <v>4.90413808E8</v>
      </c>
      <c r="B6583" s="2">
        <v>12050.0</v>
      </c>
      <c r="C6583" s="1" t="s">
        <v>5</v>
      </c>
      <c r="D6583" s="1" t="s">
        <v>5350</v>
      </c>
      <c r="E6583" s="1" t="s">
        <v>7</v>
      </c>
    </row>
    <row r="6584">
      <c r="A6584" s="1">
        <v>4.90413815E8</v>
      </c>
      <c r="B6584" s="2">
        <v>12051.0</v>
      </c>
      <c r="C6584" s="1" t="s">
        <v>5</v>
      </c>
      <c r="D6584" s="1" t="s">
        <v>11</v>
      </c>
      <c r="E6584" s="1" t="s">
        <v>7</v>
      </c>
    </row>
    <row r="6585">
      <c r="A6585" s="1">
        <v>4.90413833E8</v>
      </c>
      <c r="B6585" s="2">
        <v>12448.0</v>
      </c>
      <c r="C6585" s="1" t="s">
        <v>5</v>
      </c>
      <c r="D6585" s="1" t="s">
        <v>5351</v>
      </c>
      <c r="E6585" s="1" t="s">
        <v>7</v>
      </c>
    </row>
    <row r="6586">
      <c r="A6586" s="1">
        <v>4.90413846E8</v>
      </c>
      <c r="B6586" s="2">
        <v>11979.0</v>
      </c>
      <c r="C6586" s="1" t="s">
        <v>5</v>
      </c>
      <c r="D6586" s="1" t="s">
        <v>11</v>
      </c>
      <c r="E6586" s="1" t="s">
        <v>7</v>
      </c>
    </row>
    <row r="6587">
      <c r="A6587" s="1">
        <v>4.90413847E8</v>
      </c>
      <c r="B6587" s="2">
        <v>12432.0</v>
      </c>
      <c r="C6587" s="1" t="s">
        <v>5</v>
      </c>
      <c r="D6587" s="1" t="s">
        <v>5352</v>
      </c>
      <c r="E6587" s="1" t="s">
        <v>7</v>
      </c>
    </row>
    <row r="6588">
      <c r="A6588" s="1">
        <v>4.9041387E8</v>
      </c>
      <c r="B6588" s="2">
        <v>12435.0</v>
      </c>
      <c r="C6588" s="1" t="s">
        <v>5</v>
      </c>
      <c r="D6588" s="1" t="s">
        <v>5353</v>
      </c>
      <c r="E6588" s="1" t="s">
        <v>11</v>
      </c>
    </row>
    <row r="6589">
      <c r="A6589" s="1">
        <v>4.90413877E8</v>
      </c>
      <c r="B6589" s="2">
        <v>12431.0</v>
      </c>
      <c r="C6589" s="1" t="s">
        <v>5</v>
      </c>
      <c r="D6589" s="1" t="s">
        <v>5354</v>
      </c>
      <c r="E6589" s="1" t="s">
        <v>7</v>
      </c>
    </row>
    <row r="6590">
      <c r="A6590" s="1">
        <v>4.90413922E8</v>
      </c>
      <c r="B6590" s="2">
        <v>11976.0</v>
      </c>
      <c r="C6590" s="1" t="s">
        <v>5</v>
      </c>
      <c r="D6590" s="1" t="s">
        <v>5355</v>
      </c>
      <c r="E6590" s="1" t="s">
        <v>7</v>
      </c>
    </row>
    <row r="6591">
      <c r="A6591" s="1">
        <v>4.90413966E8</v>
      </c>
      <c r="B6591" s="2">
        <v>11977.0</v>
      </c>
      <c r="C6591" s="1" t="s">
        <v>5</v>
      </c>
      <c r="D6591" s="1" t="s">
        <v>5356</v>
      </c>
      <c r="E6591" s="1" t="s">
        <v>7</v>
      </c>
    </row>
    <row r="6592">
      <c r="A6592" s="1">
        <v>4.90413969E8</v>
      </c>
      <c r="B6592" s="2">
        <v>12426.0</v>
      </c>
      <c r="C6592" s="1" t="s">
        <v>5</v>
      </c>
      <c r="D6592" s="1" t="s">
        <v>5357</v>
      </c>
      <c r="E6592" s="1" t="s">
        <v>7</v>
      </c>
    </row>
    <row r="6593">
      <c r="A6593" s="1">
        <v>4.90413984E8</v>
      </c>
      <c r="B6593" s="2">
        <v>11976.0</v>
      </c>
      <c r="C6593" s="1" t="s">
        <v>5</v>
      </c>
      <c r="D6593" s="1" t="s">
        <v>5358</v>
      </c>
      <c r="E6593" s="1" t="s">
        <v>5359</v>
      </c>
    </row>
    <row r="6594">
      <c r="A6594" s="1">
        <v>4.90413989E8</v>
      </c>
      <c r="B6594" s="2">
        <v>11979.0</v>
      </c>
      <c r="C6594" s="1" t="s">
        <v>5</v>
      </c>
      <c r="D6594" s="1" t="s">
        <v>5360</v>
      </c>
      <c r="E6594" s="1" t="s">
        <v>7</v>
      </c>
    </row>
    <row r="6595">
      <c r="A6595" s="1">
        <v>4.90414002E8</v>
      </c>
      <c r="B6595" s="2">
        <v>12431.0</v>
      </c>
      <c r="C6595" s="1" t="s">
        <v>5</v>
      </c>
      <c r="D6595" s="1" t="s">
        <v>5361</v>
      </c>
      <c r="E6595" s="1" t="s">
        <v>7</v>
      </c>
    </row>
    <row r="6596">
      <c r="A6596" s="1">
        <v>4.90414014E8</v>
      </c>
      <c r="B6596" s="2">
        <v>11980.0</v>
      </c>
      <c r="C6596" s="1" t="s">
        <v>5</v>
      </c>
      <c r="D6596" s="1" t="s">
        <v>5362</v>
      </c>
      <c r="E6596" s="1" t="s">
        <v>7</v>
      </c>
    </row>
    <row r="6597">
      <c r="A6597" s="1">
        <v>4.90414016E8</v>
      </c>
      <c r="B6597" s="2">
        <v>12441.0</v>
      </c>
      <c r="C6597" s="1" t="s">
        <v>5</v>
      </c>
      <c r="D6597" s="1" t="s">
        <v>11</v>
      </c>
      <c r="E6597" s="1" t="s">
        <v>7</v>
      </c>
    </row>
    <row r="6598">
      <c r="A6598" s="1">
        <v>4.90414025E8</v>
      </c>
      <c r="B6598" s="2">
        <v>12445.0</v>
      </c>
      <c r="C6598" s="1" t="s">
        <v>5</v>
      </c>
      <c r="D6598" s="1" t="s">
        <v>5363</v>
      </c>
      <c r="E6598" s="1" t="s">
        <v>11</v>
      </c>
    </row>
    <row r="6599">
      <c r="A6599" s="1">
        <v>4.9041403E8</v>
      </c>
      <c r="B6599" s="2">
        <v>11975.0</v>
      </c>
      <c r="C6599" s="1" t="s">
        <v>5</v>
      </c>
      <c r="D6599" s="1" t="s">
        <v>11</v>
      </c>
      <c r="E6599" s="1" t="s">
        <v>7</v>
      </c>
    </row>
    <row r="6600">
      <c r="A6600" s="1">
        <v>4.90414061E8</v>
      </c>
      <c r="B6600" s="2">
        <v>11976.0</v>
      </c>
      <c r="C6600" s="1" t="s">
        <v>5</v>
      </c>
      <c r="D6600" s="1" t="s">
        <v>11</v>
      </c>
      <c r="E6600" s="1" t="s">
        <v>7</v>
      </c>
    </row>
    <row r="6601">
      <c r="A6601" s="1">
        <v>4.90414095E8</v>
      </c>
      <c r="B6601" s="2">
        <v>12437.0</v>
      </c>
      <c r="C6601" s="1" t="s">
        <v>5</v>
      </c>
      <c r="D6601" s="1" t="s">
        <v>5364</v>
      </c>
      <c r="E6601" s="1" t="s">
        <v>7</v>
      </c>
    </row>
    <row r="6602">
      <c r="A6602" s="1">
        <v>4.90414124E8</v>
      </c>
      <c r="B6602" s="2">
        <v>11976.0</v>
      </c>
      <c r="C6602" s="1" t="s">
        <v>5</v>
      </c>
      <c r="D6602" s="1" t="s">
        <v>5365</v>
      </c>
      <c r="E6602" s="1" t="s">
        <v>7</v>
      </c>
    </row>
    <row r="6603">
      <c r="A6603" s="1">
        <v>4.90414155E8</v>
      </c>
      <c r="B6603" s="2">
        <v>11976.0</v>
      </c>
      <c r="C6603" s="1" t="s">
        <v>5</v>
      </c>
      <c r="D6603" s="1" t="s">
        <v>5366</v>
      </c>
      <c r="E6603" s="1" t="s">
        <v>7</v>
      </c>
    </row>
    <row r="6604">
      <c r="A6604" s="1">
        <v>4.90414183E8</v>
      </c>
      <c r="B6604" s="2">
        <v>12430.0</v>
      </c>
      <c r="C6604" s="1" t="s">
        <v>5</v>
      </c>
      <c r="D6604" s="1" t="s">
        <v>5367</v>
      </c>
      <c r="E6604" s="1" t="s">
        <v>11</v>
      </c>
    </row>
    <row r="6605">
      <c r="A6605" s="1">
        <v>4.90414198E8</v>
      </c>
      <c r="B6605" s="2">
        <v>11980.0</v>
      </c>
      <c r="C6605" s="1" t="s">
        <v>5</v>
      </c>
      <c r="D6605" s="1" t="s">
        <v>5368</v>
      </c>
      <c r="E6605" s="1" t="s">
        <v>7</v>
      </c>
    </row>
    <row r="6606">
      <c r="A6606" s="1">
        <v>4.90414199E8</v>
      </c>
      <c r="B6606" s="2">
        <v>11978.0</v>
      </c>
      <c r="C6606" s="1" t="s">
        <v>5</v>
      </c>
      <c r="D6606" s="1" t="s">
        <v>5369</v>
      </c>
      <c r="E6606" s="1" t="s">
        <v>7</v>
      </c>
    </row>
    <row r="6607">
      <c r="A6607" s="1">
        <v>4.90414201E8</v>
      </c>
      <c r="B6607" s="2">
        <v>12448.0</v>
      </c>
      <c r="C6607" s="1" t="s">
        <v>5</v>
      </c>
      <c r="D6607" s="1" t="s">
        <v>5370</v>
      </c>
      <c r="E6607" s="1" t="s">
        <v>11</v>
      </c>
    </row>
    <row r="6608">
      <c r="A6608" s="1">
        <v>4.90414207E8</v>
      </c>
      <c r="B6608" s="2">
        <v>11975.0</v>
      </c>
      <c r="C6608" s="1" t="s">
        <v>5</v>
      </c>
      <c r="D6608" s="1" t="s">
        <v>11</v>
      </c>
      <c r="E6608" s="1" t="s">
        <v>7</v>
      </c>
    </row>
    <row r="6609">
      <c r="A6609" s="1">
        <v>4.90414215E8</v>
      </c>
      <c r="B6609" s="2">
        <v>12051.0</v>
      </c>
      <c r="C6609" s="1" t="s">
        <v>5</v>
      </c>
      <c r="D6609" s="1" t="s">
        <v>5371</v>
      </c>
      <c r="E6609" s="1" t="s">
        <v>11</v>
      </c>
    </row>
    <row r="6610">
      <c r="A6610" s="1">
        <v>4.9041422E8</v>
      </c>
      <c r="B6610" s="2">
        <v>12428.0</v>
      </c>
      <c r="C6610" s="1" t="s">
        <v>5</v>
      </c>
      <c r="D6610" s="1" t="s">
        <v>5372</v>
      </c>
      <c r="E6610" s="1" t="s">
        <v>11</v>
      </c>
    </row>
    <row r="6611">
      <c r="A6611" s="1">
        <v>4.90414224E8</v>
      </c>
      <c r="B6611" s="2">
        <v>11978.0</v>
      </c>
      <c r="C6611" s="1" t="s">
        <v>5</v>
      </c>
      <c r="D6611" s="1" t="s">
        <v>5373</v>
      </c>
      <c r="E6611" s="1" t="s">
        <v>11</v>
      </c>
    </row>
    <row r="6612">
      <c r="A6612" s="1">
        <v>4.90414246E8</v>
      </c>
      <c r="B6612" s="2">
        <v>11976.0</v>
      </c>
      <c r="C6612" s="1" t="s">
        <v>5</v>
      </c>
      <c r="D6612" s="1" t="s">
        <v>11</v>
      </c>
      <c r="E6612" s="1" t="s">
        <v>7</v>
      </c>
    </row>
    <row r="6613">
      <c r="A6613" s="1">
        <v>4.90414259E8</v>
      </c>
      <c r="B6613" s="2">
        <v>12436.0</v>
      </c>
      <c r="C6613" s="1" t="s">
        <v>5</v>
      </c>
      <c r="D6613" s="1" t="s">
        <v>5374</v>
      </c>
      <c r="E6613" s="1" t="s">
        <v>5375</v>
      </c>
    </row>
    <row r="6614">
      <c r="A6614" s="1">
        <v>4.90414264E8</v>
      </c>
      <c r="B6614" s="2">
        <v>12433.0</v>
      </c>
      <c r="C6614" s="1" t="s">
        <v>5</v>
      </c>
      <c r="D6614" s="1" t="s">
        <v>5376</v>
      </c>
      <c r="E6614" s="1" t="s">
        <v>11</v>
      </c>
    </row>
    <row r="6615">
      <c r="A6615" s="1">
        <v>4.90414277E8</v>
      </c>
      <c r="B6615" s="2">
        <v>11979.0</v>
      </c>
      <c r="C6615" s="1" t="s">
        <v>5</v>
      </c>
      <c r="D6615" s="1" t="s">
        <v>5377</v>
      </c>
      <c r="E6615" s="1" t="s">
        <v>5378</v>
      </c>
    </row>
    <row r="6616">
      <c r="A6616" s="1">
        <v>4.90414295E8</v>
      </c>
      <c r="B6616" s="2">
        <v>12433.0</v>
      </c>
      <c r="C6616" s="1" t="s">
        <v>5</v>
      </c>
      <c r="D6616" s="1" t="s">
        <v>5379</v>
      </c>
      <c r="E6616" s="1" t="s">
        <v>7</v>
      </c>
    </row>
    <row r="6617">
      <c r="A6617" s="1">
        <v>4.9041431E8</v>
      </c>
      <c r="B6617" s="2">
        <v>12432.0</v>
      </c>
      <c r="C6617" s="1" t="s">
        <v>5</v>
      </c>
      <c r="D6617" s="1" t="s">
        <v>5380</v>
      </c>
      <c r="E6617" s="1" t="s">
        <v>7</v>
      </c>
    </row>
    <row r="6618">
      <c r="A6618" s="1">
        <v>4.90414323E8</v>
      </c>
      <c r="B6618" s="2">
        <v>12447.0</v>
      </c>
      <c r="C6618" s="1" t="s">
        <v>5</v>
      </c>
      <c r="D6618" s="1" t="s">
        <v>5381</v>
      </c>
      <c r="E6618" s="1" t="s">
        <v>5382</v>
      </c>
    </row>
    <row r="6619">
      <c r="A6619" s="1">
        <v>4.90414335E8</v>
      </c>
      <c r="B6619" s="2">
        <v>12429.0</v>
      </c>
      <c r="C6619" s="1" t="s">
        <v>5</v>
      </c>
      <c r="D6619" s="1" t="s">
        <v>5383</v>
      </c>
      <c r="E6619" s="1" t="s">
        <v>11</v>
      </c>
    </row>
    <row r="6620">
      <c r="A6620" s="1">
        <v>4.90414368E8</v>
      </c>
      <c r="B6620" s="2">
        <v>12438.0</v>
      </c>
      <c r="C6620" s="1" t="s">
        <v>5</v>
      </c>
      <c r="D6620" s="1" t="s">
        <v>5384</v>
      </c>
      <c r="E6620" s="1" t="s">
        <v>11</v>
      </c>
    </row>
    <row r="6621">
      <c r="A6621" s="1">
        <v>4.90414378E8</v>
      </c>
      <c r="B6621" s="2">
        <v>12426.0</v>
      </c>
      <c r="C6621" s="1" t="s">
        <v>5</v>
      </c>
      <c r="D6621" s="1" t="s">
        <v>5385</v>
      </c>
      <c r="E6621" s="1" t="s">
        <v>11</v>
      </c>
    </row>
    <row r="6622">
      <c r="A6622" s="1">
        <v>4.90414384E8</v>
      </c>
      <c r="B6622" s="2">
        <v>12447.0</v>
      </c>
      <c r="C6622" s="1" t="s">
        <v>5</v>
      </c>
      <c r="D6622" s="1" t="s">
        <v>5386</v>
      </c>
      <c r="E6622" s="1" t="s">
        <v>11</v>
      </c>
    </row>
    <row r="6623">
      <c r="A6623" s="1">
        <v>4.9041442E8</v>
      </c>
      <c r="B6623" s="2">
        <v>11970.0</v>
      </c>
      <c r="C6623" s="1" t="s">
        <v>5</v>
      </c>
      <c r="D6623" s="1" t="s">
        <v>5387</v>
      </c>
      <c r="E6623" s="1" t="s">
        <v>7</v>
      </c>
    </row>
    <row r="6624">
      <c r="A6624" s="1">
        <v>4.90414424E8</v>
      </c>
      <c r="B6624" s="2">
        <v>12426.0</v>
      </c>
      <c r="C6624" s="1" t="s">
        <v>5</v>
      </c>
      <c r="D6624" s="1" t="s">
        <v>5388</v>
      </c>
      <c r="E6624" s="1" t="s">
        <v>7</v>
      </c>
    </row>
    <row r="6625">
      <c r="A6625" s="1">
        <v>4.90414444E8</v>
      </c>
      <c r="B6625" s="2">
        <v>11970.0</v>
      </c>
      <c r="C6625" s="1" t="s">
        <v>5</v>
      </c>
      <c r="D6625" s="1" t="s">
        <v>5389</v>
      </c>
      <c r="E6625" s="1" t="s">
        <v>5390</v>
      </c>
    </row>
    <row r="6626">
      <c r="A6626" s="1">
        <v>4.90414446E8</v>
      </c>
      <c r="B6626" s="2">
        <v>12432.0</v>
      </c>
      <c r="C6626" s="1" t="s">
        <v>5</v>
      </c>
      <c r="D6626" s="1" t="s">
        <v>5391</v>
      </c>
      <c r="E6626" s="1" t="s">
        <v>7</v>
      </c>
    </row>
    <row r="6627">
      <c r="A6627" s="1">
        <v>4.90414448E8</v>
      </c>
      <c r="B6627" s="2">
        <v>11979.0</v>
      </c>
      <c r="C6627" s="1" t="s">
        <v>5</v>
      </c>
      <c r="D6627" s="1" t="s">
        <v>11</v>
      </c>
      <c r="E6627" s="1" t="s">
        <v>7</v>
      </c>
    </row>
    <row r="6628">
      <c r="A6628" s="1">
        <v>4.90414452E8</v>
      </c>
      <c r="B6628" s="2">
        <v>11978.0</v>
      </c>
      <c r="C6628" s="1" t="s">
        <v>5</v>
      </c>
      <c r="D6628" s="1" t="s">
        <v>5392</v>
      </c>
      <c r="E6628" s="1" t="s">
        <v>11</v>
      </c>
    </row>
    <row r="6629">
      <c r="A6629" s="1">
        <v>4.90414468E8</v>
      </c>
      <c r="B6629" s="2">
        <v>12426.0</v>
      </c>
      <c r="C6629" s="1" t="s">
        <v>5</v>
      </c>
      <c r="D6629" s="1" t="s">
        <v>5393</v>
      </c>
      <c r="E6629" s="1" t="s">
        <v>7</v>
      </c>
    </row>
    <row r="6630">
      <c r="A6630" s="1">
        <v>4.90414473E8</v>
      </c>
      <c r="B6630" s="2">
        <v>11976.0</v>
      </c>
      <c r="C6630" s="1" t="s">
        <v>5</v>
      </c>
      <c r="D6630" s="1" t="s">
        <v>5394</v>
      </c>
      <c r="E6630" s="1" t="s">
        <v>7</v>
      </c>
    </row>
    <row r="6631">
      <c r="A6631" s="1">
        <v>4.90414491E8</v>
      </c>
      <c r="B6631" s="2">
        <v>12441.0</v>
      </c>
      <c r="C6631" s="1" t="s">
        <v>5</v>
      </c>
      <c r="D6631" s="1" t="s">
        <v>11</v>
      </c>
      <c r="E6631" s="1" t="s">
        <v>7</v>
      </c>
    </row>
    <row r="6632">
      <c r="A6632" s="1">
        <v>4.90414514E8</v>
      </c>
      <c r="B6632" s="2">
        <v>12497.0</v>
      </c>
      <c r="C6632" s="1" t="s">
        <v>5</v>
      </c>
      <c r="D6632" s="1" t="s">
        <v>5395</v>
      </c>
      <c r="E6632" s="1" t="s">
        <v>7</v>
      </c>
    </row>
    <row r="6633">
      <c r="A6633" s="1">
        <v>4.9041455E8</v>
      </c>
      <c r="B6633" s="2">
        <v>12050.0</v>
      </c>
      <c r="C6633" s="1" t="s">
        <v>5</v>
      </c>
      <c r="D6633" s="1" t="s">
        <v>5396</v>
      </c>
      <c r="E6633" s="1" t="s">
        <v>11</v>
      </c>
    </row>
    <row r="6634">
      <c r="A6634" s="1">
        <v>4.90414557E8</v>
      </c>
      <c r="B6634" s="2">
        <v>11974.0</v>
      </c>
      <c r="C6634" s="1" t="s">
        <v>5</v>
      </c>
      <c r="D6634" s="1" t="s">
        <v>11</v>
      </c>
      <c r="E6634" s="1" t="s">
        <v>7</v>
      </c>
    </row>
    <row r="6635">
      <c r="A6635" s="1">
        <v>4.90414564E8</v>
      </c>
      <c r="B6635" s="2">
        <v>12426.0</v>
      </c>
      <c r="C6635" s="1" t="s">
        <v>5</v>
      </c>
      <c r="D6635" s="1" t="s">
        <v>5397</v>
      </c>
      <c r="E6635" s="1" t="s">
        <v>11</v>
      </c>
    </row>
    <row r="6636">
      <c r="A6636" s="1">
        <v>4.90414569E8</v>
      </c>
      <c r="B6636" s="2">
        <v>12496.0</v>
      </c>
      <c r="C6636" s="1" t="s">
        <v>5</v>
      </c>
      <c r="D6636" s="1" t="s">
        <v>11</v>
      </c>
      <c r="E6636" s="1" t="s">
        <v>7</v>
      </c>
    </row>
    <row r="6637">
      <c r="A6637" s="1">
        <v>4.90414593E8</v>
      </c>
      <c r="B6637" s="2">
        <v>12447.0</v>
      </c>
      <c r="C6637" s="1" t="s">
        <v>5</v>
      </c>
      <c r="D6637" s="1" t="s">
        <v>5398</v>
      </c>
      <c r="E6637" s="1" t="s">
        <v>7</v>
      </c>
    </row>
    <row r="6638">
      <c r="A6638" s="1">
        <v>4.9041463E8</v>
      </c>
      <c r="B6638" s="2">
        <v>11978.0</v>
      </c>
      <c r="C6638" s="1" t="s">
        <v>5</v>
      </c>
      <c r="D6638" s="1" t="s">
        <v>5399</v>
      </c>
      <c r="E6638" s="1" t="s">
        <v>11</v>
      </c>
    </row>
    <row r="6639">
      <c r="A6639" s="1">
        <v>4.90414651E8</v>
      </c>
      <c r="B6639" s="2">
        <v>11978.0</v>
      </c>
      <c r="C6639" s="1" t="s">
        <v>5</v>
      </c>
      <c r="D6639" s="1" t="s">
        <v>5400</v>
      </c>
      <c r="E6639" s="1" t="s">
        <v>11</v>
      </c>
    </row>
    <row r="6640">
      <c r="A6640" s="1">
        <v>4.90414658E8</v>
      </c>
      <c r="B6640" s="2">
        <v>11975.0</v>
      </c>
      <c r="C6640" s="1" t="s">
        <v>5</v>
      </c>
      <c r="D6640" s="1" t="s">
        <v>11</v>
      </c>
      <c r="E6640" s="1" t="s">
        <v>7</v>
      </c>
    </row>
    <row r="6641">
      <c r="A6641" s="1">
        <v>4.90414664E8</v>
      </c>
      <c r="B6641" s="2">
        <v>11973.0</v>
      </c>
      <c r="C6641" s="1" t="s">
        <v>5</v>
      </c>
      <c r="D6641" s="1" t="s">
        <v>5401</v>
      </c>
      <c r="E6641" s="1" t="s">
        <v>7</v>
      </c>
    </row>
    <row r="6642">
      <c r="A6642" s="1">
        <v>4.90414673E8</v>
      </c>
      <c r="B6642" s="2">
        <v>11974.0</v>
      </c>
      <c r="C6642" s="1" t="s">
        <v>5</v>
      </c>
      <c r="D6642" s="1" t="s">
        <v>5402</v>
      </c>
      <c r="E6642" s="1" t="s">
        <v>7</v>
      </c>
    </row>
    <row r="6643">
      <c r="A6643" s="1">
        <v>4.90414674E8</v>
      </c>
      <c r="B6643" s="2">
        <v>12433.0</v>
      </c>
      <c r="C6643" s="1" t="s">
        <v>5</v>
      </c>
      <c r="D6643" s="1" t="s">
        <v>5403</v>
      </c>
      <c r="E6643" s="1" t="s">
        <v>11</v>
      </c>
    </row>
    <row r="6644">
      <c r="A6644" s="1">
        <v>4.90414681E8</v>
      </c>
      <c r="B6644" s="2">
        <v>12433.0</v>
      </c>
      <c r="C6644" s="1" t="s">
        <v>5</v>
      </c>
      <c r="D6644" s="1" t="s">
        <v>5404</v>
      </c>
      <c r="E6644" s="1" t="s">
        <v>7</v>
      </c>
    </row>
    <row r="6645">
      <c r="A6645" s="1">
        <v>4.90414686E8</v>
      </c>
      <c r="B6645" s="2">
        <v>12440.0</v>
      </c>
      <c r="C6645" s="1" t="s">
        <v>5</v>
      </c>
      <c r="D6645" s="1" t="s">
        <v>5405</v>
      </c>
      <c r="E6645" s="1" t="s">
        <v>11</v>
      </c>
    </row>
    <row r="6646">
      <c r="A6646" s="1">
        <v>4.90414695E8</v>
      </c>
      <c r="B6646" s="2">
        <v>11981.0</v>
      </c>
      <c r="C6646" s="1" t="s">
        <v>5</v>
      </c>
      <c r="D6646" s="1" t="s">
        <v>5406</v>
      </c>
      <c r="E6646" s="1" t="s">
        <v>7</v>
      </c>
    </row>
    <row r="6647">
      <c r="A6647" s="1">
        <v>4.9041473E8</v>
      </c>
      <c r="B6647" s="2">
        <v>11980.0</v>
      </c>
      <c r="C6647" s="1" t="s">
        <v>5</v>
      </c>
      <c r="D6647" s="1" t="s">
        <v>5407</v>
      </c>
      <c r="E6647" s="1" t="s">
        <v>5408</v>
      </c>
    </row>
    <row r="6648">
      <c r="A6648" s="1">
        <v>4.90414732E8</v>
      </c>
      <c r="B6648" s="2">
        <v>12050.0</v>
      </c>
      <c r="C6648" s="1" t="s">
        <v>5</v>
      </c>
      <c r="D6648" s="1" t="s">
        <v>11</v>
      </c>
      <c r="E6648" s="1" t="s">
        <v>7</v>
      </c>
    </row>
    <row r="6649">
      <c r="A6649" s="1">
        <v>4.90414736E8</v>
      </c>
      <c r="B6649" s="2">
        <v>12432.0</v>
      </c>
      <c r="C6649" s="1" t="s">
        <v>5</v>
      </c>
      <c r="D6649" s="1" t="s">
        <v>11</v>
      </c>
      <c r="E6649" s="1" t="s">
        <v>7</v>
      </c>
    </row>
    <row r="6650">
      <c r="A6650" s="1">
        <v>4.90414753E8</v>
      </c>
      <c r="B6650" s="2">
        <v>11973.0</v>
      </c>
      <c r="C6650" s="1" t="s">
        <v>5</v>
      </c>
      <c r="D6650" s="1" t="s">
        <v>5409</v>
      </c>
      <c r="E6650" s="1" t="s">
        <v>11</v>
      </c>
    </row>
    <row r="6651">
      <c r="A6651" s="1">
        <v>4.90414763E8</v>
      </c>
      <c r="B6651" s="2">
        <v>12446.0</v>
      </c>
      <c r="C6651" s="1" t="s">
        <v>5</v>
      </c>
      <c r="D6651" s="1" t="s">
        <v>7</v>
      </c>
      <c r="E6651" s="1" t="s">
        <v>7</v>
      </c>
    </row>
    <row r="6652">
      <c r="A6652" s="1">
        <v>4.90414765E8</v>
      </c>
      <c r="B6652" s="2">
        <v>12433.0</v>
      </c>
      <c r="C6652" s="1" t="s">
        <v>5</v>
      </c>
      <c r="D6652" s="1" t="s">
        <v>5410</v>
      </c>
      <c r="E6652" s="1" t="s">
        <v>7</v>
      </c>
    </row>
    <row r="6653">
      <c r="A6653" s="1">
        <v>4.90414789E8</v>
      </c>
      <c r="B6653" s="2">
        <v>12433.0</v>
      </c>
      <c r="C6653" s="1" t="s">
        <v>5</v>
      </c>
      <c r="D6653" s="1" t="s">
        <v>11</v>
      </c>
      <c r="E6653" s="1" t="s">
        <v>7</v>
      </c>
    </row>
    <row r="6654">
      <c r="A6654" s="1">
        <v>4.90414796E8</v>
      </c>
      <c r="B6654" s="2">
        <v>12050.0</v>
      </c>
      <c r="C6654" s="1" t="s">
        <v>5</v>
      </c>
      <c r="D6654" s="1" t="s">
        <v>5411</v>
      </c>
      <c r="E6654" s="1" t="s">
        <v>11</v>
      </c>
    </row>
    <row r="6655">
      <c r="A6655" s="1">
        <v>4.90414824E8</v>
      </c>
      <c r="B6655" s="2">
        <v>12426.0</v>
      </c>
      <c r="C6655" s="1" t="s">
        <v>5</v>
      </c>
      <c r="D6655" s="1" t="s">
        <v>5412</v>
      </c>
      <c r="E6655" s="1" t="s">
        <v>7</v>
      </c>
    </row>
    <row r="6656">
      <c r="A6656" s="1">
        <v>4.90414828E8</v>
      </c>
      <c r="B6656" s="2">
        <v>11974.0</v>
      </c>
      <c r="C6656" s="1" t="s">
        <v>5</v>
      </c>
      <c r="D6656" s="1" t="s">
        <v>5413</v>
      </c>
      <c r="E6656" s="1" t="s">
        <v>7</v>
      </c>
    </row>
    <row r="6657">
      <c r="A6657" s="1">
        <v>4.90414829E8</v>
      </c>
      <c r="B6657" s="2">
        <v>11974.0</v>
      </c>
      <c r="C6657" s="1" t="s">
        <v>5</v>
      </c>
      <c r="D6657" s="1" t="s">
        <v>5414</v>
      </c>
      <c r="E6657" s="1" t="s">
        <v>11</v>
      </c>
    </row>
    <row r="6658">
      <c r="A6658" s="1">
        <v>4.90414873E8</v>
      </c>
      <c r="B6658" s="2">
        <v>12433.0</v>
      </c>
      <c r="C6658" s="1" t="s">
        <v>5</v>
      </c>
      <c r="D6658" s="1" t="s">
        <v>5415</v>
      </c>
      <c r="E6658" s="1" t="s">
        <v>11</v>
      </c>
    </row>
    <row r="6659">
      <c r="A6659" s="1">
        <v>4.90414875E8</v>
      </c>
      <c r="B6659" s="2">
        <v>11978.0</v>
      </c>
      <c r="C6659" s="1" t="s">
        <v>5</v>
      </c>
      <c r="D6659" s="1" t="s">
        <v>5416</v>
      </c>
      <c r="E6659" s="1" t="s">
        <v>7</v>
      </c>
    </row>
    <row r="6660">
      <c r="A6660" s="1">
        <v>4.90414886E8</v>
      </c>
      <c r="B6660" s="2">
        <v>11974.0</v>
      </c>
      <c r="C6660" s="1" t="s">
        <v>5</v>
      </c>
      <c r="D6660" s="1" t="s">
        <v>11</v>
      </c>
      <c r="E6660" s="1" t="s">
        <v>7</v>
      </c>
    </row>
    <row r="6661">
      <c r="A6661" s="1">
        <v>4.90414888E8</v>
      </c>
      <c r="B6661" s="2">
        <v>11978.0</v>
      </c>
      <c r="C6661" s="1" t="s">
        <v>5</v>
      </c>
      <c r="D6661" s="1" t="s">
        <v>5417</v>
      </c>
      <c r="E6661" s="1" t="s">
        <v>7</v>
      </c>
    </row>
    <row r="6662">
      <c r="A6662" s="1">
        <v>4.90414904E8</v>
      </c>
      <c r="B6662" s="2">
        <v>11973.0</v>
      </c>
      <c r="C6662" s="1" t="s">
        <v>5</v>
      </c>
      <c r="D6662" s="1" t="s">
        <v>5418</v>
      </c>
      <c r="E6662" s="1" t="s">
        <v>7</v>
      </c>
    </row>
    <row r="6663">
      <c r="A6663" s="1">
        <v>4.90414915E8</v>
      </c>
      <c r="B6663" s="2">
        <v>12440.0</v>
      </c>
      <c r="C6663" s="1" t="s">
        <v>5</v>
      </c>
      <c r="D6663" s="1" t="s">
        <v>5419</v>
      </c>
      <c r="E6663" s="1" t="s">
        <v>7</v>
      </c>
    </row>
    <row r="6664">
      <c r="A6664" s="1">
        <v>4.90414922E8</v>
      </c>
      <c r="B6664" s="2">
        <v>12431.0</v>
      </c>
      <c r="C6664" s="1" t="s">
        <v>5</v>
      </c>
      <c r="D6664" s="1" t="s">
        <v>5420</v>
      </c>
      <c r="E6664" s="1" t="s">
        <v>7</v>
      </c>
    </row>
    <row r="6665">
      <c r="A6665" s="1">
        <v>4.90414963E8</v>
      </c>
      <c r="B6665" s="2">
        <v>11972.0</v>
      </c>
      <c r="C6665" s="1" t="s">
        <v>5</v>
      </c>
      <c r="D6665" s="1" t="s">
        <v>5421</v>
      </c>
      <c r="E6665" s="1" t="s">
        <v>7</v>
      </c>
    </row>
    <row r="6666">
      <c r="A6666" s="1">
        <v>4.90414967E8</v>
      </c>
      <c r="B6666" s="2">
        <v>12444.0</v>
      </c>
      <c r="C6666" s="1" t="s">
        <v>5</v>
      </c>
      <c r="D6666" s="1" t="s">
        <v>5422</v>
      </c>
      <c r="E6666" s="1" t="s">
        <v>11</v>
      </c>
    </row>
    <row r="6667">
      <c r="A6667" s="1">
        <v>4.90415004E8</v>
      </c>
      <c r="B6667" s="2">
        <v>12493.0</v>
      </c>
      <c r="C6667" s="1" t="s">
        <v>5</v>
      </c>
      <c r="D6667" s="1" t="s">
        <v>5423</v>
      </c>
      <c r="E6667" s="1" t="s">
        <v>7</v>
      </c>
    </row>
    <row r="6668">
      <c r="A6668" s="1">
        <v>4.90415006E8</v>
      </c>
      <c r="B6668" s="2">
        <v>11980.0</v>
      </c>
      <c r="C6668" s="1" t="s">
        <v>5</v>
      </c>
      <c r="D6668" s="1" t="s">
        <v>5424</v>
      </c>
      <c r="E6668" s="1" t="s">
        <v>7</v>
      </c>
    </row>
    <row r="6669">
      <c r="A6669" s="1">
        <v>4.90415024E8</v>
      </c>
      <c r="B6669" s="2">
        <v>12434.0</v>
      </c>
      <c r="C6669" s="1" t="s">
        <v>5</v>
      </c>
      <c r="D6669" s="1" t="s">
        <v>5425</v>
      </c>
      <c r="E6669" s="1" t="s">
        <v>7</v>
      </c>
    </row>
    <row r="6670">
      <c r="A6670" s="1">
        <v>4.90415062E8</v>
      </c>
      <c r="B6670" s="2">
        <v>12506.0</v>
      </c>
      <c r="C6670" s="1" t="s">
        <v>5</v>
      </c>
      <c r="D6670" s="1" t="s">
        <v>5426</v>
      </c>
      <c r="E6670" s="1" t="s">
        <v>7</v>
      </c>
    </row>
    <row r="6671">
      <c r="A6671" s="1">
        <v>4.90415074E8</v>
      </c>
      <c r="B6671" s="2">
        <v>11975.0</v>
      </c>
      <c r="C6671" s="1" t="s">
        <v>5</v>
      </c>
      <c r="D6671" s="1" t="s">
        <v>5427</v>
      </c>
      <c r="E6671" s="1" t="s">
        <v>5428</v>
      </c>
    </row>
    <row r="6672">
      <c r="A6672" s="1">
        <v>4.90415087E8</v>
      </c>
      <c r="B6672" s="2">
        <v>12429.0</v>
      </c>
      <c r="C6672" s="1" t="s">
        <v>5</v>
      </c>
      <c r="D6672" s="1" t="s">
        <v>5243</v>
      </c>
      <c r="E6672" s="1" t="s">
        <v>7</v>
      </c>
    </row>
    <row r="6673">
      <c r="A6673" s="1">
        <v>4.90415095E8</v>
      </c>
      <c r="B6673" s="2">
        <v>12442.0</v>
      </c>
      <c r="C6673" s="1" t="s">
        <v>5</v>
      </c>
      <c r="D6673" s="1" t="s">
        <v>5429</v>
      </c>
      <c r="E6673" s="1" t="s">
        <v>11</v>
      </c>
    </row>
    <row r="6674">
      <c r="A6674" s="1">
        <v>4.904151E8</v>
      </c>
      <c r="B6674" s="2">
        <v>12426.0</v>
      </c>
      <c r="C6674" s="1" t="s">
        <v>5</v>
      </c>
      <c r="D6674" s="1" t="s">
        <v>5430</v>
      </c>
      <c r="E6674" s="1" t="s">
        <v>7</v>
      </c>
    </row>
    <row r="6675">
      <c r="A6675" s="1">
        <v>4.90415103E8</v>
      </c>
      <c r="B6675" s="2">
        <v>11977.0</v>
      </c>
      <c r="C6675" s="1" t="s">
        <v>5</v>
      </c>
      <c r="D6675" s="1" t="s">
        <v>5431</v>
      </c>
      <c r="E6675" s="1" t="s">
        <v>11</v>
      </c>
    </row>
    <row r="6676">
      <c r="A6676" s="1">
        <v>4.9041511E8</v>
      </c>
      <c r="B6676" s="2">
        <v>12498.0</v>
      </c>
      <c r="C6676" s="1" t="s">
        <v>5</v>
      </c>
      <c r="D6676" s="1" t="s">
        <v>5432</v>
      </c>
      <c r="E6676" s="1" t="s">
        <v>11</v>
      </c>
    </row>
    <row r="6677">
      <c r="A6677" s="1">
        <v>4.90415133E8</v>
      </c>
      <c r="B6677" s="2">
        <v>12426.0</v>
      </c>
      <c r="C6677" s="1" t="s">
        <v>5</v>
      </c>
      <c r="D6677" s="1" t="s">
        <v>5433</v>
      </c>
      <c r="E6677" s="1" t="s">
        <v>11</v>
      </c>
    </row>
    <row r="6678">
      <c r="A6678" s="1">
        <v>4.9041514E8</v>
      </c>
      <c r="B6678" s="2">
        <v>11980.0</v>
      </c>
      <c r="C6678" s="1" t="s">
        <v>5</v>
      </c>
      <c r="D6678" s="1" t="s">
        <v>5434</v>
      </c>
      <c r="E6678" s="1" t="s">
        <v>11</v>
      </c>
    </row>
    <row r="6679">
      <c r="A6679" s="1">
        <v>4.90415155E8</v>
      </c>
      <c r="B6679" s="2">
        <v>12429.0</v>
      </c>
      <c r="C6679" s="1" t="s">
        <v>5</v>
      </c>
      <c r="D6679" s="1" t="s">
        <v>5435</v>
      </c>
      <c r="E6679" s="1" t="s">
        <v>7</v>
      </c>
    </row>
    <row r="6680">
      <c r="A6680" s="1">
        <v>4.90415166E8</v>
      </c>
      <c r="B6680" s="2">
        <v>12450.0</v>
      </c>
      <c r="C6680" s="1" t="s">
        <v>5</v>
      </c>
      <c r="D6680" s="1" t="s">
        <v>7</v>
      </c>
      <c r="E6680" s="1" t="s">
        <v>7</v>
      </c>
    </row>
    <row r="6681">
      <c r="A6681" s="1">
        <v>4.90415171E8</v>
      </c>
      <c r="B6681" s="2">
        <v>12443.0</v>
      </c>
      <c r="C6681" s="1" t="s">
        <v>5</v>
      </c>
      <c r="D6681" s="1" t="s">
        <v>5436</v>
      </c>
      <c r="E6681" s="1" t="s">
        <v>5437</v>
      </c>
    </row>
    <row r="6682">
      <c r="A6682" s="1">
        <v>4.90415181E8</v>
      </c>
      <c r="B6682" s="2">
        <v>12489.0</v>
      </c>
      <c r="C6682" s="1" t="s">
        <v>5</v>
      </c>
      <c r="D6682" s="1" t="s">
        <v>5438</v>
      </c>
      <c r="E6682" s="1" t="s">
        <v>7</v>
      </c>
    </row>
    <row r="6683">
      <c r="A6683" s="1">
        <v>4.90415195E8</v>
      </c>
      <c r="B6683" s="2">
        <v>12429.0</v>
      </c>
      <c r="C6683" s="1" t="s">
        <v>5</v>
      </c>
      <c r="D6683" s="1" t="s">
        <v>5439</v>
      </c>
      <c r="E6683" s="1" t="s">
        <v>7</v>
      </c>
    </row>
    <row r="6684">
      <c r="A6684" s="1">
        <v>4.90415206E8</v>
      </c>
      <c r="B6684" s="2">
        <v>11972.0</v>
      </c>
      <c r="C6684" s="1" t="s">
        <v>5</v>
      </c>
      <c r="D6684" s="1" t="s">
        <v>5440</v>
      </c>
      <c r="E6684" s="1" t="s">
        <v>11</v>
      </c>
    </row>
    <row r="6685">
      <c r="A6685" s="1">
        <v>4.90415215E8</v>
      </c>
      <c r="B6685" s="2">
        <v>12442.0</v>
      </c>
      <c r="C6685" s="1" t="s">
        <v>5</v>
      </c>
      <c r="D6685" s="1" t="s">
        <v>5441</v>
      </c>
      <c r="E6685" s="1" t="s">
        <v>7</v>
      </c>
    </row>
    <row r="6686">
      <c r="A6686" s="1">
        <v>4.90415228E8</v>
      </c>
      <c r="B6686" s="2">
        <v>12496.0</v>
      </c>
      <c r="C6686" s="1" t="s">
        <v>5</v>
      </c>
      <c r="D6686" s="1" t="s">
        <v>5442</v>
      </c>
      <c r="E6686" s="1" t="s">
        <v>5443</v>
      </c>
    </row>
    <row r="6687">
      <c r="A6687" s="1">
        <v>4.90415229E8</v>
      </c>
      <c r="B6687" s="2">
        <v>12489.0</v>
      </c>
      <c r="C6687" s="1" t="s">
        <v>5</v>
      </c>
      <c r="D6687" s="1" t="s">
        <v>5444</v>
      </c>
      <c r="E6687" s="1" t="s">
        <v>7</v>
      </c>
    </row>
    <row r="6688">
      <c r="A6688" s="1">
        <v>4.90415283E8</v>
      </c>
      <c r="B6688" s="2">
        <v>11976.0</v>
      </c>
      <c r="C6688" s="1" t="s">
        <v>5</v>
      </c>
      <c r="D6688" s="1" t="s">
        <v>11</v>
      </c>
      <c r="E6688" s="1" t="s">
        <v>7</v>
      </c>
    </row>
    <row r="6689">
      <c r="A6689" s="1">
        <v>4.90415285E8</v>
      </c>
      <c r="B6689" s="2">
        <v>11972.0</v>
      </c>
      <c r="C6689" s="1" t="s">
        <v>5</v>
      </c>
      <c r="D6689" s="1" t="s">
        <v>11</v>
      </c>
      <c r="E6689" s="1" t="s">
        <v>7</v>
      </c>
    </row>
    <row r="6690">
      <c r="A6690" s="1">
        <v>4.90415315E8</v>
      </c>
      <c r="B6690" s="2">
        <v>12427.0</v>
      </c>
      <c r="C6690" s="1" t="s">
        <v>5</v>
      </c>
      <c r="D6690" s="1" t="s">
        <v>5445</v>
      </c>
      <c r="E6690" s="1" t="s">
        <v>11</v>
      </c>
    </row>
    <row r="6691">
      <c r="A6691" s="1">
        <v>4.90415325E8</v>
      </c>
      <c r="B6691" s="2">
        <v>11972.0</v>
      </c>
      <c r="C6691" s="1" t="s">
        <v>5</v>
      </c>
      <c r="D6691" s="1" t="s">
        <v>5446</v>
      </c>
      <c r="E6691" s="1" t="s">
        <v>11</v>
      </c>
    </row>
    <row r="6692">
      <c r="A6692" s="1">
        <v>4.90415331E8</v>
      </c>
      <c r="B6692" s="2">
        <v>12428.0</v>
      </c>
      <c r="C6692" s="1" t="s">
        <v>5</v>
      </c>
      <c r="D6692" s="1" t="s">
        <v>5447</v>
      </c>
      <c r="E6692" s="1" t="s">
        <v>7</v>
      </c>
    </row>
    <row r="6693">
      <c r="A6693" s="1">
        <v>4.90415338E8</v>
      </c>
      <c r="B6693" s="2">
        <v>11976.0</v>
      </c>
      <c r="C6693" s="1" t="s">
        <v>5</v>
      </c>
      <c r="D6693" s="1" t="s">
        <v>5448</v>
      </c>
      <c r="E6693" s="1" t="s">
        <v>11</v>
      </c>
    </row>
    <row r="6694">
      <c r="A6694" s="1">
        <v>4.9041534E8</v>
      </c>
      <c r="B6694" s="2">
        <v>12445.0</v>
      </c>
      <c r="C6694" s="1" t="s">
        <v>5</v>
      </c>
      <c r="D6694" s="1" t="s">
        <v>5449</v>
      </c>
      <c r="E6694" s="1" t="s">
        <v>5450</v>
      </c>
    </row>
    <row r="6695">
      <c r="A6695" s="1">
        <v>4.90415349E8</v>
      </c>
      <c r="B6695" s="2">
        <v>11972.0</v>
      </c>
      <c r="C6695" s="1" t="s">
        <v>5</v>
      </c>
      <c r="D6695" s="1" t="s">
        <v>5451</v>
      </c>
      <c r="E6695" s="1" t="s">
        <v>11</v>
      </c>
    </row>
    <row r="6696">
      <c r="A6696" s="1">
        <v>4.90415363E8</v>
      </c>
      <c r="B6696" s="2">
        <v>12445.0</v>
      </c>
      <c r="C6696" s="1" t="s">
        <v>5</v>
      </c>
      <c r="D6696" s="1" t="s">
        <v>11</v>
      </c>
      <c r="E6696" s="1" t="s">
        <v>7</v>
      </c>
    </row>
    <row r="6697">
      <c r="A6697" s="1">
        <v>4.90415368E8</v>
      </c>
      <c r="B6697" s="2">
        <v>11973.0</v>
      </c>
      <c r="C6697" s="1" t="s">
        <v>5</v>
      </c>
      <c r="D6697" s="1" t="s">
        <v>11</v>
      </c>
      <c r="E6697" s="1" t="s">
        <v>7</v>
      </c>
    </row>
    <row r="6698">
      <c r="A6698" s="1">
        <v>4.90415398E8</v>
      </c>
      <c r="B6698" s="2">
        <v>11972.0</v>
      </c>
      <c r="C6698" s="1" t="s">
        <v>5</v>
      </c>
      <c r="D6698" s="1" t="s">
        <v>5452</v>
      </c>
      <c r="E6698" s="1" t="s">
        <v>11</v>
      </c>
    </row>
    <row r="6699">
      <c r="A6699" s="1">
        <v>4.90415411E8</v>
      </c>
      <c r="B6699" s="2">
        <v>12495.0</v>
      </c>
      <c r="C6699" s="1" t="s">
        <v>5</v>
      </c>
      <c r="D6699" s="1" t="s">
        <v>5453</v>
      </c>
      <c r="E6699" s="1" t="s">
        <v>7</v>
      </c>
    </row>
    <row r="6700">
      <c r="A6700" s="1">
        <v>4.90415414E8</v>
      </c>
      <c r="B6700" s="2">
        <v>12426.0</v>
      </c>
      <c r="C6700" s="1" t="s">
        <v>5</v>
      </c>
      <c r="D6700" s="1" t="s">
        <v>11</v>
      </c>
      <c r="E6700" s="1" t="s">
        <v>7</v>
      </c>
    </row>
    <row r="6701">
      <c r="A6701" s="1">
        <v>4.90415415E8</v>
      </c>
      <c r="B6701" s="2">
        <v>11976.0</v>
      </c>
      <c r="C6701" s="1" t="s">
        <v>5</v>
      </c>
      <c r="D6701" s="1" t="s">
        <v>11</v>
      </c>
      <c r="E6701" s="1" t="s">
        <v>7</v>
      </c>
    </row>
    <row r="6702">
      <c r="A6702" s="1">
        <v>4.90415418E8</v>
      </c>
      <c r="B6702" s="2">
        <v>11973.0</v>
      </c>
      <c r="C6702" s="1" t="s">
        <v>5</v>
      </c>
      <c r="D6702" s="1" t="s">
        <v>11</v>
      </c>
      <c r="E6702" s="1" t="s">
        <v>7</v>
      </c>
    </row>
    <row r="6703">
      <c r="A6703" s="1">
        <v>4.9041542E8</v>
      </c>
      <c r="B6703" s="2">
        <v>11970.0</v>
      </c>
      <c r="C6703" s="1" t="s">
        <v>5</v>
      </c>
      <c r="D6703" s="1" t="s">
        <v>5454</v>
      </c>
      <c r="E6703" s="1" t="s">
        <v>7</v>
      </c>
    </row>
    <row r="6704">
      <c r="A6704" s="1">
        <v>4.9041544E8</v>
      </c>
      <c r="B6704" s="2">
        <v>11973.0</v>
      </c>
      <c r="C6704" s="1" t="s">
        <v>5</v>
      </c>
      <c r="D6704" s="1" t="s">
        <v>5455</v>
      </c>
      <c r="E6704" s="1" t="s">
        <v>7</v>
      </c>
    </row>
    <row r="6705">
      <c r="A6705" s="1">
        <v>4.90415443E8</v>
      </c>
      <c r="B6705" s="2">
        <v>12441.0</v>
      </c>
      <c r="C6705" s="1" t="s">
        <v>5</v>
      </c>
      <c r="D6705" s="1" t="s">
        <v>5456</v>
      </c>
      <c r="E6705" s="1" t="s">
        <v>7</v>
      </c>
    </row>
    <row r="6706">
      <c r="A6706" s="1">
        <v>4.90415452E8</v>
      </c>
      <c r="B6706" s="2">
        <v>11973.0</v>
      </c>
      <c r="C6706" s="1" t="s">
        <v>5</v>
      </c>
      <c r="D6706" s="1" t="s">
        <v>5457</v>
      </c>
      <c r="E6706" s="1" t="s">
        <v>7</v>
      </c>
    </row>
    <row r="6707">
      <c r="A6707" s="1">
        <v>4.90415484E8</v>
      </c>
      <c r="B6707" s="2">
        <v>11972.0</v>
      </c>
      <c r="C6707" s="1" t="s">
        <v>5</v>
      </c>
      <c r="D6707" s="1" t="s">
        <v>5458</v>
      </c>
      <c r="E6707" s="1" t="s">
        <v>7</v>
      </c>
    </row>
    <row r="6708">
      <c r="A6708" s="1">
        <v>4.90415488E8</v>
      </c>
      <c r="B6708" s="2">
        <v>11975.0</v>
      </c>
      <c r="C6708" s="1" t="s">
        <v>5</v>
      </c>
      <c r="D6708" s="1" t="s">
        <v>5459</v>
      </c>
      <c r="E6708" s="1" t="s">
        <v>7</v>
      </c>
    </row>
    <row r="6709">
      <c r="A6709" s="1">
        <v>4.90415494E8</v>
      </c>
      <c r="B6709" s="2">
        <v>12487.0</v>
      </c>
      <c r="C6709" s="1" t="s">
        <v>5</v>
      </c>
      <c r="D6709" s="1" t="s">
        <v>5460</v>
      </c>
      <c r="E6709" s="1" t="s">
        <v>7</v>
      </c>
    </row>
    <row r="6710">
      <c r="A6710" s="1">
        <v>4.90415498E8</v>
      </c>
      <c r="B6710" s="2">
        <v>11975.0</v>
      </c>
      <c r="C6710" s="1" t="s">
        <v>5</v>
      </c>
      <c r="D6710" s="1" t="s">
        <v>5461</v>
      </c>
      <c r="E6710" s="1" t="s">
        <v>11</v>
      </c>
    </row>
    <row r="6711">
      <c r="A6711" s="1">
        <v>4.90415524E8</v>
      </c>
      <c r="B6711" s="2">
        <v>11975.0</v>
      </c>
      <c r="C6711" s="1" t="s">
        <v>5</v>
      </c>
      <c r="D6711" s="1" t="s">
        <v>11</v>
      </c>
      <c r="E6711" s="1" t="s">
        <v>7</v>
      </c>
    </row>
    <row r="6712">
      <c r="A6712" s="1">
        <v>4.90415533E8</v>
      </c>
      <c r="B6712" s="2">
        <v>11971.0</v>
      </c>
      <c r="C6712" s="1" t="s">
        <v>5</v>
      </c>
      <c r="D6712" s="1" t="s">
        <v>5462</v>
      </c>
      <c r="E6712" s="1" t="s">
        <v>5463</v>
      </c>
    </row>
    <row r="6713">
      <c r="A6713" s="1">
        <v>4.90415563E8</v>
      </c>
      <c r="B6713" s="2">
        <v>12486.0</v>
      </c>
      <c r="C6713" s="1" t="s">
        <v>5</v>
      </c>
      <c r="D6713" s="1" t="s">
        <v>5464</v>
      </c>
      <c r="E6713" s="1" t="s">
        <v>7</v>
      </c>
    </row>
    <row r="6714">
      <c r="A6714" s="1">
        <v>4.90415571E8</v>
      </c>
      <c r="B6714" s="2">
        <v>12436.0</v>
      </c>
      <c r="C6714" s="1" t="s">
        <v>5</v>
      </c>
      <c r="D6714" s="1" t="s">
        <v>5465</v>
      </c>
      <c r="E6714" s="1" t="s">
        <v>7</v>
      </c>
    </row>
    <row r="6715">
      <c r="A6715" s="1">
        <v>4.90415583E8</v>
      </c>
      <c r="B6715" s="2">
        <v>12495.0</v>
      </c>
      <c r="C6715" s="1" t="s">
        <v>5</v>
      </c>
      <c r="D6715" s="1" t="s">
        <v>5466</v>
      </c>
      <c r="E6715" s="1" t="s">
        <v>11</v>
      </c>
    </row>
    <row r="6716">
      <c r="A6716" s="1">
        <v>4.90415596E8</v>
      </c>
      <c r="B6716" s="2">
        <v>12436.0</v>
      </c>
      <c r="C6716" s="1" t="s">
        <v>5</v>
      </c>
      <c r="D6716" s="1" t="s">
        <v>5467</v>
      </c>
      <c r="E6716" s="1" t="s">
        <v>11</v>
      </c>
    </row>
    <row r="6717">
      <c r="A6717" s="1">
        <v>4.90415603E8</v>
      </c>
      <c r="B6717" s="2">
        <v>12502.0</v>
      </c>
      <c r="C6717" s="1" t="s">
        <v>5</v>
      </c>
      <c r="D6717" s="1" t="s">
        <v>5468</v>
      </c>
      <c r="E6717" s="1" t="s">
        <v>11</v>
      </c>
    </row>
    <row r="6718">
      <c r="A6718" s="1">
        <v>4.90415616E8</v>
      </c>
      <c r="B6718" s="2">
        <v>11971.0</v>
      </c>
      <c r="C6718" s="1" t="s">
        <v>5</v>
      </c>
      <c r="D6718" s="1" t="s">
        <v>11</v>
      </c>
      <c r="E6718" s="1" t="s">
        <v>7</v>
      </c>
    </row>
    <row r="6719">
      <c r="A6719" s="1">
        <v>4.90415631E8</v>
      </c>
      <c r="B6719" s="2">
        <v>11979.0</v>
      </c>
      <c r="C6719" s="1" t="s">
        <v>5</v>
      </c>
      <c r="D6719" s="1" t="s">
        <v>5469</v>
      </c>
      <c r="E6719" s="1" t="s">
        <v>11</v>
      </c>
    </row>
    <row r="6720">
      <c r="A6720" s="1">
        <v>4.90415634E8</v>
      </c>
      <c r="B6720" s="2">
        <v>12495.0</v>
      </c>
      <c r="C6720" s="1" t="s">
        <v>5</v>
      </c>
      <c r="D6720" s="1" t="s">
        <v>5470</v>
      </c>
      <c r="E6720" s="1" t="s">
        <v>7</v>
      </c>
    </row>
    <row r="6721">
      <c r="A6721" s="1">
        <v>4.90415642E8</v>
      </c>
      <c r="B6721" s="2">
        <v>11971.0</v>
      </c>
      <c r="C6721" s="1" t="s">
        <v>5</v>
      </c>
      <c r="D6721" s="1" t="s">
        <v>5471</v>
      </c>
      <c r="E6721" s="1" t="s">
        <v>11</v>
      </c>
    </row>
    <row r="6722">
      <c r="A6722" s="1">
        <v>4.90415658E8</v>
      </c>
      <c r="B6722" s="2">
        <v>11975.0</v>
      </c>
      <c r="C6722" s="1" t="s">
        <v>5</v>
      </c>
      <c r="D6722" s="1" t="s">
        <v>5472</v>
      </c>
      <c r="E6722" s="1" t="s">
        <v>7</v>
      </c>
    </row>
    <row r="6723">
      <c r="A6723" s="1">
        <v>4.90415663E8</v>
      </c>
      <c r="B6723" s="2">
        <v>12495.0</v>
      </c>
      <c r="C6723" s="1" t="s">
        <v>5</v>
      </c>
      <c r="D6723" s="1" t="s">
        <v>5473</v>
      </c>
      <c r="E6723" s="1" t="s">
        <v>11</v>
      </c>
    </row>
    <row r="6724">
      <c r="A6724" s="1">
        <v>4.90415693E8</v>
      </c>
      <c r="B6724" s="2">
        <v>12440.0</v>
      </c>
      <c r="C6724" s="1" t="s">
        <v>5</v>
      </c>
      <c r="D6724" s="1" t="s">
        <v>5474</v>
      </c>
      <c r="E6724" s="1" t="s">
        <v>11</v>
      </c>
    </row>
    <row r="6725">
      <c r="A6725" s="1">
        <v>4.90415703E8</v>
      </c>
      <c r="B6725" s="2">
        <v>12468.0</v>
      </c>
      <c r="C6725" s="1" t="s">
        <v>5</v>
      </c>
      <c r="D6725" s="1" t="s">
        <v>5475</v>
      </c>
      <c r="E6725" s="1" t="s">
        <v>11</v>
      </c>
    </row>
    <row r="6726">
      <c r="A6726" s="1">
        <v>4.90415734E8</v>
      </c>
      <c r="B6726" s="2">
        <v>11972.0</v>
      </c>
      <c r="C6726" s="1" t="s">
        <v>5</v>
      </c>
      <c r="D6726" s="1" t="s">
        <v>11</v>
      </c>
      <c r="E6726" s="1" t="s">
        <v>7</v>
      </c>
    </row>
    <row r="6727">
      <c r="A6727" s="1">
        <v>4.90415748E8</v>
      </c>
      <c r="B6727" s="2">
        <v>12429.0</v>
      </c>
      <c r="C6727" s="1" t="s">
        <v>5</v>
      </c>
      <c r="D6727" s="1" t="s">
        <v>5476</v>
      </c>
      <c r="E6727" s="1" t="s">
        <v>7</v>
      </c>
    </row>
    <row r="6728">
      <c r="A6728" s="1">
        <v>4.90415763E8</v>
      </c>
      <c r="B6728" s="2">
        <v>12423.0</v>
      </c>
      <c r="C6728" s="1" t="s">
        <v>5</v>
      </c>
      <c r="D6728" s="1" t="s">
        <v>5477</v>
      </c>
      <c r="E6728" s="1" t="s">
        <v>7</v>
      </c>
    </row>
    <row r="6729">
      <c r="A6729" s="1">
        <v>4.90415764E8</v>
      </c>
      <c r="B6729" s="2">
        <v>12483.0</v>
      </c>
      <c r="C6729" s="1" t="s">
        <v>5</v>
      </c>
      <c r="D6729" s="1" t="s">
        <v>11</v>
      </c>
      <c r="E6729" s="1" t="s">
        <v>7</v>
      </c>
    </row>
    <row r="6730">
      <c r="A6730" s="1">
        <v>4.9041577E8</v>
      </c>
      <c r="B6730" s="2">
        <v>12501.0</v>
      </c>
      <c r="C6730" s="1" t="s">
        <v>5</v>
      </c>
      <c r="D6730" s="1" t="s">
        <v>5478</v>
      </c>
      <c r="E6730" s="1" t="s">
        <v>7</v>
      </c>
    </row>
    <row r="6731">
      <c r="A6731" s="1">
        <v>4.90415783E8</v>
      </c>
      <c r="B6731" s="2">
        <v>11972.0</v>
      </c>
      <c r="C6731" s="1" t="s">
        <v>5</v>
      </c>
      <c r="D6731" s="1" t="s">
        <v>11</v>
      </c>
      <c r="E6731" s="1" t="s">
        <v>7</v>
      </c>
    </row>
    <row r="6732">
      <c r="A6732" s="1">
        <v>4.9041579E8</v>
      </c>
      <c r="B6732" s="2">
        <v>11974.0</v>
      </c>
      <c r="C6732" s="1" t="s">
        <v>5</v>
      </c>
      <c r="D6732" s="1" t="s">
        <v>5479</v>
      </c>
      <c r="E6732" s="1" t="s">
        <v>11</v>
      </c>
    </row>
    <row r="6733">
      <c r="A6733" s="1">
        <v>4.90415794E8</v>
      </c>
      <c r="B6733" s="2">
        <v>12450.0</v>
      </c>
      <c r="C6733" s="1" t="s">
        <v>5</v>
      </c>
      <c r="D6733" s="1" t="s">
        <v>5480</v>
      </c>
      <c r="E6733" s="1" t="s">
        <v>5481</v>
      </c>
    </row>
    <row r="6734">
      <c r="A6734" s="1">
        <v>4.90415804E8</v>
      </c>
      <c r="B6734" s="2">
        <v>12493.0</v>
      </c>
      <c r="C6734" s="1" t="s">
        <v>5</v>
      </c>
      <c r="D6734" s="1" t="s">
        <v>5482</v>
      </c>
      <c r="E6734" s="1" t="s">
        <v>7</v>
      </c>
    </row>
    <row r="6735">
      <c r="A6735" s="1">
        <v>4.90415811E8</v>
      </c>
      <c r="B6735" s="2">
        <v>11964.0</v>
      </c>
      <c r="C6735" s="1" t="s">
        <v>5</v>
      </c>
      <c r="D6735" s="1" t="s">
        <v>5483</v>
      </c>
      <c r="E6735" s="1" t="s">
        <v>5484</v>
      </c>
    </row>
    <row r="6736">
      <c r="A6736" s="1">
        <v>4.90415813E8</v>
      </c>
      <c r="B6736" s="2">
        <v>12431.0</v>
      </c>
      <c r="C6736" s="1" t="s">
        <v>5</v>
      </c>
      <c r="D6736" s="1" t="s">
        <v>11</v>
      </c>
      <c r="E6736" s="1" t="s">
        <v>7</v>
      </c>
    </row>
    <row r="6737">
      <c r="A6737" s="1">
        <v>4.90415823E8</v>
      </c>
      <c r="B6737" s="2">
        <v>11974.0</v>
      </c>
      <c r="C6737" s="1" t="s">
        <v>5</v>
      </c>
      <c r="D6737" s="1" t="s">
        <v>5485</v>
      </c>
      <c r="E6737" s="1" t="s">
        <v>11</v>
      </c>
    </row>
    <row r="6738">
      <c r="A6738" s="1">
        <v>4.9041583E8</v>
      </c>
      <c r="B6738" s="2">
        <v>12492.0</v>
      </c>
      <c r="C6738" s="1" t="s">
        <v>5</v>
      </c>
      <c r="D6738" s="1" t="s">
        <v>5486</v>
      </c>
      <c r="E6738" s="1" t="s">
        <v>11</v>
      </c>
    </row>
    <row r="6739">
      <c r="A6739" s="1">
        <v>4.90415841E8</v>
      </c>
      <c r="B6739" s="2">
        <v>12423.0</v>
      </c>
      <c r="C6739" s="1" t="s">
        <v>5</v>
      </c>
      <c r="D6739" s="1" t="s">
        <v>5487</v>
      </c>
      <c r="E6739" s="1" t="s">
        <v>7</v>
      </c>
    </row>
    <row r="6740">
      <c r="A6740" s="1">
        <v>4.90415877E8</v>
      </c>
      <c r="B6740" s="2">
        <v>11978.0</v>
      </c>
      <c r="C6740" s="1" t="s">
        <v>5</v>
      </c>
      <c r="D6740" s="1" t="s">
        <v>5488</v>
      </c>
      <c r="E6740" s="1" t="s">
        <v>11</v>
      </c>
    </row>
    <row r="6741">
      <c r="A6741" s="1">
        <v>4.90415884E8</v>
      </c>
      <c r="B6741" s="2">
        <v>12495.0</v>
      </c>
      <c r="C6741" s="1" t="s">
        <v>5</v>
      </c>
      <c r="D6741" s="1" t="s">
        <v>11</v>
      </c>
      <c r="E6741" s="1" t="s">
        <v>7</v>
      </c>
    </row>
    <row r="6742">
      <c r="A6742" s="1">
        <v>4.90415895E8</v>
      </c>
      <c r="B6742" s="2">
        <v>12489.0</v>
      </c>
      <c r="C6742" s="1" t="s">
        <v>5</v>
      </c>
      <c r="D6742" s="1" t="s">
        <v>5489</v>
      </c>
      <c r="E6742" s="1" t="s">
        <v>7</v>
      </c>
    </row>
    <row r="6743">
      <c r="A6743" s="1">
        <v>4.904159E8</v>
      </c>
      <c r="B6743" s="2">
        <v>12493.0</v>
      </c>
      <c r="C6743" s="1" t="s">
        <v>5</v>
      </c>
      <c r="D6743" s="1" t="s">
        <v>5490</v>
      </c>
      <c r="E6743" s="1" t="s">
        <v>7</v>
      </c>
    </row>
    <row r="6744">
      <c r="A6744" s="1">
        <v>4.90415926E8</v>
      </c>
      <c r="B6744" s="2">
        <v>12499.0</v>
      </c>
      <c r="C6744" s="1" t="s">
        <v>5</v>
      </c>
      <c r="D6744" s="1" t="s">
        <v>11</v>
      </c>
      <c r="E6744" s="1" t="s">
        <v>7</v>
      </c>
    </row>
    <row r="6745">
      <c r="A6745" s="1">
        <v>4.90415944E8</v>
      </c>
      <c r="B6745" s="2">
        <v>12447.0</v>
      </c>
      <c r="C6745" s="1" t="s">
        <v>5</v>
      </c>
      <c r="D6745" s="1" t="s">
        <v>11</v>
      </c>
      <c r="E6745" s="1" t="s">
        <v>7</v>
      </c>
    </row>
    <row r="6746">
      <c r="A6746" s="1">
        <v>4.90415954E8</v>
      </c>
      <c r="B6746" s="2">
        <v>11971.0</v>
      </c>
      <c r="C6746" s="1" t="s">
        <v>5</v>
      </c>
      <c r="D6746" s="1" t="s">
        <v>5491</v>
      </c>
      <c r="E6746" s="1" t="s">
        <v>7</v>
      </c>
    </row>
    <row r="6747">
      <c r="A6747" s="1">
        <v>4.90415961E8</v>
      </c>
      <c r="B6747" s="2">
        <v>12489.0</v>
      </c>
      <c r="C6747" s="1" t="s">
        <v>5</v>
      </c>
      <c r="D6747" s="1" t="s">
        <v>5492</v>
      </c>
      <c r="E6747" s="1" t="s">
        <v>7</v>
      </c>
    </row>
    <row r="6748">
      <c r="A6748" s="1">
        <v>4.90415975E8</v>
      </c>
      <c r="B6748" s="2">
        <v>12447.0</v>
      </c>
      <c r="C6748" s="1" t="s">
        <v>5</v>
      </c>
      <c r="D6748" s="1" t="s">
        <v>5493</v>
      </c>
      <c r="E6748" s="1" t="s">
        <v>7</v>
      </c>
    </row>
    <row r="6749">
      <c r="A6749" s="1">
        <v>4.9041599E8</v>
      </c>
      <c r="B6749" s="2">
        <v>12489.0</v>
      </c>
      <c r="C6749" s="1" t="s">
        <v>5</v>
      </c>
      <c r="D6749" s="1" t="s">
        <v>5494</v>
      </c>
      <c r="E6749" s="1" t="s">
        <v>5495</v>
      </c>
    </row>
    <row r="6750">
      <c r="A6750" s="1">
        <v>4.90415994E8</v>
      </c>
      <c r="B6750" s="2">
        <v>12427.0</v>
      </c>
      <c r="C6750" s="1" t="s">
        <v>5</v>
      </c>
      <c r="D6750" s="1" t="s">
        <v>5496</v>
      </c>
      <c r="E6750" s="1" t="s">
        <v>11</v>
      </c>
    </row>
    <row r="6751">
      <c r="A6751" s="1">
        <v>4.90415996E8</v>
      </c>
      <c r="B6751" s="2">
        <v>12440.0</v>
      </c>
      <c r="C6751" s="1" t="s">
        <v>5</v>
      </c>
      <c r="D6751" s="1" t="s">
        <v>5497</v>
      </c>
      <c r="E6751" s="1" t="s">
        <v>7</v>
      </c>
    </row>
    <row r="6752">
      <c r="A6752" s="1">
        <v>4.90416023E8</v>
      </c>
      <c r="B6752" s="2">
        <v>11971.0</v>
      </c>
      <c r="C6752" s="1" t="s">
        <v>5</v>
      </c>
      <c r="D6752" s="1" t="s">
        <v>11</v>
      </c>
      <c r="E6752" s="1" t="s">
        <v>7</v>
      </c>
    </row>
    <row r="6753">
      <c r="A6753" s="1">
        <v>4.90416041E8</v>
      </c>
      <c r="B6753" s="2">
        <v>12483.0</v>
      </c>
      <c r="C6753" s="1" t="s">
        <v>5</v>
      </c>
      <c r="D6753" s="1" t="s">
        <v>5498</v>
      </c>
      <c r="E6753" s="1" t="s">
        <v>5499</v>
      </c>
    </row>
    <row r="6754">
      <c r="A6754" s="1">
        <v>4.9041605E8</v>
      </c>
      <c r="B6754" s="2">
        <v>12440.0</v>
      </c>
      <c r="C6754" s="1" t="s">
        <v>5</v>
      </c>
      <c r="D6754" s="1" t="s">
        <v>5500</v>
      </c>
      <c r="E6754" s="1" t="s">
        <v>7</v>
      </c>
    </row>
    <row r="6755">
      <c r="A6755" s="1">
        <v>4.90416054E8</v>
      </c>
      <c r="B6755" s="2">
        <v>11977.0</v>
      </c>
      <c r="C6755" s="1" t="s">
        <v>5</v>
      </c>
      <c r="D6755" s="1" t="s">
        <v>5501</v>
      </c>
      <c r="E6755" s="1" t="s">
        <v>11</v>
      </c>
    </row>
    <row r="6756">
      <c r="A6756" s="1">
        <v>4.90416064E8</v>
      </c>
      <c r="B6756" s="2">
        <v>12439.0</v>
      </c>
      <c r="C6756" s="1" t="s">
        <v>5</v>
      </c>
      <c r="D6756" s="1" t="s">
        <v>5502</v>
      </c>
      <c r="E6756" s="1" t="s">
        <v>11</v>
      </c>
    </row>
    <row r="6757">
      <c r="A6757" s="1">
        <v>4.90416067E8</v>
      </c>
      <c r="B6757" s="2">
        <v>12439.0</v>
      </c>
      <c r="C6757" s="1" t="s">
        <v>5</v>
      </c>
      <c r="D6757" s="1" t="s">
        <v>5503</v>
      </c>
      <c r="E6757" s="1" t="s">
        <v>7</v>
      </c>
    </row>
    <row r="6758">
      <c r="A6758" s="1">
        <v>4.90416104E8</v>
      </c>
      <c r="B6758" s="2">
        <v>11969.0</v>
      </c>
      <c r="C6758" s="1" t="s">
        <v>5</v>
      </c>
      <c r="D6758" s="1" t="s">
        <v>5504</v>
      </c>
      <c r="E6758" s="1" t="s">
        <v>7</v>
      </c>
    </row>
    <row r="6759">
      <c r="A6759" s="1">
        <v>4.90416128E8</v>
      </c>
      <c r="B6759" s="2">
        <v>11974.0</v>
      </c>
      <c r="C6759" s="1" t="s">
        <v>5</v>
      </c>
      <c r="D6759" s="1" t="s">
        <v>11</v>
      </c>
      <c r="E6759" s="1" t="s">
        <v>7</v>
      </c>
    </row>
    <row r="6760">
      <c r="A6760" s="1">
        <v>4.90416154E8</v>
      </c>
      <c r="B6760" s="2">
        <v>12506.0</v>
      </c>
      <c r="C6760" s="1" t="s">
        <v>5</v>
      </c>
      <c r="D6760" s="1" t="s">
        <v>5505</v>
      </c>
      <c r="E6760" s="1" t="s">
        <v>7</v>
      </c>
    </row>
    <row r="6761">
      <c r="A6761" s="1">
        <v>4.90416166E8</v>
      </c>
      <c r="B6761" s="2">
        <v>12422.0</v>
      </c>
      <c r="C6761" s="1" t="s">
        <v>5</v>
      </c>
      <c r="D6761" s="1" t="s">
        <v>5506</v>
      </c>
      <c r="E6761" s="1" t="s">
        <v>7</v>
      </c>
    </row>
    <row r="6762">
      <c r="A6762" s="1">
        <v>4.90416174E8</v>
      </c>
      <c r="B6762" s="2">
        <v>12487.0</v>
      </c>
      <c r="C6762" s="1" t="s">
        <v>5</v>
      </c>
      <c r="D6762" s="1" t="s">
        <v>5507</v>
      </c>
      <c r="E6762" s="1" t="s">
        <v>7</v>
      </c>
    </row>
    <row r="6763">
      <c r="A6763" s="1">
        <v>4.90416177E8</v>
      </c>
      <c r="B6763" s="2">
        <v>12441.0</v>
      </c>
      <c r="C6763" s="1" t="s">
        <v>5</v>
      </c>
      <c r="D6763" s="1" t="s">
        <v>7</v>
      </c>
      <c r="E6763" s="1" t="s">
        <v>7</v>
      </c>
    </row>
    <row r="6764">
      <c r="A6764" s="1">
        <v>4.90416178E8</v>
      </c>
      <c r="B6764" s="2">
        <v>11974.0</v>
      </c>
      <c r="C6764" s="1" t="s">
        <v>5</v>
      </c>
      <c r="D6764" s="1" t="s">
        <v>5508</v>
      </c>
      <c r="E6764" s="1" t="s">
        <v>5509</v>
      </c>
    </row>
    <row r="6765">
      <c r="A6765" s="1">
        <v>4.90416184E8</v>
      </c>
      <c r="B6765" s="2">
        <v>11972.0</v>
      </c>
      <c r="C6765" s="1" t="s">
        <v>5</v>
      </c>
      <c r="D6765" s="1" t="s">
        <v>5510</v>
      </c>
      <c r="E6765" s="1" t="s">
        <v>7</v>
      </c>
    </row>
    <row r="6766">
      <c r="A6766" s="1">
        <v>4.90416193E8</v>
      </c>
      <c r="B6766" s="2">
        <v>12489.0</v>
      </c>
      <c r="C6766" s="1" t="s">
        <v>5</v>
      </c>
      <c r="D6766" s="1" t="s">
        <v>5511</v>
      </c>
      <c r="E6766" s="1" t="s">
        <v>7</v>
      </c>
    </row>
    <row r="6767">
      <c r="A6767" s="1">
        <v>4.90416208E8</v>
      </c>
      <c r="B6767" s="2">
        <v>12441.0</v>
      </c>
      <c r="C6767" s="1" t="s">
        <v>5</v>
      </c>
      <c r="D6767" s="1" t="s">
        <v>5512</v>
      </c>
      <c r="E6767" s="1" t="s">
        <v>11</v>
      </c>
    </row>
    <row r="6768">
      <c r="A6768" s="1">
        <v>4.90416218E8</v>
      </c>
      <c r="B6768" s="2">
        <v>12489.0</v>
      </c>
      <c r="C6768" s="1" t="s">
        <v>5</v>
      </c>
      <c r="D6768" s="1" t="s">
        <v>5513</v>
      </c>
      <c r="E6768" s="1" t="s">
        <v>7</v>
      </c>
    </row>
    <row r="6769">
      <c r="A6769" s="1">
        <v>4.90416224E8</v>
      </c>
      <c r="B6769" s="2">
        <v>12487.0</v>
      </c>
      <c r="C6769" s="1" t="s">
        <v>5</v>
      </c>
      <c r="D6769" s="1" t="s">
        <v>5514</v>
      </c>
      <c r="E6769" s="1" t="s">
        <v>5515</v>
      </c>
    </row>
    <row r="6770">
      <c r="A6770" s="1">
        <v>4.9041623E8</v>
      </c>
      <c r="B6770" s="2">
        <v>11974.0</v>
      </c>
      <c r="C6770" s="1" t="s">
        <v>5</v>
      </c>
      <c r="D6770" s="1" t="s">
        <v>11</v>
      </c>
      <c r="E6770" s="1" t="s">
        <v>7</v>
      </c>
    </row>
    <row r="6771">
      <c r="A6771" s="1">
        <v>4.90416236E8</v>
      </c>
      <c r="B6771" s="2">
        <v>12498.0</v>
      </c>
      <c r="C6771" s="1" t="s">
        <v>5</v>
      </c>
      <c r="D6771" s="1" t="s">
        <v>11</v>
      </c>
      <c r="E6771" s="1" t="s">
        <v>7</v>
      </c>
    </row>
    <row r="6772">
      <c r="A6772" s="1">
        <v>4.90416258E8</v>
      </c>
      <c r="B6772" s="2">
        <v>12506.0</v>
      </c>
      <c r="C6772" s="1" t="s">
        <v>5</v>
      </c>
      <c r="D6772" s="1" t="s">
        <v>5516</v>
      </c>
      <c r="E6772" s="1" t="s">
        <v>7</v>
      </c>
    </row>
    <row r="6773">
      <c r="A6773" s="1">
        <v>4.90416272E8</v>
      </c>
      <c r="B6773" s="2">
        <v>11972.0</v>
      </c>
      <c r="C6773" s="1" t="s">
        <v>5</v>
      </c>
      <c r="D6773" s="1" t="s">
        <v>5517</v>
      </c>
      <c r="E6773" s="1" t="s">
        <v>11</v>
      </c>
    </row>
    <row r="6774">
      <c r="A6774" s="1">
        <v>4.90416304E8</v>
      </c>
      <c r="B6774" s="2">
        <v>12421.0</v>
      </c>
      <c r="C6774" s="1" t="s">
        <v>5</v>
      </c>
      <c r="D6774" s="1" t="s">
        <v>11</v>
      </c>
      <c r="E6774" s="1" t="s">
        <v>7</v>
      </c>
    </row>
    <row r="6775">
      <c r="A6775" s="1">
        <v>4.90416313E8</v>
      </c>
      <c r="B6775" s="2">
        <v>12497.0</v>
      </c>
      <c r="C6775" s="1" t="s">
        <v>5</v>
      </c>
      <c r="D6775" s="1" t="s">
        <v>5518</v>
      </c>
      <c r="E6775" s="1" t="s">
        <v>7</v>
      </c>
    </row>
    <row r="6776">
      <c r="A6776" s="1">
        <v>4.90416324E8</v>
      </c>
      <c r="B6776" s="2">
        <v>12433.0</v>
      </c>
      <c r="C6776" s="1" t="s">
        <v>5</v>
      </c>
      <c r="D6776" s="1" t="s">
        <v>11</v>
      </c>
      <c r="E6776" s="1" t="s">
        <v>7</v>
      </c>
    </row>
    <row r="6777">
      <c r="A6777" s="1">
        <v>4.9041633E8</v>
      </c>
      <c r="B6777" s="2">
        <v>12502.0</v>
      </c>
      <c r="C6777" s="1" t="s">
        <v>5</v>
      </c>
      <c r="D6777" s="1" t="s">
        <v>5519</v>
      </c>
      <c r="E6777" s="1" t="s">
        <v>7</v>
      </c>
    </row>
    <row r="6778">
      <c r="A6778" s="1">
        <v>4.90416344E8</v>
      </c>
      <c r="B6778" s="2">
        <v>11971.0</v>
      </c>
      <c r="C6778" s="1" t="s">
        <v>5</v>
      </c>
      <c r="D6778" s="1" t="s">
        <v>5520</v>
      </c>
      <c r="E6778" s="1" t="s">
        <v>7</v>
      </c>
    </row>
    <row r="6779">
      <c r="A6779" s="1">
        <v>4.9041635E8</v>
      </c>
      <c r="B6779" s="2">
        <v>12438.0</v>
      </c>
      <c r="C6779" s="1" t="s">
        <v>5</v>
      </c>
      <c r="D6779" s="1" t="s">
        <v>5521</v>
      </c>
      <c r="E6779" s="1" t="s">
        <v>7</v>
      </c>
    </row>
    <row r="6780">
      <c r="A6780" s="1">
        <v>4.90416359E8</v>
      </c>
      <c r="B6780" s="2">
        <v>11971.0</v>
      </c>
      <c r="C6780" s="1" t="s">
        <v>5</v>
      </c>
      <c r="D6780" s="1" t="s">
        <v>5522</v>
      </c>
      <c r="E6780" s="1" t="s">
        <v>7</v>
      </c>
    </row>
    <row r="6781">
      <c r="A6781" s="1">
        <v>4.90416375E8</v>
      </c>
      <c r="B6781" s="2">
        <v>11969.0</v>
      </c>
      <c r="C6781" s="1" t="s">
        <v>5</v>
      </c>
      <c r="D6781" s="1" t="s">
        <v>5523</v>
      </c>
      <c r="E6781" s="1" t="s">
        <v>11</v>
      </c>
    </row>
    <row r="6782">
      <c r="A6782" s="1">
        <v>4.90416409E8</v>
      </c>
      <c r="B6782" s="2">
        <v>12482.0</v>
      </c>
      <c r="C6782" s="1" t="s">
        <v>5</v>
      </c>
      <c r="D6782" s="1" t="s">
        <v>5524</v>
      </c>
      <c r="E6782" s="1" t="s">
        <v>7</v>
      </c>
    </row>
    <row r="6783">
      <c r="A6783" s="1">
        <v>4.90416431E8</v>
      </c>
      <c r="B6783" s="2">
        <v>12420.0</v>
      </c>
      <c r="C6783" s="1" t="s">
        <v>5</v>
      </c>
      <c r="D6783" s="1" t="s">
        <v>5525</v>
      </c>
      <c r="E6783" s="1" t="s">
        <v>11</v>
      </c>
    </row>
    <row r="6784">
      <c r="A6784" s="1">
        <v>4.90416433E8</v>
      </c>
      <c r="B6784" s="2">
        <v>11971.0</v>
      </c>
      <c r="C6784" s="1" t="s">
        <v>5</v>
      </c>
      <c r="D6784" s="1" t="s">
        <v>5526</v>
      </c>
      <c r="E6784" s="1" t="s">
        <v>7</v>
      </c>
    </row>
    <row r="6785">
      <c r="A6785" s="1">
        <v>4.90416442E8</v>
      </c>
      <c r="B6785" s="2">
        <v>12438.0</v>
      </c>
      <c r="C6785" s="1" t="s">
        <v>5</v>
      </c>
      <c r="D6785" s="1" t="s">
        <v>5527</v>
      </c>
      <c r="E6785" s="1" t="s">
        <v>7</v>
      </c>
    </row>
    <row r="6786">
      <c r="A6786" s="1">
        <v>4.90416474E8</v>
      </c>
      <c r="B6786" s="2">
        <v>12445.0</v>
      </c>
      <c r="C6786" s="1" t="s">
        <v>5</v>
      </c>
      <c r="D6786" s="1" t="s">
        <v>5528</v>
      </c>
      <c r="E6786" s="1" t="s">
        <v>11</v>
      </c>
    </row>
    <row r="6787">
      <c r="A6787" s="1">
        <v>4.90416475E8</v>
      </c>
      <c r="B6787" s="2">
        <v>12450.0</v>
      </c>
      <c r="C6787" s="1" t="s">
        <v>5</v>
      </c>
      <c r="D6787" s="1" t="s">
        <v>5529</v>
      </c>
      <c r="E6787" s="1" t="s">
        <v>7</v>
      </c>
    </row>
    <row r="6788">
      <c r="A6788" s="1">
        <v>4.90416498E8</v>
      </c>
      <c r="B6788" s="2">
        <v>12440.0</v>
      </c>
      <c r="C6788" s="1" t="s">
        <v>5</v>
      </c>
      <c r="D6788" s="1" t="s">
        <v>5530</v>
      </c>
      <c r="E6788" s="1" t="s">
        <v>7</v>
      </c>
    </row>
    <row r="6789">
      <c r="A6789" s="1">
        <v>4.90416518E8</v>
      </c>
      <c r="B6789" s="2">
        <v>11971.0</v>
      </c>
      <c r="C6789" s="1" t="s">
        <v>5</v>
      </c>
      <c r="D6789" s="1" t="s">
        <v>5531</v>
      </c>
      <c r="E6789" s="1" t="s">
        <v>11</v>
      </c>
    </row>
    <row r="6790">
      <c r="A6790" s="1">
        <v>4.90416523E8</v>
      </c>
      <c r="B6790" s="2">
        <v>12450.0</v>
      </c>
      <c r="C6790" s="1" t="s">
        <v>5</v>
      </c>
      <c r="D6790" s="1" t="s">
        <v>5532</v>
      </c>
      <c r="E6790" s="1" t="s">
        <v>5533</v>
      </c>
    </row>
    <row r="6791">
      <c r="A6791" s="1">
        <v>4.90416533E8</v>
      </c>
      <c r="B6791" s="2">
        <v>12486.0</v>
      </c>
      <c r="C6791" s="1" t="s">
        <v>5</v>
      </c>
      <c r="D6791" s="1" t="s">
        <v>11</v>
      </c>
      <c r="E6791" s="1" t="s">
        <v>7</v>
      </c>
    </row>
    <row r="6792">
      <c r="A6792" s="1">
        <v>4.90416546E8</v>
      </c>
      <c r="B6792" s="2">
        <v>11973.0</v>
      </c>
      <c r="C6792" s="1" t="s">
        <v>5</v>
      </c>
      <c r="D6792" s="1" t="s">
        <v>11</v>
      </c>
      <c r="E6792" s="1" t="s">
        <v>7</v>
      </c>
    </row>
    <row r="6793">
      <c r="A6793" s="1">
        <v>4.90416563E8</v>
      </c>
      <c r="B6793" s="2">
        <v>12423.0</v>
      </c>
      <c r="C6793" s="1" t="s">
        <v>5</v>
      </c>
      <c r="D6793" s="1" t="s">
        <v>11</v>
      </c>
      <c r="E6793" s="1" t="s">
        <v>7</v>
      </c>
    </row>
    <row r="6794">
      <c r="A6794" s="1">
        <v>4.90416569E8</v>
      </c>
      <c r="B6794" s="2">
        <v>12437.0</v>
      </c>
      <c r="C6794" s="1" t="s">
        <v>5</v>
      </c>
      <c r="D6794" s="1" t="s">
        <v>5534</v>
      </c>
      <c r="E6794" s="1" t="s">
        <v>7</v>
      </c>
    </row>
    <row r="6795">
      <c r="A6795" s="1">
        <v>4.90416584E8</v>
      </c>
      <c r="B6795" s="2">
        <v>12437.0</v>
      </c>
      <c r="C6795" s="1" t="s">
        <v>5</v>
      </c>
      <c r="D6795" s="1" t="s">
        <v>5535</v>
      </c>
      <c r="E6795" s="1" t="s">
        <v>7</v>
      </c>
    </row>
    <row r="6796">
      <c r="A6796" s="1">
        <v>4.90416598E8</v>
      </c>
      <c r="B6796" s="2">
        <v>12468.0</v>
      </c>
      <c r="C6796" s="1" t="s">
        <v>5</v>
      </c>
      <c r="D6796" s="1" t="s">
        <v>11</v>
      </c>
      <c r="E6796" s="1" t="s">
        <v>7</v>
      </c>
    </row>
    <row r="6797">
      <c r="A6797" s="1">
        <v>4.904166E8</v>
      </c>
      <c r="B6797" s="2">
        <v>12437.0</v>
      </c>
      <c r="C6797" s="1" t="s">
        <v>5</v>
      </c>
      <c r="D6797" s="1" t="s">
        <v>5536</v>
      </c>
      <c r="E6797" s="1" t="s">
        <v>5537</v>
      </c>
    </row>
    <row r="6798">
      <c r="A6798" s="1">
        <v>4.90416602E8</v>
      </c>
      <c r="B6798" s="2">
        <v>12486.0</v>
      </c>
      <c r="C6798" s="1" t="s">
        <v>5</v>
      </c>
      <c r="D6798" s="1" t="s">
        <v>5538</v>
      </c>
      <c r="E6798" s="1" t="s">
        <v>7</v>
      </c>
    </row>
    <row r="6799">
      <c r="A6799" s="1">
        <v>4.90416613E8</v>
      </c>
      <c r="B6799" s="2">
        <v>12486.0</v>
      </c>
      <c r="C6799" s="1" t="s">
        <v>5</v>
      </c>
      <c r="D6799" s="1" t="s">
        <v>5539</v>
      </c>
      <c r="E6799" s="1" t="s">
        <v>7</v>
      </c>
    </row>
    <row r="6800">
      <c r="A6800" s="1">
        <v>4.90416635E8</v>
      </c>
      <c r="B6800" s="2">
        <v>11976.0</v>
      </c>
      <c r="C6800" s="1" t="s">
        <v>5</v>
      </c>
      <c r="D6800" s="1" t="s">
        <v>5540</v>
      </c>
      <c r="E6800" s="1" t="s">
        <v>11</v>
      </c>
    </row>
    <row r="6801">
      <c r="A6801" s="1">
        <v>4.90416642E8</v>
      </c>
      <c r="B6801" s="2">
        <v>11968.0</v>
      </c>
      <c r="C6801" s="1" t="s">
        <v>5</v>
      </c>
      <c r="D6801" s="1" t="s">
        <v>5541</v>
      </c>
      <c r="E6801" s="1" t="s">
        <v>11</v>
      </c>
    </row>
    <row r="6802">
      <c r="A6802" s="1">
        <v>4.90416645E8</v>
      </c>
      <c r="B6802" s="2">
        <v>12438.0</v>
      </c>
      <c r="C6802" s="1" t="s">
        <v>5</v>
      </c>
      <c r="D6802" s="1" t="s">
        <v>11</v>
      </c>
      <c r="E6802" s="1" t="s">
        <v>7</v>
      </c>
    </row>
    <row r="6803">
      <c r="A6803" s="1">
        <v>4.90416648E8</v>
      </c>
      <c r="B6803" s="2">
        <v>11969.0</v>
      </c>
      <c r="C6803" s="1" t="s">
        <v>5</v>
      </c>
      <c r="D6803" s="1" t="s">
        <v>5542</v>
      </c>
      <c r="E6803" s="1" t="s">
        <v>5543</v>
      </c>
    </row>
    <row r="6804">
      <c r="A6804" s="1">
        <v>4.90416674E8</v>
      </c>
      <c r="B6804" s="2">
        <v>11976.0</v>
      </c>
      <c r="C6804" s="1" t="s">
        <v>5</v>
      </c>
      <c r="D6804" s="1" t="s">
        <v>11</v>
      </c>
      <c r="E6804" s="1" t="s">
        <v>7</v>
      </c>
    </row>
    <row r="6805">
      <c r="A6805" s="1">
        <v>4.90416675E8</v>
      </c>
      <c r="B6805" s="2">
        <v>11968.0</v>
      </c>
      <c r="C6805" s="1" t="s">
        <v>5</v>
      </c>
      <c r="D6805" s="1" t="s">
        <v>11</v>
      </c>
      <c r="E6805" s="1" t="s">
        <v>7</v>
      </c>
    </row>
    <row r="6806">
      <c r="A6806" s="1">
        <v>4.90416678E8</v>
      </c>
      <c r="B6806" s="2">
        <v>11973.0</v>
      </c>
      <c r="C6806" s="1" t="s">
        <v>5</v>
      </c>
      <c r="D6806" s="1" t="s">
        <v>5544</v>
      </c>
      <c r="E6806" s="1" t="s">
        <v>7</v>
      </c>
    </row>
    <row r="6807">
      <c r="A6807" s="1">
        <v>4.9041668E8</v>
      </c>
      <c r="B6807" s="2">
        <v>12482.0</v>
      </c>
      <c r="C6807" s="1" t="s">
        <v>5</v>
      </c>
      <c r="D6807" s="1" t="s">
        <v>5545</v>
      </c>
      <c r="E6807" s="1" t="s">
        <v>7</v>
      </c>
    </row>
    <row r="6808">
      <c r="A6808" s="1">
        <v>4.90416704E8</v>
      </c>
      <c r="B6808" s="2">
        <v>12494.0</v>
      </c>
      <c r="C6808" s="1" t="s">
        <v>5</v>
      </c>
      <c r="D6808" s="1" t="s">
        <v>5546</v>
      </c>
      <c r="E6808" s="1" t="s">
        <v>7</v>
      </c>
    </row>
    <row r="6809">
      <c r="A6809" s="1">
        <v>4.90416752E8</v>
      </c>
      <c r="B6809" s="2">
        <v>12499.0</v>
      </c>
      <c r="C6809" s="1" t="s">
        <v>5</v>
      </c>
      <c r="D6809" s="1" t="s">
        <v>5547</v>
      </c>
      <c r="E6809" s="1" t="s">
        <v>7</v>
      </c>
    </row>
    <row r="6810">
      <c r="A6810" s="1">
        <v>4.90416753E8</v>
      </c>
      <c r="B6810" s="2">
        <v>12482.0</v>
      </c>
      <c r="C6810" s="1" t="s">
        <v>5</v>
      </c>
      <c r="D6810" s="1" t="s">
        <v>5548</v>
      </c>
      <c r="E6810" s="1" t="s">
        <v>11</v>
      </c>
    </row>
    <row r="6811">
      <c r="A6811" s="1">
        <v>4.9041676E8</v>
      </c>
      <c r="B6811" s="2">
        <v>12436.0</v>
      </c>
      <c r="C6811" s="1" t="s">
        <v>5</v>
      </c>
      <c r="D6811" s="1" t="s">
        <v>11</v>
      </c>
      <c r="E6811" s="1" t="s">
        <v>7</v>
      </c>
    </row>
    <row r="6812">
      <c r="A6812" s="1">
        <v>4.90416768E8</v>
      </c>
      <c r="B6812" s="2">
        <v>11972.0</v>
      </c>
      <c r="C6812" s="1" t="s">
        <v>5</v>
      </c>
      <c r="D6812" s="1" t="s">
        <v>5549</v>
      </c>
      <c r="E6812" s="1" t="s">
        <v>7</v>
      </c>
    </row>
    <row r="6813">
      <c r="A6813" s="1">
        <v>4.90416783E8</v>
      </c>
      <c r="B6813" s="2">
        <v>12484.0</v>
      </c>
      <c r="C6813" s="1" t="s">
        <v>5</v>
      </c>
      <c r="D6813" s="1" t="s">
        <v>11</v>
      </c>
      <c r="E6813" s="1" t="s">
        <v>7</v>
      </c>
    </row>
    <row r="6814">
      <c r="A6814" s="1">
        <v>4.90416784E8</v>
      </c>
      <c r="B6814" s="2">
        <v>11969.0</v>
      </c>
      <c r="C6814" s="1" t="s">
        <v>5</v>
      </c>
      <c r="D6814" s="1" t="s">
        <v>11</v>
      </c>
      <c r="E6814" s="1" t="s">
        <v>7</v>
      </c>
    </row>
    <row r="6815">
      <c r="A6815" s="1">
        <v>4.9041679E8</v>
      </c>
      <c r="B6815" s="2">
        <v>11976.0</v>
      </c>
      <c r="C6815" s="1" t="s">
        <v>5</v>
      </c>
      <c r="D6815" s="1" t="s">
        <v>11</v>
      </c>
      <c r="E6815" s="1" t="s">
        <v>7</v>
      </c>
    </row>
    <row r="6816">
      <c r="A6816" s="1">
        <v>4.90416813E8</v>
      </c>
      <c r="B6816" s="2">
        <v>12497.0</v>
      </c>
      <c r="C6816" s="1" t="s">
        <v>5</v>
      </c>
      <c r="D6816" s="1" t="s">
        <v>5550</v>
      </c>
      <c r="E6816" s="1" t="s">
        <v>5551</v>
      </c>
    </row>
    <row r="6817">
      <c r="A6817" s="1">
        <v>4.90416832E8</v>
      </c>
      <c r="B6817" s="2">
        <v>12493.0</v>
      </c>
      <c r="C6817" s="1" t="s">
        <v>5</v>
      </c>
      <c r="D6817" s="1" t="s">
        <v>11</v>
      </c>
      <c r="E6817" s="1" t="s">
        <v>7</v>
      </c>
    </row>
    <row r="6818">
      <c r="A6818" s="1">
        <v>4.90416878E8</v>
      </c>
      <c r="B6818" s="2">
        <v>11976.0</v>
      </c>
      <c r="C6818" s="1" t="s">
        <v>5</v>
      </c>
      <c r="D6818" s="1" t="s">
        <v>5552</v>
      </c>
      <c r="E6818" s="1" t="s">
        <v>7</v>
      </c>
    </row>
    <row r="6819">
      <c r="A6819" s="1">
        <v>4.90416886E8</v>
      </c>
      <c r="B6819" s="2">
        <v>12482.0</v>
      </c>
      <c r="C6819" s="1" t="s">
        <v>5</v>
      </c>
      <c r="D6819" s="1" t="s">
        <v>11</v>
      </c>
      <c r="E6819" s="1" t="s">
        <v>7</v>
      </c>
    </row>
    <row r="6820">
      <c r="A6820" s="1">
        <v>4.90416898E8</v>
      </c>
      <c r="B6820" s="2">
        <v>11969.0</v>
      </c>
      <c r="C6820" s="1" t="s">
        <v>5</v>
      </c>
      <c r="D6820" s="1" t="s">
        <v>11</v>
      </c>
      <c r="E6820" s="1" t="s">
        <v>7</v>
      </c>
    </row>
    <row r="6821">
      <c r="A6821" s="1">
        <v>4.90416924E8</v>
      </c>
      <c r="B6821" s="2">
        <v>12437.0</v>
      </c>
      <c r="C6821" s="1" t="s">
        <v>5</v>
      </c>
      <c r="D6821" s="1" t="s">
        <v>5553</v>
      </c>
      <c r="E6821" s="1" t="s">
        <v>11</v>
      </c>
    </row>
    <row r="6822">
      <c r="A6822" s="1">
        <v>4.90416934E8</v>
      </c>
      <c r="B6822" s="2">
        <v>12499.0</v>
      </c>
      <c r="C6822" s="1" t="s">
        <v>5</v>
      </c>
      <c r="D6822" s="1" t="s">
        <v>5554</v>
      </c>
      <c r="E6822" s="1" t="s">
        <v>11</v>
      </c>
    </row>
    <row r="6823">
      <c r="A6823" s="1">
        <v>4.90416951E8</v>
      </c>
      <c r="B6823" s="2">
        <v>12502.0</v>
      </c>
      <c r="C6823" s="1" t="s">
        <v>5</v>
      </c>
      <c r="D6823" s="1" t="s">
        <v>5555</v>
      </c>
      <c r="E6823" s="1" t="s">
        <v>7</v>
      </c>
    </row>
    <row r="6824">
      <c r="A6824" s="1">
        <v>4.90416952E8</v>
      </c>
      <c r="B6824" s="2">
        <v>11972.0</v>
      </c>
      <c r="C6824" s="1" t="s">
        <v>5</v>
      </c>
      <c r="D6824" s="1" t="s">
        <v>5556</v>
      </c>
      <c r="E6824" s="1" t="s">
        <v>11</v>
      </c>
    </row>
    <row r="6825">
      <c r="A6825" s="1">
        <v>4.90416955E8</v>
      </c>
      <c r="B6825" s="2">
        <v>12450.0</v>
      </c>
      <c r="C6825" s="1" t="s">
        <v>5</v>
      </c>
      <c r="D6825" s="1" t="s">
        <v>5557</v>
      </c>
      <c r="E6825" s="1" t="s">
        <v>7</v>
      </c>
    </row>
    <row r="6826">
      <c r="A6826" s="1">
        <v>4.90416971E8</v>
      </c>
      <c r="B6826" s="2">
        <v>11976.0</v>
      </c>
      <c r="C6826" s="1" t="s">
        <v>5</v>
      </c>
      <c r="D6826" s="1" t="s">
        <v>5558</v>
      </c>
      <c r="E6826" s="1" t="s">
        <v>11</v>
      </c>
    </row>
    <row r="6827">
      <c r="A6827" s="1">
        <v>4.90416978E8</v>
      </c>
      <c r="B6827" s="2">
        <v>12435.0</v>
      </c>
      <c r="C6827" s="1" t="s">
        <v>5</v>
      </c>
      <c r="D6827" s="1" t="s">
        <v>11</v>
      </c>
      <c r="E6827" s="1" t="s">
        <v>7</v>
      </c>
    </row>
    <row r="6828">
      <c r="A6828" s="1">
        <v>4.9041699E8</v>
      </c>
      <c r="B6828" s="2">
        <v>11969.0</v>
      </c>
      <c r="C6828" s="1" t="s">
        <v>5</v>
      </c>
      <c r="D6828" s="1" t="s">
        <v>11</v>
      </c>
      <c r="E6828" s="1" t="s">
        <v>7</v>
      </c>
    </row>
    <row r="6829">
      <c r="A6829" s="1">
        <v>4.90416992E8</v>
      </c>
      <c r="B6829" s="2">
        <v>12483.0</v>
      </c>
      <c r="C6829" s="1" t="s">
        <v>5</v>
      </c>
      <c r="D6829" s="1" t="s">
        <v>5243</v>
      </c>
      <c r="E6829" s="1" t="s">
        <v>7</v>
      </c>
    </row>
    <row r="6830">
      <c r="A6830" s="1">
        <v>4.90417013E8</v>
      </c>
      <c r="B6830" s="2">
        <v>12424.0</v>
      </c>
      <c r="C6830" s="1" t="s">
        <v>5</v>
      </c>
      <c r="D6830" s="1" t="s">
        <v>5559</v>
      </c>
      <c r="E6830" s="1" t="s">
        <v>11</v>
      </c>
    </row>
    <row r="6831">
      <c r="A6831" s="1">
        <v>4.90417022E8</v>
      </c>
      <c r="B6831" s="2">
        <v>12450.0</v>
      </c>
      <c r="C6831" s="1" t="s">
        <v>5</v>
      </c>
      <c r="D6831" s="1" t="s">
        <v>11</v>
      </c>
      <c r="E6831" s="1" t="s">
        <v>7</v>
      </c>
    </row>
    <row r="6832">
      <c r="A6832" s="1">
        <v>4.90417029E8</v>
      </c>
      <c r="B6832" s="2">
        <v>12523.0</v>
      </c>
      <c r="C6832" s="1" t="s">
        <v>5</v>
      </c>
      <c r="D6832" s="1" t="s">
        <v>5560</v>
      </c>
      <c r="E6832" s="1" t="s">
        <v>5561</v>
      </c>
    </row>
    <row r="6833">
      <c r="A6833" s="1">
        <v>4.90417039E8</v>
      </c>
      <c r="B6833" s="2">
        <v>11969.0</v>
      </c>
      <c r="C6833" s="1" t="s">
        <v>5</v>
      </c>
      <c r="D6833" s="1" t="s">
        <v>5562</v>
      </c>
      <c r="E6833" s="1" t="s">
        <v>7</v>
      </c>
    </row>
    <row r="6834">
      <c r="A6834" s="1">
        <v>4.90417058E8</v>
      </c>
      <c r="B6834" s="2">
        <v>12496.0</v>
      </c>
      <c r="C6834" s="1" t="s">
        <v>5</v>
      </c>
      <c r="D6834" s="1" t="s">
        <v>5563</v>
      </c>
      <c r="E6834" s="1" t="s">
        <v>11</v>
      </c>
    </row>
    <row r="6835">
      <c r="A6835" s="1">
        <v>4.90417081E8</v>
      </c>
      <c r="B6835" s="2">
        <v>12464.0</v>
      </c>
      <c r="C6835" s="1" t="s">
        <v>5</v>
      </c>
      <c r="D6835" s="1" t="s">
        <v>5564</v>
      </c>
      <c r="E6835" s="1" t="s">
        <v>7</v>
      </c>
    </row>
    <row r="6836">
      <c r="A6836" s="1">
        <v>4.90417087E8</v>
      </c>
      <c r="B6836" s="2">
        <v>11972.0</v>
      </c>
      <c r="C6836" s="1" t="s">
        <v>5</v>
      </c>
      <c r="D6836" s="1" t="s">
        <v>5565</v>
      </c>
      <c r="E6836" s="1" t="s">
        <v>11</v>
      </c>
    </row>
    <row r="6837">
      <c r="A6837" s="1">
        <v>4.90417098E8</v>
      </c>
      <c r="B6837" s="2">
        <v>12496.0</v>
      </c>
      <c r="C6837" s="1" t="s">
        <v>5</v>
      </c>
      <c r="D6837" s="1" t="s">
        <v>11</v>
      </c>
      <c r="E6837" s="1" t="s">
        <v>7</v>
      </c>
    </row>
    <row r="6838">
      <c r="A6838" s="1">
        <v>4.90417107E8</v>
      </c>
      <c r="B6838" s="2">
        <v>12480.0</v>
      </c>
      <c r="C6838" s="1" t="s">
        <v>5</v>
      </c>
      <c r="D6838" s="1" t="s">
        <v>5566</v>
      </c>
      <c r="E6838" s="1" t="s">
        <v>11</v>
      </c>
    </row>
    <row r="6839">
      <c r="A6839" s="1">
        <v>4.90417134E8</v>
      </c>
      <c r="B6839" s="2">
        <v>12434.0</v>
      </c>
      <c r="C6839" s="1" t="s">
        <v>5</v>
      </c>
      <c r="D6839" s="1" t="s">
        <v>11</v>
      </c>
      <c r="E6839" s="1" t="s">
        <v>7</v>
      </c>
    </row>
    <row r="6840">
      <c r="A6840" s="1">
        <v>4.90417153E8</v>
      </c>
      <c r="B6840" s="2">
        <v>11972.0</v>
      </c>
      <c r="C6840" s="1" t="s">
        <v>5</v>
      </c>
      <c r="D6840" s="1" t="s">
        <v>5567</v>
      </c>
      <c r="E6840" s="1" t="s">
        <v>7</v>
      </c>
    </row>
    <row r="6841">
      <c r="A6841" s="1">
        <v>4.90417168E8</v>
      </c>
      <c r="B6841" s="2">
        <v>12434.0</v>
      </c>
      <c r="C6841" s="1" t="s">
        <v>5</v>
      </c>
      <c r="D6841" s="1" t="s">
        <v>11</v>
      </c>
      <c r="E6841" s="1" t="s">
        <v>7</v>
      </c>
    </row>
    <row r="6842">
      <c r="A6842" s="1">
        <v>4.90417175E8</v>
      </c>
      <c r="B6842" s="2">
        <v>12423.0</v>
      </c>
      <c r="C6842" s="1" t="s">
        <v>5</v>
      </c>
      <c r="D6842" s="1" t="s">
        <v>5568</v>
      </c>
      <c r="E6842" s="1" t="s">
        <v>7</v>
      </c>
    </row>
    <row r="6843">
      <c r="A6843" s="1">
        <v>4.90417176E8</v>
      </c>
      <c r="B6843" s="2">
        <v>11971.0</v>
      </c>
      <c r="C6843" s="1" t="s">
        <v>5</v>
      </c>
      <c r="D6843" s="1" t="s">
        <v>5569</v>
      </c>
      <c r="E6843" s="1" t="s">
        <v>7</v>
      </c>
    </row>
    <row r="6844">
      <c r="A6844" s="1">
        <v>4.9041718E8</v>
      </c>
      <c r="B6844" s="2">
        <v>12499.0</v>
      </c>
      <c r="C6844" s="1" t="s">
        <v>5</v>
      </c>
      <c r="D6844" s="1" t="s">
        <v>5570</v>
      </c>
      <c r="E6844" s="1" t="s">
        <v>7</v>
      </c>
    </row>
    <row r="6845">
      <c r="A6845" s="1">
        <v>4.9041719E8</v>
      </c>
      <c r="B6845" s="2">
        <v>12018.0</v>
      </c>
      <c r="C6845" s="1" t="s">
        <v>5</v>
      </c>
      <c r="D6845" s="1" t="s">
        <v>5571</v>
      </c>
      <c r="E6845" s="1" t="s">
        <v>11</v>
      </c>
    </row>
    <row r="6846">
      <c r="A6846" s="1">
        <v>4.90417192E8</v>
      </c>
      <c r="B6846" s="2">
        <v>12489.0</v>
      </c>
      <c r="C6846" s="1" t="s">
        <v>5</v>
      </c>
      <c r="D6846" s="1" t="s">
        <v>5572</v>
      </c>
      <c r="E6846" s="1" t="s">
        <v>7</v>
      </c>
    </row>
    <row r="6847">
      <c r="A6847" s="1">
        <v>4.90417204E8</v>
      </c>
      <c r="B6847" s="2">
        <v>12523.0</v>
      </c>
      <c r="C6847" s="1" t="s">
        <v>5</v>
      </c>
      <c r="D6847" s="1" t="s">
        <v>11</v>
      </c>
      <c r="E6847" s="1" t="s">
        <v>7</v>
      </c>
    </row>
    <row r="6848">
      <c r="A6848" s="1">
        <v>4.90417213E8</v>
      </c>
      <c r="B6848" s="2">
        <v>11971.0</v>
      </c>
      <c r="C6848" s="1" t="s">
        <v>5</v>
      </c>
      <c r="D6848" s="1" t="s">
        <v>5573</v>
      </c>
      <c r="E6848" s="1" t="s">
        <v>7</v>
      </c>
    </row>
    <row r="6849">
      <c r="A6849" s="1">
        <v>4.90417238E8</v>
      </c>
      <c r="B6849" s="2">
        <v>12464.0</v>
      </c>
      <c r="C6849" s="1" t="s">
        <v>5</v>
      </c>
      <c r="D6849" s="1" t="s">
        <v>5574</v>
      </c>
      <c r="E6849" s="1" t="s">
        <v>11</v>
      </c>
    </row>
    <row r="6850">
      <c r="A6850" s="1">
        <v>4.90417244E8</v>
      </c>
      <c r="B6850" s="2">
        <v>12449.0</v>
      </c>
      <c r="C6850" s="1" t="s">
        <v>5</v>
      </c>
      <c r="D6850" s="1" t="s">
        <v>5575</v>
      </c>
      <c r="E6850" s="1" t="s">
        <v>7</v>
      </c>
    </row>
    <row r="6851">
      <c r="A6851" s="1">
        <v>4.90417256E8</v>
      </c>
      <c r="B6851" s="2">
        <v>11971.0</v>
      </c>
      <c r="C6851" s="1" t="s">
        <v>5</v>
      </c>
      <c r="D6851" s="1" t="s">
        <v>5576</v>
      </c>
      <c r="E6851" s="1" t="s">
        <v>11</v>
      </c>
    </row>
    <row r="6852">
      <c r="A6852" s="1">
        <v>4.90417267E8</v>
      </c>
      <c r="B6852" s="2">
        <v>12512.0</v>
      </c>
      <c r="C6852" s="1" t="s">
        <v>5</v>
      </c>
      <c r="D6852" s="1" t="s">
        <v>7</v>
      </c>
      <c r="E6852" s="1" t="s">
        <v>7</v>
      </c>
    </row>
    <row r="6853">
      <c r="A6853" s="1">
        <v>4.90417283E8</v>
      </c>
      <c r="B6853" s="2">
        <v>12482.0</v>
      </c>
      <c r="C6853" s="1" t="s">
        <v>5</v>
      </c>
      <c r="D6853" s="1" t="s">
        <v>11</v>
      </c>
      <c r="E6853" s="1" t="s">
        <v>7</v>
      </c>
    </row>
    <row r="6854">
      <c r="A6854" s="1">
        <v>4.90417294E8</v>
      </c>
      <c r="B6854" s="2">
        <v>11973.0</v>
      </c>
      <c r="C6854" s="1" t="s">
        <v>5</v>
      </c>
      <c r="D6854" s="1" t="s">
        <v>11</v>
      </c>
      <c r="E6854" s="1" t="s">
        <v>7</v>
      </c>
    </row>
    <row r="6855">
      <c r="A6855" s="1">
        <v>4.904173E8</v>
      </c>
      <c r="B6855" s="2">
        <v>12512.0</v>
      </c>
      <c r="C6855" s="1" t="s">
        <v>5</v>
      </c>
      <c r="D6855" s="1" t="s">
        <v>11</v>
      </c>
      <c r="E6855" s="1" t="s">
        <v>7</v>
      </c>
    </row>
    <row r="6856">
      <c r="A6856" s="1">
        <v>4.90417308E8</v>
      </c>
      <c r="B6856" s="2">
        <v>12512.0</v>
      </c>
      <c r="C6856" s="1" t="s">
        <v>5</v>
      </c>
      <c r="D6856" s="1" t="s">
        <v>5577</v>
      </c>
      <c r="E6856" s="1" t="s">
        <v>7</v>
      </c>
    </row>
    <row r="6857">
      <c r="A6857" s="1">
        <v>4.90417324E8</v>
      </c>
      <c r="B6857" s="2">
        <v>12506.0</v>
      </c>
      <c r="C6857" s="1" t="s">
        <v>5</v>
      </c>
      <c r="D6857" s="1" t="s">
        <v>11</v>
      </c>
      <c r="E6857" s="1" t="s">
        <v>7</v>
      </c>
    </row>
    <row r="6858">
      <c r="A6858" s="1">
        <v>4.90417341E8</v>
      </c>
      <c r="B6858" s="2">
        <v>11971.0</v>
      </c>
      <c r="C6858" s="1" t="s">
        <v>5</v>
      </c>
      <c r="D6858" s="1" t="s">
        <v>5578</v>
      </c>
      <c r="E6858" s="1" t="s">
        <v>7</v>
      </c>
    </row>
    <row r="6859">
      <c r="A6859" s="1">
        <v>4.90417353E8</v>
      </c>
      <c r="B6859" s="2">
        <v>12474.0</v>
      </c>
      <c r="C6859" s="1" t="s">
        <v>5</v>
      </c>
      <c r="D6859" s="1" t="s">
        <v>5579</v>
      </c>
      <c r="E6859" s="1" t="s">
        <v>11</v>
      </c>
    </row>
    <row r="6860">
      <c r="A6860" s="1">
        <v>4.90417375E8</v>
      </c>
      <c r="B6860" s="2">
        <v>12499.0</v>
      </c>
      <c r="C6860" s="1" t="s">
        <v>5</v>
      </c>
      <c r="D6860" s="1" t="s">
        <v>11</v>
      </c>
      <c r="E6860" s="1" t="s">
        <v>7</v>
      </c>
    </row>
    <row r="6861">
      <c r="A6861" s="1">
        <v>4.90417389E8</v>
      </c>
      <c r="B6861" s="2">
        <v>11966.0</v>
      </c>
      <c r="C6861" s="1" t="s">
        <v>5</v>
      </c>
      <c r="D6861" s="1" t="s">
        <v>5580</v>
      </c>
      <c r="E6861" s="1" t="s">
        <v>11</v>
      </c>
    </row>
    <row r="6862">
      <c r="A6862" s="1">
        <v>4.90417415E8</v>
      </c>
      <c r="B6862" s="2">
        <v>12495.0</v>
      </c>
      <c r="C6862" s="1" t="s">
        <v>5</v>
      </c>
      <c r="D6862" s="1" t="s">
        <v>11</v>
      </c>
      <c r="E6862" s="1" t="s">
        <v>7</v>
      </c>
    </row>
    <row r="6863">
      <c r="A6863" s="1">
        <v>4.90417442E8</v>
      </c>
      <c r="B6863" s="2">
        <v>11971.0</v>
      </c>
      <c r="C6863" s="1" t="s">
        <v>5</v>
      </c>
      <c r="D6863" s="1" t="s">
        <v>5581</v>
      </c>
      <c r="E6863" s="1" t="s">
        <v>7</v>
      </c>
    </row>
    <row r="6864">
      <c r="A6864" s="1">
        <v>4.90417472E8</v>
      </c>
      <c r="B6864" s="2">
        <v>12498.0</v>
      </c>
      <c r="C6864" s="1" t="s">
        <v>5</v>
      </c>
      <c r="D6864" s="1" t="s">
        <v>5582</v>
      </c>
      <c r="E6864" s="1" t="s">
        <v>7</v>
      </c>
    </row>
    <row r="6865">
      <c r="A6865" s="1">
        <v>4.90417479E8</v>
      </c>
      <c r="B6865" s="2">
        <v>12436.0</v>
      </c>
      <c r="C6865" s="1" t="s">
        <v>5</v>
      </c>
      <c r="D6865" s="1" t="s">
        <v>5583</v>
      </c>
      <c r="E6865" s="1" t="s">
        <v>7</v>
      </c>
    </row>
    <row r="6866">
      <c r="A6866" s="1">
        <v>4.9041749E8</v>
      </c>
      <c r="B6866" s="2">
        <v>11969.0</v>
      </c>
      <c r="C6866" s="1" t="s">
        <v>5</v>
      </c>
      <c r="D6866" s="1" t="s">
        <v>5584</v>
      </c>
      <c r="E6866" s="1" t="s">
        <v>7</v>
      </c>
    </row>
    <row r="6867">
      <c r="A6867" s="1">
        <v>4.90417494E8</v>
      </c>
      <c r="B6867" s="2">
        <v>11973.0</v>
      </c>
      <c r="C6867" s="1" t="s">
        <v>5</v>
      </c>
      <c r="D6867" s="1" t="s">
        <v>11</v>
      </c>
      <c r="E6867" s="1" t="s">
        <v>7</v>
      </c>
    </row>
    <row r="6868">
      <c r="A6868" s="1">
        <v>4.90417498E8</v>
      </c>
      <c r="B6868" s="2">
        <v>12495.0</v>
      </c>
      <c r="C6868" s="1" t="s">
        <v>5</v>
      </c>
      <c r="D6868" s="1" t="s">
        <v>5585</v>
      </c>
      <c r="E6868" s="1" t="s">
        <v>7</v>
      </c>
    </row>
    <row r="6869">
      <c r="A6869" s="1">
        <v>4.90417517E8</v>
      </c>
      <c r="B6869" s="2">
        <v>12505.0</v>
      </c>
      <c r="C6869" s="1" t="s">
        <v>5</v>
      </c>
      <c r="D6869" s="1" t="s">
        <v>11</v>
      </c>
      <c r="E6869" s="1" t="s">
        <v>7</v>
      </c>
    </row>
    <row r="6870">
      <c r="A6870" s="1">
        <v>4.90417522E8</v>
      </c>
      <c r="B6870" s="2">
        <v>12429.0</v>
      </c>
      <c r="C6870" s="1" t="s">
        <v>5</v>
      </c>
      <c r="D6870" s="1" t="s">
        <v>5586</v>
      </c>
      <c r="E6870" s="1" t="s">
        <v>7</v>
      </c>
    </row>
    <row r="6871">
      <c r="A6871" s="1">
        <v>4.90417533E8</v>
      </c>
      <c r="B6871" s="2">
        <v>11971.0</v>
      </c>
      <c r="C6871" s="1" t="s">
        <v>5</v>
      </c>
      <c r="D6871" s="1" t="s">
        <v>5587</v>
      </c>
      <c r="E6871" s="1" t="s">
        <v>7</v>
      </c>
    </row>
    <row r="6872">
      <c r="A6872" s="1">
        <v>4.90417566E8</v>
      </c>
      <c r="B6872" s="2">
        <v>11975.0</v>
      </c>
      <c r="C6872" s="1" t="s">
        <v>5</v>
      </c>
      <c r="D6872" s="1" t="s">
        <v>5588</v>
      </c>
      <c r="E6872" s="1" t="s">
        <v>11</v>
      </c>
    </row>
    <row r="6873">
      <c r="A6873" s="1">
        <v>4.90417569E8</v>
      </c>
      <c r="B6873" s="2">
        <v>12473.0</v>
      </c>
      <c r="C6873" s="1" t="s">
        <v>5</v>
      </c>
      <c r="D6873" s="1" t="s">
        <v>5589</v>
      </c>
      <c r="E6873" s="1" t="s">
        <v>7</v>
      </c>
    </row>
    <row r="6874">
      <c r="A6874" s="1">
        <v>4.90417573E8</v>
      </c>
      <c r="B6874" s="2">
        <v>11966.0</v>
      </c>
      <c r="C6874" s="1" t="s">
        <v>5</v>
      </c>
      <c r="D6874" s="1" t="s">
        <v>5590</v>
      </c>
      <c r="E6874" s="1" t="s">
        <v>11</v>
      </c>
    </row>
    <row r="6875">
      <c r="A6875" s="1">
        <v>4.90417593E8</v>
      </c>
      <c r="B6875" s="2">
        <v>12473.0</v>
      </c>
      <c r="C6875" s="1" t="s">
        <v>5</v>
      </c>
      <c r="D6875" s="1" t="s">
        <v>7</v>
      </c>
      <c r="E6875" s="1" t="s">
        <v>7</v>
      </c>
    </row>
    <row r="6876">
      <c r="A6876" s="1">
        <v>4.90417614E8</v>
      </c>
      <c r="B6876" s="2">
        <v>12014.0</v>
      </c>
      <c r="C6876" s="1" t="s">
        <v>5</v>
      </c>
      <c r="D6876" s="1" t="s">
        <v>5591</v>
      </c>
      <c r="E6876" s="1" t="s">
        <v>5592</v>
      </c>
    </row>
    <row r="6877">
      <c r="A6877" s="1">
        <v>4.90417641E8</v>
      </c>
      <c r="B6877" s="2">
        <v>11966.0</v>
      </c>
      <c r="C6877" s="1" t="s">
        <v>5</v>
      </c>
      <c r="D6877" s="1" t="s">
        <v>5593</v>
      </c>
      <c r="E6877" s="1" t="s">
        <v>7</v>
      </c>
    </row>
    <row r="6878">
      <c r="A6878" s="1">
        <v>4.90417644E8</v>
      </c>
      <c r="B6878" s="2">
        <v>12498.0</v>
      </c>
      <c r="C6878" s="1" t="s">
        <v>5</v>
      </c>
      <c r="D6878" s="1" t="s">
        <v>5594</v>
      </c>
      <c r="E6878" s="1" t="s">
        <v>5595</v>
      </c>
    </row>
    <row r="6879">
      <c r="A6879" s="1">
        <v>4.90417653E8</v>
      </c>
      <c r="B6879" s="2">
        <v>12494.0</v>
      </c>
      <c r="C6879" s="1" t="s">
        <v>5</v>
      </c>
      <c r="D6879" s="1" t="s">
        <v>11</v>
      </c>
      <c r="E6879" s="1" t="s">
        <v>7</v>
      </c>
    </row>
    <row r="6880">
      <c r="A6880" s="1">
        <v>4.90417664E8</v>
      </c>
      <c r="B6880" s="2">
        <v>11971.0</v>
      </c>
      <c r="C6880" s="1" t="s">
        <v>5</v>
      </c>
      <c r="D6880" s="1" t="s">
        <v>5596</v>
      </c>
      <c r="E6880" s="1" t="s">
        <v>11</v>
      </c>
    </row>
    <row r="6881">
      <c r="A6881" s="1">
        <v>4.90417674E8</v>
      </c>
      <c r="B6881" s="2">
        <v>11968.0</v>
      </c>
      <c r="C6881" s="1" t="s">
        <v>5</v>
      </c>
      <c r="D6881" s="1" t="s">
        <v>5597</v>
      </c>
      <c r="E6881" s="1" t="s">
        <v>7</v>
      </c>
    </row>
    <row r="6882">
      <c r="A6882" s="1">
        <v>4.90417697E8</v>
      </c>
      <c r="B6882" s="2">
        <v>12502.0</v>
      </c>
      <c r="C6882" s="1" t="s">
        <v>5</v>
      </c>
      <c r="D6882" s="1" t="s">
        <v>5598</v>
      </c>
      <c r="E6882" s="1" t="s">
        <v>11</v>
      </c>
    </row>
    <row r="6883">
      <c r="A6883" s="1">
        <v>4.90417704E8</v>
      </c>
      <c r="B6883" s="2">
        <v>12014.0</v>
      </c>
      <c r="C6883" s="1" t="s">
        <v>5</v>
      </c>
      <c r="D6883" s="1" t="s">
        <v>5599</v>
      </c>
      <c r="E6883" s="1" t="s">
        <v>7</v>
      </c>
    </row>
    <row r="6884">
      <c r="A6884" s="1">
        <v>4.90417741E8</v>
      </c>
      <c r="B6884" s="2">
        <v>12435.0</v>
      </c>
      <c r="C6884" s="1" t="s">
        <v>5</v>
      </c>
      <c r="D6884" s="1" t="s">
        <v>5600</v>
      </c>
      <c r="E6884" s="1" t="s">
        <v>11</v>
      </c>
    </row>
    <row r="6885">
      <c r="A6885" s="1">
        <v>4.9041775E8</v>
      </c>
      <c r="B6885" s="2">
        <v>12447.0</v>
      </c>
      <c r="C6885" s="1" t="s">
        <v>5</v>
      </c>
      <c r="D6885" s="1" t="s">
        <v>5601</v>
      </c>
      <c r="E6885" s="1" t="s">
        <v>11</v>
      </c>
    </row>
    <row r="6886">
      <c r="A6886" s="1">
        <v>4.90417792E8</v>
      </c>
      <c r="B6886" s="2">
        <v>11971.0</v>
      </c>
      <c r="C6886" s="1" t="s">
        <v>5</v>
      </c>
      <c r="D6886" s="1" t="s">
        <v>5602</v>
      </c>
      <c r="E6886" s="1" t="s">
        <v>7</v>
      </c>
    </row>
    <row r="6887">
      <c r="A6887" s="1">
        <v>4.90417824E8</v>
      </c>
      <c r="B6887" s="2">
        <v>11968.0</v>
      </c>
      <c r="C6887" s="1" t="s">
        <v>5</v>
      </c>
      <c r="D6887" s="1" t="s">
        <v>5603</v>
      </c>
      <c r="E6887" s="1" t="s">
        <v>11</v>
      </c>
    </row>
    <row r="6888">
      <c r="A6888" s="1">
        <v>4.90417882E8</v>
      </c>
      <c r="B6888" s="2">
        <v>12013.0</v>
      </c>
      <c r="C6888" s="1" t="s">
        <v>5</v>
      </c>
      <c r="D6888" s="1" t="s">
        <v>5604</v>
      </c>
      <c r="E6888" s="1" t="s">
        <v>11</v>
      </c>
    </row>
    <row r="6889">
      <c r="A6889" s="1">
        <v>4.90417887E8</v>
      </c>
      <c r="B6889" s="2">
        <v>11972.0</v>
      </c>
      <c r="C6889" s="1" t="s">
        <v>5</v>
      </c>
      <c r="D6889" s="1" t="s">
        <v>11</v>
      </c>
      <c r="E6889" s="1" t="s">
        <v>7</v>
      </c>
    </row>
    <row r="6890">
      <c r="A6890" s="1">
        <v>4.90417888E8</v>
      </c>
      <c r="B6890" s="2">
        <v>12468.0</v>
      </c>
      <c r="C6890" s="1" t="s">
        <v>5</v>
      </c>
      <c r="D6890" s="1" t="s">
        <v>11</v>
      </c>
      <c r="E6890" s="1" t="s">
        <v>7</v>
      </c>
    </row>
    <row r="6891">
      <c r="A6891" s="1">
        <v>4.904179E8</v>
      </c>
      <c r="B6891" s="2">
        <v>12536.0</v>
      </c>
      <c r="C6891" s="1" t="s">
        <v>5</v>
      </c>
      <c r="D6891" s="1" t="s">
        <v>5605</v>
      </c>
      <c r="E6891" s="1" t="s">
        <v>5606</v>
      </c>
    </row>
    <row r="6892">
      <c r="A6892" s="1">
        <v>4.90417909E8</v>
      </c>
      <c r="B6892" s="2">
        <v>12498.0</v>
      </c>
      <c r="C6892" s="1" t="s">
        <v>5</v>
      </c>
      <c r="D6892" s="1" t="s">
        <v>11</v>
      </c>
      <c r="E6892" s="1" t="s">
        <v>7</v>
      </c>
    </row>
    <row r="6893">
      <c r="A6893" s="1">
        <v>4.9041791E8</v>
      </c>
      <c r="B6893" s="2">
        <v>12477.0</v>
      </c>
      <c r="C6893" s="1" t="s">
        <v>5</v>
      </c>
      <c r="D6893" s="1" t="s">
        <v>5607</v>
      </c>
      <c r="E6893" s="1" t="s">
        <v>7</v>
      </c>
    </row>
    <row r="6894">
      <c r="A6894" s="1">
        <v>4.90417933E8</v>
      </c>
      <c r="B6894" s="2">
        <v>11972.0</v>
      </c>
      <c r="C6894" s="1" t="s">
        <v>5</v>
      </c>
      <c r="D6894" s="1" t="s">
        <v>11</v>
      </c>
      <c r="E6894" s="1" t="s">
        <v>7</v>
      </c>
    </row>
    <row r="6895">
      <c r="A6895" s="1">
        <v>4.90417958E8</v>
      </c>
      <c r="B6895" s="2">
        <v>12502.0</v>
      </c>
      <c r="C6895" s="1" t="s">
        <v>5</v>
      </c>
      <c r="D6895" s="1" t="s">
        <v>5608</v>
      </c>
      <c r="E6895" s="1" t="s">
        <v>11</v>
      </c>
    </row>
    <row r="6896">
      <c r="A6896" s="1">
        <v>4.90417966E8</v>
      </c>
      <c r="B6896" s="2">
        <v>12538.0</v>
      </c>
      <c r="C6896" s="1" t="s">
        <v>5</v>
      </c>
      <c r="D6896" s="1" t="s">
        <v>5609</v>
      </c>
      <c r="E6896" s="1" t="s">
        <v>7</v>
      </c>
    </row>
    <row r="6897">
      <c r="A6897" s="1">
        <v>4.9041798E8</v>
      </c>
      <c r="B6897" s="2">
        <v>12475.0</v>
      </c>
      <c r="C6897" s="1" t="s">
        <v>5</v>
      </c>
      <c r="D6897" s="1" t="s">
        <v>5610</v>
      </c>
      <c r="E6897" s="1" t="s">
        <v>7</v>
      </c>
    </row>
    <row r="6898">
      <c r="A6898" s="1">
        <v>4.90417993E8</v>
      </c>
      <c r="B6898" s="2">
        <v>11967.0</v>
      </c>
      <c r="C6898" s="1" t="s">
        <v>5</v>
      </c>
      <c r="D6898" s="1" t="s">
        <v>5611</v>
      </c>
      <c r="E6898" s="1" t="s">
        <v>11</v>
      </c>
    </row>
    <row r="6899">
      <c r="A6899" s="1">
        <v>4.90418012E8</v>
      </c>
      <c r="B6899" s="2">
        <v>12502.0</v>
      </c>
      <c r="C6899" s="1" t="s">
        <v>5</v>
      </c>
      <c r="D6899" s="1" t="s">
        <v>5612</v>
      </c>
      <c r="E6899" s="1" t="s">
        <v>7</v>
      </c>
    </row>
    <row r="6900">
      <c r="A6900" s="1">
        <v>4.90418024E8</v>
      </c>
      <c r="B6900" s="2">
        <v>11969.0</v>
      </c>
      <c r="C6900" s="1" t="s">
        <v>5</v>
      </c>
      <c r="D6900" s="1" t="s">
        <v>5613</v>
      </c>
      <c r="E6900" s="1" t="s">
        <v>7</v>
      </c>
    </row>
    <row r="6901">
      <c r="A6901" s="1">
        <v>4.90418069E8</v>
      </c>
      <c r="B6901" s="2">
        <v>12505.0</v>
      </c>
      <c r="C6901" s="1" t="s">
        <v>5</v>
      </c>
      <c r="D6901" s="1" t="s">
        <v>5614</v>
      </c>
      <c r="E6901" s="1" t="s">
        <v>5615</v>
      </c>
    </row>
    <row r="6902">
      <c r="A6902" s="1">
        <v>4.90418075E8</v>
      </c>
      <c r="B6902" s="2">
        <v>12471.0</v>
      </c>
      <c r="C6902" s="1" t="s">
        <v>5</v>
      </c>
      <c r="D6902" s="1" t="s">
        <v>5616</v>
      </c>
      <c r="E6902" s="1" t="s">
        <v>7</v>
      </c>
    </row>
    <row r="6903">
      <c r="A6903" s="1">
        <v>4.90418096E8</v>
      </c>
      <c r="B6903" s="2">
        <v>11965.0</v>
      </c>
      <c r="C6903" s="1" t="s">
        <v>5</v>
      </c>
      <c r="D6903" s="1" t="s">
        <v>5617</v>
      </c>
      <c r="E6903" s="1" t="s">
        <v>7</v>
      </c>
    </row>
    <row r="6904">
      <c r="A6904" s="1">
        <v>4.90418111E8</v>
      </c>
      <c r="B6904" s="2">
        <v>12433.0</v>
      </c>
      <c r="C6904" s="1" t="s">
        <v>5</v>
      </c>
      <c r="D6904" s="1" t="s">
        <v>5618</v>
      </c>
      <c r="E6904" s="1" t="s">
        <v>5619</v>
      </c>
    </row>
    <row r="6905">
      <c r="A6905" s="1">
        <v>4.90418117E8</v>
      </c>
      <c r="B6905" s="2">
        <v>11971.0</v>
      </c>
      <c r="C6905" s="1" t="s">
        <v>5</v>
      </c>
      <c r="D6905" s="1" t="s">
        <v>5620</v>
      </c>
      <c r="E6905" s="1" t="s">
        <v>5621</v>
      </c>
    </row>
    <row r="6906">
      <c r="A6906" s="1">
        <v>4.90418124E8</v>
      </c>
      <c r="B6906" s="2">
        <v>11964.0</v>
      </c>
      <c r="C6906" s="1" t="s">
        <v>5</v>
      </c>
      <c r="D6906" s="1" t="s">
        <v>5622</v>
      </c>
      <c r="E6906" s="1" t="s">
        <v>7</v>
      </c>
    </row>
    <row r="6907">
      <c r="A6907" s="1">
        <v>4.90418142E8</v>
      </c>
      <c r="B6907" s="2">
        <v>11965.0</v>
      </c>
      <c r="C6907" s="1" t="s">
        <v>5</v>
      </c>
      <c r="D6907" s="1" t="s">
        <v>5623</v>
      </c>
      <c r="E6907" s="1" t="s">
        <v>11</v>
      </c>
    </row>
    <row r="6908">
      <c r="A6908" s="1">
        <v>4.90418165E8</v>
      </c>
      <c r="B6908" s="2">
        <v>11969.0</v>
      </c>
      <c r="C6908" s="1" t="s">
        <v>5</v>
      </c>
      <c r="D6908" s="1" t="s">
        <v>5624</v>
      </c>
      <c r="E6908" s="1" t="s">
        <v>7</v>
      </c>
    </row>
    <row r="6909">
      <c r="A6909" s="1">
        <v>4.90418175E8</v>
      </c>
      <c r="B6909" s="2">
        <v>12536.0</v>
      </c>
      <c r="C6909" s="1" t="s">
        <v>5</v>
      </c>
      <c r="D6909" s="1" t="s">
        <v>5625</v>
      </c>
      <c r="E6909" s="1" t="s">
        <v>7</v>
      </c>
    </row>
    <row r="6910">
      <c r="A6910" s="1">
        <v>4.90418176E8</v>
      </c>
      <c r="B6910" s="2">
        <v>12433.0</v>
      </c>
      <c r="C6910" s="1" t="s">
        <v>5</v>
      </c>
      <c r="D6910" s="1" t="s">
        <v>5626</v>
      </c>
      <c r="E6910" s="1" t="s">
        <v>7</v>
      </c>
    </row>
    <row r="6911">
      <c r="A6911" s="1">
        <v>4.90418182E8</v>
      </c>
      <c r="B6911" s="2">
        <v>12502.0</v>
      </c>
      <c r="C6911" s="1" t="s">
        <v>5</v>
      </c>
      <c r="D6911" s="1" t="s">
        <v>5627</v>
      </c>
      <c r="E6911" s="1" t="s">
        <v>7</v>
      </c>
    </row>
    <row r="6912">
      <c r="A6912" s="1">
        <v>4.90418184E8</v>
      </c>
      <c r="B6912" s="2">
        <v>11964.0</v>
      </c>
      <c r="C6912" s="1" t="s">
        <v>5</v>
      </c>
      <c r="D6912" s="1" t="s">
        <v>5628</v>
      </c>
      <c r="E6912" s="1" t="s">
        <v>7</v>
      </c>
    </row>
    <row r="6913">
      <c r="A6913" s="1">
        <v>4.9041819E8</v>
      </c>
      <c r="B6913" s="2">
        <v>12489.0</v>
      </c>
      <c r="C6913" s="1" t="s">
        <v>5</v>
      </c>
      <c r="D6913" s="1" t="s">
        <v>5629</v>
      </c>
      <c r="E6913" s="1" t="s">
        <v>7</v>
      </c>
    </row>
    <row r="6914">
      <c r="A6914" s="1">
        <v>4.90418192E8</v>
      </c>
      <c r="B6914" s="2">
        <v>12473.0</v>
      </c>
      <c r="C6914" s="1" t="s">
        <v>5</v>
      </c>
      <c r="D6914" s="1" t="s">
        <v>5630</v>
      </c>
      <c r="E6914" s="1" t="s">
        <v>11</v>
      </c>
    </row>
    <row r="6915">
      <c r="A6915" s="1">
        <v>4.90418193E8</v>
      </c>
      <c r="B6915" s="2">
        <v>11967.0</v>
      </c>
      <c r="C6915" s="1" t="s">
        <v>5</v>
      </c>
      <c r="D6915" s="1" t="s">
        <v>5631</v>
      </c>
      <c r="E6915" s="1" t="s">
        <v>7</v>
      </c>
    </row>
    <row r="6916">
      <c r="A6916" s="1">
        <v>4.904182E8</v>
      </c>
      <c r="B6916" s="2">
        <v>12433.0</v>
      </c>
      <c r="C6916" s="1" t="s">
        <v>5</v>
      </c>
      <c r="D6916" s="1" t="s">
        <v>5632</v>
      </c>
      <c r="E6916" s="1" t="s">
        <v>7</v>
      </c>
    </row>
    <row r="6917">
      <c r="A6917" s="1">
        <v>4.90418205E8</v>
      </c>
      <c r="B6917" s="2">
        <v>11969.0</v>
      </c>
      <c r="C6917" s="1" t="s">
        <v>5</v>
      </c>
      <c r="D6917" s="1" t="s">
        <v>5633</v>
      </c>
      <c r="E6917" s="1" t="s">
        <v>7</v>
      </c>
    </row>
    <row r="6918">
      <c r="A6918" s="1">
        <v>4.90418224E8</v>
      </c>
      <c r="B6918" s="2">
        <v>12530.0</v>
      </c>
      <c r="C6918" s="1" t="s">
        <v>5</v>
      </c>
      <c r="D6918" s="1" t="s">
        <v>5634</v>
      </c>
      <c r="E6918" s="1" t="s">
        <v>11</v>
      </c>
    </row>
    <row r="6919">
      <c r="A6919" s="1">
        <v>4.90418242E8</v>
      </c>
      <c r="B6919" s="2">
        <v>12503.0</v>
      </c>
      <c r="C6919" s="1" t="s">
        <v>5</v>
      </c>
      <c r="D6919" s="1" t="s">
        <v>5635</v>
      </c>
      <c r="E6919" s="1" t="s">
        <v>7</v>
      </c>
    </row>
    <row r="6920">
      <c r="A6920" s="1">
        <v>4.90418268E8</v>
      </c>
      <c r="B6920" s="2">
        <v>12503.0</v>
      </c>
      <c r="C6920" s="1" t="s">
        <v>5</v>
      </c>
      <c r="D6920" s="1" t="s">
        <v>5636</v>
      </c>
      <c r="E6920" s="1" t="s">
        <v>7</v>
      </c>
    </row>
    <row r="6921">
      <c r="A6921" s="1">
        <v>4.90418273E8</v>
      </c>
      <c r="B6921" s="2">
        <v>12530.0</v>
      </c>
      <c r="C6921" s="1" t="s">
        <v>5</v>
      </c>
      <c r="D6921" s="1" t="s">
        <v>5637</v>
      </c>
      <c r="E6921" s="1" t="s">
        <v>11</v>
      </c>
    </row>
    <row r="6922">
      <c r="A6922" s="1">
        <v>4.90418313E8</v>
      </c>
      <c r="B6922" s="2">
        <v>11969.0</v>
      </c>
      <c r="C6922" s="1" t="s">
        <v>5</v>
      </c>
      <c r="D6922" s="1" t="s">
        <v>5638</v>
      </c>
      <c r="E6922" s="1" t="s">
        <v>7</v>
      </c>
    </row>
    <row r="6923">
      <c r="A6923" s="1">
        <v>4.90418314E8</v>
      </c>
      <c r="B6923" s="2">
        <v>12431.0</v>
      </c>
      <c r="C6923" s="1" t="s">
        <v>5</v>
      </c>
      <c r="D6923" s="1" t="s">
        <v>5639</v>
      </c>
      <c r="E6923" s="1" t="s">
        <v>7</v>
      </c>
    </row>
    <row r="6924">
      <c r="A6924" s="1">
        <v>4.90418325E8</v>
      </c>
      <c r="B6924" s="2">
        <v>12425.0</v>
      </c>
      <c r="C6924" s="1" t="s">
        <v>5</v>
      </c>
      <c r="D6924" s="1" t="s">
        <v>5640</v>
      </c>
      <c r="E6924" s="1" t="s">
        <v>7</v>
      </c>
    </row>
    <row r="6925">
      <c r="A6925" s="1">
        <v>4.90418329E8</v>
      </c>
      <c r="B6925" s="2">
        <v>12515.0</v>
      </c>
      <c r="C6925" s="1" t="s">
        <v>5</v>
      </c>
      <c r="D6925" s="1" t="s">
        <v>5641</v>
      </c>
      <c r="E6925" s="1" t="s">
        <v>11</v>
      </c>
    </row>
    <row r="6926">
      <c r="A6926" s="1">
        <v>4.90418345E8</v>
      </c>
      <c r="B6926" s="2">
        <v>12431.0</v>
      </c>
      <c r="C6926" s="1" t="s">
        <v>5</v>
      </c>
      <c r="D6926" s="1" t="s">
        <v>5642</v>
      </c>
      <c r="E6926" s="1" t="s">
        <v>5643</v>
      </c>
    </row>
    <row r="6927">
      <c r="A6927" s="1">
        <v>4.90418376E8</v>
      </c>
      <c r="B6927" s="2">
        <v>12432.0</v>
      </c>
      <c r="C6927" s="1" t="s">
        <v>5</v>
      </c>
      <c r="D6927" s="1" t="s">
        <v>5644</v>
      </c>
      <c r="E6927" s="1" t="s">
        <v>5645</v>
      </c>
    </row>
    <row r="6928">
      <c r="A6928" s="1">
        <v>4.90418392E8</v>
      </c>
      <c r="B6928" s="2">
        <v>11968.0</v>
      </c>
      <c r="C6928" s="1" t="s">
        <v>5</v>
      </c>
      <c r="D6928" s="1" t="s">
        <v>5646</v>
      </c>
      <c r="E6928" s="1" t="s">
        <v>7</v>
      </c>
    </row>
    <row r="6929">
      <c r="A6929" s="1">
        <v>4.90418393E8</v>
      </c>
      <c r="B6929" s="2">
        <v>12484.0</v>
      </c>
      <c r="C6929" s="1" t="s">
        <v>5</v>
      </c>
      <c r="D6929" s="1" t="s">
        <v>5647</v>
      </c>
      <c r="E6929" s="1" t="s">
        <v>5648</v>
      </c>
    </row>
    <row r="6930">
      <c r="A6930" s="1">
        <v>4.90418395E8</v>
      </c>
      <c r="B6930" s="2">
        <v>12433.0</v>
      </c>
      <c r="C6930" s="1" t="s">
        <v>5</v>
      </c>
      <c r="D6930" s="1" t="s">
        <v>5649</v>
      </c>
      <c r="E6930" s="1" t="s">
        <v>7</v>
      </c>
    </row>
    <row r="6931">
      <c r="A6931" s="1">
        <v>4.90418408E8</v>
      </c>
      <c r="B6931" s="2">
        <v>12431.0</v>
      </c>
      <c r="C6931" s="1" t="s">
        <v>5</v>
      </c>
      <c r="D6931" s="1" t="s">
        <v>7</v>
      </c>
      <c r="E6931" s="1" t="s">
        <v>7</v>
      </c>
    </row>
    <row r="6932">
      <c r="A6932" s="1">
        <v>4.90418417E8</v>
      </c>
      <c r="B6932" s="2">
        <v>12530.0</v>
      </c>
      <c r="C6932" s="1" t="s">
        <v>5</v>
      </c>
      <c r="D6932" s="1" t="s">
        <v>5650</v>
      </c>
      <c r="E6932" s="1" t="s">
        <v>7</v>
      </c>
    </row>
    <row r="6933">
      <c r="A6933" s="1">
        <v>4.90418428E8</v>
      </c>
      <c r="B6933" s="2">
        <v>12501.0</v>
      </c>
      <c r="C6933" s="1" t="s">
        <v>5</v>
      </c>
      <c r="D6933" s="1" t="s">
        <v>5651</v>
      </c>
      <c r="E6933" s="1" t="s">
        <v>11</v>
      </c>
    </row>
    <row r="6934">
      <c r="A6934" s="1">
        <v>4.90418441E8</v>
      </c>
      <c r="B6934" s="2">
        <v>11964.0</v>
      </c>
      <c r="C6934" s="1" t="s">
        <v>5</v>
      </c>
      <c r="D6934" s="1" t="s">
        <v>5652</v>
      </c>
      <c r="E6934" s="1" t="s">
        <v>7</v>
      </c>
    </row>
    <row r="6935">
      <c r="A6935" s="1">
        <v>4.90418444E8</v>
      </c>
      <c r="B6935" s="2">
        <v>12493.0</v>
      </c>
      <c r="C6935" s="1" t="s">
        <v>5</v>
      </c>
      <c r="D6935" s="1" t="s">
        <v>5653</v>
      </c>
      <c r="E6935" s="1" t="s">
        <v>7</v>
      </c>
    </row>
    <row r="6936">
      <c r="A6936" s="1">
        <v>4.90418448E8</v>
      </c>
      <c r="B6936" s="2">
        <v>12476.0</v>
      </c>
      <c r="C6936" s="1" t="s">
        <v>5</v>
      </c>
      <c r="D6936" s="1" t="s">
        <v>5654</v>
      </c>
      <c r="E6936" s="1" t="s">
        <v>7</v>
      </c>
    </row>
    <row r="6937">
      <c r="A6937" s="1">
        <v>4.90418449E8</v>
      </c>
      <c r="B6937" s="2">
        <v>11966.0</v>
      </c>
      <c r="C6937" s="1" t="s">
        <v>5</v>
      </c>
      <c r="D6937" s="1" t="s">
        <v>11</v>
      </c>
      <c r="E6937" s="1" t="s">
        <v>7</v>
      </c>
    </row>
    <row r="6938">
      <c r="A6938" s="1">
        <v>4.90418461E8</v>
      </c>
      <c r="B6938" s="2">
        <v>12470.0</v>
      </c>
      <c r="C6938" s="1" t="s">
        <v>5</v>
      </c>
      <c r="D6938" s="1" t="s">
        <v>11</v>
      </c>
      <c r="E6938" s="1" t="s">
        <v>7</v>
      </c>
    </row>
    <row r="6939">
      <c r="A6939" s="1">
        <v>4.90418468E8</v>
      </c>
      <c r="B6939" s="2">
        <v>12502.0</v>
      </c>
      <c r="C6939" s="1" t="s">
        <v>5</v>
      </c>
      <c r="D6939" s="1" t="s">
        <v>5655</v>
      </c>
      <c r="E6939" s="1" t="s">
        <v>11</v>
      </c>
    </row>
    <row r="6940">
      <c r="A6940" s="1">
        <v>4.90418473E8</v>
      </c>
      <c r="B6940" s="2">
        <v>11964.0</v>
      </c>
      <c r="C6940" s="1" t="s">
        <v>5</v>
      </c>
      <c r="D6940" s="1" t="s">
        <v>5656</v>
      </c>
      <c r="E6940" s="1" t="s">
        <v>7</v>
      </c>
    </row>
    <row r="6941">
      <c r="A6941" s="1">
        <v>4.90418486E8</v>
      </c>
      <c r="B6941" s="2">
        <v>12515.0</v>
      </c>
      <c r="C6941" s="1" t="s">
        <v>5</v>
      </c>
      <c r="D6941" s="1" t="s">
        <v>5657</v>
      </c>
      <c r="E6941" s="1" t="s">
        <v>11</v>
      </c>
    </row>
    <row r="6942">
      <c r="A6942" s="1">
        <v>4.90418504E8</v>
      </c>
      <c r="B6942" s="2">
        <v>12432.0</v>
      </c>
      <c r="C6942" s="1" t="s">
        <v>5</v>
      </c>
      <c r="D6942" s="1" t="s">
        <v>5658</v>
      </c>
      <c r="E6942" s="1" t="s">
        <v>5659</v>
      </c>
    </row>
    <row r="6943">
      <c r="A6943" s="1">
        <v>4.90418514E8</v>
      </c>
      <c r="B6943" s="2">
        <v>11964.0</v>
      </c>
      <c r="C6943" s="1" t="s">
        <v>5</v>
      </c>
      <c r="D6943" s="1" t="s">
        <v>11</v>
      </c>
      <c r="E6943" s="1" t="s">
        <v>7</v>
      </c>
    </row>
    <row r="6944">
      <c r="A6944" s="1">
        <v>4.90418546E8</v>
      </c>
      <c r="B6944" s="2">
        <v>11966.0</v>
      </c>
      <c r="C6944" s="1" t="s">
        <v>5</v>
      </c>
      <c r="D6944" s="1" t="s">
        <v>11</v>
      </c>
      <c r="E6944" s="1" t="s">
        <v>7</v>
      </c>
    </row>
    <row r="6945">
      <c r="A6945" s="1">
        <v>4.90418548E8</v>
      </c>
      <c r="B6945" s="2">
        <v>12470.0</v>
      </c>
      <c r="C6945" s="1" t="s">
        <v>5</v>
      </c>
      <c r="D6945" s="1" t="s">
        <v>5660</v>
      </c>
      <c r="E6945" s="1" t="s">
        <v>7</v>
      </c>
    </row>
    <row r="6946">
      <c r="A6946" s="1">
        <v>4.90418559E8</v>
      </c>
      <c r="B6946" s="2">
        <v>12489.0</v>
      </c>
      <c r="C6946" s="1" t="s">
        <v>5</v>
      </c>
      <c r="D6946" s="1" t="s">
        <v>5661</v>
      </c>
      <c r="E6946" s="1" t="s">
        <v>7</v>
      </c>
    </row>
    <row r="6947">
      <c r="A6947" s="1">
        <v>4.90418576E8</v>
      </c>
      <c r="B6947" s="2">
        <v>11966.0</v>
      </c>
      <c r="C6947" s="1" t="s">
        <v>5</v>
      </c>
      <c r="D6947" s="1" t="s">
        <v>5662</v>
      </c>
      <c r="E6947" s="1" t="s">
        <v>7</v>
      </c>
    </row>
    <row r="6948">
      <c r="A6948" s="1">
        <v>4.90418582E8</v>
      </c>
      <c r="B6948" s="2">
        <v>12477.0</v>
      </c>
      <c r="C6948" s="1" t="s">
        <v>5</v>
      </c>
      <c r="D6948" s="1" t="s">
        <v>5663</v>
      </c>
      <c r="E6948" s="1" t="s">
        <v>7</v>
      </c>
    </row>
    <row r="6949">
      <c r="A6949" s="1">
        <v>4.90418583E8</v>
      </c>
      <c r="B6949" s="2">
        <v>11974.0</v>
      </c>
      <c r="C6949" s="1" t="s">
        <v>5</v>
      </c>
      <c r="D6949" s="1" t="s">
        <v>11</v>
      </c>
      <c r="E6949" s="1" t="s">
        <v>7</v>
      </c>
    </row>
    <row r="6950">
      <c r="A6950" s="1">
        <v>4.9041859E8</v>
      </c>
      <c r="B6950" s="2">
        <v>12447.0</v>
      </c>
      <c r="C6950" s="1" t="s">
        <v>5</v>
      </c>
      <c r="D6950" s="1" t="s">
        <v>5664</v>
      </c>
      <c r="E6950" s="1" t="s">
        <v>7</v>
      </c>
    </row>
    <row r="6951">
      <c r="A6951" s="1">
        <v>4.90418593E8</v>
      </c>
      <c r="B6951" s="2">
        <v>11968.0</v>
      </c>
      <c r="C6951" s="1" t="s">
        <v>5</v>
      </c>
      <c r="D6951" s="1" t="s">
        <v>5665</v>
      </c>
      <c r="E6951" s="1" t="s">
        <v>7</v>
      </c>
    </row>
    <row r="6952">
      <c r="A6952" s="1">
        <v>4.90418599E8</v>
      </c>
      <c r="B6952" s="2">
        <v>12489.0</v>
      </c>
      <c r="C6952" s="1" t="s">
        <v>5</v>
      </c>
      <c r="D6952" s="1" t="s">
        <v>5666</v>
      </c>
      <c r="E6952" s="1" t="s">
        <v>7</v>
      </c>
    </row>
    <row r="6953">
      <c r="A6953" s="1">
        <v>4.90418602E8</v>
      </c>
      <c r="B6953" s="2">
        <v>12423.0</v>
      </c>
      <c r="C6953" s="1" t="s">
        <v>5</v>
      </c>
      <c r="D6953" s="1" t="s">
        <v>5667</v>
      </c>
      <c r="E6953" s="1" t="s">
        <v>7</v>
      </c>
    </row>
    <row r="6954">
      <c r="A6954" s="1">
        <v>4.90418622E8</v>
      </c>
      <c r="B6954" s="2">
        <v>11971.0</v>
      </c>
      <c r="C6954" s="1" t="s">
        <v>5</v>
      </c>
      <c r="D6954" s="1" t="s">
        <v>5668</v>
      </c>
      <c r="E6954" s="1" t="s">
        <v>7</v>
      </c>
    </row>
    <row r="6955">
      <c r="A6955" s="1">
        <v>4.90418623E8</v>
      </c>
      <c r="B6955" s="2">
        <v>12482.0</v>
      </c>
      <c r="C6955" s="1" t="s">
        <v>5</v>
      </c>
      <c r="D6955" s="1" t="s">
        <v>11</v>
      </c>
      <c r="E6955" s="1" t="s">
        <v>7</v>
      </c>
    </row>
    <row r="6956">
      <c r="A6956" s="1">
        <v>4.90418633E8</v>
      </c>
      <c r="B6956" s="2">
        <v>12518.0</v>
      </c>
      <c r="C6956" s="1" t="s">
        <v>5</v>
      </c>
      <c r="D6956" s="1" t="s">
        <v>11</v>
      </c>
      <c r="E6956" s="1" t="s">
        <v>7</v>
      </c>
    </row>
    <row r="6957">
      <c r="A6957" s="1">
        <v>4.90418642E8</v>
      </c>
      <c r="B6957" s="2">
        <v>11964.0</v>
      </c>
      <c r="C6957" s="1" t="s">
        <v>5</v>
      </c>
      <c r="D6957" s="1" t="s">
        <v>11</v>
      </c>
      <c r="E6957" s="1" t="s">
        <v>7</v>
      </c>
    </row>
    <row r="6958">
      <c r="A6958" s="1">
        <v>4.90418643E8</v>
      </c>
      <c r="B6958" s="2">
        <v>11966.0</v>
      </c>
      <c r="C6958" s="1" t="s">
        <v>5</v>
      </c>
      <c r="D6958" s="1" t="s">
        <v>5669</v>
      </c>
      <c r="E6958" s="1" t="s">
        <v>7</v>
      </c>
    </row>
    <row r="6959">
      <c r="A6959" s="1">
        <v>4.90418674E8</v>
      </c>
      <c r="B6959" s="2">
        <v>12015.0</v>
      </c>
      <c r="C6959" s="1" t="s">
        <v>5</v>
      </c>
      <c r="D6959" s="1" t="s">
        <v>5670</v>
      </c>
      <c r="E6959" s="1" t="s">
        <v>7</v>
      </c>
    </row>
    <row r="6960">
      <c r="A6960" s="1">
        <v>4.90418678E8</v>
      </c>
      <c r="B6960" s="2">
        <v>12515.0</v>
      </c>
      <c r="C6960" s="1" t="s">
        <v>5</v>
      </c>
      <c r="D6960" s="1" t="s">
        <v>5671</v>
      </c>
      <c r="E6960" s="1" t="s">
        <v>7</v>
      </c>
    </row>
    <row r="6961">
      <c r="A6961" s="1">
        <v>4.9041868E8</v>
      </c>
      <c r="B6961" s="2">
        <v>12474.0</v>
      </c>
      <c r="C6961" s="1" t="s">
        <v>5</v>
      </c>
      <c r="D6961" s="1" t="s">
        <v>5672</v>
      </c>
      <c r="E6961" s="1" t="s">
        <v>5673</v>
      </c>
    </row>
    <row r="6962">
      <c r="A6962" s="1">
        <v>4.904187E8</v>
      </c>
      <c r="B6962" s="2">
        <v>12430.0</v>
      </c>
      <c r="C6962" s="1" t="s">
        <v>5</v>
      </c>
      <c r="D6962" s="1" t="s">
        <v>5674</v>
      </c>
      <c r="E6962" s="1" t="s">
        <v>7</v>
      </c>
    </row>
    <row r="6963">
      <c r="A6963" s="1">
        <v>4.90418713E8</v>
      </c>
      <c r="B6963" s="2">
        <v>11968.0</v>
      </c>
      <c r="C6963" s="1" t="s">
        <v>5</v>
      </c>
      <c r="D6963" s="1" t="s">
        <v>5675</v>
      </c>
      <c r="E6963" s="1" t="s">
        <v>7</v>
      </c>
    </row>
    <row r="6964">
      <c r="A6964" s="1">
        <v>4.90418726E8</v>
      </c>
      <c r="B6964" s="2">
        <v>12489.0</v>
      </c>
      <c r="C6964" s="1" t="s">
        <v>5</v>
      </c>
      <c r="D6964" s="1" t="s">
        <v>5676</v>
      </c>
      <c r="E6964" s="1" t="s">
        <v>7</v>
      </c>
    </row>
    <row r="6965">
      <c r="A6965" s="1">
        <v>4.90418728E8</v>
      </c>
      <c r="B6965" s="2">
        <v>12501.0</v>
      </c>
      <c r="C6965" s="1" t="s">
        <v>5</v>
      </c>
      <c r="D6965" s="1" t="s">
        <v>5677</v>
      </c>
      <c r="E6965" s="1" t="s">
        <v>7</v>
      </c>
    </row>
    <row r="6966">
      <c r="A6966" s="1">
        <v>4.90418736E8</v>
      </c>
      <c r="B6966" s="2">
        <v>11968.0</v>
      </c>
      <c r="C6966" s="1" t="s">
        <v>5</v>
      </c>
      <c r="D6966" s="1" t="s">
        <v>11</v>
      </c>
      <c r="E6966" s="1" t="s">
        <v>7</v>
      </c>
    </row>
    <row r="6967">
      <c r="A6967" s="1">
        <v>4.90418749E8</v>
      </c>
      <c r="B6967" s="2">
        <v>12530.0</v>
      </c>
      <c r="C6967" s="1" t="s">
        <v>5</v>
      </c>
      <c r="D6967" s="1" t="s">
        <v>5678</v>
      </c>
      <c r="E6967" s="1" t="s">
        <v>7</v>
      </c>
    </row>
    <row r="6968">
      <c r="A6968" s="1">
        <v>4.90418754E8</v>
      </c>
      <c r="B6968" s="2">
        <v>12470.0</v>
      </c>
      <c r="C6968" s="1" t="s">
        <v>5</v>
      </c>
      <c r="D6968" s="1" t="s">
        <v>5679</v>
      </c>
      <c r="E6968" s="1" t="s">
        <v>11</v>
      </c>
    </row>
    <row r="6969">
      <c r="A6969" s="1">
        <v>4.90418764E8</v>
      </c>
      <c r="B6969" s="2">
        <v>11973.0</v>
      </c>
      <c r="C6969" s="1" t="s">
        <v>5</v>
      </c>
      <c r="D6969" s="1" t="s">
        <v>5680</v>
      </c>
      <c r="E6969" s="1" t="s">
        <v>7</v>
      </c>
    </row>
    <row r="6970">
      <c r="A6970" s="1">
        <v>4.90418783E8</v>
      </c>
      <c r="B6970" s="2">
        <v>11966.0</v>
      </c>
      <c r="C6970" s="1" t="s">
        <v>5</v>
      </c>
      <c r="D6970" s="1" t="s">
        <v>5681</v>
      </c>
      <c r="E6970" s="1" t="s">
        <v>7</v>
      </c>
    </row>
    <row r="6971">
      <c r="A6971" s="1">
        <v>4.9041879E8</v>
      </c>
      <c r="B6971" s="2">
        <v>12433.0</v>
      </c>
      <c r="C6971" s="1" t="s">
        <v>5</v>
      </c>
      <c r="D6971" s="1" t="s">
        <v>5682</v>
      </c>
      <c r="E6971" s="1" t="s">
        <v>11</v>
      </c>
    </row>
    <row r="6972">
      <c r="A6972" s="1">
        <v>4.90418864E8</v>
      </c>
      <c r="B6972" s="2">
        <v>12431.0</v>
      </c>
      <c r="C6972" s="1" t="s">
        <v>5</v>
      </c>
      <c r="D6972" s="1" t="s">
        <v>5683</v>
      </c>
      <c r="E6972" s="1" t="s">
        <v>11</v>
      </c>
    </row>
    <row r="6973">
      <c r="A6973" s="1">
        <v>4.9041887E8</v>
      </c>
      <c r="B6973" s="2">
        <v>12535.0</v>
      </c>
      <c r="C6973" s="1" t="s">
        <v>5</v>
      </c>
      <c r="D6973" s="1" t="s">
        <v>5684</v>
      </c>
      <c r="E6973" s="1" t="s">
        <v>11</v>
      </c>
    </row>
    <row r="6974">
      <c r="A6974" s="1">
        <v>4.90418873E8</v>
      </c>
      <c r="B6974" s="2">
        <v>11968.0</v>
      </c>
      <c r="C6974" s="1" t="s">
        <v>5</v>
      </c>
      <c r="D6974" s="1" t="s">
        <v>5685</v>
      </c>
      <c r="E6974" s="1" t="s">
        <v>7</v>
      </c>
    </row>
    <row r="6975">
      <c r="A6975" s="1">
        <v>4.90418874E8</v>
      </c>
      <c r="B6975" s="2">
        <v>12020.0</v>
      </c>
      <c r="C6975" s="1" t="s">
        <v>5</v>
      </c>
      <c r="D6975" s="1" t="s">
        <v>5686</v>
      </c>
      <c r="E6975" s="1" t="s">
        <v>5687</v>
      </c>
    </row>
    <row r="6976">
      <c r="A6976" s="1">
        <v>4.90418897E8</v>
      </c>
      <c r="B6976" s="2">
        <v>12475.0</v>
      </c>
      <c r="C6976" s="1" t="s">
        <v>5</v>
      </c>
      <c r="D6976" s="1" t="s">
        <v>5688</v>
      </c>
      <c r="E6976" s="1" t="s">
        <v>7</v>
      </c>
    </row>
    <row r="6977">
      <c r="A6977" s="1">
        <v>4.90418913E8</v>
      </c>
      <c r="B6977" s="2">
        <v>12498.0</v>
      </c>
      <c r="C6977" s="1" t="s">
        <v>5</v>
      </c>
      <c r="D6977" s="1" t="s">
        <v>5689</v>
      </c>
      <c r="E6977" s="1" t="s">
        <v>5690</v>
      </c>
    </row>
    <row r="6978">
      <c r="A6978" s="1">
        <v>4.90418917E8</v>
      </c>
      <c r="B6978" s="2">
        <v>12535.0</v>
      </c>
      <c r="C6978" s="1" t="s">
        <v>5</v>
      </c>
      <c r="D6978" s="1" t="s">
        <v>5691</v>
      </c>
      <c r="E6978" s="1" t="s">
        <v>7</v>
      </c>
    </row>
    <row r="6979">
      <c r="A6979" s="1">
        <v>4.90418948E8</v>
      </c>
      <c r="B6979" s="2">
        <v>11964.0</v>
      </c>
      <c r="C6979" s="1" t="s">
        <v>5</v>
      </c>
      <c r="D6979" s="1" t="s">
        <v>11</v>
      </c>
      <c r="E6979" s="1" t="s">
        <v>7</v>
      </c>
    </row>
    <row r="6980">
      <c r="A6980" s="1">
        <v>4.90418956E8</v>
      </c>
      <c r="B6980" s="2">
        <v>12427.0</v>
      </c>
      <c r="C6980" s="1" t="s">
        <v>5</v>
      </c>
      <c r="D6980" s="1" t="s">
        <v>5692</v>
      </c>
      <c r="E6980" s="1" t="s">
        <v>7</v>
      </c>
    </row>
    <row r="6981">
      <c r="A6981" s="1">
        <v>4.90418976E8</v>
      </c>
      <c r="B6981" s="2">
        <v>12515.0</v>
      </c>
      <c r="C6981" s="1" t="s">
        <v>5</v>
      </c>
      <c r="D6981" s="1" t="s">
        <v>5693</v>
      </c>
      <c r="E6981" s="1" t="s">
        <v>7</v>
      </c>
    </row>
    <row r="6982">
      <c r="A6982" s="1">
        <v>4.90418994E8</v>
      </c>
      <c r="B6982" s="2">
        <v>12515.0</v>
      </c>
      <c r="C6982" s="1" t="s">
        <v>5</v>
      </c>
      <c r="D6982" s="1" t="s">
        <v>11</v>
      </c>
      <c r="E6982" s="1" t="s">
        <v>7</v>
      </c>
    </row>
    <row r="6983">
      <c r="A6983" s="1">
        <v>4.90419E8</v>
      </c>
      <c r="B6983" s="2">
        <v>11964.0</v>
      </c>
      <c r="C6983" s="1" t="s">
        <v>5</v>
      </c>
      <c r="D6983" s="1" t="s">
        <v>5694</v>
      </c>
      <c r="E6983" s="1" t="s">
        <v>7</v>
      </c>
    </row>
    <row r="6984">
      <c r="A6984" s="1">
        <v>4.90419043E8</v>
      </c>
      <c r="B6984" s="2">
        <v>12469.0</v>
      </c>
      <c r="C6984" s="1" t="s">
        <v>5</v>
      </c>
      <c r="D6984" s="1" t="s">
        <v>5695</v>
      </c>
      <c r="E6984" s="1" t="s">
        <v>5696</v>
      </c>
    </row>
    <row r="6985">
      <c r="A6985" s="1">
        <v>4.90419049E8</v>
      </c>
      <c r="B6985" s="2">
        <v>11967.0</v>
      </c>
      <c r="C6985" s="1" t="s">
        <v>5</v>
      </c>
      <c r="D6985" s="1" t="s">
        <v>5697</v>
      </c>
      <c r="E6985" s="1" t="s">
        <v>11</v>
      </c>
    </row>
    <row r="6986">
      <c r="A6986" s="1">
        <v>4.90419085E8</v>
      </c>
      <c r="B6986" s="2">
        <v>12489.0</v>
      </c>
      <c r="C6986" s="1" t="s">
        <v>5</v>
      </c>
      <c r="D6986" s="1" t="s">
        <v>5698</v>
      </c>
      <c r="E6986" s="1" t="s">
        <v>7</v>
      </c>
    </row>
    <row r="6987">
      <c r="A6987" s="1">
        <v>4.90419096E8</v>
      </c>
      <c r="B6987" s="2">
        <v>11968.0</v>
      </c>
      <c r="C6987" s="1" t="s">
        <v>5</v>
      </c>
      <c r="D6987" s="1" t="s">
        <v>5699</v>
      </c>
      <c r="E6987" s="1" t="s">
        <v>11</v>
      </c>
    </row>
    <row r="6988">
      <c r="A6988" s="1">
        <v>4.90419099E8</v>
      </c>
      <c r="B6988" s="2">
        <v>11972.0</v>
      </c>
      <c r="C6988" s="1" t="s">
        <v>5</v>
      </c>
      <c r="D6988" s="1" t="s">
        <v>5700</v>
      </c>
      <c r="E6988" s="1" t="s">
        <v>11</v>
      </c>
    </row>
    <row r="6989">
      <c r="A6989" s="1">
        <v>4.90419122E8</v>
      </c>
      <c r="B6989" s="2">
        <v>12518.0</v>
      </c>
      <c r="C6989" s="1" t="s">
        <v>5</v>
      </c>
      <c r="D6989" s="1" t="s">
        <v>11</v>
      </c>
      <c r="E6989" s="1" t="s">
        <v>7</v>
      </c>
    </row>
    <row r="6990">
      <c r="A6990" s="1">
        <v>4.90419144E8</v>
      </c>
      <c r="B6990" s="2">
        <v>12518.0</v>
      </c>
      <c r="C6990" s="1" t="s">
        <v>5</v>
      </c>
      <c r="D6990" s="1" t="s">
        <v>5701</v>
      </c>
      <c r="E6990" s="1" t="s">
        <v>5702</v>
      </c>
    </row>
    <row r="6991">
      <c r="A6991" s="1">
        <v>4.90419152E8</v>
      </c>
      <c r="B6991" s="2">
        <v>12447.0</v>
      </c>
      <c r="C6991" s="1" t="s">
        <v>5</v>
      </c>
      <c r="D6991" s="1" t="s">
        <v>5703</v>
      </c>
      <c r="E6991" s="1" t="s">
        <v>7</v>
      </c>
    </row>
    <row r="6992">
      <c r="A6992" s="1">
        <v>4.90419158E8</v>
      </c>
      <c r="B6992" s="2">
        <v>12469.0</v>
      </c>
      <c r="C6992" s="1" t="s">
        <v>5</v>
      </c>
      <c r="D6992" s="1" t="s">
        <v>11</v>
      </c>
      <c r="E6992" s="1" t="s">
        <v>7</v>
      </c>
    </row>
    <row r="6993">
      <c r="A6993" s="1">
        <v>4.90419165E8</v>
      </c>
      <c r="B6993" s="2">
        <v>12420.0</v>
      </c>
      <c r="C6993" s="1" t="s">
        <v>5</v>
      </c>
      <c r="D6993" s="1" t="s">
        <v>5704</v>
      </c>
      <c r="E6993" s="1" t="s">
        <v>7</v>
      </c>
    </row>
    <row r="6994">
      <c r="A6994" s="1">
        <v>4.90419188E8</v>
      </c>
      <c r="B6994" s="2">
        <v>11964.0</v>
      </c>
      <c r="C6994" s="1" t="s">
        <v>5</v>
      </c>
      <c r="D6994" s="1" t="s">
        <v>5705</v>
      </c>
      <c r="E6994" s="1" t="s">
        <v>11</v>
      </c>
    </row>
    <row r="6995">
      <c r="A6995" s="1">
        <v>4.90419203E8</v>
      </c>
      <c r="B6995" s="2">
        <v>12467.0</v>
      </c>
      <c r="C6995" s="1" t="s">
        <v>5</v>
      </c>
      <c r="D6995" s="1" t="s">
        <v>5706</v>
      </c>
      <c r="E6995" s="1" t="s">
        <v>5707</v>
      </c>
    </row>
    <row r="6996">
      <c r="A6996" s="1">
        <v>4.90419234E8</v>
      </c>
      <c r="B6996" s="2">
        <v>12534.0</v>
      </c>
      <c r="C6996" s="1" t="s">
        <v>5</v>
      </c>
      <c r="D6996" s="1" t="s">
        <v>5708</v>
      </c>
      <c r="E6996" s="1" t="s">
        <v>5709</v>
      </c>
    </row>
    <row r="6997">
      <c r="A6997" s="1">
        <v>4.90419246E8</v>
      </c>
      <c r="B6997" s="2">
        <v>11966.0</v>
      </c>
      <c r="C6997" s="1" t="s">
        <v>5</v>
      </c>
      <c r="D6997" s="1" t="s">
        <v>5710</v>
      </c>
      <c r="E6997" s="1" t="s">
        <v>7</v>
      </c>
    </row>
    <row r="6998">
      <c r="A6998" s="1">
        <v>4.9041925E8</v>
      </c>
      <c r="B6998" s="2">
        <v>12518.0</v>
      </c>
      <c r="C6998" s="1" t="s">
        <v>5</v>
      </c>
      <c r="D6998" s="1" t="s">
        <v>5711</v>
      </c>
      <c r="E6998" s="1" t="s">
        <v>11</v>
      </c>
    </row>
    <row r="6999">
      <c r="A6999" s="1">
        <v>4.90419262E8</v>
      </c>
      <c r="B6999" s="2">
        <v>11972.0</v>
      </c>
      <c r="C6999" s="1" t="s">
        <v>5</v>
      </c>
      <c r="D6999" s="1" t="s">
        <v>5712</v>
      </c>
      <c r="E6999" s="1" t="s">
        <v>11</v>
      </c>
    </row>
    <row r="7000">
      <c r="A7000" s="1">
        <v>4.90419312E8</v>
      </c>
      <c r="B7000" s="2">
        <v>12539.0</v>
      </c>
      <c r="C7000" s="1" t="s">
        <v>5</v>
      </c>
      <c r="D7000" s="1" t="s">
        <v>5713</v>
      </c>
      <c r="E7000" s="1" t="s">
        <v>7</v>
      </c>
    </row>
    <row r="7001">
      <c r="A7001" s="1">
        <v>4.90419322E8</v>
      </c>
      <c r="B7001" s="2">
        <v>12534.0</v>
      </c>
      <c r="C7001" s="1" t="s">
        <v>5</v>
      </c>
      <c r="D7001" s="1" t="s">
        <v>5714</v>
      </c>
      <c r="E7001" s="1" t="s">
        <v>11</v>
      </c>
    </row>
    <row r="7002">
      <c r="A7002" s="1">
        <v>4.90419323E8</v>
      </c>
      <c r="B7002" s="2">
        <v>11966.0</v>
      </c>
      <c r="C7002" s="1" t="s">
        <v>5</v>
      </c>
      <c r="D7002" s="1" t="s">
        <v>11</v>
      </c>
      <c r="E7002" s="1" t="s">
        <v>7</v>
      </c>
    </row>
    <row r="7003">
      <c r="A7003" s="1">
        <v>4.90419329E8</v>
      </c>
      <c r="B7003" s="2">
        <v>12424.0</v>
      </c>
      <c r="C7003" s="1" t="s">
        <v>5</v>
      </c>
      <c r="D7003" s="1" t="s">
        <v>5715</v>
      </c>
      <c r="E7003" s="1" t="s">
        <v>7</v>
      </c>
    </row>
    <row r="7004">
      <c r="A7004" s="1">
        <v>4.90419341E8</v>
      </c>
      <c r="B7004" s="2">
        <v>12020.0</v>
      </c>
      <c r="C7004" s="1" t="s">
        <v>5</v>
      </c>
      <c r="D7004" s="1" t="s">
        <v>5716</v>
      </c>
      <c r="E7004" s="1" t="s">
        <v>7</v>
      </c>
    </row>
    <row r="7005">
      <c r="A7005" s="1">
        <v>4.90419346E8</v>
      </c>
      <c r="B7005" s="2">
        <v>12447.0</v>
      </c>
      <c r="C7005" s="1" t="s">
        <v>5</v>
      </c>
      <c r="D7005" s="1" t="s">
        <v>5717</v>
      </c>
      <c r="E7005" s="1" t="s">
        <v>7</v>
      </c>
    </row>
    <row r="7006">
      <c r="A7006" s="1">
        <v>4.90419362E8</v>
      </c>
      <c r="B7006" s="2">
        <v>12487.0</v>
      </c>
      <c r="C7006" s="1" t="s">
        <v>5</v>
      </c>
      <c r="D7006" s="1" t="s">
        <v>5718</v>
      </c>
      <c r="E7006" s="1" t="s">
        <v>7</v>
      </c>
    </row>
    <row r="7007">
      <c r="A7007" s="1">
        <v>4.9041939E8</v>
      </c>
      <c r="B7007" s="2">
        <v>12427.0</v>
      </c>
      <c r="C7007" s="1" t="s">
        <v>5</v>
      </c>
      <c r="D7007" s="1" t="s">
        <v>5719</v>
      </c>
      <c r="E7007" s="1" t="s">
        <v>11</v>
      </c>
    </row>
    <row r="7008">
      <c r="A7008" s="1">
        <v>4.9041943E8</v>
      </c>
      <c r="B7008" s="2">
        <v>12474.0</v>
      </c>
      <c r="C7008" s="1" t="s">
        <v>5</v>
      </c>
      <c r="D7008" s="1" t="s">
        <v>11</v>
      </c>
      <c r="E7008" s="1" t="s">
        <v>7</v>
      </c>
    </row>
    <row r="7009">
      <c r="A7009" s="1">
        <v>4.9041944E8</v>
      </c>
      <c r="B7009" s="2">
        <v>12020.0</v>
      </c>
      <c r="C7009" s="1" t="s">
        <v>5</v>
      </c>
      <c r="D7009" s="1" t="s">
        <v>11</v>
      </c>
      <c r="E7009" s="1" t="s">
        <v>7</v>
      </c>
    </row>
    <row r="7010">
      <c r="A7010" s="1">
        <v>4.90419461E8</v>
      </c>
      <c r="B7010" s="2">
        <v>12463.0</v>
      </c>
      <c r="C7010" s="1" t="s">
        <v>5</v>
      </c>
      <c r="D7010" s="1" t="s">
        <v>5720</v>
      </c>
      <c r="E7010" s="1" t="s">
        <v>11</v>
      </c>
    </row>
    <row r="7011">
      <c r="A7011" s="1">
        <v>4.90419462E8</v>
      </c>
      <c r="B7011" s="2">
        <v>11966.0</v>
      </c>
      <c r="C7011" s="1" t="s">
        <v>5</v>
      </c>
      <c r="D7011" s="1" t="s">
        <v>5721</v>
      </c>
      <c r="E7011" s="1" t="s">
        <v>7</v>
      </c>
    </row>
    <row r="7012">
      <c r="A7012" s="1">
        <v>4.90419469E8</v>
      </c>
      <c r="B7012" s="2">
        <v>12535.0</v>
      </c>
      <c r="C7012" s="1" t="s">
        <v>5</v>
      </c>
      <c r="D7012" s="1" t="s">
        <v>5722</v>
      </c>
      <c r="E7012" s="1" t="s">
        <v>7</v>
      </c>
    </row>
    <row r="7013">
      <c r="A7013" s="1">
        <v>4.90419534E8</v>
      </c>
      <c r="B7013" s="2">
        <v>12425.0</v>
      </c>
      <c r="C7013" s="1" t="s">
        <v>5</v>
      </c>
      <c r="D7013" s="1" t="s">
        <v>5723</v>
      </c>
      <c r="E7013" s="1" t="s">
        <v>7</v>
      </c>
    </row>
    <row r="7014">
      <c r="A7014" s="1">
        <v>4.90419552E8</v>
      </c>
      <c r="B7014" s="2">
        <v>11971.0</v>
      </c>
      <c r="C7014" s="1" t="s">
        <v>5</v>
      </c>
      <c r="D7014" s="1" t="s">
        <v>5724</v>
      </c>
      <c r="E7014" s="1" t="s">
        <v>11</v>
      </c>
    </row>
    <row r="7015">
      <c r="A7015" s="1">
        <v>4.90419619E8</v>
      </c>
      <c r="B7015" s="2">
        <v>11967.0</v>
      </c>
      <c r="C7015" s="1" t="s">
        <v>5</v>
      </c>
      <c r="D7015" s="1" t="s">
        <v>5725</v>
      </c>
      <c r="E7015" s="1" t="s">
        <v>7</v>
      </c>
    </row>
    <row r="7016">
      <c r="A7016" s="1">
        <v>4.90419623E8</v>
      </c>
      <c r="B7016" s="2">
        <v>12468.0</v>
      </c>
      <c r="C7016" s="1" t="s">
        <v>5</v>
      </c>
      <c r="D7016" s="1" t="s">
        <v>5726</v>
      </c>
      <c r="E7016" s="1" t="s">
        <v>7</v>
      </c>
    </row>
    <row r="7017">
      <c r="A7017" s="1">
        <v>4.90419627E8</v>
      </c>
      <c r="B7017" s="2">
        <v>12492.0</v>
      </c>
      <c r="C7017" s="1" t="s">
        <v>5</v>
      </c>
      <c r="D7017" s="1" t="s">
        <v>5727</v>
      </c>
      <c r="E7017" s="1" t="s">
        <v>5728</v>
      </c>
    </row>
    <row r="7018">
      <c r="A7018" s="1">
        <v>4.90419646E8</v>
      </c>
      <c r="B7018" s="2">
        <v>12494.0</v>
      </c>
      <c r="C7018" s="1" t="s">
        <v>5</v>
      </c>
      <c r="D7018" s="1" t="s">
        <v>5729</v>
      </c>
      <c r="E7018" s="1" t="s">
        <v>11</v>
      </c>
    </row>
    <row r="7019">
      <c r="A7019" s="1">
        <v>4.90419654E8</v>
      </c>
      <c r="B7019" s="2">
        <v>12468.0</v>
      </c>
      <c r="C7019" s="1" t="s">
        <v>5</v>
      </c>
      <c r="D7019" s="1" t="s">
        <v>5730</v>
      </c>
      <c r="E7019" s="1" t="s">
        <v>7</v>
      </c>
    </row>
    <row r="7020">
      <c r="A7020" s="1">
        <v>4.90419708E8</v>
      </c>
      <c r="B7020" s="2">
        <v>12492.0</v>
      </c>
      <c r="C7020" s="1" t="s">
        <v>5</v>
      </c>
      <c r="D7020" s="1" t="s">
        <v>5731</v>
      </c>
      <c r="E7020" s="1" t="s">
        <v>5732</v>
      </c>
    </row>
    <row r="7021">
      <c r="A7021" s="1">
        <v>4.90419717E8</v>
      </c>
      <c r="B7021" s="2">
        <v>12480.0</v>
      </c>
      <c r="C7021" s="1" t="s">
        <v>5</v>
      </c>
      <c r="D7021" s="1" t="s">
        <v>5733</v>
      </c>
      <c r="E7021" s="1" t="s">
        <v>7</v>
      </c>
    </row>
    <row r="7022">
      <c r="A7022" s="1">
        <v>4.9041976E8</v>
      </c>
      <c r="B7022" s="2">
        <v>12462.0</v>
      </c>
      <c r="C7022" s="1" t="s">
        <v>5</v>
      </c>
      <c r="D7022" s="1" t="s">
        <v>11</v>
      </c>
      <c r="E7022" s="1" t="s">
        <v>7</v>
      </c>
    </row>
    <row r="7023">
      <c r="A7023" s="1">
        <v>4.90419766E8</v>
      </c>
      <c r="B7023" s="2">
        <v>12015.0</v>
      </c>
      <c r="C7023" s="1" t="s">
        <v>5</v>
      </c>
      <c r="D7023" s="1" t="s">
        <v>5734</v>
      </c>
      <c r="E7023" s="1" t="s">
        <v>11</v>
      </c>
    </row>
    <row r="7024">
      <c r="A7024" s="1">
        <v>4.90419814E8</v>
      </c>
      <c r="B7024" s="2">
        <v>11965.0</v>
      </c>
      <c r="C7024" s="1" t="s">
        <v>5</v>
      </c>
      <c r="D7024" s="1" t="s">
        <v>5735</v>
      </c>
      <c r="E7024" s="1" t="s">
        <v>7</v>
      </c>
    </row>
    <row r="7025">
      <c r="A7025" s="1">
        <v>4.9041982E8</v>
      </c>
      <c r="B7025" s="2">
        <v>12444.0</v>
      </c>
      <c r="C7025" s="1" t="s">
        <v>5</v>
      </c>
      <c r="D7025" s="1" t="s">
        <v>5736</v>
      </c>
      <c r="E7025" s="1" t="s">
        <v>7</v>
      </c>
    </row>
    <row r="7026">
      <c r="A7026" s="1">
        <v>4.90419822E8</v>
      </c>
      <c r="B7026" s="2">
        <v>12534.0</v>
      </c>
      <c r="C7026" s="1" t="s">
        <v>5</v>
      </c>
      <c r="D7026" s="1" t="s">
        <v>11</v>
      </c>
      <c r="E7026" s="1" t="s">
        <v>7</v>
      </c>
    </row>
    <row r="7027">
      <c r="A7027" s="1">
        <v>4.9041983E8</v>
      </c>
      <c r="B7027" s="2">
        <v>12485.0</v>
      </c>
      <c r="C7027" s="1" t="s">
        <v>5</v>
      </c>
      <c r="D7027" s="1" t="s">
        <v>5737</v>
      </c>
      <c r="E7027" s="1" t="s">
        <v>11</v>
      </c>
    </row>
    <row r="7028">
      <c r="A7028" s="1">
        <v>4.90419844E8</v>
      </c>
      <c r="B7028" s="2">
        <v>11964.0</v>
      </c>
      <c r="C7028" s="1" t="s">
        <v>5</v>
      </c>
      <c r="D7028" s="1" t="s">
        <v>11</v>
      </c>
      <c r="E7028" s="1" t="s">
        <v>7</v>
      </c>
    </row>
    <row r="7029">
      <c r="A7029" s="1">
        <v>4.90419849E8</v>
      </c>
      <c r="B7029" s="2">
        <v>12470.0</v>
      </c>
      <c r="C7029" s="1" t="s">
        <v>5</v>
      </c>
      <c r="D7029" s="1" t="s">
        <v>5738</v>
      </c>
      <c r="E7029" s="1" t="s">
        <v>7</v>
      </c>
    </row>
    <row r="7030">
      <c r="A7030" s="1">
        <v>4.90419866E8</v>
      </c>
      <c r="B7030" s="2">
        <v>12487.0</v>
      </c>
      <c r="C7030" s="1" t="s">
        <v>5</v>
      </c>
      <c r="D7030" s="1" t="s">
        <v>5739</v>
      </c>
      <c r="E7030" s="1" t="s">
        <v>7</v>
      </c>
    </row>
    <row r="7031">
      <c r="A7031" s="1">
        <v>4.90419874E8</v>
      </c>
      <c r="B7031" s="2">
        <v>12532.0</v>
      </c>
      <c r="C7031" s="1" t="s">
        <v>5</v>
      </c>
      <c r="D7031" s="1" t="s">
        <v>5740</v>
      </c>
      <c r="E7031" s="1" t="s">
        <v>7</v>
      </c>
    </row>
    <row r="7032">
      <c r="A7032" s="1">
        <v>4.90419889E8</v>
      </c>
      <c r="B7032" s="2">
        <v>12471.0</v>
      </c>
      <c r="C7032" s="1" t="s">
        <v>5</v>
      </c>
      <c r="D7032" s="1" t="s">
        <v>5741</v>
      </c>
      <c r="E7032" s="1" t="s">
        <v>11</v>
      </c>
    </row>
    <row r="7033">
      <c r="A7033" s="1">
        <v>4.90419898E8</v>
      </c>
      <c r="B7033" s="2">
        <v>12445.0</v>
      </c>
      <c r="C7033" s="1" t="s">
        <v>5</v>
      </c>
      <c r="D7033" s="1" t="s">
        <v>5742</v>
      </c>
      <c r="E7033" s="1" t="s">
        <v>7</v>
      </c>
    </row>
    <row r="7034">
      <c r="A7034" s="1">
        <v>4.9041991E8</v>
      </c>
      <c r="B7034" s="2">
        <v>11965.0</v>
      </c>
      <c r="C7034" s="1" t="s">
        <v>5</v>
      </c>
      <c r="D7034" s="1" t="s">
        <v>11</v>
      </c>
      <c r="E7034" s="1" t="s">
        <v>7</v>
      </c>
    </row>
    <row r="7035">
      <c r="A7035" s="1">
        <v>4.90419923E8</v>
      </c>
      <c r="B7035" s="2">
        <v>11971.0</v>
      </c>
      <c r="C7035" s="1" t="s">
        <v>5</v>
      </c>
      <c r="D7035" s="1" t="s">
        <v>5743</v>
      </c>
      <c r="E7035" s="1" t="s">
        <v>11</v>
      </c>
    </row>
    <row r="7036">
      <c r="A7036" s="1">
        <v>4.90419924E8</v>
      </c>
      <c r="B7036" s="2">
        <v>12496.0</v>
      </c>
      <c r="C7036" s="1" t="s">
        <v>5</v>
      </c>
      <c r="D7036" s="1" t="s">
        <v>5744</v>
      </c>
      <c r="E7036" s="1" t="s">
        <v>7</v>
      </c>
    </row>
    <row r="7037">
      <c r="A7037" s="1">
        <v>4.90419941E8</v>
      </c>
      <c r="B7037" s="2">
        <v>12531.0</v>
      </c>
      <c r="C7037" s="1" t="s">
        <v>5</v>
      </c>
      <c r="D7037" s="1" t="s">
        <v>5243</v>
      </c>
      <c r="E7037" s="1" t="s">
        <v>7</v>
      </c>
    </row>
    <row r="7038">
      <c r="A7038" s="1">
        <v>4.90420022E8</v>
      </c>
      <c r="B7038" s="2">
        <v>12470.0</v>
      </c>
      <c r="C7038" s="1" t="s">
        <v>5</v>
      </c>
      <c r="D7038" s="1" t="s">
        <v>5745</v>
      </c>
      <c r="E7038" s="1" t="s">
        <v>11</v>
      </c>
    </row>
    <row r="7039">
      <c r="A7039" s="1">
        <v>4.9042003E8</v>
      </c>
      <c r="B7039" s="2">
        <v>12420.0</v>
      </c>
      <c r="C7039" s="1" t="s">
        <v>5</v>
      </c>
      <c r="D7039" s="1" t="s">
        <v>7</v>
      </c>
      <c r="E7039" s="1" t="s">
        <v>7</v>
      </c>
    </row>
    <row r="7040">
      <c r="A7040" s="1">
        <v>4.90420045E8</v>
      </c>
      <c r="B7040" s="2">
        <v>11971.0</v>
      </c>
      <c r="C7040" s="1" t="s">
        <v>5</v>
      </c>
      <c r="D7040" s="1" t="s">
        <v>5746</v>
      </c>
      <c r="E7040" s="1" t="s">
        <v>7</v>
      </c>
    </row>
    <row r="7041">
      <c r="A7041" s="1">
        <v>4.90420073E8</v>
      </c>
      <c r="B7041" s="2">
        <v>12420.0</v>
      </c>
      <c r="C7041" s="1" t="s">
        <v>5</v>
      </c>
      <c r="D7041" s="1" t="s">
        <v>11</v>
      </c>
      <c r="E7041" s="1" t="s">
        <v>7</v>
      </c>
    </row>
    <row r="7042">
      <c r="A7042" s="1">
        <v>4.904201E8</v>
      </c>
      <c r="B7042" s="2">
        <v>12015.0</v>
      </c>
      <c r="C7042" s="1" t="s">
        <v>5</v>
      </c>
      <c r="D7042" s="1" t="s">
        <v>5747</v>
      </c>
      <c r="E7042" s="1" t="s">
        <v>11</v>
      </c>
    </row>
    <row r="7043">
      <c r="A7043" s="1">
        <v>4.90420103E8</v>
      </c>
      <c r="B7043" s="2">
        <v>11965.0</v>
      </c>
      <c r="C7043" s="1" t="s">
        <v>5</v>
      </c>
      <c r="D7043" s="1" t="s">
        <v>5748</v>
      </c>
      <c r="E7043" s="1" t="s">
        <v>7</v>
      </c>
    </row>
    <row r="7044">
      <c r="A7044" s="1">
        <v>4.90420108E8</v>
      </c>
      <c r="B7044" s="2">
        <v>12462.0</v>
      </c>
      <c r="C7044" s="1" t="s">
        <v>5</v>
      </c>
      <c r="D7044" s="1" t="s">
        <v>5749</v>
      </c>
      <c r="E7044" s="1" t="s">
        <v>7</v>
      </c>
    </row>
    <row r="7045">
      <c r="A7045" s="1">
        <v>4.90420113E8</v>
      </c>
      <c r="B7045" s="2">
        <v>12492.0</v>
      </c>
      <c r="C7045" s="1" t="s">
        <v>5</v>
      </c>
      <c r="D7045" s="1" t="s">
        <v>5750</v>
      </c>
      <c r="E7045" s="1" t="s">
        <v>7</v>
      </c>
    </row>
    <row r="7046">
      <c r="A7046" s="1">
        <v>4.9042012E8</v>
      </c>
      <c r="B7046" s="2">
        <v>12495.0</v>
      </c>
      <c r="C7046" s="1" t="s">
        <v>5</v>
      </c>
      <c r="D7046" s="1" t="s">
        <v>5751</v>
      </c>
      <c r="E7046" s="1" t="s">
        <v>7</v>
      </c>
    </row>
    <row r="7047">
      <c r="A7047" s="1">
        <v>4.90420124E8</v>
      </c>
      <c r="B7047" s="2">
        <v>11966.0</v>
      </c>
      <c r="C7047" s="1" t="s">
        <v>5</v>
      </c>
      <c r="D7047" s="1" t="s">
        <v>11</v>
      </c>
      <c r="E7047" s="1" t="s">
        <v>7</v>
      </c>
    </row>
    <row r="7048">
      <c r="A7048" s="1">
        <v>4.90420125E8</v>
      </c>
      <c r="B7048" s="2">
        <v>12018.0</v>
      </c>
      <c r="C7048" s="1" t="s">
        <v>5</v>
      </c>
      <c r="D7048" s="1" t="s">
        <v>5752</v>
      </c>
      <c r="E7048" s="1" t="s">
        <v>7</v>
      </c>
    </row>
    <row r="7049">
      <c r="A7049" s="1">
        <v>4.90420142E8</v>
      </c>
      <c r="B7049" s="2">
        <v>12461.0</v>
      </c>
      <c r="C7049" s="1" t="s">
        <v>5</v>
      </c>
      <c r="D7049" s="1" t="s">
        <v>5753</v>
      </c>
      <c r="E7049" s="1" t="s">
        <v>7</v>
      </c>
    </row>
    <row r="7050">
      <c r="A7050" s="1">
        <v>4.90420175E8</v>
      </c>
      <c r="B7050" s="2">
        <v>12471.0</v>
      </c>
      <c r="C7050" s="1" t="s">
        <v>5</v>
      </c>
      <c r="D7050" s="1" t="s">
        <v>5754</v>
      </c>
      <c r="E7050" s="1" t="s">
        <v>7</v>
      </c>
    </row>
    <row r="7051">
      <c r="A7051" s="1">
        <v>4.9042018E8</v>
      </c>
      <c r="B7051" s="2">
        <v>12533.0</v>
      </c>
      <c r="C7051" s="1" t="s">
        <v>5</v>
      </c>
      <c r="D7051" s="1" t="s">
        <v>5755</v>
      </c>
      <c r="E7051" s="1" t="s">
        <v>11</v>
      </c>
    </row>
    <row r="7052">
      <c r="A7052" s="1">
        <v>4.9042019E8</v>
      </c>
      <c r="B7052" s="2">
        <v>11964.0</v>
      </c>
      <c r="C7052" s="1" t="s">
        <v>5</v>
      </c>
      <c r="D7052" s="1" t="s">
        <v>5756</v>
      </c>
      <c r="E7052" s="1" t="s">
        <v>11</v>
      </c>
    </row>
    <row r="7053">
      <c r="A7053" s="1">
        <v>4.90420199E8</v>
      </c>
      <c r="B7053" s="2">
        <v>11966.0</v>
      </c>
      <c r="C7053" s="1" t="s">
        <v>5</v>
      </c>
      <c r="D7053" s="1" t="s">
        <v>5757</v>
      </c>
      <c r="E7053" s="1" t="s">
        <v>11</v>
      </c>
    </row>
    <row r="7054">
      <c r="A7054" s="1">
        <v>4.90420259E8</v>
      </c>
      <c r="B7054" s="2">
        <v>12013.0</v>
      </c>
      <c r="C7054" s="1" t="s">
        <v>5</v>
      </c>
      <c r="D7054" s="1" t="s">
        <v>5758</v>
      </c>
      <c r="E7054" s="1" t="s">
        <v>7</v>
      </c>
    </row>
    <row r="7055">
      <c r="A7055" s="1">
        <v>4.90420283E8</v>
      </c>
      <c r="B7055" s="2">
        <v>12468.0</v>
      </c>
      <c r="C7055" s="1" t="s">
        <v>5</v>
      </c>
      <c r="D7055" s="1" t="s">
        <v>5759</v>
      </c>
      <c r="E7055" s="1" t="s">
        <v>7</v>
      </c>
    </row>
    <row r="7056">
      <c r="A7056" s="1">
        <v>4.90420284E8</v>
      </c>
      <c r="B7056" s="2">
        <v>12485.0</v>
      </c>
      <c r="C7056" s="1" t="s">
        <v>5</v>
      </c>
      <c r="D7056" s="1" t="s">
        <v>5760</v>
      </c>
      <c r="E7056" s="1" t="s">
        <v>7</v>
      </c>
    </row>
    <row r="7057">
      <c r="A7057" s="1">
        <v>4.90420317E8</v>
      </c>
      <c r="B7057" s="2">
        <v>12523.0</v>
      </c>
      <c r="C7057" s="1" t="s">
        <v>5</v>
      </c>
      <c r="D7057" s="1" t="s">
        <v>5761</v>
      </c>
      <c r="E7057" s="1" t="s">
        <v>7</v>
      </c>
    </row>
    <row r="7058">
      <c r="A7058" s="1">
        <v>4.90420319E8</v>
      </c>
      <c r="B7058" s="2">
        <v>12420.0</v>
      </c>
      <c r="C7058" s="1" t="s">
        <v>5</v>
      </c>
      <c r="D7058" s="1" t="s">
        <v>5762</v>
      </c>
      <c r="E7058" s="1" t="s">
        <v>11</v>
      </c>
    </row>
    <row r="7059">
      <c r="A7059" s="1">
        <v>4.90420323E8</v>
      </c>
      <c r="B7059" s="2">
        <v>12468.0</v>
      </c>
      <c r="C7059" s="1" t="s">
        <v>5</v>
      </c>
      <c r="D7059" s="1" t="s">
        <v>11</v>
      </c>
      <c r="E7059" s="1" t="s">
        <v>7</v>
      </c>
    </row>
    <row r="7060">
      <c r="A7060" s="1">
        <v>4.90420328E8</v>
      </c>
      <c r="B7060" s="2">
        <v>12477.0</v>
      </c>
      <c r="C7060" s="1" t="s">
        <v>5</v>
      </c>
      <c r="D7060" s="1" t="s">
        <v>11</v>
      </c>
      <c r="E7060" s="1" t="s">
        <v>7</v>
      </c>
    </row>
    <row r="7061">
      <c r="A7061" s="1">
        <v>4.90420337E8</v>
      </c>
      <c r="B7061" s="2">
        <v>12489.0</v>
      </c>
      <c r="C7061" s="1" t="s">
        <v>5</v>
      </c>
      <c r="D7061" s="1" t="s">
        <v>11</v>
      </c>
      <c r="E7061" s="1" t="s">
        <v>7</v>
      </c>
    </row>
    <row r="7062">
      <c r="A7062" s="1">
        <v>4.90420341E8</v>
      </c>
      <c r="B7062" s="2">
        <v>12468.0</v>
      </c>
      <c r="C7062" s="1" t="s">
        <v>5</v>
      </c>
      <c r="D7062" s="1" t="s">
        <v>5763</v>
      </c>
      <c r="E7062" s="1" t="s">
        <v>7</v>
      </c>
    </row>
    <row r="7063">
      <c r="A7063" s="1">
        <v>4.90420353E8</v>
      </c>
      <c r="B7063" s="2">
        <v>12013.0</v>
      </c>
      <c r="C7063" s="1" t="s">
        <v>5</v>
      </c>
      <c r="D7063" s="1" t="s">
        <v>5764</v>
      </c>
      <c r="E7063" s="1" t="s">
        <v>7</v>
      </c>
    </row>
    <row r="7064">
      <c r="A7064" s="1">
        <v>4.90420356E8</v>
      </c>
      <c r="B7064" s="2">
        <v>12477.0</v>
      </c>
      <c r="C7064" s="1" t="s">
        <v>5</v>
      </c>
      <c r="D7064" s="1" t="s">
        <v>5765</v>
      </c>
      <c r="E7064" s="1" t="s">
        <v>7</v>
      </c>
    </row>
    <row r="7065">
      <c r="A7065" s="1">
        <v>4.90420366E8</v>
      </c>
      <c r="B7065" s="2">
        <v>12460.0</v>
      </c>
      <c r="C7065" s="1" t="s">
        <v>5</v>
      </c>
      <c r="D7065" s="1" t="s">
        <v>5243</v>
      </c>
      <c r="E7065" s="1" t="s">
        <v>7</v>
      </c>
    </row>
    <row r="7066">
      <c r="A7066" s="1">
        <v>4.90420379E8</v>
      </c>
      <c r="B7066" s="2">
        <v>12485.0</v>
      </c>
      <c r="C7066" s="1" t="s">
        <v>5</v>
      </c>
      <c r="D7066" s="1" t="s">
        <v>5766</v>
      </c>
      <c r="E7066" s="1" t="s">
        <v>7</v>
      </c>
    </row>
    <row r="7067">
      <c r="A7067" s="1">
        <v>4.90420394E8</v>
      </c>
      <c r="B7067" s="2">
        <v>12018.0</v>
      </c>
      <c r="C7067" s="1" t="s">
        <v>5</v>
      </c>
      <c r="D7067" s="1" t="s">
        <v>11</v>
      </c>
      <c r="E7067" s="1" t="s">
        <v>7</v>
      </c>
    </row>
    <row r="7068">
      <c r="A7068" s="1">
        <v>4.90420444E8</v>
      </c>
      <c r="B7068" s="2">
        <v>11969.0</v>
      </c>
      <c r="C7068" s="1" t="s">
        <v>5</v>
      </c>
      <c r="D7068" s="1" t="s">
        <v>11</v>
      </c>
      <c r="E7068" s="1" t="s">
        <v>7</v>
      </c>
    </row>
    <row r="7069">
      <c r="A7069" s="1">
        <v>4.90420455E8</v>
      </c>
      <c r="B7069" s="2">
        <v>12421.0</v>
      </c>
      <c r="C7069" s="1" t="s">
        <v>5</v>
      </c>
      <c r="D7069" s="1" t="s">
        <v>5767</v>
      </c>
      <c r="E7069" s="1" t="s">
        <v>7</v>
      </c>
    </row>
    <row r="7070">
      <c r="A7070" s="1">
        <v>4.9042047E8</v>
      </c>
      <c r="B7070" s="2">
        <v>11964.0</v>
      </c>
      <c r="C7070" s="1" t="s">
        <v>5</v>
      </c>
      <c r="D7070" s="1" t="s">
        <v>5768</v>
      </c>
      <c r="E7070" s="1" t="s">
        <v>11</v>
      </c>
    </row>
    <row r="7071">
      <c r="A7071" s="1">
        <v>4.90420479E8</v>
      </c>
      <c r="B7071" s="2">
        <v>12531.0</v>
      </c>
      <c r="C7071" s="1" t="s">
        <v>5</v>
      </c>
      <c r="D7071" s="1" t="s">
        <v>5769</v>
      </c>
      <c r="E7071" s="1" t="s">
        <v>7</v>
      </c>
    </row>
    <row r="7072">
      <c r="A7072" s="1">
        <v>4.90420502E8</v>
      </c>
      <c r="B7072" s="2">
        <v>12468.0</v>
      </c>
      <c r="C7072" s="1" t="s">
        <v>5</v>
      </c>
      <c r="D7072" s="1" t="s">
        <v>5770</v>
      </c>
      <c r="E7072" s="1" t="s">
        <v>11</v>
      </c>
    </row>
    <row r="7073">
      <c r="A7073" s="1">
        <v>4.90420509E8</v>
      </c>
      <c r="B7073" s="2">
        <v>12531.0</v>
      </c>
      <c r="C7073" s="1" t="s">
        <v>5</v>
      </c>
      <c r="D7073" s="1" t="s">
        <v>7</v>
      </c>
      <c r="E7073" s="1" t="s">
        <v>7</v>
      </c>
    </row>
    <row r="7074">
      <c r="A7074" s="1">
        <v>4.90420511E8</v>
      </c>
      <c r="B7074" s="2">
        <v>12470.0</v>
      </c>
      <c r="C7074" s="1" t="s">
        <v>5</v>
      </c>
      <c r="D7074" s="1" t="s">
        <v>5771</v>
      </c>
      <c r="E7074" s="1" t="s">
        <v>7</v>
      </c>
    </row>
    <row r="7075">
      <c r="A7075" s="1">
        <v>4.90420512E8</v>
      </c>
      <c r="B7075" s="2">
        <v>12485.0</v>
      </c>
      <c r="C7075" s="1" t="s">
        <v>5</v>
      </c>
      <c r="D7075" s="1" t="s">
        <v>5772</v>
      </c>
      <c r="E7075" s="1" t="s">
        <v>11</v>
      </c>
    </row>
    <row r="7076">
      <c r="A7076" s="1">
        <v>4.90420542E8</v>
      </c>
      <c r="B7076" s="2">
        <v>11965.0</v>
      </c>
      <c r="C7076" s="1" t="s">
        <v>5</v>
      </c>
      <c r="D7076" s="1" t="s">
        <v>11</v>
      </c>
      <c r="E7076" s="1" t="s">
        <v>7</v>
      </c>
    </row>
    <row r="7077">
      <c r="A7077" s="1">
        <v>4.90420581E8</v>
      </c>
      <c r="B7077" s="2">
        <v>12466.0</v>
      </c>
      <c r="C7077" s="1" t="s">
        <v>5</v>
      </c>
      <c r="D7077" s="1" t="s">
        <v>5773</v>
      </c>
      <c r="E7077" s="1" t="s">
        <v>7</v>
      </c>
    </row>
    <row r="7078">
      <c r="A7078" s="1">
        <v>4.9042059E8</v>
      </c>
      <c r="B7078" s="2">
        <v>12468.0</v>
      </c>
      <c r="C7078" s="1" t="s">
        <v>5</v>
      </c>
      <c r="D7078" s="1" t="s">
        <v>5774</v>
      </c>
      <c r="E7078" s="1" t="s">
        <v>7</v>
      </c>
    </row>
    <row r="7079">
      <c r="A7079" s="1">
        <v>4.90420613E8</v>
      </c>
      <c r="B7079" s="2">
        <v>12468.0</v>
      </c>
      <c r="C7079" s="1" t="s">
        <v>5</v>
      </c>
      <c r="D7079" s="1" t="s">
        <v>5775</v>
      </c>
      <c r="E7079" s="1" t="s">
        <v>7</v>
      </c>
    </row>
    <row r="7080">
      <c r="A7080" s="1">
        <v>4.9042062E8</v>
      </c>
      <c r="B7080" s="2">
        <v>12442.0</v>
      </c>
      <c r="C7080" s="1" t="s">
        <v>5</v>
      </c>
      <c r="D7080" s="1" t="s">
        <v>11</v>
      </c>
      <c r="E7080" s="1" t="s">
        <v>7</v>
      </c>
    </row>
    <row r="7081">
      <c r="A7081" s="1">
        <v>4.90420626E8</v>
      </c>
      <c r="B7081" s="2">
        <v>12468.0</v>
      </c>
      <c r="C7081" s="1" t="s">
        <v>5</v>
      </c>
      <c r="D7081" s="1" t="s">
        <v>5776</v>
      </c>
      <c r="E7081" s="1" t="s">
        <v>5777</v>
      </c>
    </row>
    <row r="7082">
      <c r="A7082" s="1">
        <v>4.90420627E8</v>
      </c>
      <c r="B7082" s="2">
        <v>12483.0</v>
      </c>
      <c r="C7082" s="1" t="s">
        <v>5</v>
      </c>
      <c r="D7082" s="1" t="s">
        <v>5778</v>
      </c>
      <c r="E7082" s="1" t="s">
        <v>7</v>
      </c>
    </row>
    <row r="7083">
      <c r="A7083" s="1">
        <v>4.90420632E8</v>
      </c>
      <c r="B7083" s="2">
        <v>12531.0</v>
      </c>
      <c r="C7083" s="1" t="s">
        <v>5</v>
      </c>
      <c r="D7083" s="1" t="s">
        <v>5779</v>
      </c>
      <c r="E7083" s="1" t="s">
        <v>7</v>
      </c>
    </row>
    <row r="7084">
      <c r="A7084" s="1">
        <v>4.90420656E8</v>
      </c>
      <c r="B7084" s="2">
        <v>12481.0</v>
      </c>
      <c r="C7084" s="1" t="s">
        <v>5</v>
      </c>
      <c r="D7084" s="1" t="s">
        <v>5780</v>
      </c>
      <c r="E7084" s="1" t="s">
        <v>11</v>
      </c>
    </row>
    <row r="7085">
      <c r="A7085" s="1">
        <v>4.90420681E8</v>
      </c>
      <c r="B7085" s="2">
        <v>12458.0</v>
      </c>
      <c r="C7085" s="1" t="s">
        <v>5</v>
      </c>
      <c r="D7085" s="1" t="s">
        <v>11</v>
      </c>
      <c r="E7085" s="1" t="s">
        <v>7</v>
      </c>
    </row>
    <row r="7086">
      <c r="A7086" s="1">
        <v>4.904207E8</v>
      </c>
      <c r="B7086" s="2">
        <v>12518.0</v>
      </c>
      <c r="C7086" s="1" t="s">
        <v>5</v>
      </c>
      <c r="D7086" s="1" t="s">
        <v>5781</v>
      </c>
      <c r="E7086" s="1" t="s">
        <v>11</v>
      </c>
    </row>
    <row r="7087">
      <c r="A7087" s="1">
        <v>4.9042071E8</v>
      </c>
      <c r="B7087" s="2">
        <v>12469.0</v>
      </c>
      <c r="C7087" s="1" t="s">
        <v>5</v>
      </c>
      <c r="D7087" s="1" t="s">
        <v>5782</v>
      </c>
      <c r="E7087" s="1" t="s">
        <v>11</v>
      </c>
    </row>
    <row r="7088">
      <c r="A7088" s="1">
        <v>4.90420722E8</v>
      </c>
      <c r="B7088" s="2">
        <v>11968.0</v>
      </c>
      <c r="C7088" s="1" t="s">
        <v>5</v>
      </c>
      <c r="D7088" s="1" t="s">
        <v>5783</v>
      </c>
      <c r="E7088" s="1" t="s">
        <v>7</v>
      </c>
    </row>
    <row r="7089">
      <c r="A7089" s="1">
        <v>4.90420727E8</v>
      </c>
      <c r="B7089" s="2">
        <v>12481.0</v>
      </c>
      <c r="C7089" s="1" t="s">
        <v>5</v>
      </c>
      <c r="D7089" s="1" t="s">
        <v>5784</v>
      </c>
      <c r="E7089" s="1" t="s">
        <v>7</v>
      </c>
    </row>
    <row r="7090">
      <c r="A7090" s="1">
        <v>4.90420736E8</v>
      </c>
      <c r="B7090" s="2">
        <v>12469.0</v>
      </c>
      <c r="C7090" s="1" t="s">
        <v>5</v>
      </c>
      <c r="D7090" s="1" t="s">
        <v>5785</v>
      </c>
      <c r="E7090" s="1" t="s">
        <v>7</v>
      </c>
    </row>
    <row r="7091">
      <c r="A7091" s="1">
        <v>4.9042074E8</v>
      </c>
      <c r="B7091" s="2">
        <v>12466.0</v>
      </c>
      <c r="C7091" s="1" t="s">
        <v>5</v>
      </c>
      <c r="D7091" s="1" t="s">
        <v>11</v>
      </c>
      <c r="E7091" s="1" t="s">
        <v>7</v>
      </c>
    </row>
    <row r="7092">
      <c r="A7092" s="1">
        <v>4.90420766E8</v>
      </c>
      <c r="B7092" s="2">
        <v>12421.0</v>
      </c>
      <c r="C7092" s="1" t="s">
        <v>5</v>
      </c>
      <c r="D7092" s="1" t="s">
        <v>11</v>
      </c>
      <c r="E7092" s="1" t="s">
        <v>7</v>
      </c>
    </row>
    <row r="7093">
      <c r="A7093" s="1">
        <v>4.90420787E8</v>
      </c>
      <c r="B7093" s="2">
        <v>12526.0</v>
      </c>
      <c r="C7093" s="1" t="s">
        <v>5</v>
      </c>
      <c r="D7093" s="1" t="s">
        <v>5786</v>
      </c>
      <c r="E7093" s="1" t="s">
        <v>5787</v>
      </c>
    </row>
    <row r="7094">
      <c r="A7094" s="1">
        <v>4.90420789E8</v>
      </c>
      <c r="B7094" s="2">
        <v>12019.0</v>
      </c>
      <c r="C7094" s="1" t="s">
        <v>5</v>
      </c>
      <c r="D7094" s="1" t="s">
        <v>5788</v>
      </c>
      <c r="E7094" s="1" t="s">
        <v>7</v>
      </c>
    </row>
    <row r="7095">
      <c r="A7095" s="1">
        <v>4.90420804E8</v>
      </c>
      <c r="B7095" s="2">
        <v>12482.0</v>
      </c>
      <c r="C7095" s="1" t="s">
        <v>5</v>
      </c>
      <c r="D7095" s="1" t="s">
        <v>11</v>
      </c>
      <c r="E7095" s="1" t="s">
        <v>7</v>
      </c>
    </row>
    <row r="7096">
      <c r="A7096" s="1">
        <v>4.90420805E8</v>
      </c>
      <c r="B7096" s="2">
        <v>12528.0</v>
      </c>
      <c r="C7096" s="1" t="s">
        <v>5</v>
      </c>
      <c r="D7096" s="1" t="s">
        <v>5789</v>
      </c>
      <c r="E7096" s="1" t="s">
        <v>7</v>
      </c>
    </row>
    <row r="7097">
      <c r="A7097" s="1">
        <v>4.9042082E8</v>
      </c>
      <c r="B7097" s="2">
        <v>12539.0</v>
      </c>
      <c r="C7097" s="1" t="s">
        <v>5</v>
      </c>
      <c r="D7097" s="1" t="s">
        <v>5790</v>
      </c>
      <c r="E7097" s="1" t="s">
        <v>7</v>
      </c>
    </row>
    <row r="7098">
      <c r="A7098" s="1">
        <v>4.90420823E8</v>
      </c>
      <c r="B7098" s="2">
        <v>11964.0</v>
      </c>
      <c r="C7098" s="1" t="s">
        <v>5</v>
      </c>
      <c r="D7098" s="1" t="s">
        <v>5791</v>
      </c>
      <c r="E7098" s="1" t="s">
        <v>7</v>
      </c>
    </row>
    <row r="7099">
      <c r="A7099" s="1">
        <v>4.90420827E8</v>
      </c>
      <c r="B7099" s="2">
        <v>11964.0</v>
      </c>
      <c r="C7099" s="1" t="s">
        <v>5</v>
      </c>
      <c r="D7099" s="1" t="s">
        <v>5792</v>
      </c>
      <c r="E7099" s="1" t="s">
        <v>11</v>
      </c>
    </row>
    <row r="7100">
      <c r="A7100" s="1">
        <v>4.90420843E8</v>
      </c>
      <c r="B7100" s="2">
        <v>12444.0</v>
      </c>
      <c r="C7100" s="1" t="s">
        <v>5</v>
      </c>
      <c r="D7100" s="1" t="s">
        <v>11</v>
      </c>
      <c r="E7100" s="1" t="s">
        <v>7</v>
      </c>
    </row>
    <row r="7101">
      <c r="A7101" s="1">
        <v>4.90420848E8</v>
      </c>
      <c r="B7101" s="2">
        <v>12486.0</v>
      </c>
      <c r="C7101" s="1" t="s">
        <v>5</v>
      </c>
      <c r="D7101" s="1" t="s">
        <v>5793</v>
      </c>
      <c r="E7101" s="1" t="s">
        <v>7</v>
      </c>
    </row>
    <row r="7102">
      <c r="A7102" s="1">
        <v>4.90420863E8</v>
      </c>
      <c r="B7102" s="2">
        <v>12489.0</v>
      </c>
      <c r="C7102" s="1" t="s">
        <v>5</v>
      </c>
      <c r="D7102" s="1" t="s">
        <v>5794</v>
      </c>
      <c r="E7102" s="1" t="s">
        <v>7</v>
      </c>
    </row>
    <row r="7103">
      <c r="A7103" s="1">
        <v>4.90420885E8</v>
      </c>
      <c r="B7103" s="2">
        <v>12019.0</v>
      </c>
      <c r="C7103" s="1" t="s">
        <v>5</v>
      </c>
      <c r="D7103" s="1" t="s">
        <v>5795</v>
      </c>
      <c r="E7103" s="1" t="s">
        <v>11</v>
      </c>
    </row>
    <row r="7104">
      <c r="A7104" s="1">
        <v>4.90420886E8</v>
      </c>
      <c r="B7104" s="2">
        <v>12015.0</v>
      </c>
      <c r="C7104" s="1" t="s">
        <v>5</v>
      </c>
      <c r="D7104" s="1" t="s">
        <v>7</v>
      </c>
      <c r="E7104" s="1" t="s">
        <v>7</v>
      </c>
    </row>
    <row r="7105">
      <c r="A7105" s="1">
        <v>4.90420895E8</v>
      </c>
      <c r="B7105" s="2">
        <v>12465.0</v>
      </c>
      <c r="C7105" s="1" t="s">
        <v>5</v>
      </c>
      <c r="D7105" s="1" t="s">
        <v>5796</v>
      </c>
      <c r="E7105" s="1" t="s">
        <v>11</v>
      </c>
    </row>
    <row r="7106">
      <c r="A7106" s="1">
        <v>4.90420899E8</v>
      </c>
      <c r="B7106" s="2">
        <v>12476.0</v>
      </c>
      <c r="C7106" s="1" t="s">
        <v>5</v>
      </c>
      <c r="D7106" s="1" t="s">
        <v>5797</v>
      </c>
      <c r="E7106" s="1" t="s">
        <v>7</v>
      </c>
    </row>
    <row r="7107">
      <c r="A7107" s="1">
        <v>4.90420904E8</v>
      </c>
      <c r="B7107" s="2">
        <v>12526.0</v>
      </c>
      <c r="C7107" s="1" t="s">
        <v>5</v>
      </c>
      <c r="D7107" s="1" t="s">
        <v>5798</v>
      </c>
      <c r="E7107" s="1" t="s">
        <v>5799</v>
      </c>
    </row>
    <row r="7108">
      <c r="A7108" s="1">
        <v>4.90420906E8</v>
      </c>
      <c r="B7108" s="2">
        <v>12458.0</v>
      </c>
      <c r="C7108" s="1" t="s">
        <v>5</v>
      </c>
      <c r="D7108" s="1" t="s">
        <v>5800</v>
      </c>
      <c r="E7108" s="1" t="s">
        <v>5801</v>
      </c>
    </row>
    <row r="7109">
      <c r="A7109" s="1">
        <v>4.90420919E8</v>
      </c>
      <c r="B7109" s="2">
        <v>12465.0</v>
      </c>
      <c r="C7109" s="1" t="s">
        <v>5</v>
      </c>
      <c r="D7109" s="1" t="s">
        <v>5802</v>
      </c>
      <c r="E7109" s="1" t="s">
        <v>11</v>
      </c>
    </row>
    <row r="7110">
      <c r="A7110" s="1">
        <v>4.90420943E8</v>
      </c>
      <c r="B7110" s="2">
        <v>12526.0</v>
      </c>
      <c r="C7110" s="1" t="s">
        <v>5</v>
      </c>
      <c r="D7110" s="1" t="s">
        <v>5803</v>
      </c>
      <c r="E7110" s="1" t="s">
        <v>7</v>
      </c>
    </row>
    <row r="7111">
      <c r="A7111" s="1">
        <v>4.90420954E8</v>
      </c>
      <c r="B7111" s="2">
        <v>12015.0</v>
      </c>
      <c r="C7111" s="1" t="s">
        <v>5</v>
      </c>
      <c r="D7111" s="1" t="s">
        <v>5804</v>
      </c>
      <c r="E7111" s="1" t="s">
        <v>7</v>
      </c>
    </row>
    <row r="7112">
      <c r="A7112" s="1">
        <v>4.90420958E8</v>
      </c>
      <c r="B7112" s="2">
        <v>12527.0</v>
      </c>
      <c r="C7112" s="1" t="s">
        <v>5</v>
      </c>
      <c r="D7112" s="1" t="s">
        <v>5805</v>
      </c>
      <c r="E7112" s="1" t="s">
        <v>7</v>
      </c>
    </row>
    <row r="7113">
      <c r="A7113" s="1">
        <v>4.90420973E8</v>
      </c>
      <c r="B7113" s="2">
        <v>12476.0</v>
      </c>
      <c r="C7113" s="1" t="s">
        <v>5</v>
      </c>
      <c r="D7113" s="1" t="s">
        <v>11</v>
      </c>
      <c r="E7113" s="1" t="s">
        <v>7</v>
      </c>
    </row>
    <row r="7114">
      <c r="A7114" s="1">
        <v>4.90420976E8</v>
      </c>
      <c r="B7114" s="2">
        <v>12017.0</v>
      </c>
      <c r="C7114" s="1" t="s">
        <v>5</v>
      </c>
      <c r="D7114" s="1" t="s">
        <v>11</v>
      </c>
      <c r="E7114" s="1" t="s">
        <v>7</v>
      </c>
    </row>
    <row r="7115">
      <c r="A7115" s="1">
        <v>4.90421024E8</v>
      </c>
      <c r="B7115" s="2">
        <v>11964.0</v>
      </c>
      <c r="C7115" s="1" t="s">
        <v>5</v>
      </c>
      <c r="D7115" s="1" t="s">
        <v>5806</v>
      </c>
      <c r="E7115" s="1" t="s">
        <v>7</v>
      </c>
    </row>
    <row r="7116">
      <c r="A7116" s="1">
        <v>4.90421062E8</v>
      </c>
      <c r="B7116" s="2">
        <v>12017.0</v>
      </c>
      <c r="C7116" s="1" t="s">
        <v>5</v>
      </c>
      <c r="D7116" s="1" t="s">
        <v>5807</v>
      </c>
      <c r="E7116" s="1" t="s">
        <v>11</v>
      </c>
    </row>
    <row r="7117">
      <c r="A7117" s="1">
        <v>4.90421078E8</v>
      </c>
      <c r="B7117" s="2">
        <v>12468.0</v>
      </c>
      <c r="C7117" s="1" t="s">
        <v>5</v>
      </c>
      <c r="D7117" s="1" t="s">
        <v>5808</v>
      </c>
      <c r="E7117" s="1" t="s">
        <v>5809</v>
      </c>
    </row>
    <row r="7118">
      <c r="A7118" s="1">
        <v>4.90421092E8</v>
      </c>
      <c r="B7118" s="2">
        <v>12479.0</v>
      </c>
      <c r="C7118" s="1" t="s">
        <v>5</v>
      </c>
      <c r="D7118" s="1" t="s">
        <v>5810</v>
      </c>
      <c r="E7118" s="1" t="s">
        <v>7</v>
      </c>
    </row>
    <row r="7119">
      <c r="A7119" s="1">
        <v>4.904211E8</v>
      </c>
      <c r="B7119" s="2">
        <v>12014.0</v>
      </c>
      <c r="C7119" s="1" t="s">
        <v>5</v>
      </c>
      <c r="D7119" s="1" t="s">
        <v>5811</v>
      </c>
      <c r="E7119" s="1" t="s">
        <v>11</v>
      </c>
    </row>
    <row r="7120">
      <c r="A7120" s="1">
        <v>4.90421148E8</v>
      </c>
      <c r="B7120" s="2">
        <v>12464.0</v>
      </c>
      <c r="C7120" s="1" t="s">
        <v>5</v>
      </c>
      <c r="D7120" s="1" t="s">
        <v>5812</v>
      </c>
      <c r="E7120" s="1" t="s">
        <v>11</v>
      </c>
    </row>
    <row r="7121">
      <c r="A7121" s="1">
        <v>4.90421154E8</v>
      </c>
      <c r="B7121" s="2">
        <v>12482.0</v>
      </c>
      <c r="C7121" s="1" t="s">
        <v>5</v>
      </c>
      <c r="D7121" s="1" t="s">
        <v>5813</v>
      </c>
      <c r="E7121" s="1" t="s">
        <v>11</v>
      </c>
    </row>
    <row r="7122">
      <c r="A7122" s="1">
        <v>4.90421162E8</v>
      </c>
      <c r="B7122" s="2">
        <v>12468.0</v>
      </c>
      <c r="C7122" s="1" t="s">
        <v>5</v>
      </c>
      <c r="D7122" s="1" t="s">
        <v>5814</v>
      </c>
      <c r="E7122" s="1" t="s">
        <v>11</v>
      </c>
    </row>
    <row r="7123">
      <c r="A7123" s="1">
        <v>4.90421175E8</v>
      </c>
      <c r="B7123" s="2">
        <v>12527.0</v>
      </c>
      <c r="C7123" s="1" t="s">
        <v>5</v>
      </c>
      <c r="D7123" s="1" t="s">
        <v>5815</v>
      </c>
      <c r="E7123" s="1" t="s">
        <v>11</v>
      </c>
    </row>
    <row r="7124">
      <c r="A7124" s="1">
        <v>4.90421194E8</v>
      </c>
      <c r="B7124" s="2">
        <v>12479.0</v>
      </c>
      <c r="C7124" s="1" t="s">
        <v>5</v>
      </c>
      <c r="D7124" s="1" t="s">
        <v>5816</v>
      </c>
      <c r="E7124" s="1" t="s">
        <v>7</v>
      </c>
    </row>
    <row r="7125">
      <c r="A7125" s="1">
        <v>4.90421203E8</v>
      </c>
      <c r="B7125" s="2">
        <v>12461.0</v>
      </c>
      <c r="C7125" s="1" t="s">
        <v>5</v>
      </c>
      <c r="D7125" s="1" t="s">
        <v>5817</v>
      </c>
      <c r="E7125" s="1" t="s">
        <v>11</v>
      </c>
    </row>
    <row r="7126">
      <c r="A7126" s="1">
        <v>4.90421207E8</v>
      </c>
      <c r="B7126" s="2">
        <v>12464.0</v>
      </c>
      <c r="C7126" s="1" t="s">
        <v>5</v>
      </c>
      <c r="D7126" s="1" t="s">
        <v>5818</v>
      </c>
      <c r="E7126" s="1" t="s">
        <v>7</v>
      </c>
    </row>
    <row r="7127">
      <c r="A7127" s="1">
        <v>4.90421212E8</v>
      </c>
      <c r="B7127" s="2">
        <v>12474.0</v>
      </c>
      <c r="C7127" s="1" t="s">
        <v>5</v>
      </c>
      <c r="D7127" s="1" t="s">
        <v>5819</v>
      </c>
      <c r="E7127" s="1" t="s">
        <v>11</v>
      </c>
    </row>
    <row r="7128">
      <c r="A7128" s="1">
        <v>4.90421218E8</v>
      </c>
      <c r="B7128" s="2">
        <v>12013.0</v>
      </c>
      <c r="C7128" s="1" t="s">
        <v>5</v>
      </c>
      <c r="D7128" s="1" t="s">
        <v>5820</v>
      </c>
      <c r="E7128" s="1" t="s">
        <v>11</v>
      </c>
    </row>
    <row r="7129">
      <c r="A7129" s="1">
        <v>4.9042123E8</v>
      </c>
      <c r="B7129" s="2">
        <v>12014.0</v>
      </c>
      <c r="C7129" s="1" t="s">
        <v>5</v>
      </c>
      <c r="D7129" s="1" t="s">
        <v>5821</v>
      </c>
      <c r="E7129" s="1" t="s">
        <v>5822</v>
      </c>
    </row>
    <row r="7130">
      <c r="A7130" s="1">
        <v>4.90421257E8</v>
      </c>
      <c r="B7130" s="2">
        <v>12461.0</v>
      </c>
      <c r="C7130" s="1" t="s">
        <v>5</v>
      </c>
      <c r="D7130" s="1" t="s">
        <v>5823</v>
      </c>
      <c r="E7130" s="1" t="s">
        <v>11</v>
      </c>
    </row>
    <row r="7131">
      <c r="A7131" s="1">
        <v>4.90421273E8</v>
      </c>
      <c r="B7131" s="2">
        <v>12537.0</v>
      </c>
      <c r="C7131" s="1" t="s">
        <v>5</v>
      </c>
      <c r="D7131" s="1" t="s">
        <v>5824</v>
      </c>
      <c r="E7131" s="1" t="s">
        <v>7</v>
      </c>
    </row>
    <row r="7132">
      <c r="A7132" s="1">
        <v>4.90421277E8</v>
      </c>
      <c r="B7132" s="2">
        <v>12477.0</v>
      </c>
      <c r="C7132" s="1" t="s">
        <v>5</v>
      </c>
      <c r="D7132" s="1" t="s">
        <v>5825</v>
      </c>
      <c r="E7132" s="1" t="s">
        <v>7</v>
      </c>
    </row>
    <row r="7133">
      <c r="A7133" s="1">
        <v>4.90421289E8</v>
      </c>
      <c r="B7133" s="2">
        <v>12012.0</v>
      </c>
      <c r="C7133" s="1" t="s">
        <v>5</v>
      </c>
      <c r="D7133" s="1" t="s">
        <v>5826</v>
      </c>
      <c r="E7133" s="1" t="s">
        <v>11</v>
      </c>
    </row>
    <row r="7134">
      <c r="A7134" s="1">
        <v>4.90421291E8</v>
      </c>
      <c r="B7134" s="2">
        <v>12487.0</v>
      </c>
      <c r="C7134" s="1" t="s">
        <v>5</v>
      </c>
      <c r="D7134" s="1" t="s">
        <v>11</v>
      </c>
      <c r="E7134" s="1" t="s">
        <v>7</v>
      </c>
    </row>
    <row r="7135">
      <c r="A7135" s="1">
        <v>4.90421304E8</v>
      </c>
      <c r="B7135" s="2">
        <v>12463.0</v>
      </c>
      <c r="C7135" s="1" t="s">
        <v>5</v>
      </c>
      <c r="D7135" s="1" t="s">
        <v>5827</v>
      </c>
      <c r="E7135" s="1" t="s">
        <v>11</v>
      </c>
    </row>
    <row r="7136">
      <c r="A7136" s="1">
        <v>4.90421312E8</v>
      </c>
      <c r="B7136" s="2">
        <v>12464.0</v>
      </c>
      <c r="C7136" s="1" t="s">
        <v>5</v>
      </c>
      <c r="D7136" s="1" t="s">
        <v>5828</v>
      </c>
      <c r="E7136" s="1" t="s">
        <v>11</v>
      </c>
    </row>
    <row r="7137">
      <c r="A7137" s="1">
        <v>4.90421325E8</v>
      </c>
      <c r="B7137" s="2">
        <v>12524.0</v>
      </c>
      <c r="C7137" s="1" t="s">
        <v>5</v>
      </c>
      <c r="D7137" s="1" t="s">
        <v>5829</v>
      </c>
      <c r="E7137" s="1" t="s">
        <v>11</v>
      </c>
    </row>
    <row r="7138">
      <c r="A7138" s="1">
        <v>4.90421333E8</v>
      </c>
      <c r="B7138" s="2">
        <v>12526.0</v>
      </c>
      <c r="C7138" s="1" t="s">
        <v>5</v>
      </c>
      <c r="D7138" s="1" t="s">
        <v>11</v>
      </c>
      <c r="E7138" s="1" t="s">
        <v>7</v>
      </c>
    </row>
    <row r="7139">
      <c r="A7139" s="1">
        <v>4.90421353E8</v>
      </c>
      <c r="B7139" s="2">
        <v>12455.0</v>
      </c>
      <c r="C7139" s="1" t="s">
        <v>5</v>
      </c>
      <c r="D7139" s="1" t="s">
        <v>5830</v>
      </c>
      <c r="E7139" s="1" t="s">
        <v>7</v>
      </c>
    </row>
    <row r="7140">
      <c r="A7140" s="1">
        <v>4.90421381E8</v>
      </c>
      <c r="B7140" s="2">
        <v>12014.0</v>
      </c>
      <c r="C7140" s="1" t="s">
        <v>5</v>
      </c>
      <c r="D7140" s="1" t="s">
        <v>5831</v>
      </c>
      <c r="E7140" s="1" t="s">
        <v>7</v>
      </c>
    </row>
    <row r="7141">
      <c r="A7141" s="1">
        <v>4.90421383E8</v>
      </c>
      <c r="B7141" s="2">
        <v>12476.0</v>
      </c>
      <c r="C7141" s="1" t="s">
        <v>5</v>
      </c>
      <c r="D7141" s="1" t="s">
        <v>11</v>
      </c>
      <c r="E7141" s="1" t="s">
        <v>7</v>
      </c>
    </row>
    <row r="7142">
      <c r="A7142" s="1">
        <v>4.90421384E8</v>
      </c>
      <c r="B7142" s="2">
        <v>12524.0</v>
      </c>
      <c r="C7142" s="1" t="s">
        <v>5</v>
      </c>
      <c r="D7142" s="1" t="s">
        <v>5832</v>
      </c>
      <c r="E7142" s="1" t="s">
        <v>7</v>
      </c>
    </row>
    <row r="7143">
      <c r="A7143" s="1">
        <v>4.90421395E8</v>
      </c>
      <c r="B7143" s="2">
        <v>12526.0</v>
      </c>
      <c r="C7143" s="1" t="s">
        <v>5</v>
      </c>
      <c r="D7143" s="1" t="s">
        <v>11</v>
      </c>
      <c r="E7143" s="1" t="s">
        <v>7</v>
      </c>
    </row>
    <row r="7144">
      <c r="A7144" s="1">
        <v>4.90421417E8</v>
      </c>
      <c r="B7144" s="2">
        <v>12480.0</v>
      </c>
      <c r="C7144" s="1" t="s">
        <v>5</v>
      </c>
      <c r="D7144" s="1" t="s">
        <v>5833</v>
      </c>
      <c r="E7144" s="1" t="s">
        <v>7</v>
      </c>
    </row>
    <row r="7145">
      <c r="A7145" s="1">
        <v>4.90421423E8</v>
      </c>
      <c r="B7145" s="2">
        <v>12016.0</v>
      </c>
      <c r="C7145" s="1" t="s">
        <v>5</v>
      </c>
      <c r="D7145" s="1" t="s">
        <v>5834</v>
      </c>
      <c r="E7145" s="1" t="s">
        <v>5835</v>
      </c>
    </row>
    <row r="7146">
      <c r="A7146" s="1">
        <v>4.90421448E8</v>
      </c>
      <c r="B7146" s="2">
        <v>12486.0</v>
      </c>
      <c r="C7146" s="1" t="s">
        <v>5</v>
      </c>
      <c r="D7146" s="1" t="s">
        <v>11</v>
      </c>
      <c r="E7146" s="1" t="s">
        <v>7</v>
      </c>
    </row>
    <row r="7147">
      <c r="A7147" s="1">
        <v>4.90421453E8</v>
      </c>
      <c r="B7147" s="2">
        <v>12533.0</v>
      </c>
      <c r="C7147" s="1" t="s">
        <v>5</v>
      </c>
      <c r="D7147" s="1" t="s">
        <v>5836</v>
      </c>
      <c r="E7147" s="1" t="s">
        <v>5837</v>
      </c>
    </row>
    <row r="7148">
      <c r="A7148" s="1">
        <v>4.9042146E8</v>
      </c>
      <c r="B7148" s="2">
        <v>12475.0</v>
      </c>
      <c r="C7148" s="1" t="s">
        <v>5</v>
      </c>
      <c r="D7148" s="1" t="s">
        <v>5838</v>
      </c>
      <c r="E7148" s="1" t="s">
        <v>7</v>
      </c>
    </row>
    <row r="7149">
      <c r="A7149" s="1">
        <v>4.90421463E8</v>
      </c>
      <c r="B7149" s="2">
        <v>12525.0</v>
      </c>
      <c r="C7149" s="1" t="s">
        <v>5</v>
      </c>
      <c r="D7149" s="1" t="s">
        <v>5839</v>
      </c>
      <c r="E7149" s="1" t="s">
        <v>5840</v>
      </c>
    </row>
    <row r="7150">
      <c r="A7150" s="1">
        <v>4.90421494E8</v>
      </c>
      <c r="B7150" s="2">
        <v>12522.0</v>
      </c>
      <c r="C7150" s="1" t="s">
        <v>5</v>
      </c>
      <c r="D7150" s="1" t="s">
        <v>5841</v>
      </c>
      <c r="E7150" s="1" t="s">
        <v>5842</v>
      </c>
    </row>
    <row r="7151">
      <c r="A7151" s="1">
        <v>4.90421501E8</v>
      </c>
      <c r="B7151" s="2">
        <v>11967.0</v>
      </c>
      <c r="C7151" s="1" t="s">
        <v>5</v>
      </c>
      <c r="D7151" s="1" t="s">
        <v>11</v>
      </c>
      <c r="E7151" s="1" t="s">
        <v>7</v>
      </c>
    </row>
    <row r="7152">
      <c r="A7152" s="1">
        <v>4.90421504E8</v>
      </c>
      <c r="B7152" s="2">
        <v>12488.0</v>
      </c>
      <c r="C7152" s="1" t="s">
        <v>5</v>
      </c>
      <c r="D7152" s="1" t="s">
        <v>5843</v>
      </c>
      <c r="E7152" s="1" t="s">
        <v>11</v>
      </c>
    </row>
    <row r="7153">
      <c r="A7153" s="1">
        <v>4.90421519E8</v>
      </c>
      <c r="B7153" s="2">
        <v>12462.0</v>
      </c>
      <c r="C7153" s="1" t="s">
        <v>5</v>
      </c>
      <c r="D7153" s="1" t="s">
        <v>11</v>
      </c>
      <c r="E7153" s="1" t="s">
        <v>7</v>
      </c>
    </row>
    <row r="7154">
      <c r="A7154" s="1">
        <v>4.90421526E8</v>
      </c>
      <c r="B7154" s="2">
        <v>12537.0</v>
      </c>
      <c r="C7154" s="1" t="s">
        <v>5</v>
      </c>
      <c r="D7154" s="1" t="s">
        <v>5844</v>
      </c>
      <c r="E7154" s="1" t="s">
        <v>7</v>
      </c>
    </row>
    <row r="7155">
      <c r="A7155" s="1">
        <v>4.90421529E8</v>
      </c>
      <c r="B7155" s="2">
        <v>12455.0</v>
      </c>
      <c r="C7155" s="1" t="s">
        <v>5</v>
      </c>
      <c r="D7155" s="1" t="s">
        <v>5845</v>
      </c>
      <c r="E7155" s="1" t="s">
        <v>11</v>
      </c>
    </row>
    <row r="7156">
      <c r="A7156" s="1">
        <v>4.90421538E8</v>
      </c>
      <c r="B7156" s="2">
        <v>12522.0</v>
      </c>
      <c r="C7156" s="1" t="s">
        <v>5</v>
      </c>
      <c r="D7156" s="1" t="s">
        <v>5846</v>
      </c>
      <c r="E7156" s="1" t="s">
        <v>7</v>
      </c>
    </row>
    <row r="7157">
      <c r="A7157" s="1">
        <v>4.90421543E8</v>
      </c>
      <c r="B7157" s="2">
        <v>12016.0</v>
      </c>
      <c r="C7157" s="1" t="s">
        <v>5</v>
      </c>
      <c r="D7157" s="1" t="s">
        <v>5847</v>
      </c>
      <c r="E7157" s="1" t="s">
        <v>7</v>
      </c>
    </row>
    <row r="7158">
      <c r="A7158" s="1">
        <v>4.90421552E8</v>
      </c>
      <c r="B7158" s="2">
        <v>12533.0</v>
      </c>
      <c r="C7158" s="1" t="s">
        <v>5</v>
      </c>
      <c r="D7158" s="1" t="s">
        <v>5848</v>
      </c>
      <c r="E7158" s="1" t="s">
        <v>7</v>
      </c>
    </row>
    <row r="7159">
      <c r="A7159" s="1">
        <v>4.90421554E8</v>
      </c>
      <c r="B7159" s="2">
        <v>12461.0</v>
      </c>
      <c r="C7159" s="1" t="s">
        <v>5</v>
      </c>
      <c r="D7159" s="1" t="s">
        <v>11</v>
      </c>
      <c r="E7159" s="1" t="s">
        <v>7</v>
      </c>
    </row>
    <row r="7160">
      <c r="A7160" s="1">
        <v>4.90421574E8</v>
      </c>
      <c r="B7160" s="2">
        <v>12013.0</v>
      </c>
      <c r="C7160" s="1" t="s">
        <v>5</v>
      </c>
      <c r="D7160" s="1" t="s">
        <v>5849</v>
      </c>
      <c r="E7160" s="1" t="s">
        <v>7</v>
      </c>
    </row>
    <row r="7161">
      <c r="A7161" s="1">
        <v>4.90421575E8</v>
      </c>
      <c r="B7161" s="2">
        <v>12485.0</v>
      </c>
      <c r="C7161" s="1" t="s">
        <v>5</v>
      </c>
      <c r="D7161" s="1" t="s">
        <v>5850</v>
      </c>
      <c r="E7161" s="1" t="s">
        <v>5851</v>
      </c>
    </row>
    <row r="7162">
      <c r="A7162" s="1">
        <v>4.90421578E8</v>
      </c>
      <c r="B7162" s="2">
        <v>12525.0</v>
      </c>
      <c r="C7162" s="1" t="s">
        <v>5</v>
      </c>
      <c r="D7162" s="1" t="s">
        <v>5852</v>
      </c>
      <c r="E7162" s="1" t="s">
        <v>7</v>
      </c>
    </row>
    <row r="7163">
      <c r="A7163" s="1">
        <v>4.9042158E8</v>
      </c>
      <c r="B7163" s="2">
        <v>12020.0</v>
      </c>
      <c r="C7163" s="1" t="s">
        <v>5</v>
      </c>
      <c r="D7163" s="1" t="s">
        <v>11</v>
      </c>
      <c r="E7163" s="1" t="s">
        <v>7</v>
      </c>
    </row>
    <row r="7164">
      <c r="A7164" s="1">
        <v>4.90421584E8</v>
      </c>
      <c r="B7164" s="2">
        <v>12533.0</v>
      </c>
      <c r="C7164" s="1" t="s">
        <v>5</v>
      </c>
      <c r="D7164" s="1" t="s">
        <v>5853</v>
      </c>
      <c r="E7164" s="1" t="s">
        <v>11</v>
      </c>
    </row>
    <row r="7165">
      <c r="A7165" s="1">
        <v>4.9042159E8</v>
      </c>
      <c r="B7165" s="2">
        <v>12462.0</v>
      </c>
      <c r="C7165" s="1" t="s">
        <v>5</v>
      </c>
      <c r="D7165" s="1" t="s">
        <v>5854</v>
      </c>
      <c r="E7165" s="1" t="s">
        <v>5855</v>
      </c>
    </row>
    <row r="7166">
      <c r="A7166" s="1">
        <v>4.90421597E8</v>
      </c>
      <c r="B7166" s="2">
        <v>12523.0</v>
      </c>
      <c r="C7166" s="1" t="s">
        <v>5</v>
      </c>
      <c r="D7166" s="1" t="s">
        <v>5856</v>
      </c>
      <c r="E7166" s="1" t="s">
        <v>11</v>
      </c>
    </row>
    <row r="7167">
      <c r="A7167" s="1">
        <v>4.904216E8</v>
      </c>
      <c r="B7167" s="2">
        <v>12473.0</v>
      </c>
      <c r="C7167" s="1" t="s">
        <v>5</v>
      </c>
      <c r="D7167" s="1" t="s">
        <v>5857</v>
      </c>
      <c r="E7167" s="1" t="s">
        <v>7</v>
      </c>
    </row>
    <row r="7168">
      <c r="A7168" s="1">
        <v>4.90421606E8</v>
      </c>
      <c r="B7168" s="2">
        <v>12461.0</v>
      </c>
      <c r="C7168" s="1" t="s">
        <v>5</v>
      </c>
      <c r="D7168" s="1" t="s">
        <v>5858</v>
      </c>
      <c r="E7168" s="1" t="s">
        <v>7</v>
      </c>
    </row>
    <row r="7169">
      <c r="A7169" s="1">
        <v>4.9042161E8</v>
      </c>
      <c r="B7169" s="2">
        <v>12016.0</v>
      </c>
      <c r="C7169" s="1" t="s">
        <v>5</v>
      </c>
      <c r="D7169" s="1" t="s">
        <v>5859</v>
      </c>
      <c r="E7169" s="1" t="s">
        <v>11</v>
      </c>
    </row>
    <row r="7170">
      <c r="A7170" s="1">
        <v>4.90421635E8</v>
      </c>
      <c r="B7170" s="2">
        <v>12523.0</v>
      </c>
      <c r="C7170" s="1" t="s">
        <v>5</v>
      </c>
      <c r="D7170" s="1" t="s">
        <v>5860</v>
      </c>
      <c r="E7170" s="1" t="s">
        <v>11</v>
      </c>
    </row>
    <row r="7171">
      <c r="A7171" s="1">
        <v>4.90421664E8</v>
      </c>
      <c r="B7171" s="2">
        <v>12521.0</v>
      </c>
      <c r="C7171" s="1" t="s">
        <v>5</v>
      </c>
      <c r="D7171" s="1" t="s">
        <v>11</v>
      </c>
      <c r="E7171" s="1" t="s">
        <v>7</v>
      </c>
    </row>
    <row r="7172">
      <c r="A7172" s="1">
        <v>4.90421678E8</v>
      </c>
      <c r="B7172" s="2">
        <v>12460.0</v>
      </c>
      <c r="C7172" s="1" t="s">
        <v>5</v>
      </c>
      <c r="D7172" s="1" t="s">
        <v>5861</v>
      </c>
      <c r="E7172" s="1" t="s">
        <v>7</v>
      </c>
    </row>
    <row r="7173">
      <c r="A7173" s="1">
        <v>4.9042169E8</v>
      </c>
      <c r="B7173" s="2">
        <v>12453.0</v>
      </c>
      <c r="C7173" s="1" t="s">
        <v>5</v>
      </c>
      <c r="D7173" s="1" t="s">
        <v>5862</v>
      </c>
      <c r="E7173" s="1" t="s">
        <v>5863</v>
      </c>
    </row>
    <row r="7174">
      <c r="A7174" s="1">
        <v>4.90421707E8</v>
      </c>
      <c r="B7174" s="2">
        <v>12473.0</v>
      </c>
      <c r="C7174" s="1" t="s">
        <v>5</v>
      </c>
      <c r="D7174" s="1" t="s">
        <v>11</v>
      </c>
      <c r="E7174" s="1" t="s">
        <v>7</v>
      </c>
    </row>
    <row r="7175">
      <c r="A7175" s="1">
        <v>4.90421715E8</v>
      </c>
      <c r="B7175" s="2">
        <v>12483.0</v>
      </c>
      <c r="C7175" s="1" t="s">
        <v>5</v>
      </c>
      <c r="D7175" s="1" t="s">
        <v>5864</v>
      </c>
      <c r="E7175" s="1" t="s">
        <v>7</v>
      </c>
    </row>
    <row r="7176">
      <c r="A7176" s="1">
        <v>4.90421725E8</v>
      </c>
      <c r="B7176" s="2">
        <v>12454.0</v>
      </c>
      <c r="C7176" s="1" t="s">
        <v>5</v>
      </c>
      <c r="D7176" s="1" t="s">
        <v>11</v>
      </c>
      <c r="E7176" s="1" t="s">
        <v>7</v>
      </c>
    </row>
    <row r="7177">
      <c r="A7177" s="1">
        <v>4.90421753E8</v>
      </c>
      <c r="B7177" s="2">
        <v>12530.0</v>
      </c>
      <c r="C7177" s="1" t="s">
        <v>5</v>
      </c>
      <c r="D7177" s="1" t="s">
        <v>5865</v>
      </c>
      <c r="E7177" s="1" t="s">
        <v>7</v>
      </c>
    </row>
    <row r="7178">
      <c r="A7178" s="1">
        <v>4.90421765E8</v>
      </c>
      <c r="B7178" s="2">
        <v>11966.0</v>
      </c>
      <c r="C7178" s="1" t="s">
        <v>5</v>
      </c>
      <c r="D7178" s="1" t="s">
        <v>11</v>
      </c>
      <c r="E7178" s="1" t="s">
        <v>7</v>
      </c>
    </row>
    <row r="7179">
      <c r="A7179" s="1">
        <v>4.90421778E8</v>
      </c>
      <c r="B7179" s="2">
        <v>12482.0</v>
      </c>
      <c r="C7179" s="1" t="s">
        <v>5</v>
      </c>
      <c r="D7179" s="1" t="s">
        <v>5866</v>
      </c>
      <c r="E7179" s="1" t="s">
        <v>11</v>
      </c>
    </row>
    <row r="7180">
      <c r="A7180" s="1">
        <v>4.90421849E8</v>
      </c>
      <c r="B7180" s="2">
        <v>12019.0</v>
      </c>
      <c r="C7180" s="1" t="s">
        <v>5</v>
      </c>
      <c r="D7180" s="1" t="s">
        <v>5867</v>
      </c>
      <c r="E7180" s="1" t="s">
        <v>7</v>
      </c>
    </row>
    <row r="7181">
      <c r="A7181" s="1">
        <v>4.90421864E8</v>
      </c>
      <c r="B7181" s="2">
        <v>12020.0</v>
      </c>
      <c r="C7181" s="1" t="s">
        <v>5</v>
      </c>
      <c r="D7181" s="1" t="s">
        <v>5868</v>
      </c>
      <c r="E7181" s="1" t="s">
        <v>11</v>
      </c>
    </row>
    <row r="7182">
      <c r="A7182" s="1">
        <v>4.90421882E8</v>
      </c>
      <c r="B7182" s="2">
        <v>12482.0</v>
      </c>
      <c r="C7182" s="1" t="s">
        <v>5</v>
      </c>
      <c r="D7182" s="1" t="s">
        <v>5869</v>
      </c>
      <c r="E7182" s="1" t="s">
        <v>7</v>
      </c>
    </row>
    <row r="7183">
      <c r="A7183" s="1">
        <v>4.90421884E8</v>
      </c>
      <c r="B7183" s="2">
        <v>12484.0</v>
      </c>
      <c r="C7183" s="1" t="s">
        <v>5</v>
      </c>
      <c r="D7183" s="1" t="s">
        <v>5870</v>
      </c>
      <c r="E7183" s="1" t="s">
        <v>11</v>
      </c>
    </row>
    <row r="7184">
      <c r="A7184" s="1">
        <v>4.904219E8</v>
      </c>
      <c r="B7184" s="2">
        <v>12482.0</v>
      </c>
      <c r="C7184" s="1" t="s">
        <v>5</v>
      </c>
      <c r="D7184" s="1" t="s">
        <v>5871</v>
      </c>
      <c r="E7184" s="1" t="s">
        <v>7</v>
      </c>
    </row>
    <row r="7185">
      <c r="A7185" s="1">
        <v>4.90421909E8</v>
      </c>
      <c r="B7185" s="2">
        <v>12479.0</v>
      </c>
      <c r="C7185" s="1" t="s">
        <v>5</v>
      </c>
      <c r="D7185" s="1" t="s">
        <v>5872</v>
      </c>
      <c r="E7185" s="1" t="s">
        <v>7</v>
      </c>
    </row>
    <row r="7186">
      <c r="A7186" s="1">
        <v>4.90421923E8</v>
      </c>
      <c r="B7186" s="2">
        <v>12020.0</v>
      </c>
      <c r="C7186" s="1" t="s">
        <v>5</v>
      </c>
      <c r="D7186" s="1" t="s">
        <v>5873</v>
      </c>
      <c r="E7186" s="1" t="s">
        <v>11</v>
      </c>
    </row>
    <row r="7187">
      <c r="A7187" s="1">
        <v>4.90421929E8</v>
      </c>
      <c r="B7187" s="2">
        <v>12479.0</v>
      </c>
      <c r="C7187" s="1" t="s">
        <v>5</v>
      </c>
      <c r="D7187" s="1" t="s">
        <v>11</v>
      </c>
      <c r="E7187" s="1" t="s">
        <v>7</v>
      </c>
    </row>
    <row r="7188">
      <c r="A7188" s="1">
        <v>4.9042194E8</v>
      </c>
      <c r="B7188" s="2">
        <v>12479.0</v>
      </c>
      <c r="C7188" s="1" t="s">
        <v>5</v>
      </c>
      <c r="D7188" s="1" t="s">
        <v>5874</v>
      </c>
      <c r="E7188" s="1" t="s">
        <v>7</v>
      </c>
    </row>
    <row r="7189">
      <c r="A7189" s="1">
        <v>4.90421943E8</v>
      </c>
      <c r="B7189" s="2">
        <v>12524.0</v>
      </c>
      <c r="C7189" s="1" t="s">
        <v>5</v>
      </c>
      <c r="D7189" s="1" t="s">
        <v>5875</v>
      </c>
      <c r="E7189" s="1" t="s">
        <v>7</v>
      </c>
    </row>
    <row r="7190">
      <c r="A7190" s="1">
        <v>4.90421954E8</v>
      </c>
      <c r="B7190" s="2">
        <v>12482.0</v>
      </c>
      <c r="C7190" s="1" t="s">
        <v>5</v>
      </c>
      <c r="D7190" s="1" t="s">
        <v>5876</v>
      </c>
      <c r="E7190" s="1" t="s">
        <v>7</v>
      </c>
    </row>
    <row r="7191">
      <c r="A7191" s="1">
        <v>4.90421971E8</v>
      </c>
      <c r="B7191" s="2">
        <v>12009.0</v>
      </c>
      <c r="C7191" s="1" t="s">
        <v>5</v>
      </c>
      <c r="D7191" s="1" t="s">
        <v>5877</v>
      </c>
      <c r="E7191" s="1" t="s">
        <v>11</v>
      </c>
    </row>
    <row r="7192">
      <c r="A7192" s="1">
        <v>4.90421988E8</v>
      </c>
      <c r="B7192" s="2">
        <v>12539.0</v>
      </c>
      <c r="C7192" s="1" t="s">
        <v>5</v>
      </c>
      <c r="D7192" s="1" t="s">
        <v>5878</v>
      </c>
      <c r="E7192" s="1" t="s">
        <v>7</v>
      </c>
    </row>
    <row r="7193">
      <c r="A7193" s="1">
        <v>4.90422046E8</v>
      </c>
      <c r="B7193" s="2">
        <v>12485.0</v>
      </c>
      <c r="C7193" s="1" t="s">
        <v>5</v>
      </c>
      <c r="D7193" s="1" t="s">
        <v>5879</v>
      </c>
      <c r="E7193" s="1" t="s">
        <v>7</v>
      </c>
    </row>
    <row r="7194">
      <c r="A7194" s="1">
        <v>4.90422064E8</v>
      </c>
      <c r="B7194" s="2">
        <v>12019.0</v>
      </c>
      <c r="C7194" s="1" t="s">
        <v>5</v>
      </c>
      <c r="D7194" s="1" t="s">
        <v>5880</v>
      </c>
      <c r="E7194" s="1" t="s">
        <v>7</v>
      </c>
    </row>
    <row r="7195">
      <c r="A7195" s="1">
        <v>4.90422123E8</v>
      </c>
      <c r="B7195" s="2">
        <v>12522.0</v>
      </c>
      <c r="C7195" s="1" t="s">
        <v>5</v>
      </c>
      <c r="D7195" s="1" t="s">
        <v>5881</v>
      </c>
      <c r="E7195" s="1" t="s">
        <v>7</v>
      </c>
    </row>
    <row r="7196">
      <c r="A7196" s="1">
        <v>4.90422137E8</v>
      </c>
      <c r="B7196" s="2">
        <v>12453.0</v>
      </c>
      <c r="C7196" s="1" t="s">
        <v>5</v>
      </c>
      <c r="D7196" s="1" t="s">
        <v>5882</v>
      </c>
      <c r="E7196" s="1" t="s">
        <v>5883</v>
      </c>
    </row>
    <row r="7197">
      <c r="A7197" s="1">
        <v>4.9042214E8</v>
      </c>
      <c r="B7197" s="2">
        <v>12008.0</v>
      </c>
      <c r="C7197" s="1" t="s">
        <v>5</v>
      </c>
      <c r="D7197" s="1" t="s">
        <v>5884</v>
      </c>
      <c r="E7197" s="1" t="s">
        <v>11</v>
      </c>
    </row>
    <row r="7198">
      <c r="A7198" s="1">
        <v>4.9042215E8</v>
      </c>
      <c r="B7198" s="2">
        <v>12436.0</v>
      </c>
      <c r="C7198" s="1" t="s">
        <v>5</v>
      </c>
      <c r="D7198" s="1" t="s">
        <v>5885</v>
      </c>
      <c r="E7198" s="1" t="s">
        <v>7</v>
      </c>
    </row>
    <row r="7199">
      <c r="A7199" s="1">
        <v>4.90422169E8</v>
      </c>
      <c r="B7199" s="2">
        <v>12018.0</v>
      </c>
      <c r="C7199" s="1" t="s">
        <v>5</v>
      </c>
      <c r="D7199" s="1" t="s">
        <v>5886</v>
      </c>
      <c r="E7199" s="1" t="s">
        <v>11</v>
      </c>
    </row>
    <row r="7200">
      <c r="A7200" s="1">
        <v>4.90422171E8</v>
      </c>
      <c r="B7200" s="2">
        <v>12531.0</v>
      </c>
      <c r="C7200" s="1" t="s">
        <v>5</v>
      </c>
      <c r="D7200" s="1" t="s">
        <v>5887</v>
      </c>
      <c r="E7200" s="1" t="s">
        <v>7</v>
      </c>
    </row>
    <row r="7201">
      <c r="A7201" s="1">
        <v>4.904222E8</v>
      </c>
      <c r="B7201" s="2">
        <v>12439.0</v>
      </c>
      <c r="C7201" s="1" t="s">
        <v>5</v>
      </c>
      <c r="D7201" s="1" t="s">
        <v>5888</v>
      </c>
      <c r="E7201" s="1" t="s">
        <v>7</v>
      </c>
    </row>
    <row r="7202">
      <c r="A7202" s="1">
        <v>4.90422202E8</v>
      </c>
      <c r="B7202" s="2">
        <v>12460.0</v>
      </c>
      <c r="C7202" s="1" t="s">
        <v>5</v>
      </c>
      <c r="D7202" s="1" t="s">
        <v>5889</v>
      </c>
      <c r="E7202" s="1" t="s">
        <v>11</v>
      </c>
    </row>
    <row r="7203">
      <c r="A7203" s="1">
        <v>4.90422209E8</v>
      </c>
      <c r="B7203" s="2">
        <v>12459.0</v>
      </c>
      <c r="C7203" s="1" t="s">
        <v>5</v>
      </c>
      <c r="D7203" s="1" t="s">
        <v>5890</v>
      </c>
      <c r="E7203" s="1" t="s">
        <v>7</v>
      </c>
    </row>
    <row r="7204">
      <c r="A7204" s="1">
        <v>4.90422224E8</v>
      </c>
      <c r="B7204" s="2">
        <v>11966.0</v>
      </c>
      <c r="C7204" s="1" t="s">
        <v>5</v>
      </c>
      <c r="D7204" s="1" t="s">
        <v>11</v>
      </c>
      <c r="E7204" s="1" t="s">
        <v>7</v>
      </c>
    </row>
    <row r="7205">
      <c r="A7205" s="1">
        <v>4.90422232E8</v>
      </c>
      <c r="B7205" s="2">
        <v>12019.0</v>
      </c>
      <c r="C7205" s="1" t="s">
        <v>5</v>
      </c>
      <c r="D7205" s="1" t="s">
        <v>5891</v>
      </c>
      <c r="E7205" s="1" t="s">
        <v>11</v>
      </c>
    </row>
    <row r="7206">
      <c r="A7206" s="1">
        <v>4.90422239E8</v>
      </c>
      <c r="B7206" s="2">
        <v>12484.0</v>
      </c>
      <c r="C7206" s="1" t="s">
        <v>5</v>
      </c>
      <c r="D7206" s="1" t="s">
        <v>5892</v>
      </c>
      <c r="E7206" s="1" t="s">
        <v>7</v>
      </c>
    </row>
    <row r="7207">
      <c r="A7207" s="1">
        <v>4.9042228E8</v>
      </c>
      <c r="B7207" s="2">
        <v>12473.0</v>
      </c>
      <c r="C7207" s="1" t="s">
        <v>5</v>
      </c>
      <c r="D7207" s="1" t="s">
        <v>5893</v>
      </c>
      <c r="E7207" s="1" t="s">
        <v>11</v>
      </c>
    </row>
    <row r="7208">
      <c r="A7208" s="1">
        <v>4.90422287E8</v>
      </c>
      <c r="B7208" s="2">
        <v>12518.0</v>
      </c>
      <c r="C7208" s="1" t="s">
        <v>5</v>
      </c>
      <c r="D7208" s="1" t="s">
        <v>5894</v>
      </c>
      <c r="E7208" s="1" t="s">
        <v>7</v>
      </c>
    </row>
    <row r="7209">
      <c r="A7209" s="1">
        <v>4.90422293E8</v>
      </c>
      <c r="B7209" s="2">
        <v>12517.0</v>
      </c>
      <c r="C7209" s="1" t="s">
        <v>5</v>
      </c>
      <c r="D7209" s="1" t="s">
        <v>5895</v>
      </c>
      <c r="E7209" s="1" t="s">
        <v>7</v>
      </c>
    </row>
    <row r="7210">
      <c r="A7210" s="1">
        <v>4.90422322E8</v>
      </c>
      <c r="B7210" s="2">
        <v>12480.0</v>
      </c>
      <c r="C7210" s="1" t="s">
        <v>5</v>
      </c>
      <c r="D7210" s="1" t="s">
        <v>5896</v>
      </c>
      <c r="E7210" s="1" t="s">
        <v>11</v>
      </c>
    </row>
    <row r="7211">
      <c r="A7211" s="1">
        <v>4.90422335E8</v>
      </c>
      <c r="B7211" s="2">
        <v>11964.0</v>
      </c>
      <c r="C7211" s="1" t="s">
        <v>5</v>
      </c>
      <c r="D7211" s="1" t="s">
        <v>5897</v>
      </c>
      <c r="E7211" s="1" t="s">
        <v>11</v>
      </c>
    </row>
    <row r="7212">
      <c r="A7212" s="1">
        <v>4.90422347E8</v>
      </c>
      <c r="B7212" s="2">
        <v>12459.0</v>
      </c>
      <c r="C7212" s="1" t="s">
        <v>5</v>
      </c>
      <c r="D7212" s="1" t="s">
        <v>5898</v>
      </c>
      <c r="E7212" s="1" t="s">
        <v>7</v>
      </c>
    </row>
    <row r="7213">
      <c r="A7213" s="1">
        <v>4.90422355E8</v>
      </c>
      <c r="B7213" s="2">
        <v>12512.0</v>
      </c>
      <c r="C7213" s="1" t="s">
        <v>5</v>
      </c>
      <c r="D7213" s="1" t="s">
        <v>5899</v>
      </c>
      <c r="E7213" s="1" t="s">
        <v>11</v>
      </c>
    </row>
    <row r="7214">
      <c r="A7214" s="1">
        <v>4.90422361E8</v>
      </c>
      <c r="B7214" s="2">
        <v>12471.0</v>
      </c>
      <c r="C7214" s="1" t="s">
        <v>5</v>
      </c>
      <c r="D7214" s="1" t="s">
        <v>5900</v>
      </c>
      <c r="E7214" s="1" t="s">
        <v>7</v>
      </c>
    </row>
    <row r="7215">
      <c r="A7215" s="1">
        <v>4.90422362E8</v>
      </c>
      <c r="B7215" s="2">
        <v>12535.0</v>
      </c>
      <c r="C7215" s="1" t="s">
        <v>5</v>
      </c>
      <c r="D7215" s="1" t="s">
        <v>5901</v>
      </c>
      <c r="E7215" s="1" t="s">
        <v>11</v>
      </c>
    </row>
    <row r="7216">
      <c r="A7216" s="1">
        <v>4.90422366E8</v>
      </c>
      <c r="B7216" s="2">
        <v>12018.0</v>
      </c>
      <c r="C7216" s="1" t="s">
        <v>5</v>
      </c>
      <c r="D7216" s="1" t="s">
        <v>5902</v>
      </c>
      <c r="E7216" s="1" t="s">
        <v>7</v>
      </c>
    </row>
    <row r="7217">
      <c r="A7217" s="1">
        <v>4.90422367E8</v>
      </c>
      <c r="B7217" s="2">
        <v>12482.0</v>
      </c>
      <c r="C7217" s="1" t="s">
        <v>5</v>
      </c>
      <c r="D7217" s="1" t="s">
        <v>5903</v>
      </c>
      <c r="E7217" s="1" t="s">
        <v>7</v>
      </c>
    </row>
    <row r="7218">
      <c r="A7218" s="1">
        <v>4.90422369E8</v>
      </c>
      <c r="B7218" s="2">
        <v>12018.0</v>
      </c>
      <c r="C7218" s="1" t="s">
        <v>5</v>
      </c>
      <c r="D7218" s="1" t="s">
        <v>5904</v>
      </c>
      <c r="E7218" s="1" t="s">
        <v>7</v>
      </c>
    </row>
    <row r="7219">
      <c r="A7219" s="1">
        <v>4.90422378E8</v>
      </c>
      <c r="B7219" s="2">
        <v>12469.0</v>
      </c>
      <c r="C7219" s="1" t="s">
        <v>5</v>
      </c>
      <c r="D7219" s="1" t="s">
        <v>11</v>
      </c>
      <c r="E7219" s="1" t="s">
        <v>7</v>
      </c>
    </row>
    <row r="7220">
      <c r="A7220" s="1">
        <v>4.9042238E8</v>
      </c>
      <c r="B7220" s="2">
        <v>12469.0</v>
      </c>
      <c r="C7220" s="1" t="s">
        <v>5</v>
      </c>
      <c r="D7220" s="1" t="s">
        <v>5905</v>
      </c>
      <c r="E7220" s="1" t="s">
        <v>7</v>
      </c>
    </row>
    <row r="7221">
      <c r="A7221" s="1">
        <v>4.90422381E8</v>
      </c>
      <c r="B7221" s="2">
        <v>12438.0</v>
      </c>
      <c r="C7221" s="1" t="s">
        <v>5</v>
      </c>
      <c r="D7221" s="1" t="s">
        <v>5906</v>
      </c>
      <c r="E7221" s="1" t="s">
        <v>7</v>
      </c>
    </row>
    <row r="7222">
      <c r="A7222" s="1">
        <v>4.90422382E8</v>
      </c>
      <c r="B7222" s="2">
        <v>12471.0</v>
      </c>
      <c r="C7222" s="1" t="s">
        <v>5</v>
      </c>
      <c r="D7222" s="1" t="s">
        <v>42</v>
      </c>
      <c r="E7222" s="1" t="s">
        <v>7</v>
      </c>
    </row>
    <row r="7223">
      <c r="A7223" s="1">
        <v>4.90422404E8</v>
      </c>
      <c r="B7223" s="2">
        <v>12471.0</v>
      </c>
      <c r="C7223" s="1" t="s">
        <v>5</v>
      </c>
      <c r="D7223" s="1" t="s">
        <v>5907</v>
      </c>
      <c r="E7223" s="1" t="s">
        <v>7</v>
      </c>
    </row>
    <row r="7224">
      <c r="A7224" s="1">
        <v>4.90422416E8</v>
      </c>
      <c r="B7224" s="2">
        <v>12475.0</v>
      </c>
      <c r="C7224" s="1" t="s">
        <v>5</v>
      </c>
      <c r="D7224" s="1" t="s">
        <v>5908</v>
      </c>
      <c r="E7224" s="1" t="s">
        <v>7</v>
      </c>
    </row>
    <row r="7225">
      <c r="A7225" s="1">
        <v>4.90422422E8</v>
      </c>
      <c r="B7225" s="2">
        <v>12517.0</v>
      </c>
      <c r="C7225" s="1" t="s">
        <v>5</v>
      </c>
      <c r="D7225" s="1" t="s">
        <v>7</v>
      </c>
      <c r="E7225" s="1" t="s">
        <v>7</v>
      </c>
    </row>
    <row r="7226">
      <c r="A7226" s="1">
        <v>4.9042243E8</v>
      </c>
      <c r="B7226" s="2">
        <v>12538.0</v>
      </c>
      <c r="C7226" s="1" t="s">
        <v>5</v>
      </c>
      <c r="D7226" s="1" t="s">
        <v>5909</v>
      </c>
      <c r="E7226" s="1" t="s">
        <v>11</v>
      </c>
    </row>
    <row r="7227">
      <c r="A7227" s="1">
        <v>4.90422433E8</v>
      </c>
      <c r="B7227" s="2">
        <v>12469.0</v>
      </c>
      <c r="C7227" s="1" t="s">
        <v>5</v>
      </c>
      <c r="D7227" s="1" t="s">
        <v>5910</v>
      </c>
      <c r="E7227" s="1" t="s">
        <v>7</v>
      </c>
    </row>
    <row r="7228">
      <c r="A7228" s="1">
        <v>4.90422459E8</v>
      </c>
      <c r="B7228" s="2">
        <v>12455.0</v>
      </c>
      <c r="C7228" s="1" t="s">
        <v>5</v>
      </c>
      <c r="D7228" s="1" t="s">
        <v>11</v>
      </c>
      <c r="E7228" s="1" t="s">
        <v>7</v>
      </c>
    </row>
    <row r="7229">
      <c r="A7229" s="1">
        <v>4.9042247E8</v>
      </c>
      <c r="B7229" s="2">
        <v>12018.0</v>
      </c>
      <c r="C7229" s="1" t="s">
        <v>5</v>
      </c>
      <c r="D7229" s="1" t="s">
        <v>11</v>
      </c>
      <c r="E7229" s="1" t="s">
        <v>7</v>
      </c>
    </row>
    <row r="7230">
      <c r="A7230" s="1">
        <v>4.90422472E8</v>
      </c>
      <c r="B7230" s="2">
        <v>12475.0</v>
      </c>
      <c r="C7230" s="1" t="s">
        <v>5</v>
      </c>
      <c r="D7230" s="1" t="s">
        <v>5911</v>
      </c>
      <c r="E7230" s="1" t="s">
        <v>5912</v>
      </c>
    </row>
    <row r="7231">
      <c r="A7231" s="1">
        <v>4.90422473E8</v>
      </c>
      <c r="B7231" s="2">
        <v>12472.0</v>
      </c>
      <c r="C7231" s="1" t="s">
        <v>5</v>
      </c>
      <c r="D7231" s="1" t="s">
        <v>5913</v>
      </c>
      <c r="E7231" s="1" t="s">
        <v>7</v>
      </c>
    </row>
    <row r="7232">
      <c r="A7232" s="1">
        <v>4.90422494E8</v>
      </c>
      <c r="B7232" s="2">
        <v>12539.0</v>
      </c>
      <c r="C7232" s="1" t="s">
        <v>5</v>
      </c>
      <c r="D7232" s="1" t="s">
        <v>5914</v>
      </c>
      <c r="E7232" s="1" t="s">
        <v>7</v>
      </c>
    </row>
    <row r="7233">
      <c r="A7233" s="1">
        <v>4.90422497E8</v>
      </c>
      <c r="B7233" s="2">
        <v>12520.0</v>
      </c>
      <c r="C7233" s="1" t="s">
        <v>5</v>
      </c>
      <c r="D7233" s="1" t="s">
        <v>5915</v>
      </c>
      <c r="E7233" s="1" t="s">
        <v>11</v>
      </c>
    </row>
    <row r="7234">
      <c r="A7234" s="1">
        <v>4.904225E8</v>
      </c>
      <c r="B7234" s="2">
        <v>12482.0</v>
      </c>
      <c r="C7234" s="1" t="s">
        <v>5</v>
      </c>
      <c r="D7234" s="1" t="s">
        <v>11</v>
      </c>
      <c r="E7234" s="1" t="s">
        <v>7</v>
      </c>
    </row>
    <row r="7235">
      <c r="A7235" s="1">
        <v>4.90422529E8</v>
      </c>
      <c r="B7235" s="2">
        <v>12455.0</v>
      </c>
      <c r="C7235" s="1" t="s">
        <v>5</v>
      </c>
      <c r="D7235" s="1" t="s">
        <v>5916</v>
      </c>
      <c r="E7235" s="1" t="s">
        <v>7</v>
      </c>
    </row>
    <row r="7236">
      <c r="A7236" s="1">
        <v>4.9042257E8</v>
      </c>
      <c r="B7236" s="2">
        <v>12451.0</v>
      </c>
      <c r="C7236" s="1" t="s">
        <v>5</v>
      </c>
      <c r="D7236" s="1" t="s">
        <v>5917</v>
      </c>
      <c r="E7236" s="1" t="s">
        <v>7</v>
      </c>
    </row>
    <row r="7237">
      <c r="A7237" s="1">
        <v>4.90422576E8</v>
      </c>
      <c r="B7237" s="2">
        <v>12437.0</v>
      </c>
      <c r="C7237" s="1" t="s">
        <v>5</v>
      </c>
      <c r="D7237" s="1" t="s">
        <v>5918</v>
      </c>
      <c r="E7237" s="1" t="s">
        <v>7</v>
      </c>
    </row>
    <row r="7238">
      <c r="A7238" s="1">
        <v>4.90422594E8</v>
      </c>
      <c r="B7238" s="2">
        <v>12520.0</v>
      </c>
      <c r="C7238" s="1" t="s">
        <v>5</v>
      </c>
      <c r="D7238" s="1" t="s">
        <v>5919</v>
      </c>
      <c r="E7238" s="1" t="s">
        <v>7</v>
      </c>
    </row>
    <row r="7239">
      <c r="A7239" s="1">
        <v>4.90422643E8</v>
      </c>
      <c r="B7239" s="2">
        <v>12475.0</v>
      </c>
      <c r="C7239" s="1" t="s">
        <v>5</v>
      </c>
      <c r="D7239" s="1" t="s">
        <v>5920</v>
      </c>
      <c r="E7239" s="1" t="s">
        <v>7</v>
      </c>
    </row>
    <row r="7240">
      <c r="A7240" s="1">
        <v>4.90422644E8</v>
      </c>
      <c r="B7240" s="2">
        <v>11964.0</v>
      </c>
      <c r="C7240" s="1" t="s">
        <v>5</v>
      </c>
      <c r="D7240" s="1" t="s">
        <v>11</v>
      </c>
      <c r="E7240" s="1" t="s">
        <v>7</v>
      </c>
    </row>
    <row r="7241">
      <c r="A7241" s="1">
        <v>4.90422646E8</v>
      </c>
      <c r="B7241" s="2">
        <v>12014.0</v>
      </c>
      <c r="C7241" s="1" t="s">
        <v>5</v>
      </c>
      <c r="D7241" s="1" t="s">
        <v>5921</v>
      </c>
      <c r="E7241" s="1" t="s">
        <v>7</v>
      </c>
    </row>
    <row r="7242">
      <c r="A7242" s="1">
        <v>4.90422651E8</v>
      </c>
      <c r="B7242" s="2">
        <v>12517.0</v>
      </c>
      <c r="C7242" s="1" t="s">
        <v>5</v>
      </c>
      <c r="D7242" s="1" t="s">
        <v>5922</v>
      </c>
      <c r="E7242" s="1" t="s">
        <v>7</v>
      </c>
    </row>
    <row r="7243">
      <c r="A7243" s="1">
        <v>4.90422658E8</v>
      </c>
      <c r="B7243" s="2">
        <v>12479.0</v>
      </c>
      <c r="C7243" s="1" t="s">
        <v>5</v>
      </c>
      <c r="D7243" s="1" t="s">
        <v>5923</v>
      </c>
      <c r="E7243" s="1" t="s">
        <v>7</v>
      </c>
    </row>
    <row r="7244">
      <c r="A7244" s="1">
        <v>4.90422669E8</v>
      </c>
      <c r="B7244" s="2">
        <v>12451.0</v>
      </c>
      <c r="C7244" s="1" t="s">
        <v>5</v>
      </c>
      <c r="D7244" s="1" t="s">
        <v>5924</v>
      </c>
      <c r="E7244" s="1" t="s">
        <v>11</v>
      </c>
    </row>
    <row r="7245">
      <c r="A7245" s="1">
        <v>4.9042267E8</v>
      </c>
      <c r="B7245" s="2">
        <v>12016.0</v>
      </c>
      <c r="C7245" s="1" t="s">
        <v>5</v>
      </c>
      <c r="D7245" s="1" t="s">
        <v>11</v>
      </c>
      <c r="E7245" s="1" t="s">
        <v>7</v>
      </c>
    </row>
    <row r="7246">
      <c r="A7246" s="1">
        <v>4.9042271E8</v>
      </c>
      <c r="B7246" s="2">
        <v>12457.0</v>
      </c>
      <c r="C7246" s="1" t="s">
        <v>5</v>
      </c>
      <c r="D7246" s="1" t="s">
        <v>5925</v>
      </c>
      <c r="E7246" s="1" t="s">
        <v>11</v>
      </c>
    </row>
    <row r="7247">
      <c r="A7247" s="1">
        <v>4.90422715E8</v>
      </c>
      <c r="B7247" s="2">
        <v>11964.0</v>
      </c>
      <c r="C7247" s="1" t="s">
        <v>5</v>
      </c>
      <c r="D7247" s="1" t="s">
        <v>5926</v>
      </c>
      <c r="E7247" s="1" t="s">
        <v>11</v>
      </c>
    </row>
    <row r="7248">
      <c r="A7248" s="1">
        <v>4.90422719E8</v>
      </c>
      <c r="B7248" s="2">
        <v>12457.0</v>
      </c>
      <c r="C7248" s="1" t="s">
        <v>5</v>
      </c>
      <c r="D7248" s="1" t="s">
        <v>5927</v>
      </c>
      <c r="E7248" s="1" t="s">
        <v>7</v>
      </c>
    </row>
    <row r="7249">
      <c r="A7249" s="1">
        <v>4.90422725E8</v>
      </c>
      <c r="B7249" s="2">
        <v>12479.0</v>
      </c>
      <c r="C7249" s="1" t="s">
        <v>5</v>
      </c>
      <c r="D7249" s="1" t="s">
        <v>5928</v>
      </c>
      <c r="E7249" s="1" t="s">
        <v>7</v>
      </c>
    </row>
    <row r="7250">
      <c r="A7250" s="1">
        <v>4.90422733E8</v>
      </c>
      <c r="B7250" s="2">
        <v>12527.0</v>
      </c>
      <c r="C7250" s="1" t="s">
        <v>5</v>
      </c>
      <c r="D7250" s="1" t="s">
        <v>11</v>
      </c>
      <c r="E7250" s="1" t="s">
        <v>7</v>
      </c>
    </row>
    <row r="7251">
      <c r="A7251" s="1">
        <v>4.90422735E8</v>
      </c>
      <c r="B7251" s="2">
        <v>12538.0</v>
      </c>
      <c r="C7251" s="1" t="s">
        <v>5</v>
      </c>
      <c r="D7251" s="1" t="s">
        <v>11</v>
      </c>
      <c r="E7251" s="1" t="s">
        <v>7</v>
      </c>
    </row>
    <row r="7252">
      <c r="A7252" s="1">
        <v>4.90422738E8</v>
      </c>
      <c r="B7252" s="2">
        <v>12452.0</v>
      </c>
      <c r="C7252" s="1" t="s">
        <v>5</v>
      </c>
      <c r="D7252" s="1" t="s">
        <v>5929</v>
      </c>
      <c r="E7252" s="1" t="s">
        <v>7</v>
      </c>
    </row>
    <row r="7253">
      <c r="A7253" s="1">
        <v>4.90422749E8</v>
      </c>
      <c r="B7253" s="2">
        <v>12533.0</v>
      </c>
      <c r="C7253" s="1" t="s">
        <v>5</v>
      </c>
      <c r="D7253" s="1" t="s">
        <v>5930</v>
      </c>
      <c r="E7253" s="1" t="s">
        <v>7</v>
      </c>
    </row>
    <row r="7254">
      <c r="A7254" s="1">
        <v>4.90422754E8</v>
      </c>
      <c r="B7254" s="2">
        <v>12466.0</v>
      </c>
      <c r="C7254" s="1" t="s">
        <v>5</v>
      </c>
      <c r="D7254" s="1" t="s">
        <v>11</v>
      </c>
      <c r="E7254" s="1" t="s">
        <v>7</v>
      </c>
    </row>
    <row r="7255">
      <c r="A7255" s="1">
        <v>4.90422763E8</v>
      </c>
      <c r="B7255" s="2">
        <v>12471.0</v>
      </c>
      <c r="C7255" s="1" t="s">
        <v>5</v>
      </c>
      <c r="D7255" s="1" t="s">
        <v>11</v>
      </c>
      <c r="E7255" s="1" t="s">
        <v>7</v>
      </c>
    </row>
    <row r="7256">
      <c r="A7256" s="1">
        <v>4.90422787E8</v>
      </c>
      <c r="B7256" s="2">
        <v>12432.0</v>
      </c>
      <c r="C7256" s="1" t="s">
        <v>5</v>
      </c>
      <c r="D7256" s="1" t="s">
        <v>5931</v>
      </c>
      <c r="E7256" s="1" t="s">
        <v>7</v>
      </c>
    </row>
    <row r="7257">
      <c r="A7257" s="1">
        <v>4.90422884E8</v>
      </c>
      <c r="B7257" s="2">
        <v>12503.0</v>
      </c>
      <c r="C7257" s="1" t="s">
        <v>5</v>
      </c>
      <c r="D7257" s="1" t="s">
        <v>5932</v>
      </c>
      <c r="E7257" s="1" t="s">
        <v>5933</v>
      </c>
    </row>
    <row r="7258">
      <c r="A7258" s="1">
        <v>4.90422898E8</v>
      </c>
      <c r="B7258" s="2">
        <v>12517.0</v>
      </c>
      <c r="C7258" s="1" t="s">
        <v>5</v>
      </c>
      <c r="D7258" s="1" t="s">
        <v>5934</v>
      </c>
      <c r="E7258" s="1" t="s">
        <v>7</v>
      </c>
    </row>
    <row r="7259">
      <c r="A7259" s="1">
        <v>4.90422914E8</v>
      </c>
      <c r="B7259" s="2">
        <v>12469.0</v>
      </c>
      <c r="C7259" s="1" t="s">
        <v>5</v>
      </c>
      <c r="D7259" s="1" t="s">
        <v>5935</v>
      </c>
      <c r="E7259" s="1" t="s">
        <v>11</v>
      </c>
    </row>
    <row r="7260">
      <c r="A7260" s="1">
        <v>4.90422917E8</v>
      </c>
      <c r="B7260" s="2">
        <v>12523.0</v>
      </c>
      <c r="C7260" s="1" t="s">
        <v>5</v>
      </c>
      <c r="D7260" s="1" t="s">
        <v>5936</v>
      </c>
      <c r="E7260" s="1" t="s">
        <v>11</v>
      </c>
    </row>
    <row r="7261">
      <c r="A7261" s="1">
        <v>4.9042292E8</v>
      </c>
      <c r="B7261" s="2">
        <v>12516.0</v>
      </c>
      <c r="C7261" s="1" t="s">
        <v>5</v>
      </c>
      <c r="D7261" s="1" t="s">
        <v>5937</v>
      </c>
      <c r="E7261" s="1" t="s">
        <v>7</v>
      </c>
    </row>
    <row r="7262">
      <c r="A7262" s="1">
        <v>4.90422963E8</v>
      </c>
      <c r="B7262" s="2">
        <v>12020.0</v>
      </c>
      <c r="C7262" s="1" t="s">
        <v>5</v>
      </c>
      <c r="D7262" s="1" t="s">
        <v>5938</v>
      </c>
      <c r="E7262" s="1" t="s">
        <v>5939</v>
      </c>
    </row>
    <row r="7263">
      <c r="A7263" s="1">
        <v>4.90422965E8</v>
      </c>
      <c r="B7263" s="2">
        <v>12538.0</v>
      </c>
      <c r="C7263" s="1" t="s">
        <v>5</v>
      </c>
      <c r="D7263" s="1" t="s">
        <v>5914</v>
      </c>
      <c r="E7263" s="1" t="s">
        <v>7</v>
      </c>
    </row>
    <row r="7264">
      <c r="A7264" s="1">
        <v>4.90422967E8</v>
      </c>
      <c r="B7264" s="2">
        <v>12474.0</v>
      </c>
      <c r="C7264" s="1" t="s">
        <v>5</v>
      </c>
      <c r="D7264" s="1" t="s">
        <v>5940</v>
      </c>
      <c r="E7264" s="1" t="s">
        <v>5941</v>
      </c>
    </row>
    <row r="7265">
      <c r="A7265" s="1">
        <v>4.90423024E8</v>
      </c>
      <c r="B7265" s="2">
        <v>12514.0</v>
      </c>
      <c r="C7265" s="1" t="s">
        <v>5</v>
      </c>
      <c r="D7265" s="1" t="s">
        <v>5942</v>
      </c>
      <c r="E7265" s="1" t="s">
        <v>11</v>
      </c>
    </row>
    <row r="7266">
      <c r="A7266" s="1">
        <v>4.90423033E8</v>
      </c>
      <c r="B7266" s="2">
        <v>12538.0</v>
      </c>
      <c r="C7266" s="1" t="s">
        <v>5</v>
      </c>
      <c r="D7266" s="1" t="s">
        <v>5943</v>
      </c>
      <c r="E7266" s="1" t="s">
        <v>11</v>
      </c>
    </row>
    <row r="7267">
      <c r="A7267" s="1">
        <v>4.90423041E8</v>
      </c>
      <c r="B7267" s="2">
        <v>12512.0</v>
      </c>
      <c r="C7267" s="1" t="s">
        <v>5</v>
      </c>
      <c r="D7267" s="1" t="s">
        <v>5944</v>
      </c>
      <c r="E7267" s="1" t="s">
        <v>7</v>
      </c>
    </row>
    <row r="7268">
      <c r="A7268" s="1">
        <v>4.90423056E8</v>
      </c>
      <c r="B7268" s="2">
        <v>12430.0</v>
      </c>
      <c r="C7268" s="1" t="s">
        <v>5</v>
      </c>
      <c r="D7268" s="1" t="s">
        <v>5945</v>
      </c>
      <c r="E7268" s="1" t="s">
        <v>7</v>
      </c>
    </row>
    <row r="7269">
      <c r="A7269" s="1">
        <v>4.90423085E8</v>
      </c>
      <c r="B7269" s="2">
        <v>12500.0</v>
      </c>
      <c r="C7269" s="1" t="s">
        <v>5</v>
      </c>
      <c r="D7269" s="1" t="s">
        <v>5946</v>
      </c>
      <c r="E7269" s="1" t="s">
        <v>7</v>
      </c>
    </row>
    <row r="7270">
      <c r="A7270" s="1">
        <v>4.90423125E8</v>
      </c>
      <c r="B7270" s="2">
        <v>12538.0</v>
      </c>
      <c r="C7270" s="1" t="s">
        <v>5</v>
      </c>
      <c r="D7270" s="1" t="s">
        <v>5947</v>
      </c>
      <c r="E7270" s="1" t="s">
        <v>7</v>
      </c>
    </row>
    <row r="7271">
      <c r="A7271" s="1">
        <v>4.9042315E8</v>
      </c>
      <c r="B7271" s="2">
        <v>12020.0</v>
      </c>
      <c r="C7271" s="1" t="s">
        <v>5</v>
      </c>
      <c r="D7271" s="1" t="s">
        <v>11</v>
      </c>
      <c r="E7271" s="1" t="s">
        <v>7</v>
      </c>
    </row>
    <row r="7272">
      <c r="A7272" s="1">
        <v>4.90423187E8</v>
      </c>
      <c r="B7272" s="2">
        <v>12517.0</v>
      </c>
      <c r="C7272" s="1" t="s">
        <v>5</v>
      </c>
      <c r="D7272" s="1" t="s">
        <v>5948</v>
      </c>
      <c r="E7272" s="1" t="s">
        <v>11</v>
      </c>
    </row>
    <row r="7273">
      <c r="A7273" s="1">
        <v>4.90423222E8</v>
      </c>
      <c r="B7273" s="2">
        <v>12430.0</v>
      </c>
      <c r="C7273" s="1" t="s">
        <v>5</v>
      </c>
      <c r="D7273" s="1" t="s">
        <v>11</v>
      </c>
      <c r="E7273" s="1" t="s">
        <v>7</v>
      </c>
    </row>
    <row r="7274">
      <c r="A7274" s="1">
        <v>4.90423242E8</v>
      </c>
      <c r="B7274" s="2">
        <v>12469.0</v>
      </c>
      <c r="C7274" s="1" t="s">
        <v>5</v>
      </c>
      <c r="D7274" s="1" t="s">
        <v>5949</v>
      </c>
      <c r="E7274" s="1" t="s">
        <v>7</v>
      </c>
    </row>
    <row r="7275">
      <c r="A7275" s="1">
        <v>4.90423261E8</v>
      </c>
      <c r="B7275" s="2">
        <v>12019.0</v>
      </c>
      <c r="C7275" s="1" t="s">
        <v>5</v>
      </c>
      <c r="D7275" s="1" t="s">
        <v>5950</v>
      </c>
      <c r="E7275" s="1" t="s">
        <v>11</v>
      </c>
    </row>
    <row r="7276">
      <c r="A7276" s="1">
        <v>4.90423262E8</v>
      </c>
      <c r="B7276" s="2">
        <v>12455.0</v>
      </c>
      <c r="C7276" s="1" t="s">
        <v>5</v>
      </c>
      <c r="D7276" s="1" t="s">
        <v>5951</v>
      </c>
      <c r="E7276" s="1" t="s">
        <v>7</v>
      </c>
    </row>
    <row r="7277">
      <c r="A7277" s="1">
        <v>4.90423272E8</v>
      </c>
      <c r="B7277" s="2">
        <v>12020.0</v>
      </c>
      <c r="C7277" s="1" t="s">
        <v>5</v>
      </c>
      <c r="D7277" s="1" t="s">
        <v>5952</v>
      </c>
      <c r="E7277" s="1" t="s">
        <v>7</v>
      </c>
    </row>
    <row r="7278">
      <c r="A7278" s="1">
        <v>4.90423275E8</v>
      </c>
      <c r="B7278" s="2">
        <v>12455.0</v>
      </c>
      <c r="C7278" s="1" t="s">
        <v>5</v>
      </c>
      <c r="D7278" s="1" t="s">
        <v>5953</v>
      </c>
      <c r="E7278" s="1" t="s">
        <v>7</v>
      </c>
    </row>
    <row r="7279">
      <c r="A7279" s="1">
        <v>4.90423295E8</v>
      </c>
      <c r="B7279" s="2">
        <v>12019.0</v>
      </c>
      <c r="C7279" s="1" t="s">
        <v>5</v>
      </c>
      <c r="D7279" s="1" t="s">
        <v>5954</v>
      </c>
      <c r="E7279" s="1" t="s">
        <v>7</v>
      </c>
    </row>
    <row r="7280">
      <c r="A7280" s="1">
        <v>4.90423303E8</v>
      </c>
      <c r="B7280" s="2">
        <v>12537.0</v>
      </c>
      <c r="C7280" s="1" t="s">
        <v>5</v>
      </c>
      <c r="D7280" s="1" t="s">
        <v>5955</v>
      </c>
      <c r="E7280" s="1" t="s">
        <v>7</v>
      </c>
    </row>
    <row r="7281">
      <c r="A7281" s="1">
        <v>4.9042336E8</v>
      </c>
      <c r="B7281" s="2">
        <v>12535.0</v>
      </c>
      <c r="C7281" s="1" t="s">
        <v>5</v>
      </c>
      <c r="D7281" s="1" t="s">
        <v>5956</v>
      </c>
      <c r="E7281" s="1" t="s">
        <v>5957</v>
      </c>
    </row>
    <row r="7282">
      <c r="A7282" s="1">
        <v>4.90423361E8</v>
      </c>
      <c r="B7282" s="2">
        <v>12455.0</v>
      </c>
      <c r="C7282" s="1" t="s">
        <v>5</v>
      </c>
      <c r="D7282" s="1" t="s">
        <v>5958</v>
      </c>
      <c r="E7282" s="1" t="s">
        <v>7</v>
      </c>
    </row>
    <row r="7283">
      <c r="A7283" s="1">
        <v>4.90423363E8</v>
      </c>
      <c r="B7283" s="2">
        <v>12509.0</v>
      </c>
      <c r="C7283" s="1" t="s">
        <v>5</v>
      </c>
      <c r="D7283" s="1" t="s">
        <v>5959</v>
      </c>
      <c r="E7283" s="1" t="s">
        <v>7</v>
      </c>
    </row>
    <row r="7284">
      <c r="A7284" s="1">
        <v>4.90423424E8</v>
      </c>
      <c r="B7284" s="2">
        <v>12513.0</v>
      </c>
      <c r="C7284" s="1" t="s">
        <v>5</v>
      </c>
      <c r="D7284" s="1" t="s">
        <v>11</v>
      </c>
      <c r="E7284" s="1" t="s">
        <v>7</v>
      </c>
    </row>
    <row r="7285">
      <c r="A7285" s="1">
        <v>4.90423461E8</v>
      </c>
      <c r="B7285" s="2">
        <v>12510.0</v>
      </c>
      <c r="C7285" s="1" t="s">
        <v>5</v>
      </c>
      <c r="D7285" s="1" t="s">
        <v>5960</v>
      </c>
      <c r="E7285" s="1" t="s">
        <v>7</v>
      </c>
    </row>
    <row r="7286">
      <c r="A7286" s="1">
        <v>4.90423462E8</v>
      </c>
      <c r="B7286" s="2">
        <v>12514.0</v>
      </c>
      <c r="C7286" s="1" t="s">
        <v>5</v>
      </c>
      <c r="D7286" s="1" t="s">
        <v>5961</v>
      </c>
      <c r="E7286" s="1" t="s">
        <v>7</v>
      </c>
    </row>
    <row r="7287">
      <c r="A7287" s="1">
        <v>4.9042347E8</v>
      </c>
      <c r="B7287" s="2">
        <v>12013.0</v>
      </c>
      <c r="C7287" s="1" t="s">
        <v>5</v>
      </c>
      <c r="D7287" s="1" t="s">
        <v>5962</v>
      </c>
      <c r="E7287" s="1" t="s">
        <v>7</v>
      </c>
    </row>
    <row r="7288">
      <c r="A7288" s="1">
        <v>4.90423483E8</v>
      </c>
      <c r="B7288" s="2">
        <v>12523.0</v>
      </c>
      <c r="C7288" s="1" t="s">
        <v>5</v>
      </c>
      <c r="D7288" s="1" t="s">
        <v>5963</v>
      </c>
      <c r="E7288" s="1" t="s">
        <v>7</v>
      </c>
    </row>
    <row r="7289">
      <c r="A7289" s="1">
        <v>4.904235E8</v>
      </c>
      <c r="B7289" s="2">
        <v>12538.0</v>
      </c>
      <c r="C7289" s="1" t="s">
        <v>5</v>
      </c>
      <c r="D7289" s="1" t="s">
        <v>5964</v>
      </c>
      <c r="E7289" s="1" t="s">
        <v>7</v>
      </c>
    </row>
    <row r="7290">
      <c r="A7290" s="1">
        <v>4.90423508E8</v>
      </c>
      <c r="B7290" s="2">
        <v>12462.0</v>
      </c>
      <c r="C7290" s="1" t="s">
        <v>5</v>
      </c>
      <c r="D7290" s="1" t="s">
        <v>11</v>
      </c>
      <c r="E7290" s="1" t="s">
        <v>7</v>
      </c>
    </row>
    <row r="7291">
      <c r="A7291" s="1">
        <v>4.9042351E8</v>
      </c>
      <c r="B7291" s="2">
        <v>12513.0</v>
      </c>
      <c r="C7291" s="1" t="s">
        <v>5</v>
      </c>
      <c r="D7291" s="1" t="s">
        <v>5965</v>
      </c>
      <c r="E7291" s="1" t="s">
        <v>7</v>
      </c>
    </row>
    <row r="7292">
      <c r="A7292" s="1">
        <v>4.9042355E8</v>
      </c>
      <c r="B7292" s="2">
        <v>12018.0</v>
      </c>
      <c r="C7292" s="1" t="s">
        <v>5</v>
      </c>
      <c r="D7292" s="1" t="s">
        <v>5966</v>
      </c>
      <c r="E7292" s="1" t="s">
        <v>11</v>
      </c>
    </row>
    <row r="7293">
      <c r="A7293" s="1">
        <v>4.90423598E8</v>
      </c>
      <c r="B7293" s="2">
        <v>12459.0</v>
      </c>
      <c r="C7293" s="1" t="s">
        <v>5</v>
      </c>
      <c r="D7293" s="1" t="s">
        <v>5967</v>
      </c>
      <c r="E7293" s="1" t="s">
        <v>7</v>
      </c>
    </row>
    <row r="7294">
      <c r="A7294" s="1">
        <v>4.90423618E8</v>
      </c>
      <c r="B7294" s="2">
        <v>12508.0</v>
      </c>
      <c r="C7294" s="1" t="s">
        <v>5</v>
      </c>
      <c r="D7294" s="1" t="s">
        <v>5968</v>
      </c>
      <c r="E7294" s="1" t="s">
        <v>11</v>
      </c>
    </row>
    <row r="7295">
      <c r="A7295" s="1">
        <v>4.90423629E8</v>
      </c>
      <c r="B7295" s="2">
        <v>12012.0</v>
      </c>
      <c r="C7295" s="1" t="s">
        <v>5</v>
      </c>
      <c r="D7295" s="1" t="s">
        <v>5969</v>
      </c>
      <c r="E7295" s="1" t="s">
        <v>11</v>
      </c>
    </row>
    <row r="7296">
      <c r="A7296" s="1">
        <v>4.90423632E8</v>
      </c>
      <c r="B7296" s="2">
        <v>12511.0</v>
      </c>
      <c r="C7296" s="1" t="s">
        <v>5</v>
      </c>
      <c r="D7296" s="1" t="s">
        <v>5970</v>
      </c>
      <c r="E7296" s="1" t="s">
        <v>11</v>
      </c>
    </row>
    <row r="7297">
      <c r="A7297" s="1">
        <v>4.90423651E8</v>
      </c>
      <c r="B7297" s="2">
        <v>12012.0</v>
      </c>
      <c r="C7297" s="1" t="s">
        <v>5</v>
      </c>
      <c r="D7297" s="1" t="s">
        <v>11</v>
      </c>
      <c r="E7297" s="1" t="s">
        <v>7</v>
      </c>
    </row>
    <row r="7298">
      <c r="A7298" s="1">
        <v>4.90423654E8</v>
      </c>
      <c r="B7298" s="2">
        <v>12461.0</v>
      </c>
      <c r="C7298" s="1" t="s">
        <v>5</v>
      </c>
      <c r="D7298" s="1" t="s">
        <v>5971</v>
      </c>
      <c r="E7298" s="1" t="s">
        <v>5972</v>
      </c>
    </row>
    <row r="7299">
      <c r="A7299" s="1">
        <v>4.90423661E8</v>
      </c>
      <c r="B7299" s="2">
        <v>12537.0</v>
      </c>
      <c r="C7299" s="1" t="s">
        <v>5</v>
      </c>
      <c r="D7299" s="1" t="s">
        <v>5973</v>
      </c>
      <c r="E7299" s="1" t="s">
        <v>5974</v>
      </c>
    </row>
    <row r="7300">
      <c r="A7300" s="1">
        <v>4.90423667E8</v>
      </c>
      <c r="B7300" s="2">
        <v>12515.0</v>
      </c>
      <c r="C7300" s="1" t="s">
        <v>5</v>
      </c>
      <c r="D7300" s="1" t="s">
        <v>5975</v>
      </c>
      <c r="E7300" s="1" t="s">
        <v>7</v>
      </c>
    </row>
    <row r="7301">
      <c r="A7301" s="1">
        <v>4.9042367E8</v>
      </c>
      <c r="B7301" s="2">
        <v>12511.0</v>
      </c>
      <c r="C7301" s="1" t="s">
        <v>5</v>
      </c>
      <c r="D7301" s="1" t="s">
        <v>5976</v>
      </c>
      <c r="E7301" s="1" t="s">
        <v>7</v>
      </c>
    </row>
    <row r="7302">
      <c r="A7302" s="1">
        <v>4.90423707E8</v>
      </c>
      <c r="B7302" s="2">
        <v>12515.0</v>
      </c>
      <c r="C7302" s="1" t="s">
        <v>5</v>
      </c>
      <c r="D7302" s="1" t="s">
        <v>5977</v>
      </c>
      <c r="E7302" s="1" t="s">
        <v>7</v>
      </c>
    </row>
    <row r="7303">
      <c r="A7303" s="1">
        <v>4.90423709E8</v>
      </c>
      <c r="B7303" s="2">
        <v>12511.0</v>
      </c>
      <c r="C7303" s="1" t="s">
        <v>5</v>
      </c>
      <c r="D7303" s="1" t="s">
        <v>11</v>
      </c>
      <c r="E7303" s="1" t="s">
        <v>7</v>
      </c>
    </row>
    <row r="7304">
      <c r="A7304" s="1">
        <v>4.90423719E8</v>
      </c>
      <c r="B7304" s="2">
        <v>12430.0</v>
      </c>
      <c r="C7304" s="1" t="s">
        <v>5</v>
      </c>
      <c r="D7304" s="1" t="s">
        <v>11</v>
      </c>
      <c r="E7304" s="1" t="s">
        <v>7</v>
      </c>
    </row>
    <row r="7305">
      <c r="A7305" s="1">
        <v>4.90423735E8</v>
      </c>
      <c r="B7305" s="2">
        <v>12510.0</v>
      </c>
      <c r="C7305" s="1" t="s">
        <v>5</v>
      </c>
      <c r="D7305" s="1" t="s">
        <v>11</v>
      </c>
      <c r="E7305" s="1" t="s">
        <v>7</v>
      </c>
    </row>
    <row r="7306">
      <c r="A7306" s="1">
        <v>4.90423778E8</v>
      </c>
      <c r="B7306" s="2">
        <v>12510.0</v>
      </c>
      <c r="C7306" s="1" t="s">
        <v>5</v>
      </c>
      <c r="D7306" s="1" t="s">
        <v>5978</v>
      </c>
      <c r="E7306" s="1" t="s">
        <v>7</v>
      </c>
    </row>
    <row r="7307">
      <c r="A7307" s="1">
        <v>4.90423787E8</v>
      </c>
      <c r="B7307" s="2">
        <v>12518.0</v>
      </c>
      <c r="C7307" s="1" t="s">
        <v>5</v>
      </c>
      <c r="D7307" s="1" t="s">
        <v>5979</v>
      </c>
      <c r="E7307" s="1" t="s">
        <v>11</v>
      </c>
    </row>
    <row r="7308">
      <c r="A7308" s="1">
        <v>4.90423804E8</v>
      </c>
      <c r="B7308" s="2">
        <v>12458.0</v>
      </c>
      <c r="C7308" s="1" t="s">
        <v>5</v>
      </c>
      <c r="D7308" s="1" t="s">
        <v>5980</v>
      </c>
      <c r="E7308" s="1" t="s">
        <v>7</v>
      </c>
    </row>
    <row r="7309">
      <c r="A7309" s="1">
        <v>4.9042382E8</v>
      </c>
      <c r="B7309" s="2">
        <v>12461.0</v>
      </c>
      <c r="C7309" s="1" t="s">
        <v>5</v>
      </c>
      <c r="D7309" s="1" t="s">
        <v>11</v>
      </c>
      <c r="E7309" s="1" t="s">
        <v>7</v>
      </c>
    </row>
    <row r="7310">
      <c r="A7310" s="1">
        <v>4.90423829E8</v>
      </c>
      <c r="B7310" s="2">
        <v>12465.0</v>
      </c>
      <c r="C7310" s="1" t="s">
        <v>5</v>
      </c>
      <c r="D7310" s="1" t="s">
        <v>5981</v>
      </c>
      <c r="E7310" s="1" t="s">
        <v>7</v>
      </c>
    </row>
    <row r="7311">
      <c r="A7311" s="1">
        <v>4.90423844E8</v>
      </c>
      <c r="B7311" s="2">
        <v>12458.0</v>
      </c>
      <c r="C7311" s="1" t="s">
        <v>5</v>
      </c>
      <c r="D7311" s="1" t="s">
        <v>5982</v>
      </c>
      <c r="E7311" s="1" t="s">
        <v>11</v>
      </c>
    </row>
    <row r="7312">
      <c r="A7312" s="1">
        <v>4.90423848E8</v>
      </c>
      <c r="B7312" s="2">
        <v>12465.0</v>
      </c>
      <c r="C7312" s="1" t="s">
        <v>5</v>
      </c>
      <c r="D7312" s="1" t="s">
        <v>5983</v>
      </c>
      <c r="E7312" s="1" t="s">
        <v>11</v>
      </c>
    </row>
    <row r="7313">
      <c r="A7313" s="1">
        <v>4.90423849E8</v>
      </c>
      <c r="B7313" s="2">
        <v>12454.0</v>
      </c>
      <c r="C7313" s="1" t="s">
        <v>5</v>
      </c>
      <c r="D7313" s="1" t="s">
        <v>5984</v>
      </c>
      <c r="E7313" s="1" t="s">
        <v>7</v>
      </c>
    </row>
    <row r="7314">
      <c r="A7314" s="1">
        <v>4.90423853E8</v>
      </c>
      <c r="B7314" s="3">
        <v>12570.0</v>
      </c>
      <c r="C7314" s="1" t="s">
        <v>5</v>
      </c>
      <c r="D7314" s="1" t="s">
        <v>5985</v>
      </c>
      <c r="E7314" s="1" t="s">
        <v>5986</v>
      </c>
    </row>
    <row r="7315">
      <c r="A7315" s="1">
        <v>4.90423855E8</v>
      </c>
      <c r="B7315" s="3">
        <v>12567.0</v>
      </c>
      <c r="C7315" s="1" t="s">
        <v>5</v>
      </c>
      <c r="D7315" s="1" t="s">
        <v>11</v>
      </c>
      <c r="E7315" s="1" t="s">
        <v>7</v>
      </c>
    </row>
    <row r="7316">
      <c r="A7316" s="1">
        <v>4.90423858E8</v>
      </c>
      <c r="B7316" s="2">
        <v>12461.0</v>
      </c>
      <c r="C7316" s="1" t="s">
        <v>5</v>
      </c>
      <c r="D7316" s="1" t="s">
        <v>11</v>
      </c>
      <c r="E7316" s="1" t="s">
        <v>7</v>
      </c>
    </row>
    <row r="7317">
      <c r="A7317" s="1">
        <v>4.90423868E8</v>
      </c>
      <c r="B7317" s="2">
        <v>12458.0</v>
      </c>
      <c r="C7317" s="1" t="s">
        <v>5</v>
      </c>
      <c r="D7317" s="1" t="s">
        <v>11</v>
      </c>
      <c r="E7317" s="1" t="s">
        <v>7</v>
      </c>
    </row>
    <row r="7318">
      <c r="A7318" s="1">
        <v>4.90423902E8</v>
      </c>
      <c r="B7318" s="3">
        <v>12566.0</v>
      </c>
      <c r="C7318" s="1" t="s">
        <v>5</v>
      </c>
      <c r="D7318" s="1" t="s">
        <v>5987</v>
      </c>
      <c r="E7318" s="1" t="s">
        <v>7</v>
      </c>
    </row>
    <row r="7319">
      <c r="A7319" s="1">
        <v>4.90423962E8</v>
      </c>
      <c r="B7319" s="2">
        <v>12009.0</v>
      </c>
      <c r="C7319" s="1" t="s">
        <v>5</v>
      </c>
      <c r="D7319" s="1" t="s">
        <v>5988</v>
      </c>
      <c r="E7319" s="1" t="s">
        <v>11</v>
      </c>
    </row>
    <row r="7320">
      <c r="A7320" s="1">
        <v>4.90423976E8</v>
      </c>
      <c r="B7320" s="2">
        <v>12629.0</v>
      </c>
      <c r="C7320" s="1" t="s">
        <v>5</v>
      </c>
      <c r="D7320" s="1" t="s">
        <v>5989</v>
      </c>
      <c r="E7320" s="1" t="s">
        <v>11</v>
      </c>
    </row>
    <row r="7321">
      <c r="A7321" s="1">
        <v>4.90423984E8</v>
      </c>
      <c r="B7321" s="2">
        <v>12459.0</v>
      </c>
      <c r="C7321" s="1" t="s">
        <v>5</v>
      </c>
      <c r="D7321" s="1" t="s">
        <v>5990</v>
      </c>
      <c r="E7321" s="1" t="s">
        <v>5991</v>
      </c>
    </row>
    <row r="7322">
      <c r="A7322" s="1">
        <v>4.90423992E8</v>
      </c>
      <c r="B7322" s="2">
        <v>12507.0</v>
      </c>
      <c r="C7322" s="1" t="s">
        <v>5</v>
      </c>
      <c r="D7322" s="1">
        <v>6.0</v>
      </c>
      <c r="E7322" s="1" t="s">
        <v>7</v>
      </c>
    </row>
    <row r="7323">
      <c r="A7323" s="1">
        <v>4.90424005E8</v>
      </c>
      <c r="B7323" s="2">
        <v>12453.0</v>
      </c>
      <c r="C7323" s="1" t="s">
        <v>5</v>
      </c>
      <c r="D7323" s="1" t="s">
        <v>11</v>
      </c>
      <c r="E7323" s="1" t="s">
        <v>7</v>
      </c>
    </row>
    <row r="7324">
      <c r="A7324" s="1">
        <v>4.90424021E8</v>
      </c>
      <c r="B7324" s="3">
        <v>12570.0</v>
      </c>
      <c r="C7324" s="1" t="s">
        <v>5</v>
      </c>
      <c r="D7324" s="1" t="s">
        <v>5992</v>
      </c>
      <c r="E7324" s="1" t="s">
        <v>5993</v>
      </c>
    </row>
    <row r="7325">
      <c r="A7325" s="1">
        <v>4.90424042E8</v>
      </c>
      <c r="B7325" s="2">
        <v>12629.0</v>
      </c>
      <c r="C7325" s="1" t="s">
        <v>5</v>
      </c>
      <c r="D7325" s="1" t="s">
        <v>5994</v>
      </c>
      <c r="E7325" s="1" t="s">
        <v>7</v>
      </c>
    </row>
    <row r="7326">
      <c r="A7326" s="1">
        <v>4.90424055E8</v>
      </c>
      <c r="B7326" s="3">
        <v>12569.0</v>
      </c>
      <c r="C7326" s="1" t="s">
        <v>5</v>
      </c>
      <c r="D7326" s="1" t="s">
        <v>5995</v>
      </c>
      <c r="E7326" s="1" t="s">
        <v>5996</v>
      </c>
    </row>
    <row r="7327">
      <c r="A7327" s="1">
        <v>4.90424056E8</v>
      </c>
      <c r="B7327" s="2">
        <v>12429.0</v>
      </c>
      <c r="C7327" s="1" t="s">
        <v>5</v>
      </c>
      <c r="D7327" s="1" t="s">
        <v>5997</v>
      </c>
      <c r="E7327" s="1" t="s">
        <v>7</v>
      </c>
    </row>
    <row r="7328">
      <c r="A7328" s="1">
        <v>4.9042406E8</v>
      </c>
      <c r="B7328" s="3">
        <v>12566.0</v>
      </c>
      <c r="C7328" s="1" t="s">
        <v>5</v>
      </c>
      <c r="D7328" s="1" t="s">
        <v>5998</v>
      </c>
      <c r="E7328" s="1" t="s">
        <v>11</v>
      </c>
    </row>
    <row r="7329">
      <c r="A7329" s="1">
        <v>4.90424066E8</v>
      </c>
      <c r="B7329" s="2">
        <v>12463.0</v>
      </c>
      <c r="C7329" s="1" t="s">
        <v>5</v>
      </c>
      <c r="D7329" s="1" t="s">
        <v>5999</v>
      </c>
      <c r="E7329" s="1" t="s">
        <v>7</v>
      </c>
    </row>
    <row r="7330">
      <c r="A7330" s="1">
        <v>4.90424104E8</v>
      </c>
      <c r="B7330" s="2">
        <v>12457.0</v>
      </c>
      <c r="C7330" s="1" t="s">
        <v>5</v>
      </c>
      <c r="D7330" s="1" t="s">
        <v>6000</v>
      </c>
      <c r="E7330" s="1" t="s">
        <v>7</v>
      </c>
    </row>
    <row r="7331">
      <c r="A7331" s="1">
        <v>4.90424106E8</v>
      </c>
      <c r="B7331" s="2">
        <v>12470.0</v>
      </c>
      <c r="C7331" s="1" t="s">
        <v>5</v>
      </c>
      <c r="D7331" s="1" t="s">
        <v>6001</v>
      </c>
      <c r="E7331" s="1" t="s">
        <v>7</v>
      </c>
    </row>
    <row r="7332">
      <c r="A7332" s="1">
        <v>4.9042412E8</v>
      </c>
      <c r="B7332" s="3">
        <v>12566.0</v>
      </c>
      <c r="C7332" s="1" t="s">
        <v>5</v>
      </c>
      <c r="D7332" s="1" t="s">
        <v>6002</v>
      </c>
      <c r="E7332" s="1" t="s">
        <v>11</v>
      </c>
    </row>
    <row r="7333">
      <c r="A7333" s="1">
        <v>4.90424124E8</v>
      </c>
      <c r="B7333" s="2">
        <v>12536.0</v>
      </c>
      <c r="C7333" s="1" t="s">
        <v>5</v>
      </c>
      <c r="D7333" s="1" t="s">
        <v>6003</v>
      </c>
      <c r="E7333" s="1" t="s">
        <v>7</v>
      </c>
    </row>
    <row r="7334">
      <c r="A7334" s="1">
        <v>4.90424137E8</v>
      </c>
      <c r="B7334" s="2">
        <v>12467.0</v>
      </c>
      <c r="C7334" s="1" t="s">
        <v>5</v>
      </c>
      <c r="D7334" s="1" t="s">
        <v>6004</v>
      </c>
      <c r="E7334" s="1" t="s">
        <v>6005</v>
      </c>
    </row>
    <row r="7335">
      <c r="A7335" s="1">
        <v>4.90424138E8</v>
      </c>
      <c r="B7335" s="2">
        <v>12505.0</v>
      </c>
      <c r="C7335" s="1" t="s">
        <v>5</v>
      </c>
      <c r="D7335" s="1" t="s">
        <v>6006</v>
      </c>
      <c r="E7335" s="1" t="s">
        <v>7</v>
      </c>
    </row>
    <row r="7336">
      <c r="A7336" s="1">
        <v>4.9042414E8</v>
      </c>
      <c r="B7336" s="2">
        <v>12453.0</v>
      </c>
      <c r="C7336" s="1" t="s">
        <v>5</v>
      </c>
      <c r="D7336" s="1" t="s">
        <v>6007</v>
      </c>
      <c r="E7336" s="1" t="s">
        <v>7</v>
      </c>
    </row>
    <row r="7337">
      <c r="A7337" s="1">
        <v>4.90424146E8</v>
      </c>
      <c r="B7337" s="2">
        <v>12531.0</v>
      </c>
      <c r="C7337" s="1" t="s">
        <v>5</v>
      </c>
      <c r="D7337" s="1" t="s">
        <v>11</v>
      </c>
      <c r="E7337" s="1" t="s">
        <v>7</v>
      </c>
    </row>
    <row r="7338">
      <c r="A7338" s="1">
        <v>4.9042415E8</v>
      </c>
      <c r="B7338" s="2">
        <v>12453.0</v>
      </c>
      <c r="C7338" s="1" t="s">
        <v>5</v>
      </c>
      <c r="D7338" s="1" t="s">
        <v>11</v>
      </c>
      <c r="E7338" s="1" t="s">
        <v>7</v>
      </c>
    </row>
    <row r="7339">
      <c r="A7339" s="1">
        <v>4.90424152E8</v>
      </c>
      <c r="B7339" s="2">
        <v>12458.0</v>
      </c>
      <c r="C7339" s="1" t="s">
        <v>5</v>
      </c>
      <c r="D7339" s="1" t="s">
        <v>6008</v>
      </c>
      <c r="E7339" s="1" t="s">
        <v>11</v>
      </c>
    </row>
    <row r="7340">
      <c r="A7340" s="1">
        <v>4.90424163E8</v>
      </c>
      <c r="B7340" s="2">
        <v>12537.0</v>
      </c>
      <c r="C7340" s="1" t="s">
        <v>5</v>
      </c>
      <c r="D7340" s="1" t="s">
        <v>11</v>
      </c>
      <c r="E7340" s="1" t="s">
        <v>7</v>
      </c>
    </row>
    <row r="7341">
      <c r="A7341" s="1">
        <v>4.90424165E8</v>
      </c>
      <c r="B7341" s="3">
        <v>12569.0</v>
      </c>
      <c r="C7341" s="1" t="s">
        <v>5</v>
      </c>
      <c r="D7341" s="1" t="s">
        <v>11</v>
      </c>
      <c r="E7341" s="1" t="s">
        <v>7</v>
      </c>
    </row>
    <row r="7342">
      <c r="A7342" s="1">
        <v>4.9042417E8</v>
      </c>
      <c r="B7342" s="2">
        <v>12538.0</v>
      </c>
      <c r="C7342" s="1" t="s">
        <v>5</v>
      </c>
      <c r="D7342" s="1" t="s">
        <v>11</v>
      </c>
      <c r="E7342" s="1" t="s">
        <v>7</v>
      </c>
    </row>
    <row r="7343">
      <c r="A7343" s="1">
        <v>4.9042419E8</v>
      </c>
      <c r="B7343" s="2">
        <v>12531.0</v>
      </c>
      <c r="C7343" s="1" t="s">
        <v>5</v>
      </c>
      <c r="D7343" s="1" t="s">
        <v>6009</v>
      </c>
      <c r="E7343" s="1" t="s">
        <v>7</v>
      </c>
    </row>
    <row r="7344">
      <c r="A7344" s="1">
        <v>4.90424214E8</v>
      </c>
      <c r="B7344" s="2">
        <v>12469.0</v>
      </c>
      <c r="C7344" s="1" t="s">
        <v>5</v>
      </c>
      <c r="D7344" s="1" t="s">
        <v>6010</v>
      </c>
      <c r="E7344" s="1" t="s">
        <v>6011</v>
      </c>
    </row>
    <row r="7345">
      <c r="A7345" s="1">
        <v>4.90424219E8</v>
      </c>
      <c r="B7345" s="2">
        <v>12425.0</v>
      </c>
      <c r="C7345" s="1" t="s">
        <v>5</v>
      </c>
      <c r="D7345" s="1" t="s">
        <v>6012</v>
      </c>
      <c r="E7345" s="1" t="s">
        <v>7</v>
      </c>
    </row>
    <row r="7346">
      <c r="A7346" s="1">
        <v>4.90424223E8</v>
      </c>
      <c r="B7346" s="3">
        <v>12569.0</v>
      </c>
      <c r="C7346" s="1" t="s">
        <v>5</v>
      </c>
      <c r="D7346" s="1" t="s">
        <v>6013</v>
      </c>
      <c r="E7346" s="1" t="s">
        <v>7</v>
      </c>
    </row>
    <row r="7347">
      <c r="A7347" s="1">
        <v>4.90424224E8</v>
      </c>
      <c r="B7347" s="2">
        <v>12452.0</v>
      </c>
      <c r="C7347" s="1" t="s">
        <v>5</v>
      </c>
      <c r="D7347" s="1" t="s">
        <v>6014</v>
      </c>
      <c r="E7347" s="1" t="s">
        <v>7</v>
      </c>
    </row>
    <row r="7348">
      <c r="A7348" s="1">
        <v>4.90424243E8</v>
      </c>
      <c r="B7348" s="2">
        <v>12020.0</v>
      </c>
      <c r="C7348" s="1" t="s">
        <v>5</v>
      </c>
      <c r="D7348" s="1" t="s">
        <v>11</v>
      </c>
      <c r="E7348" s="1" t="s">
        <v>7</v>
      </c>
    </row>
    <row r="7349">
      <c r="A7349" s="1">
        <v>4.90424262E8</v>
      </c>
      <c r="B7349" s="2">
        <v>12536.0</v>
      </c>
      <c r="C7349" s="1" t="s">
        <v>5</v>
      </c>
      <c r="D7349" s="1" t="s">
        <v>6015</v>
      </c>
      <c r="E7349" s="1" t="s">
        <v>11</v>
      </c>
    </row>
    <row r="7350">
      <c r="A7350" s="1">
        <v>4.90424307E8</v>
      </c>
      <c r="B7350" s="3">
        <v>12569.0</v>
      </c>
      <c r="C7350" s="1" t="s">
        <v>5</v>
      </c>
      <c r="D7350" s="1" t="s">
        <v>6016</v>
      </c>
      <c r="E7350" s="1" t="s">
        <v>7</v>
      </c>
    </row>
    <row r="7351">
      <c r="A7351" s="1">
        <v>4.90424311E8</v>
      </c>
      <c r="B7351" s="2">
        <v>12534.0</v>
      </c>
      <c r="C7351" s="1" t="s">
        <v>5</v>
      </c>
      <c r="D7351" s="1" t="s">
        <v>6017</v>
      </c>
      <c r="E7351" s="1" t="s">
        <v>11</v>
      </c>
    </row>
    <row r="7352">
      <c r="A7352" s="1">
        <v>4.90424317E8</v>
      </c>
      <c r="B7352" s="2">
        <v>12421.0</v>
      </c>
      <c r="C7352" s="1" t="s">
        <v>5</v>
      </c>
      <c r="D7352" s="1" t="s">
        <v>6018</v>
      </c>
      <c r="E7352" s="1" t="s">
        <v>7</v>
      </c>
    </row>
    <row r="7353">
      <c r="A7353" s="1">
        <v>4.90424322E8</v>
      </c>
      <c r="B7353" s="2">
        <v>12452.0</v>
      </c>
      <c r="C7353" s="1" t="s">
        <v>5</v>
      </c>
      <c r="D7353" s="1" t="s">
        <v>6019</v>
      </c>
      <c r="E7353" s="1" t="s">
        <v>7</v>
      </c>
    </row>
    <row r="7354">
      <c r="A7354" s="1">
        <v>4.90424329E8</v>
      </c>
      <c r="B7354" s="2">
        <v>12620.0</v>
      </c>
      <c r="C7354" s="1" t="s">
        <v>5</v>
      </c>
      <c r="D7354" s="1" t="s">
        <v>6020</v>
      </c>
      <c r="E7354" s="1" t="s">
        <v>11</v>
      </c>
    </row>
    <row r="7355">
      <c r="A7355" s="1">
        <v>4.90424354E8</v>
      </c>
      <c r="B7355" s="2">
        <v>12469.0</v>
      </c>
      <c r="C7355" s="1" t="s">
        <v>5</v>
      </c>
      <c r="D7355" s="1" t="s">
        <v>6021</v>
      </c>
      <c r="E7355" s="1" t="s">
        <v>11</v>
      </c>
    </row>
    <row r="7356">
      <c r="A7356" s="1">
        <v>4.90424387E8</v>
      </c>
      <c r="B7356" s="3">
        <v>12566.0</v>
      </c>
      <c r="C7356" s="1" t="s">
        <v>5</v>
      </c>
      <c r="D7356" s="1" t="s">
        <v>6022</v>
      </c>
      <c r="E7356" s="1" t="s">
        <v>7</v>
      </c>
    </row>
    <row r="7357">
      <c r="A7357" s="1">
        <v>4.9042442E8</v>
      </c>
      <c r="B7357" s="2">
        <v>12532.0</v>
      </c>
      <c r="C7357" s="1" t="s">
        <v>5</v>
      </c>
      <c r="D7357" s="1" t="s">
        <v>6023</v>
      </c>
      <c r="E7357" s="1" t="s">
        <v>7</v>
      </c>
    </row>
    <row r="7358">
      <c r="A7358" s="1">
        <v>4.90424421E8</v>
      </c>
      <c r="B7358" s="2">
        <v>12514.0</v>
      </c>
      <c r="C7358" s="1" t="s">
        <v>5</v>
      </c>
      <c r="D7358" s="1" t="s">
        <v>6024</v>
      </c>
      <c r="E7358" s="1" t="s">
        <v>6025</v>
      </c>
    </row>
    <row r="7359">
      <c r="A7359" s="1">
        <v>4.90424428E8</v>
      </c>
      <c r="B7359" s="2">
        <v>12424.0</v>
      </c>
      <c r="C7359" s="1" t="s">
        <v>5</v>
      </c>
      <c r="D7359" s="1" t="s">
        <v>6026</v>
      </c>
      <c r="E7359" s="1" t="s">
        <v>7</v>
      </c>
    </row>
    <row r="7360">
      <c r="A7360" s="1">
        <v>4.9042443E8</v>
      </c>
      <c r="B7360" s="2">
        <v>12629.0</v>
      </c>
      <c r="C7360" s="1" t="s">
        <v>5</v>
      </c>
      <c r="D7360" s="1" t="s">
        <v>6027</v>
      </c>
      <c r="E7360" s="1" t="s">
        <v>7</v>
      </c>
    </row>
    <row r="7361">
      <c r="A7361" s="1">
        <v>4.90424436E8</v>
      </c>
      <c r="B7361" s="3">
        <v>12568.0</v>
      </c>
      <c r="C7361" s="1" t="s">
        <v>5</v>
      </c>
      <c r="D7361" s="1" t="s">
        <v>6028</v>
      </c>
      <c r="E7361" s="1" t="s">
        <v>7</v>
      </c>
    </row>
    <row r="7362">
      <c r="A7362" s="1">
        <v>4.90424443E8</v>
      </c>
      <c r="B7362" s="2">
        <v>12461.0</v>
      </c>
      <c r="C7362" s="1" t="s">
        <v>5</v>
      </c>
      <c r="D7362" s="1" t="s">
        <v>6029</v>
      </c>
      <c r="E7362" s="1" t="s">
        <v>7</v>
      </c>
    </row>
    <row r="7363">
      <c r="A7363" s="1">
        <v>4.90424495E8</v>
      </c>
      <c r="B7363" s="2">
        <v>12456.0</v>
      </c>
      <c r="C7363" s="1" t="s">
        <v>5</v>
      </c>
      <c r="D7363" s="1" t="s">
        <v>6030</v>
      </c>
      <c r="E7363" s="1" t="s">
        <v>7</v>
      </c>
    </row>
    <row r="7364">
      <c r="A7364" s="1">
        <v>4.90424497E8</v>
      </c>
      <c r="B7364" s="2">
        <v>12532.0</v>
      </c>
      <c r="C7364" s="1" t="s">
        <v>5</v>
      </c>
      <c r="D7364" s="1" t="s">
        <v>11</v>
      </c>
      <c r="E7364" s="1" t="s">
        <v>7</v>
      </c>
    </row>
    <row r="7365">
      <c r="A7365" s="1">
        <v>4.90424506E8</v>
      </c>
      <c r="B7365" s="3">
        <v>12567.0</v>
      </c>
      <c r="C7365" s="1" t="s">
        <v>5</v>
      </c>
      <c r="D7365" s="1" t="s">
        <v>6031</v>
      </c>
      <c r="E7365" s="1" t="s">
        <v>11</v>
      </c>
    </row>
    <row r="7366">
      <c r="A7366" s="1">
        <v>4.90424529E8</v>
      </c>
      <c r="B7366" s="2">
        <v>12451.0</v>
      </c>
      <c r="C7366" s="1" t="s">
        <v>5</v>
      </c>
      <c r="D7366" s="1" t="s">
        <v>11</v>
      </c>
      <c r="E7366" s="1" t="s">
        <v>7</v>
      </c>
    </row>
    <row r="7367">
      <c r="A7367" s="1">
        <v>4.9042455E8</v>
      </c>
      <c r="B7367" s="3">
        <v>12567.0</v>
      </c>
      <c r="C7367" s="1" t="s">
        <v>5</v>
      </c>
      <c r="D7367" s="1" t="s">
        <v>6032</v>
      </c>
      <c r="E7367" s="1" t="s">
        <v>7</v>
      </c>
    </row>
    <row r="7368">
      <c r="A7368" s="1">
        <v>4.9042457E8</v>
      </c>
      <c r="B7368" s="2">
        <v>12525.0</v>
      </c>
      <c r="C7368" s="1" t="s">
        <v>5</v>
      </c>
      <c r="D7368" s="1" t="s">
        <v>6033</v>
      </c>
      <c r="E7368" s="1" t="s">
        <v>11</v>
      </c>
    </row>
    <row r="7369">
      <c r="A7369" s="1">
        <v>4.90424607E8</v>
      </c>
      <c r="B7369" s="2">
        <v>12451.0</v>
      </c>
      <c r="C7369" s="1" t="s">
        <v>5</v>
      </c>
      <c r="D7369" s="1" t="s">
        <v>6034</v>
      </c>
      <c r="E7369" s="1" t="s">
        <v>11</v>
      </c>
    </row>
    <row r="7370">
      <c r="A7370" s="1">
        <v>4.90424618E8</v>
      </c>
      <c r="B7370" s="2">
        <v>12468.0</v>
      </c>
      <c r="C7370" s="1" t="s">
        <v>5</v>
      </c>
      <c r="D7370" s="1" t="s">
        <v>11</v>
      </c>
      <c r="E7370" s="1" t="s">
        <v>7</v>
      </c>
    </row>
    <row r="7371">
      <c r="A7371" s="1">
        <v>4.90424628E8</v>
      </c>
      <c r="B7371" s="2">
        <v>12018.0</v>
      </c>
      <c r="C7371" s="1" t="s">
        <v>5</v>
      </c>
      <c r="D7371" s="1" t="s">
        <v>6035</v>
      </c>
      <c r="E7371" s="1" t="s">
        <v>7</v>
      </c>
    </row>
    <row r="7372">
      <c r="A7372" s="1">
        <v>4.90424666E8</v>
      </c>
      <c r="B7372" s="2">
        <v>12500.0</v>
      </c>
      <c r="C7372" s="1" t="s">
        <v>5</v>
      </c>
      <c r="D7372" s="1" t="s">
        <v>6036</v>
      </c>
      <c r="E7372" s="1" t="s">
        <v>7</v>
      </c>
    </row>
    <row r="7373">
      <c r="A7373" s="1">
        <v>4.90424667E8</v>
      </c>
      <c r="B7373" s="2">
        <v>12628.0</v>
      </c>
      <c r="C7373" s="1" t="s">
        <v>5</v>
      </c>
      <c r="D7373" s="1" t="s">
        <v>6037</v>
      </c>
      <c r="E7373" s="1" t="s">
        <v>6038</v>
      </c>
    </row>
    <row r="7374">
      <c r="A7374" s="1">
        <v>4.90424683E8</v>
      </c>
      <c r="B7374" s="2">
        <v>12630.0</v>
      </c>
      <c r="C7374" s="1" t="s">
        <v>5</v>
      </c>
      <c r="D7374" s="1" t="s">
        <v>6039</v>
      </c>
      <c r="E7374" s="1" t="s">
        <v>7</v>
      </c>
    </row>
    <row r="7375">
      <c r="A7375" s="1">
        <v>4.90424707E8</v>
      </c>
      <c r="B7375" s="3">
        <v>12567.0</v>
      </c>
      <c r="C7375" s="1" t="s">
        <v>5</v>
      </c>
      <c r="D7375" s="1" t="s">
        <v>6040</v>
      </c>
      <c r="E7375" s="1" t="s">
        <v>11</v>
      </c>
    </row>
    <row r="7376">
      <c r="A7376" s="1">
        <v>4.90424778E8</v>
      </c>
      <c r="B7376" s="2">
        <v>12451.0</v>
      </c>
      <c r="C7376" s="1" t="s">
        <v>5</v>
      </c>
      <c r="D7376" s="1" t="s">
        <v>6041</v>
      </c>
      <c r="E7376" s="1" t="s">
        <v>7</v>
      </c>
    </row>
    <row r="7377">
      <c r="A7377" s="1">
        <v>4.90424802E8</v>
      </c>
      <c r="B7377" s="3">
        <v>12566.0</v>
      </c>
      <c r="C7377" s="1" t="s">
        <v>5</v>
      </c>
      <c r="D7377" s="1" t="s">
        <v>6042</v>
      </c>
      <c r="E7377" s="1" t="s">
        <v>7</v>
      </c>
    </row>
    <row r="7378">
      <c r="A7378" s="1">
        <v>4.90424821E8</v>
      </c>
      <c r="B7378" s="2">
        <v>12614.0</v>
      </c>
      <c r="C7378" s="1" t="s">
        <v>5</v>
      </c>
      <c r="D7378" s="1" t="s">
        <v>11</v>
      </c>
      <c r="E7378" s="1" t="s">
        <v>7</v>
      </c>
    </row>
    <row r="7379">
      <c r="A7379" s="1">
        <v>4.90424832E8</v>
      </c>
      <c r="B7379" s="2">
        <v>12496.0</v>
      </c>
      <c r="C7379" s="1" t="s">
        <v>5</v>
      </c>
      <c r="D7379" s="1" t="s">
        <v>6043</v>
      </c>
      <c r="E7379" s="1" t="s">
        <v>7</v>
      </c>
    </row>
    <row r="7380">
      <c r="A7380" s="1">
        <v>4.90424848E8</v>
      </c>
      <c r="B7380" s="2">
        <v>12515.0</v>
      </c>
      <c r="C7380" s="1" t="s">
        <v>5</v>
      </c>
      <c r="D7380" s="1" t="s">
        <v>6044</v>
      </c>
      <c r="E7380" s="1" t="s">
        <v>7</v>
      </c>
    </row>
    <row r="7381">
      <c r="A7381" s="1">
        <v>4.90424851E8</v>
      </c>
      <c r="B7381" s="2">
        <v>12621.0</v>
      </c>
      <c r="C7381" s="1" t="s">
        <v>5</v>
      </c>
      <c r="D7381" s="1" t="s">
        <v>6045</v>
      </c>
      <c r="E7381" s="1" t="s">
        <v>7</v>
      </c>
    </row>
    <row r="7382">
      <c r="A7382" s="1">
        <v>4.90424863E8</v>
      </c>
      <c r="B7382" s="2">
        <v>12531.0</v>
      </c>
      <c r="C7382" s="1" t="s">
        <v>5</v>
      </c>
      <c r="D7382" s="1" t="s">
        <v>6046</v>
      </c>
      <c r="E7382" s="1" t="s">
        <v>7</v>
      </c>
    </row>
    <row r="7383">
      <c r="A7383" s="1">
        <v>4.90424884E8</v>
      </c>
      <c r="B7383" s="2">
        <v>12630.0</v>
      </c>
      <c r="C7383" s="1" t="s">
        <v>5</v>
      </c>
      <c r="D7383" s="1">
        <v>9.0</v>
      </c>
      <c r="E7383" s="1" t="s">
        <v>7</v>
      </c>
    </row>
    <row r="7384">
      <c r="A7384" s="1">
        <v>4.90424919E8</v>
      </c>
      <c r="B7384" s="3">
        <v>12565.0</v>
      </c>
      <c r="C7384" s="1" t="s">
        <v>5</v>
      </c>
      <c r="D7384" s="1" t="s">
        <v>6047</v>
      </c>
      <c r="E7384" s="1" t="s">
        <v>11</v>
      </c>
    </row>
    <row r="7385">
      <c r="A7385" s="1">
        <v>4.90424923E8</v>
      </c>
      <c r="B7385" s="2">
        <v>12420.0</v>
      </c>
      <c r="C7385" s="1" t="s">
        <v>5</v>
      </c>
      <c r="D7385" s="1" t="s">
        <v>6048</v>
      </c>
      <c r="E7385" s="1" t="s">
        <v>7</v>
      </c>
    </row>
    <row r="7386">
      <c r="A7386" s="1">
        <v>4.90424925E8</v>
      </c>
      <c r="B7386" s="3">
        <v>12563.0</v>
      </c>
      <c r="C7386" s="1" t="s">
        <v>5</v>
      </c>
      <c r="D7386" s="1" t="s">
        <v>6049</v>
      </c>
      <c r="E7386" s="1" t="s">
        <v>7</v>
      </c>
    </row>
    <row r="7387">
      <c r="A7387" s="1">
        <v>4.9042494E8</v>
      </c>
      <c r="B7387" s="2">
        <v>12629.0</v>
      </c>
      <c r="C7387" s="1" t="s">
        <v>5</v>
      </c>
      <c r="D7387" s="1" t="s">
        <v>6050</v>
      </c>
      <c r="E7387" s="1" t="s">
        <v>7</v>
      </c>
    </row>
    <row r="7388">
      <c r="A7388" s="1">
        <v>4.90424986E8</v>
      </c>
      <c r="B7388" s="2">
        <v>12510.0</v>
      </c>
      <c r="C7388" s="1" t="s">
        <v>5</v>
      </c>
      <c r="D7388" s="1" t="s">
        <v>6051</v>
      </c>
      <c r="E7388" s="1" t="s">
        <v>7</v>
      </c>
    </row>
    <row r="7389">
      <c r="A7389" s="1">
        <v>4.90425005E8</v>
      </c>
      <c r="B7389" s="2">
        <v>12618.0</v>
      </c>
      <c r="C7389" s="1" t="s">
        <v>5</v>
      </c>
      <c r="D7389" s="1" t="s">
        <v>6052</v>
      </c>
      <c r="E7389" s="1" t="s">
        <v>7</v>
      </c>
    </row>
    <row r="7390">
      <c r="A7390" s="1">
        <v>4.90425009E8</v>
      </c>
      <c r="B7390" s="2">
        <v>12510.0</v>
      </c>
      <c r="C7390" s="1" t="s">
        <v>5</v>
      </c>
      <c r="D7390" s="1" t="s">
        <v>6053</v>
      </c>
      <c r="E7390" s="1" t="s">
        <v>7</v>
      </c>
    </row>
    <row r="7391">
      <c r="A7391" s="1">
        <v>4.90425015E8</v>
      </c>
      <c r="B7391" s="2">
        <v>12490.0</v>
      </c>
      <c r="C7391" s="1" t="s">
        <v>5</v>
      </c>
      <c r="D7391" s="1" t="s">
        <v>6054</v>
      </c>
      <c r="E7391" s="1" t="s">
        <v>6055</v>
      </c>
    </row>
    <row r="7392">
      <c r="A7392" s="1">
        <v>4.90425027E8</v>
      </c>
      <c r="B7392" s="2">
        <v>12614.0</v>
      </c>
      <c r="C7392" s="1" t="s">
        <v>5</v>
      </c>
      <c r="D7392" s="1" t="s">
        <v>6056</v>
      </c>
      <c r="E7392" s="1" t="s">
        <v>7</v>
      </c>
    </row>
    <row r="7393">
      <c r="A7393" s="1">
        <v>4.90425042E8</v>
      </c>
      <c r="B7393" s="2">
        <v>12629.0</v>
      </c>
      <c r="C7393" s="1" t="s">
        <v>5</v>
      </c>
      <c r="D7393" s="1" t="s">
        <v>6057</v>
      </c>
      <c r="E7393" s="1" t="s">
        <v>7</v>
      </c>
    </row>
    <row r="7394">
      <c r="A7394" s="1">
        <v>4.90425078E8</v>
      </c>
      <c r="B7394" s="2">
        <v>12630.0</v>
      </c>
      <c r="C7394" s="1" t="s">
        <v>5</v>
      </c>
      <c r="D7394" s="1" t="s">
        <v>6058</v>
      </c>
      <c r="E7394" s="1" t="s">
        <v>7</v>
      </c>
    </row>
    <row r="7395">
      <c r="A7395" s="1">
        <v>4.90425082E8</v>
      </c>
      <c r="B7395" s="2">
        <v>12457.0</v>
      </c>
      <c r="C7395" s="1" t="s">
        <v>5</v>
      </c>
      <c r="D7395" s="1" t="s">
        <v>6059</v>
      </c>
      <c r="E7395" s="1" t="s">
        <v>7</v>
      </c>
    </row>
    <row r="7396">
      <c r="A7396" s="1">
        <v>4.9042512E8</v>
      </c>
      <c r="B7396" s="2">
        <v>12468.0</v>
      </c>
      <c r="C7396" s="1" t="s">
        <v>5</v>
      </c>
      <c r="D7396" s="1" t="s">
        <v>6060</v>
      </c>
      <c r="E7396" s="1" t="s">
        <v>7</v>
      </c>
    </row>
    <row r="7397">
      <c r="A7397" s="1">
        <v>4.90425131E8</v>
      </c>
      <c r="B7397" s="2">
        <v>12461.0</v>
      </c>
      <c r="C7397" s="1" t="s">
        <v>5</v>
      </c>
      <c r="D7397" s="1" t="s">
        <v>11</v>
      </c>
      <c r="E7397" s="1" t="s">
        <v>7</v>
      </c>
    </row>
    <row r="7398">
      <c r="A7398" s="1">
        <v>4.90425151E8</v>
      </c>
      <c r="B7398" s="2">
        <v>12491.0</v>
      </c>
      <c r="C7398" s="1" t="s">
        <v>5</v>
      </c>
      <c r="D7398" s="1" t="s">
        <v>6061</v>
      </c>
      <c r="E7398" s="1" t="s">
        <v>11</v>
      </c>
    </row>
    <row r="7399">
      <c r="A7399" s="1">
        <v>4.90425167E8</v>
      </c>
      <c r="B7399" s="2">
        <v>12615.0</v>
      </c>
      <c r="C7399" s="1" t="s">
        <v>5</v>
      </c>
      <c r="D7399" s="1" t="s">
        <v>6062</v>
      </c>
      <c r="E7399" s="1" t="s">
        <v>7</v>
      </c>
    </row>
    <row r="7400">
      <c r="A7400" s="1">
        <v>4.90425204E8</v>
      </c>
      <c r="B7400" s="3">
        <v>12566.0</v>
      </c>
      <c r="C7400" s="1" t="s">
        <v>5</v>
      </c>
      <c r="D7400" s="1" t="s">
        <v>6063</v>
      </c>
      <c r="E7400" s="1" t="s">
        <v>7</v>
      </c>
    </row>
    <row r="7401">
      <c r="A7401" s="1">
        <v>4.90425207E8</v>
      </c>
      <c r="B7401" s="2">
        <v>12476.0</v>
      </c>
      <c r="C7401" s="1" t="s">
        <v>5</v>
      </c>
      <c r="D7401" s="1" t="s">
        <v>11</v>
      </c>
      <c r="E7401" s="1" t="s">
        <v>7</v>
      </c>
    </row>
    <row r="7402">
      <c r="A7402" s="1">
        <v>4.90425239E8</v>
      </c>
      <c r="B7402" s="2">
        <v>12478.0</v>
      </c>
      <c r="C7402" s="1" t="s">
        <v>5</v>
      </c>
      <c r="D7402" s="1" t="s">
        <v>6064</v>
      </c>
      <c r="E7402" s="1" t="s">
        <v>6065</v>
      </c>
    </row>
    <row r="7403">
      <c r="A7403" s="1">
        <v>4.90425277E8</v>
      </c>
      <c r="B7403" s="2">
        <v>12615.0</v>
      </c>
      <c r="C7403" s="1" t="s">
        <v>5</v>
      </c>
      <c r="D7403" s="1" t="s">
        <v>11</v>
      </c>
      <c r="E7403" s="1" t="s">
        <v>7</v>
      </c>
    </row>
    <row r="7404">
      <c r="A7404" s="1">
        <v>4.9042528E8</v>
      </c>
      <c r="B7404" s="3">
        <v>12565.0</v>
      </c>
      <c r="C7404" s="1" t="s">
        <v>5</v>
      </c>
      <c r="D7404" s="1" t="s">
        <v>11</v>
      </c>
      <c r="E7404" s="1" t="s">
        <v>7</v>
      </c>
    </row>
    <row r="7405">
      <c r="A7405" s="1">
        <v>4.90425298E8</v>
      </c>
      <c r="B7405" s="2">
        <v>12620.0</v>
      </c>
      <c r="C7405" s="1" t="s">
        <v>5</v>
      </c>
      <c r="D7405" s="1" t="s">
        <v>6066</v>
      </c>
      <c r="E7405" s="1" t="s">
        <v>6067</v>
      </c>
    </row>
    <row r="7406">
      <c r="A7406" s="1">
        <v>4.90425299E8</v>
      </c>
      <c r="B7406" s="2">
        <v>12461.0</v>
      </c>
      <c r="C7406" s="1" t="s">
        <v>5</v>
      </c>
      <c r="D7406" s="1" t="s">
        <v>6068</v>
      </c>
      <c r="E7406" s="1" t="s">
        <v>7</v>
      </c>
    </row>
    <row r="7407">
      <c r="A7407" s="1">
        <v>4.90425303E8</v>
      </c>
      <c r="B7407" s="2">
        <v>12525.0</v>
      </c>
      <c r="C7407" s="1" t="s">
        <v>5</v>
      </c>
      <c r="D7407" s="1" t="s">
        <v>5243</v>
      </c>
      <c r="E7407" s="1" t="s">
        <v>7</v>
      </c>
    </row>
    <row r="7408">
      <c r="A7408" s="1">
        <v>4.90425306E8</v>
      </c>
      <c r="B7408" s="2">
        <v>12528.0</v>
      </c>
      <c r="C7408" s="1" t="s">
        <v>5</v>
      </c>
      <c r="D7408" s="1" t="s">
        <v>6069</v>
      </c>
      <c r="E7408" s="1" t="s">
        <v>7</v>
      </c>
    </row>
    <row r="7409">
      <c r="A7409" s="1">
        <v>4.90425309E8</v>
      </c>
      <c r="B7409" s="2">
        <v>12454.0</v>
      </c>
      <c r="C7409" s="1" t="s">
        <v>5</v>
      </c>
      <c r="D7409" s="1" t="s">
        <v>6070</v>
      </c>
      <c r="E7409" s="1" t="s">
        <v>7</v>
      </c>
    </row>
    <row r="7410">
      <c r="A7410" s="1">
        <v>4.90425317E8</v>
      </c>
      <c r="B7410" s="2">
        <v>12478.0</v>
      </c>
      <c r="C7410" s="1" t="s">
        <v>5</v>
      </c>
      <c r="D7410" s="1" t="s">
        <v>6071</v>
      </c>
      <c r="E7410" s="1" t="s">
        <v>7</v>
      </c>
    </row>
    <row r="7411">
      <c r="A7411" s="1">
        <v>4.9042533E8</v>
      </c>
      <c r="B7411" s="2">
        <v>12534.0</v>
      </c>
      <c r="C7411" s="1" t="s">
        <v>5</v>
      </c>
      <c r="D7411" s="1" t="s">
        <v>6072</v>
      </c>
      <c r="E7411" s="1" t="s">
        <v>7</v>
      </c>
    </row>
    <row r="7412">
      <c r="A7412" s="1">
        <v>4.90425338E8</v>
      </c>
      <c r="B7412" s="2">
        <v>12620.0</v>
      </c>
      <c r="C7412" s="1" t="s">
        <v>5</v>
      </c>
      <c r="D7412" s="1" t="s">
        <v>6073</v>
      </c>
      <c r="E7412" s="1" t="s">
        <v>6074</v>
      </c>
    </row>
    <row r="7413">
      <c r="A7413" s="1">
        <v>4.9042536E8</v>
      </c>
      <c r="B7413" s="2">
        <v>12629.0</v>
      </c>
      <c r="C7413" s="1" t="s">
        <v>5</v>
      </c>
      <c r="D7413" s="1" t="s">
        <v>6075</v>
      </c>
      <c r="E7413" s="1" t="s">
        <v>7</v>
      </c>
    </row>
    <row r="7414">
      <c r="A7414" s="1">
        <v>4.9042537E8</v>
      </c>
      <c r="B7414" s="2">
        <v>12527.0</v>
      </c>
      <c r="C7414" s="1" t="s">
        <v>5</v>
      </c>
      <c r="D7414" s="1" t="s">
        <v>6076</v>
      </c>
      <c r="E7414" s="1" t="s">
        <v>6077</v>
      </c>
    </row>
    <row r="7415">
      <c r="A7415" s="1">
        <v>4.90425373E8</v>
      </c>
      <c r="B7415" s="2">
        <v>12534.0</v>
      </c>
      <c r="C7415" s="1" t="s">
        <v>5</v>
      </c>
      <c r="D7415" s="1" t="s">
        <v>6078</v>
      </c>
      <c r="E7415" s="1" t="s">
        <v>7</v>
      </c>
    </row>
    <row r="7416">
      <c r="A7416" s="1">
        <v>4.90425374E8</v>
      </c>
      <c r="B7416" s="2">
        <v>12464.0</v>
      </c>
      <c r="C7416" s="1" t="s">
        <v>5</v>
      </c>
      <c r="D7416" s="1" t="s">
        <v>11</v>
      </c>
      <c r="E7416" s="1" t="s">
        <v>7</v>
      </c>
    </row>
    <row r="7417">
      <c r="A7417" s="1">
        <v>4.9042539E8</v>
      </c>
      <c r="B7417" s="3">
        <v>12565.0</v>
      </c>
      <c r="C7417" s="1" t="s">
        <v>5</v>
      </c>
      <c r="D7417" s="1" t="s">
        <v>6079</v>
      </c>
      <c r="E7417" s="1" t="s">
        <v>7</v>
      </c>
    </row>
    <row r="7418">
      <c r="A7418" s="1">
        <v>4.90425394E8</v>
      </c>
      <c r="B7418" s="2">
        <v>12534.0</v>
      </c>
      <c r="C7418" s="1" t="s">
        <v>5</v>
      </c>
      <c r="D7418" s="1" t="s">
        <v>6080</v>
      </c>
      <c r="E7418" s="1" t="s">
        <v>7</v>
      </c>
    </row>
    <row r="7419">
      <c r="A7419" s="1">
        <v>4.90425401E8</v>
      </c>
      <c r="B7419" s="2">
        <v>12464.0</v>
      </c>
      <c r="C7419" s="1" t="s">
        <v>5</v>
      </c>
      <c r="D7419" s="1" t="s">
        <v>5243</v>
      </c>
      <c r="E7419" s="1" t="s">
        <v>7</v>
      </c>
    </row>
    <row r="7420">
      <c r="A7420" s="1">
        <v>4.90425413E8</v>
      </c>
      <c r="B7420" s="2">
        <v>12492.0</v>
      </c>
      <c r="C7420" s="1" t="s">
        <v>5</v>
      </c>
      <c r="D7420" s="1" t="s">
        <v>6081</v>
      </c>
      <c r="E7420" s="1" t="s">
        <v>7</v>
      </c>
    </row>
    <row r="7421">
      <c r="A7421" s="1">
        <v>4.9042546E8</v>
      </c>
      <c r="B7421" s="2">
        <v>12614.0</v>
      </c>
      <c r="C7421" s="1" t="s">
        <v>5</v>
      </c>
      <c r="D7421" s="1" t="s">
        <v>6082</v>
      </c>
      <c r="E7421" s="1" t="s">
        <v>6083</v>
      </c>
    </row>
    <row r="7422">
      <c r="A7422" s="1">
        <v>4.90425491E8</v>
      </c>
      <c r="B7422" s="2">
        <v>12490.0</v>
      </c>
      <c r="C7422" s="1" t="s">
        <v>5</v>
      </c>
      <c r="D7422" s="1" t="s">
        <v>6084</v>
      </c>
      <c r="E7422" s="1" t="s">
        <v>7</v>
      </c>
    </row>
    <row r="7423">
      <c r="A7423" s="1">
        <v>4.90425517E8</v>
      </c>
      <c r="B7423" s="2">
        <v>12519.0</v>
      </c>
      <c r="C7423" s="1" t="s">
        <v>5</v>
      </c>
      <c r="D7423" s="1" t="s">
        <v>6085</v>
      </c>
      <c r="E7423" s="1" t="s">
        <v>6086</v>
      </c>
    </row>
    <row r="7424">
      <c r="A7424" s="1">
        <v>4.90425524E8</v>
      </c>
      <c r="B7424" s="2">
        <v>12490.0</v>
      </c>
      <c r="C7424" s="1" t="s">
        <v>5</v>
      </c>
      <c r="D7424" s="1" t="s">
        <v>6087</v>
      </c>
      <c r="E7424" s="1" t="s">
        <v>7</v>
      </c>
    </row>
    <row r="7425">
      <c r="A7425" s="1">
        <v>4.90425566E8</v>
      </c>
      <c r="B7425" s="3">
        <v>12561.0</v>
      </c>
      <c r="C7425" s="1" t="s">
        <v>5</v>
      </c>
      <c r="D7425" s="1" t="s">
        <v>6088</v>
      </c>
      <c r="E7425" s="1" t="s">
        <v>7</v>
      </c>
    </row>
    <row r="7426">
      <c r="A7426" s="1">
        <v>4.90425567E8</v>
      </c>
      <c r="B7426" s="3">
        <v>12559.0</v>
      </c>
      <c r="C7426" s="1" t="s">
        <v>5</v>
      </c>
      <c r="D7426" s="1" t="s">
        <v>6089</v>
      </c>
      <c r="E7426" s="1" t="s">
        <v>11</v>
      </c>
    </row>
    <row r="7427">
      <c r="A7427" s="1">
        <v>4.90425569E8</v>
      </c>
      <c r="B7427" s="2">
        <v>12476.0</v>
      </c>
      <c r="C7427" s="1" t="s">
        <v>5</v>
      </c>
      <c r="D7427" s="1" t="s">
        <v>6090</v>
      </c>
      <c r="E7427" s="1" t="s">
        <v>7</v>
      </c>
    </row>
    <row r="7428">
      <c r="A7428" s="1">
        <v>4.90425576E8</v>
      </c>
      <c r="B7428" s="2">
        <v>12519.0</v>
      </c>
      <c r="C7428" s="1" t="s">
        <v>5</v>
      </c>
      <c r="D7428" s="1" t="s">
        <v>6091</v>
      </c>
      <c r="E7428" s="1" t="s">
        <v>7</v>
      </c>
    </row>
    <row r="7429">
      <c r="A7429" s="1">
        <v>4.90425586E8</v>
      </c>
      <c r="B7429" s="2">
        <v>12475.0</v>
      </c>
      <c r="C7429" s="1" t="s">
        <v>5</v>
      </c>
      <c r="D7429" s="1" t="s">
        <v>6092</v>
      </c>
      <c r="E7429" s="1" t="s">
        <v>7</v>
      </c>
    </row>
    <row r="7430">
      <c r="A7430" s="1">
        <v>4.90425629E8</v>
      </c>
      <c r="B7430" s="2">
        <v>12519.0</v>
      </c>
      <c r="C7430" s="1" t="s">
        <v>5</v>
      </c>
      <c r="D7430" s="1" t="s">
        <v>6093</v>
      </c>
      <c r="E7430" s="1" t="s">
        <v>7</v>
      </c>
    </row>
    <row r="7431">
      <c r="A7431" s="1">
        <v>4.90425643E8</v>
      </c>
      <c r="B7431" s="3">
        <v>12561.0</v>
      </c>
      <c r="C7431" s="1" t="s">
        <v>5</v>
      </c>
      <c r="D7431" s="1" t="s">
        <v>6094</v>
      </c>
      <c r="E7431" s="1" t="s">
        <v>11</v>
      </c>
    </row>
    <row r="7432">
      <c r="A7432" s="1">
        <v>4.9042566E8</v>
      </c>
      <c r="B7432" s="2">
        <v>12615.0</v>
      </c>
      <c r="C7432" s="1" t="s">
        <v>5</v>
      </c>
      <c r="D7432" s="1" t="s">
        <v>6095</v>
      </c>
      <c r="E7432" s="1" t="s">
        <v>6096</v>
      </c>
    </row>
    <row r="7433">
      <c r="A7433" s="1">
        <v>4.90425666E8</v>
      </c>
      <c r="B7433" s="3">
        <v>12557.0</v>
      </c>
      <c r="C7433" s="1" t="s">
        <v>5</v>
      </c>
      <c r="D7433" s="1" t="s">
        <v>6097</v>
      </c>
      <c r="E7433" s="1" t="s">
        <v>7</v>
      </c>
    </row>
    <row r="7434">
      <c r="A7434" s="1">
        <v>4.90425676E8</v>
      </c>
      <c r="B7434" s="2">
        <v>12475.0</v>
      </c>
      <c r="C7434" s="1" t="s">
        <v>5</v>
      </c>
      <c r="D7434" s="1" t="s">
        <v>6098</v>
      </c>
      <c r="E7434" s="1" t="s">
        <v>7</v>
      </c>
    </row>
    <row r="7435">
      <c r="A7435" s="1">
        <v>4.90425694E8</v>
      </c>
      <c r="B7435" s="2">
        <v>12631.0</v>
      </c>
      <c r="C7435" s="1" t="s">
        <v>5</v>
      </c>
      <c r="D7435" s="1" t="s">
        <v>6099</v>
      </c>
      <c r="E7435" s="1" t="s">
        <v>6100</v>
      </c>
    </row>
    <row r="7436">
      <c r="A7436" s="1">
        <v>4.90425721E8</v>
      </c>
      <c r="B7436" s="2">
        <v>12613.0</v>
      </c>
      <c r="C7436" s="1" t="s">
        <v>5</v>
      </c>
      <c r="D7436" s="1" t="s">
        <v>6101</v>
      </c>
      <c r="E7436" s="1" t="s">
        <v>7</v>
      </c>
    </row>
    <row r="7437">
      <c r="A7437" s="1">
        <v>4.90425722E8</v>
      </c>
      <c r="B7437" s="2">
        <v>12490.0</v>
      </c>
      <c r="C7437" s="1" t="s">
        <v>5</v>
      </c>
      <c r="D7437" s="1" t="s">
        <v>6102</v>
      </c>
      <c r="E7437" s="1" t="s">
        <v>11</v>
      </c>
    </row>
    <row r="7438">
      <c r="A7438" s="1">
        <v>4.90425796E8</v>
      </c>
      <c r="B7438" s="2">
        <v>12534.0</v>
      </c>
      <c r="C7438" s="1" t="s">
        <v>5</v>
      </c>
      <c r="D7438" s="1" t="s">
        <v>6103</v>
      </c>
      <c r="E7438" s="1" t="s">
        <v>7</v>
      </c>
    </row>
    <row r="7439">
      <c r="A7439" s="1">
        <v>4.90425804E8</v>
      </c>
      <c r="B7439" s="2">
        <v>12609.0</v>
      </c>
      <c r="C7439" s="1" t="s">
        <v>5</v>
      </c>
      <c r="D7439" s="1" t="s">
        <v>6104</v>
      </c>
      <c r="E7439" s="1" t="s">
        <v>11</v>
      </c>
    </row>
    <row r="7440">
      <c r="A7440" s="1">
        <v>4.90425809E8</v>
      </c>
      <c r="B7440" s="3">
        <v>12567.0</v>
      </c>
      <c r="C7440" s="1" t="s">
        <v>5</v>
      </c>
      <c r="D7440" s="1" t="s">
        <v>6105</v>
      </c>
      <c r="E7440" s="1" t="s">
        <v>11</v>
      </c>
    </row>
    <row r="7441">
      <c r="A7441" s="1">
        <v>4.90425825E8</v>
      </c>
      <c r="B7441" s="2">
        <v>12507.0</v>
      </c>
      <c r="C7441" s="1" t="s">
        <v>5</v>
      </c>
      <c r="D7441" s="1" t="s">
        <v>6106</v>
      </c>
      <c r="E7441" s="1" t="s">
        <v>7</v>
      </c>
    </row>
    <row r="7442">
      <c r="A7442" s="1">
        <v>4.9042583E8</v>
      </c>
      <c r="B7442" s="2">
        <v>12459.0</v>
      </c>
      <c r="C7442" s="1" t="s">
        <v>5</v>
      </c>
      <c r="D7442" s="1" t="s">
        <v>6107</v>
      </c>
      <c r="E7442" s="1" t="s">
        <v>7</v>
      </c>
    </row>
    <row r="7443">
      <c r="A7443" s="1">
        <v>4.90425842E8</v>
      </c>
      <c r="B7443" s="2">
        <v>12014.0</v>
      </c>
      <c r="C7443" s="1" t="s">
        <v>5</v>
      </c>
      <c r="D7443" s="1" t="s">
        <v>11</v>
      </c>
      <c r="E7443" s="1" t="s">
        <v>7</v>
      </c>
    </row>
    <row r="7444">
      <c r="A7444" s="1">
        <v>4.90425851E8</v>
      </c>
      <c r="B7444" s="2">
        <v>12517.0</v>
      </c>
      <c r="C7444" s="1" t="s">
        <v>5</v>
      </c>
      <c r="D7444" s="1" t="s">
        <v>6108</v>
      </c>
      <c r="E7444" s="1" t="s">
        <v>7</v>
      </c>
    </row>
    <row r="7445">
      <c r="A7445" s="1">
        <v>4.90425872E8</v>
      </c>
      <c r="B7445" s="2">
        <v>12014.0</v>
      </c>
      <c r="C7445" s="1" t="s">
        <v>5</v>
      </c>
      <c r="D7445" s="1" t="s">
        <v>11</v>
      </c>
      <c r="E7445" s="1" t="s">
        <v>7</v>
      </c>
    </row>
    <row r="7446">
      <c r="A7446" s="1">
        <v>4.90425879E8</v>
      </c>
      <c r="B7446" s="2">
        <v>12500.0</v>
      </c>
      <c r="C7446" s="1" t="s">
        <v>5</v>
      </c>
      <c r="D7446" s="1" t="s">
        <v>6109</v>
      </c>
      <c r="E7446" s="1" t="s">
        <v>7</v>
      </c>
    </row>
    <row r="7447">
      <c r="A7447" s="1">
        <v>4.90425925E8</v>
      </c>
      <c r="B7447" s="2">
        <v>12615.0</v>
      </c>
      <c r="C7447" s="1" t="s">
        <v>5</v>
      </c>
      <c r="D7447" s="1" t="s">
        <v>6110</v>
      </c>
      <c r="E7447" s="1" t="s">
        <v>11</v>
      </c>
    </row>
    <row r="7448">
      <c r="A7448" s="1">
        <v>4.90425934E8</v>
      </c>
      <c r="B7448" s="2">
        <v>12615.0</v>
      </c>
      <c r="C7448" s="1" t="s">
        <v>5</v>
      </c>
      <c r="D7448" s="1" t="s">
        <v>11</v>
      </c>
      <c r="E7448" s="1" t="s">
        <v>7</v>
      </c>
    </row>
    <row r="7449">
      <c r="A7449" s="1">
        <v>4.90425935E8</v>
      </c>
      <c r="B7449" s="2">
        <v>12455.0</v>
      </c>
      <c r="C7449" s="1" t="s">
        <v>5</v>
      </c>
      <c r="D7449" s="1" t="s">
        <v>11</v>
      </c>
      <c r="E7449" s="1" t="s">
        <v>7</v>
      </c>
    </row>
    <row r="7450">
      <c r="A7450" s="1">
        <v>4.90425998E8</v>
      </c>
      <c r="B7450" s="3">
        <v>12557.0</v>
      </c>
      <c r="C7450" s="1" t="s">
        <v>5</v>
      </c>
      <c r="D7450" s="1" t="s">
        <v>11</v>
      </c>
      <c r="E7450" s="1" t="s">
        <v>7</v>
      </c>
    </row>
    <row r="7451">
      <c r="A7451" s="1">
        <v>4.90426002E8</v>
      </c>
      <c r="B7451" s="2">
        <v>12503.0</v>
      </c>
      <c r="C7451" s="1" t="s">
        <v>5</v>
      </c>
      <c r="D7451" s="1" t="s">
        <v>6111</v>
      </c>
      <c r="E7451" s="1" t="s">
        <v>11</v>
      </c>
    </row>
    <row r="7452">
      <c r="A7452" s="1">
        <v>4.90426004E8</v>
      </c>
      <c r="B7452" s="2">
        <v>12509.0</v>
      </c>
      <c r="C7452" s="1" t="s">
        <v>5</v>
      </c>
      <c r="D7452" s="1" t="s">
        <v>6112</v>
      </c>
      <c r="E7452" s="1" t="s">
        <v>7</v>
      </c>
    </row>
    <row r="7453">
      <c r="A7453" s="1">
        <v>4.90426012E8</v>
      </c>
      <c r="B7453" s="2">
        <v>12614.0</v>
      </c>
      <c r="C7453" s="1" t="s">
        <v>5</v>
      </c>
      <c r="D7453" s="1" t="s">
        <v>11</v>
      </c>
      <c r="E7453" s="1" t="s">
        <v>7</v>
      </c>
    </row>
    <row r="7454">
      <c r="A7454" s="1">
        <v>4.90426051E8</v>
      </c>
      <c r="B7454" s="2">
        <v>12509.0</v>
      </c>
      <c r="C7454" s="1" t="s">
        <v>5</v>
      </c>
      <c r="D7454" s="1" t="s">
        <v>6113</v>
      </c>
      <c r="E7454" s="1" t="s">
        <v>7</v>
      </c>
    </row>
    <row r="7455">
      <c r="A7455" s="1">
        <v>4.90426056E8</v>
      </c>
      <c r="B7455" s="2">
        <v>12472.0</v>
      </c>
      <c r="C7455" s="1" t="s">
        <v>5</v>
      </c>
      <c r="D7455" s="1" t="s">
        <v>6114</v>
      </c>
      <c r="E7455" s="1" t="s">
        <v>11</v>
      </c>
    </row>
    <row r="7456">
      <c r="A7456" s="1">
        <v>4.90426071E8</v>
      </c>
      <c r="B7456" s="2">
        <v>12508.0</v>
      </c>
      <c r="C7456" s="1" t="s">
        <v>5</v>
      </c>
      <c r="D7456" s="1" t="s">
        <v>6115</v>
      </c>
      <c r="E7456" s="1" t="s">
        <v>11</v>
      </c>
    </row>
    <row r="7457">
      <c r="A7457" s="1">
        <v>4.90426087E8</v>
      </c>
      <c r="B7457" s="3">
        <v>12560.0</v>
      </c>
      <c r="C7457" s="1" t="s">
        <v>5</v>
      </c>
      <c r="D7457" s="1" t="s">
        <v>6116</v>
      </c>
      <c r="E7457" s="1" t="s">
        <v>11</v>
      </c>
    </row>
    <row r="7458">
      <c r="A7458" s="1">
        <v>4.90426095E8</v>
      </c>
      <c r="B7458" s="2">
        <v>12458.0</v>
      </c>
      <c r="C7458" s="1" t="s">
        <v>5</v>
      </c>
      <c r="D7458" s="1" t="s">
        <v>6117</v>
      </c>
      <c r="E7458" s="1" t="s">
        <v>7</v>
      </c>
    </row>
    <row r="7459">
      <c r="A7459" s="1">
        <v>4.904261E8</v>
      </c>
      <c r="B7459" s="2">
        <v>12531.0</v>
      </c>
      <c r="C7459" s="1" t="s">
        <v>5</v>
      </c>
      <c r="D7459" s="1" t="s">
        <v>6118</v>
      </c>
      <c r="E7459" s="1" t="s">
        <v>7</v>
      </c>
    </row>
    <row r="7460">
      <c r="A7460" s="1">
        <v>4.90426114E8</v>
      </c>
      <c r="B7460" s="2">
        <v>12622.0</v>
      </c>
      <c r="C7460" s="1" t="s">
        <v>5</v>
      </c>
      <c r="D7460" s="1" t="s">
        <v>6119</v>
      </c>
      <c r="E7460" s="1" t="s">
        <v>11</v>
      </c>
    </row>
    <row r="7461">
      <c r="A7461" s="1">
        <v>4.90426116E8</v>
      </c>
      <c r="B7461" s="2">
        <v>12612.0</v>
      </c>
      <c r="C7461" s="1" t="s">
        <v>5</v>
      </c>
      <c r="D7461" s="1" t="s">
        <v>11</v>
      </c>
      <c r="E7461" s="1" t="s">
        <v>7</v>
      </c>
    </row>
    <row r="7462">
      <c r="A7462" s="1">
        <v>4.90426133E8</v>
      </c>
      <c r="B7462" s="2">
        <v>12532.0</v>
      </c>
      <c r="C7462" s="1" t="s">
        <v>5</v>
      </c>
      <c r="D7462" s="1" t="s">
        <v>11</v>
      </c>
      <c r="E7462" s="1" t="s">
        <v>7</v>
      </c>
    </row>
    <row r="7463">
      <c r="A7463" s="1">
        <v>4.90426136E8</v>
      </c>
      <c r="B7463" s="2">
        <v>12612.0</v>
      </c>
      <c r="C7463" s="1" t="s">
        <v>5</v>
      </c>
      <c r="D7463" s="1" t="s">
        <v>6120</v>
      </c>
      <c r="E7463" s="1" t="s">
        <v>7</v>
      </c>
    </row>
    <row r="7464">
      <c r="A7464" s="1">
        <v>4.90426138E8</v>
      </c>
      <c r="B7464" s="3">
        <v>12551.0</v>
      </c>
      <c r="C7464" s="1" t="s">
        <v>5</v>
      </c>
      <c r="D7464" s="1" t="s">
        <v>11</v>
      </c>
      <c r="E7464" s="1" t="s">
        <v>7</v>
      </c>
    </row>
    <row r="7465">
      <c r="A7465" s="1">
        <v>4.90426142E8</v>
      </c>
      <c r="B7465" s="2">
        <v>12457.0</v>
      </c>
      <c r="C7465" s="1" t="s">
        <v>5</v>
      </c>
      <c r="D7465" s="1" t="s">
        <v>6121</v>
      </c>
      <c r="E7465" s="1" t="s">
        <v>6122</v>
      </c>
    </row>
    <row r="7466">
      <c r="A7466" s="1">
        <v>4.90426157E8</v>
      </c>
      <c r="B7466" s="3">
        <v>12560.0</v>
      </c>
      <c r="C7466" s="1" t="s">
        <v>5</v>
      </c>
      <c r="D7466" s="1" t="s">
        <v>6123</v>
      </c>
      <c r="E7466" s="1" t="s">
        <v>11</v>
      </c>
    </row>
    <row r="7467">
      <c r="A7467" s="1">
        <v>4.90426159E8</v>
      </c>
      <c r="B7467" s="2">
        <v>12503.0</v>
      </c>
      <c r="C7467" s="1" t="s">
        <v>5</v>
      </c>
      <c r="D7467" s="1" t="s">
        <v>11</v>
      </c>
      <c r="E7467" s="1" t="s">
        <v>7</v>
      </c>
    </row>
    <row r="7468">
      <c r="A7468" s="1">
        <v>4.90426179E8</v>
      </c>
      <c r="B7468" s="2">
        <v>12454.0</v>
      </c>
      <c r="C7468" s="1" t="s">
        <v>5</v>
      </c>
      <c r="D7468" s="1" t="s">
        <v>6124</v>
      </c>
      <c r="E7468" s="1" t="s">
        <v>11</v>
      </c>
    </row>
    <row r="7469">
      <c r="A7469" s="1">
        <v>4.904262E8</v>
      </c>
      <c r="B7469" s="2">
        <v>12605.0</v>
      </c>
      <c r="C7469" s="1" t="s">
        <v>5</v>
      </c>
      <c r="D7469" s="1" t="s">
        <v>6125</v>
      </c>
      <c r="E7469" s="1" t="s">
        <v>7</v>
      </c>
    </row>
    <row r="7470">
      <c r="A7470" s="1">
        <v>4.90426203E8</v>
      </c>
      <c r="B7470" s="3">
        <v>12561.0</v>
      </c>
      <c r="C7470" s="1" t="s">
        <v>5</v>
      </c>
      <c r="D7470" s="1" t="s">
        <v>6126</v>
      </c>
      <c r="E7470" s="1" t="s">
        <v>7</v>
      </c>
    </row>
    <row r="7471">
      <c r="A7471" s="1">
        <v>4.90426256E8</v>
      </c>
      <c r="B7471" s="2">
        <v>12475.0</v>
      </c>
      <c r="C7471" s="1" t="s">
        <v>5</v>
      </c>
      <c r="D7471" s="1" t="s">
        <v>6127</v>
      </c>
      <c r="E7471" s="1" t="s">
        <v>7</v>
      </c>
    </row>
    <row r="7472">
      <c r="A7472" s="1">
        <v>4.9042626E8</v>
      </c>
      <c r="B7472" s="2">
        <v>12525.0</v>
      </c>
      <c r="C7472" s="1" t="s">
        <v>5</v>
      </c>
      <c r="D7472" s="1" t="s">
        <v>6128</v>
      </c>
      <c r="E7472" s="1" t="s">
        <v>11</v>
      </c>
    </row>
    <row r="7473">
      <c r="A7473" s="1">
        <v>4.90426264E8</v>
      </c>
      <c r="B7473" s="2">
        <v>12527.0</v>
      </c>
      <c r="C7473" s="1" t="s">
        <v>5</v>
      </c>
      <c r="D7473" s="1" t="s">
        <v>6129</v>
      </c>
      <c r="E7473" s="1" t="s">
        <v>7</v>
      </c>
    </row>
    <row r="7474">
      <c r="A7474" s="1">
        <v>4.90426268E8</v>
      </c>
      <c r="B7474" s="2">
        <v>12628.0</v>
      </c>
      <c r="C7474" s="1" t="s">
        <v>5</v>
      </c>
      <c r="D7474" s="1" t="s">
        <v>6130</v>
      </c>
      <c r="E7474" s="1" t="s">
        <v>7</v>
      </c>
    </row>
    <row r="7475">
      <c r="A7475" s="1">
        <v>4.90426284E8</v>
      </c>
      <c r="B7475" s="2">
        <v>12504.0</v>
      </c>
      <c r="C7475" s="1" t="s">
        <v>5</v>
      </c>
      <c r="D7475" s="1" t="s">
        <v>6131</v>
      </c>
      <c r="E7475" s="1" t="s">
        <v>11</v>
      </c>
    </row>
    <row r="7476">
      <c r="A7476" s="1">
        <v>4.90426286E8</v>
      </c>
      <c r="B7476" s="2">
        <v>12615.0</v>
      </c>
      <c r="C7476" s="1" t="s">
        <v>5</v>
      </c>
      <c r="D7476" s="1" t="s">
        <v>6132</v>
      </c>
      <c r="E7476" s="1" t="s">
        <v>6133</v>
      </c>
    </row>
    <row r="7477">
      <c r="A7477" s="1">
        <v>4.90426311E8</v>
      </c>
      <c r="B7477" s="2">
        <v>12524.0</v>
      </c>
      <c r="C7477" s="1" t="s">
        <v>5</v>
      </c>
      <c r="D7477" s="1" t="s">
        <v>6134</v>
      </c>
      <c r="E7477" s="1" t="s">
        <v>7</v>
      </c>
    </row>
    <row r="7478">
      <c r="A7478" s="1">
        <v>4.90426319E8</v>
      </c>
      <c r="B7478" s="2">
        <v>12609.0</v>
      </c>
      <c r="C7478" s="1" t="s">
        <v>5</v>
      </c>
      <c r="D7478" s="1" t="s">
        <v>6135</v>
      </c>
      <c r="E7478" s="1" t="s">
        <v>11</v>
      </c>
    </row>
    <row r="7479">
      <c r="A7479" s="1">
        <v>4.90426329E8</v>
      </c>
      <c r="B7479" s="2">
        <v>12631.0</v>
      </c>
      <c r="C7479" s="1" t="s">
        <v>5</v>
      </c>
      <c r="D7479" s="1" t="s">
        <v>6136</v>
      </c>
      <c r="E7479" s="1" t="s">
        <v>11</v>
      </c>
    </row>
    <row r="7480">
      <c r="A7480" s="1">
        <v>4.90426346E8</v>
      </c>
      <c r="B7480" s="2">
        <v>12513.0</v>
      </c>
      <c r="C7480" s="1" t="s">
        <v>5</v>
      </c>
      <c r="D7480" s="1" t="s">
        <v>6137</v>
      </c>
      <c r="E7480" s="1" t="s">
        <v>11</v>
      </c>
    </row>
    <row r="7481">
      <c r="A7481" s="1">
        <v>4.90426354E8</v>
      </c>
      <c r="B7481" s="2">
        <v>12454.0</v>
      </c>
      <c r="C7481" s="1" t="s">
        <v>5</v>
      </c>
      <c r="D7481" s="1" t="s">
        <v>11</v>
      </c>
      <c r="E7481" s="1" t="s">
        <v>7</v>
      </c>
    </row>
    <row r="7482">
      <c r="A7482" s="1">
        <v>4.90426364E8</v>
      </c>
      <c r="B7482" s="2">
        <v>12610.0</v>
      </c>
      <c r="C7482" s="1" t="s">
        <v>5</v>
      </c>
      <c r="D7482" s="1" t="s">
        <v>6138</v>
      </c>
      <c r="E7482" s="1" t="s">
        <v>7</v>
      </c>
    </row>
    <row r="7483">
      <c r="A7483" s="1">
        <v>4.90426393E8</v>
      </c>
      <c r="B7483" s="2">
        <v>12522.0</v>
      </c>
      <c r="C7483" s="1" t="s">
        <v>5</v>
      </c>
      <c r="D7483" s="1" t="s">
        <v>6139</v>
      </c>
      <c r="E7483" s="1" t="s">
        <v>11</v>
      </c>
    </row>
    <row r="7484">
      <c r="A7484" s="1">
        <v>4.90426441E8</v>
      </c>
      <c r="B7484" s="3">
        <v>12565.0</v>
      </c>
      <c r="C7484" s="1" t="s">
        <v>5</v>
      </c>
      <c r="D7484" s="1" t="s">
        <v>6140</v>
      </c>
      <c r="E7484" s="1" t="s">
        <v>7</v>
      </c>
    </row>
    <row r="7485">
      <c r="A7485" s="1">
        <v>4.90426496E8</v>
      </c>
      <c r="B7485" s="2">
        <v>12609.0</v>
      </c>
      <c r="C7485" s="1" t="s">
        <v>5</v>
      </c>
      <c r="D7485" s="1" t="s">
        <v>6141</v>
      </c>
      <c r="E7485" s="1" t="s">
        <v>11</v>
      </c>
    </row>
    <row r="7486">
      <c r="A7486" s="1">
        <v>4.90426502E8</v>
      </c>
      <c r="B7486" s="2">
        <v>12453.0</v>
      </c>
      <c r="C7486" s="1" t="s">
        <v>5</v>
      </c>
      <c r="D7486" s="1" t="s">
        <v>6142</v>
      </c>
      <c r="E7486" s="1" t="s">
        <v>11</v>
      </c>
    </row>
    <row r="7487">
      <c r="A7487" s="1">
        <v>4.90426523E8</v>
      </c>
      <c r="B7487" s="2">
        <v>12453.0</v>
      </c>
      <c r="C7487" s="1" t="s">
        <v>5</v>
      </c>
      <c r="D7487" s="1" t="s">
        <v>6143</v>
      </c>
      <c r="E7487" s="1" t="s">
        <v>11</v>
      </c>
    </row>
    <row r="7488">
      <c r="A7488" s="1">
        <v>4.90426546E8</v>
      </c>
      <c r="B7488" s="2">
        <v>12524.0</v>
      </c>
      <c r="C7488" s="1" t="s">
        <v>5</v>
      </c>
      <c r="D7488" s="1" t="s">
        <v>6144</v>
      </c>
      <c r="E7488" s="1" t="s">
        <v>11</v>
      </c>
    </row>
    <row r="7489">
      <c r="A7489" s="1">
        <v>4.90426555E8</v>
      </c>
      <c r="B7489" s="2">
        <v>12630.0</v>
      </c>
      <c r="C7489" s="1" t="s">
        <v>5</v>
      </c>
      <c r="D7489" s="1" t="s">
        <v>11</v>
      </c>
      <c r="E7489" s="4" t="s">
        <v>6145</v>
      </c>
    </row>
    <row r="7490">
      <c r="A7490" s="1">
        <v>4.90426584E8</v>
      </c>
      <c r="B7490" s="2">
        <v>12630.0</v>
      </c>
      <c r="C7490" s="1" t="s">
        <v>5</v>
      </c>
      <c r="D7490" s="1" t="s">
        <v>6146</v>
      </c>
      <c r="E7490" s="1" t="s">
        <v>6147</v>
      </c>
    </row>
    <row r="7491">
      <c r="A7491" s="1">
        <v>4.90426588E8</v>
      </c>
      <c r="B7491" s="2">
        <v>12616.0</v>
      </c>
      <c r="C7491" s="1" t="s">
        <v>5</v>
      </c>
      <c r="D7491" s="1" t="s">
        <v>6148</v>
      </c>
      <c r="E7491" s="1" t="s">
        <v>11</v>
      </c>
    </row>
    <row r="7492">
      <c r="A7492" s="1">
        <v>4.90426602E8</v>
      </c>
      <c r="B7492" s="2">
        <v>12609.0</v>
      </c>
      <c r="C7492" s="1" t="s">
        <v>5</v>
      </c>
      <c r="D7492" s="1" t="s">
        <v>6149</v>
      </c>
      <c r="E7492" s="1" t="s">
        <v>11</v>
      </c>
    </row>
    <row r="7493">
      <c r="A7493" s="1">
        <v>4.90426645E8</v>
      </c>
      <c r="B7493" s="3">
        <v>12557.0</v>
      </c>
      <c r="C7493" s="1" t="s">
        <v>5</v>
      </c>
      <c r="D7493" s="1" t="s">
        <v>6150</v>
      </c>
      <c r="E7493" s="1" t="s">
        <v>11</v>
      </c>
    </row>
    <row r="7494">
      <c r="A7494" s="1">
        <v>4.90426666E8</v>
      </c>
      <c r="B7494" s="2">
        <v>12469.0</v>
      </c>
      <c r="C7494" s="1" t="s">
        <v>5</v>
      </c>
      <c r="D7494" s="1" t="s">
        <v>6151</v>
      </c>
      <c r="E7494" s="1" t="s">
        <v>7</v>
      </c>
    </row>
    <row r="7495">
      <c r="A7495" s="1">
        <v>4.90426671E8</v>
      </c>
      <c r="B7495" s="2">
        <v>12524.0</v>
      </c>
      <c r="C7495" s="1" t="s">
        <v>5</v>
      </c>
      <c r="D7495" s="1" t="s">
        <v>6152</v>
      </c>
      <c r="E7495" s="1" t="s">
        <v>7</v>
      </c>
    </row>
    <row r="7496">
      <c r="A7496" s="1">
        <v>4.90426687E8</v>
      </c>
      <c r="B7496" s="2">
        <v>12497.0</v>
      </c>
      <c r="C7496" s="1" t="s">
        <v>5</v>
      </c>
      <c r="D7496" s="1" t="s">
        <v>6153</v>
      </c>
      <c r="E7496" s="1" t="s">
        <v>7</v>
      </c>
    </row>
    <row r="7497">
      <c r="A7497" s="1">
        <v>4.9042669E8</v>
      </c>
      <c r="B7497" s="2">
        <v>12469.0</v>
      </c>
      <c r="C7497" s="1" t="s">
        <v>5</v>
      </c>
      <c r="D7497" s="1" t="s">
        <v>6154</v>
      </c>
      <c r="E7497" s="1" t="s">
        <v>11</v>
      </c>
    </row>
    <row r="7498">
      <c r="A7498" s="1">
        <v>4.90426735E8</v>
      </c>
      <c r="B7498" s="2">
        <v>12520.0</v>
      </c>
      <c r="C7498" s="1" t="s">
        <v>5</v>
      </c>
      <c r="D7498" s="1" t="s">
        <v>11</v>
      </c>
      <c r="E7498" s="1" t="s">
        <v>7</v>
      </c>
    </row>
    <row r="7499">
      <c r="A7499" s="1">
        <v>4.90426739E8</v>
      </c>
      <c r="B7499" s="2">
        <v>12490.0</v>
      </c>
      <c r="C7499" s="1" t="s">
        <v>5</v>
      </c>
      <c r="D7499" s="1" t="s">
        <v>6155</v>
      </c>
      <c r="E7499" s="1" t="s">
        <v>6156</v>
      </c>
    </row>
    <row r="7500">
      <c r="A7500" s="1">
        <v>4.90426748E8</v>
      </c>
      <c r="B7500" s="2">
        <v>12469.0</v>
      </c>
      <c r="C7500" s="1" t="s">
        <v>5</v>
      </c>
      <c r="D7500" s="1" t="s">
        <v>6157</v>
      </c>
      <c r="E7500" s="1" t="s">
        <v>7</v>
      </c>
    </row>
    <row r="7501">
      <c r="A7501" s="1">
        <v>4.90426761E8</v>
      </c>
      <c r="B7501" s="2">
        <v>12497.0</v>
      </c>
      <c r="C7501" s="1" t="s">
        <v>5</v>
      </c>
      <c r="D7501" s="1" t="s">
        <v>11</v>
      </c>
      <c r="E7501" s="1" t="s">
        <v>7</v>
      </c>
    </row>
    <row r="7502">
      <c r="A7502" s="1">
        <v>4.90426846E8</v>
      </c>
      <c r="B7502" s="2">
        <v>12630.0</v>
      </c>
      <c r="C7502" s="1" t="s">
        <v>5</v>
      </c>
      <c r="D7502" s="1" t="s">
        <v>6158</v>
      </c>
      <c r="E7502" s="1" t="s">
        <v>7</v>
      </c>
    </row>
    <row r="7503">
      <c r="A7503" s="1">
        <v>4.90426849E8</v>
      </c>
      <c r="B7503" s="3">
        <v>12544.0</v>
      </c>
      <c r="C7503" s="1" t="s">
        <v>5</v>
      </c>
      <c r="D7503" s="1" t="s">
        <v>6159</v>
      </c>
      <c r="E7503" s="1" t="s">
        <v>6160</v>
      </c>
    </row>
    <row r="7504">
      <c r="A7504" s="1">
        <v>4.9042685E8</v>
      </c>
      <c r="B7504" s="2">
        <v>12451.0</v>
      </c>
      <c r="C7504" s="1" t="s">
        <v>5</v>
      </c>
      <c r="D7504" s="1" t="s">
        <v>6161</v>
      </c>
      <c r="E7504" s="1" t="s">
        <v>6162</v>
      </c>
    </row>
    <row r="7505">
      <c r="A7505" s="1">
        <v>4.90426857E8</v>
      </c>
      <c r="B7505" s="2">
        <v>12503.0</v>
      </c>
      <c r="C7505" s="1" t="s">
        <v>5</v>
      </c>
      <c r="D7505" s="1" t="s">
        <v>6163</v>
      </c>
      <c r="E7505" s="1" t="s">
        <v>11</v>
      </c>
    </row>
    <row r="7506">
      <c r="A7506" s="1">
        <v>4.90426889E8</v>
      </c>
      <c r="B7506" s="2">
        <v>12470.0</v>
      </c>
      <c r="C7506" s="1" t="s">
        <v>5</v>
      </c>
      <c r="D7506" s="1" t="s">
        <v>6164</v>
      </c>
      <c r="E7506" s="1" t="s">
        <v>7</v>
      </c>
    </row>
    <row r="7507">
      <c r="A7507" s="1">
        <v>4.9042691E8</v>
      </c>
      <c r="B7507" s="2">
        <v>12519.0</v>
      </c>
      <c r="C7507" s="1" t="s">
        <v>5</v>
      </c>
      <c r="D7507" s="1" t="s">
        <v>6165</v>
      </c>
      <c r="E7507" s="1" t="s">
        <v>11</v>
      </c>
    </row>
    <row r="7508">
      <c r="A7508" s="1">
        <v>4.90426915E8</v>
      </c>
      <c r="B7508" s="2">
        <v>12610.0</v>
      </c>
      <c r="C7508" s="1" t="s">
        <v>5</v>
      </c>
      <c r="D7508" s="1" t="s">
        <v>6166</v>
      </c>
      <c r="E7508" s="1" t="s">
        <v>7</v>
      </c>
    </row>
    <row r="7509">
      <c r="A7509" s="1">
        <v>4.90426918E8</v>
      </c>
      <c r="B7509" s="2">
        <v>12630.0</v>
      </c>
      <c r="C7509" s="1" t="s">
        <v>5</v>
      </c>
      <c r="D7509" s="1" t="s">
        <v>6167</v>
      </c>
      <c r="E7509" s="1" t="s">
        <v>6168</v>
      </c>
    </row>
    <row r="7510">
      <c r="A7510" s="1">
        <v>4.90426935E8</v>
      </c>
      <c r="B7510" s="3">
        <v>12555.0</v>
      </c>
      <c r="C7510" s="1" t="s">
        <v>5</v>
      </c>
      <c r="D7510" s="1" t="s">
        <v>6169</v>
      </c>
      <c r="E7510" s="1" t="s">
        <v>11</v>
      </c>
    </row>
    <row r="7511">
      <c r="A7511" s="1">
        <v>4.90426967E8</v>
      </c>
      <c r="B7511" s="2">
        <v>12451.0</v>
      </c>
      <c r="C7511" s="1" t="s">
        <v>5</v>
      </c>
      <c r="D7511" s="1" t="s">
        <v>6170</v>
      </c>
      <c r="E7511" s="1" t="s">
        <v>11</v>
      </c>
    </row>
    <row r="7512">
      <c r="A7512" s="1">
        <v>4.90426999E8</v>
      </c>
      <c r="B7512" s="2">
        <v>12509.0</v>
      </c>
      <c r="C7512" s="1" t="s">
        <v>5</v>
      </c>
      <c r="D7512" s="1" t="s">
        <v>11</v>
      </c>
      <c r="E7512" s="1" t="s">
        <v>7</v>
      </c>
    </row>
    <row r="7513">
      <c r="A7513" s="1">
        <v>4.90427007E8</v>
      </c>
      <c r="B7513" s="2">
        <v>12517.0</v>
      </c>
      <c r="C7513" s="1" t="s">
        <v>5</v>
      </c>
      <c r="D7513" s="1" t="s">
        <v>6171</v>
      </c>
      <c r="E7513" s="1" t="s">
        <v>11</v>
      </c>
    </row>
    <row r="7514">
      <c r="A7514" s="1">
        <v>4.90427028E8</v>
      </c>
      <c r="B7514" s="2">
        <v>12607.0</v>
      </c>
      <c r="C7514" s="1" t="s">
        <v>5</v>
      </c>
      <c r="D7514" s="1" t="s">
        <v>6172</v>
      </c>
      <c r="E7514" s="1" t="s">
        <v>11</v>
      </c>
    </row>
    <row r="7515">
      <c r="A7515" s="1">
        <v>4.90427029E8</v>
      </c>
      <c r="B7515" s="3">
        <v>12561.0</v>
      </c>
      <c r="C7515" s="1" t="s">
        <v>5</v>
      </c>
      <c r="D7515" s="1" t="s">
        <v>6173</v>
      </c>
      <c r="E7515" s="1" t="s">
        <v>11</v>
      </c>
    </row>
    <row r="7516">
      <c r="A7516" s="1">
        <v>4.90427039E8</v>
      </c>
      <c r="B7516" s="2">
        <v>12510.0</v>
      </c>
      <c r="C7516" s="1" t="s">
        <v>5</v>
      </c>
      <c r="D7516" s="1" t="s">
        <v>6174</v>
      </c>
      <c r="E7516" s="1" t="s">
        <v>6175</v>
      </c>
    </row>
    <row r="7517">
      <c r="A7517" s="1">
        <v>4.90427044E8</v>
      </c>
      <c r="B7517" s="2">
        <v>12500.0</v>
      </c>
      <c r="C7517" s="1" t="s">
        <v>5</v>
      </c>
      <c r="D7517" s="1" t="s">
        <v>11</v>
      </c>
      <c r="E7517" s="1" t="s">
        <v>7</v>
      </c>
    </row>
    <row r="7518">
      <c r="A7518" s="1">
        <v>4.90427073E8</v>
      </c>
      <c r="B7518" s="2">
        <v>12613.0</v>
      </c>
      <c r="C7518" s="1" t="s">
        <v>5</v>
      </c>
      <c r="D7518" s="1" t="s">
        <v>6176</v>
      </c>
      <c r="E7518" s="1" t="s">
        <v>7</v>
      </c>
    </row>
    <row r="7519">
      <c r="A7519" s="1">
        <v>4.90427085E8</v>
      </c>
      <c r="B7519" s="2">
        <v>12467.0</v>
      </c>
      <c r="C7519" s="1" t="s">
        <v>5</v>
      </c>
      <c r="D7519" s="1" t="s">
        <v>6177</v>
      </c>
      <c r="E7519" s="1" t="s">
        <v>11</v>
      </c>
    </row>
    <row r="7520">
      <c r="A7520" s="1">
        <v>4.90427111E8</v>
      </c>
      <c r="B7520" s="3">
        <v>12554.0</v>
      </c>
      <c r="C7520" s="1" t="s">
        <v>5</v>
      </c>
      <c r="D7520" s="1" t="s">
        <v>6178</v>
      </c>
      <c r="E7520" s="1" t="s">
        <v>6179</v>
      </c>
    </row>
    <row r="7521">
      <c r="A7521" s="1">
        <v>4.9042712E8</v>
      </c>
      <c r="B7521" s="3">
        <v>12544.0</v>
      </c>
      <c r="C7521" s="1" t="s">
        <v>5</v>
      </c>
      <c r="D7521" s="1" t="s">
        <v>6180</v>
      </c>
      <c r="E7521" s="1" t="s">
        <v>7</v>
      </c>
    </row>
    <row r="7522">
      <c r="A7522" s="1">
        <v>4.90427124E8</v>
      </c>
      <c r="B7522" s="2">
        <v>12615.0</v>
      </c>
      <c r="C7522" s="1" t="s">
        <v>5</v>
      </c>
      <c r="D7522" s="1" t="s">
        <v>6181</v>
      </c>
      <c r="E7522" s="1" t="s">
        <v>7</v>
      </c>
    </row>
    <row r="7523">
      <c r="A7523" s="1">
        <v>4.90427129E8</v>
      </c>
      <c r="B7523" s="2">
        <v>12631.0</v>
      </c>
      <c r="C7523" s="1" t="s">
        <v>5</v>
      </c>
      <c r="D7523" s="1" t="s">
        <v>11</v>
      </c>
      <c r="E7523" s="1" t="s">
        <v>7</v>
      </c>
    </row>
    <row r="7524">
      <c r="A7524" s="1">
        <v>4.90427141E8</v>
      </c>
      <c r="B7524" s="2">
        <v>12456.0</v>
      </c>
      <c r="C7524" s="1" t="s">
        <v>5</v>
      </c>
      <c r="D7524" s="1" t="s">
        <v>6182</v>
      </c>
      <c r="E7524" s="1" t="s">
        <v>11</v>
      </c>
    </row>
    <row r="7525">
      <c r="A7525" s="1">
        <v>4.90427183E8</v>
      </c>
      <c r="B7525" s="2">
        <v>12519.0</v>
      </c>
      <c r="C7525" s="1" t="s">
        <v>5</v>
      </c>
      <c r="D7525" s="1" t="s">
        <v>6183</v>
      </c>
      <c r="E7525" s="1" t="s">
        <v>11</v>
      </c>
    </row>
    <row r="7526">
      <c r="A7526" s="1">
        <v>4.90427189E8</v>
      </c>
      <c r="B7526" s="2">
        <v>12525.0</v>
      </c>
      <c r="C7526" s="1" t="s">
        <v>5</v>
      </c>
      <c r="D7526" s="1" t="s">
        <v>6184</v>
      </c>
      <c r="E7526" s="1" t="s">
        <v>7</v>
      </c>
    </row>
    <row r="7527">
      <c r="A7527" s="1">
        <v>4.9042722E8</v>
      </c>
      <c r="B7527" s="2">
        <v>12519.0</v>
      </c>
      <c r="C7527" s="1" t="s">
        <v>5</v>
      </c>
      <c r="D7527" s="1" t="s">
        <v>6185</v>
      </c>
      <c r="E7527" s="1" t="s">
        <v>7</v>
      </c>
    </row>
    <row r="7528">
      <c r="A7528" s="1">
        <v>4.90427229E8</v>
      </c>
      <c r="B7528" s="2">
        <v>12455.0</v>
      </c>
      <c r="C7528" s="1" t="s">
        <v>5</v>
      </c>
      <c r="D7528" s="1" t="s">
        <v>6186</v>
      </c>
      <c r="E7528" s="1" t="s">
        <v>7</v>
      </c>
    </row>
    <row r="7529">
      <c r="A7529" s="1">
        <v>4.90427234E8</v>
      </c>
      <c r="B7529" s="2">
        <v>12602.0</v>
      </c>
      <c r="C7529" s="1" t="s">
        <v>5</v>
      </c>
      <c r="D7529" s="1" t="s">
        <v>6187</v>
      </c>
      <c r="E7529" s="1" t="s">
        <v>11</v>
      </c>
    </row>
    <row r="7530">
      <c r="A7530" s="1">
        <v>4.90427252E8</v>
      </c>
      <c r="B7530" s="3">
        <v>12556.0</v>
      </c>
      <c r="C7530" s="1" t="s">
        <v>5</v>
      </c>
      <c r="D7530" s="1" t="s">
        <v>6188</v>
      </c>
      <c r="E7530" s="1" t="s">
        <v>6189</v>
      </c>
    </row>
    <row r="7531">
      <c r="A7531" s="1">
        <v>4.90427266E8</v>
      </c>
      <c r="B7531" s="2">
        <v>12527.0</v>
      </c>
      <c r="C7531" s="1" t="s">
        <v>5</v>
      </c>
      <c r="D7531" s="1" t="s">
        <v>6190</v>
      </c>
      <c r="E7531" s="1" t="s">
        <v>7</v>
      </c>
    </row>
    <row r="7532">
      <c r="A7532" s="1">
        <v>4.90427272E8</v>
      </c>
      <c r="B7532" s="2">
        <v>12517.0</v>
      </c>
      <c r="C7532" s="1" t="s">
        <v>5</v>
      </c>
      <c r="D7532" s="1" t="s">
        <v>6191</v>
      </c>
      <c r="E7532" s="1" t="s">
        <v>11</v>
      </c>
    </row>
    <row r="7533">
      <c r="A7533" s="1">
        <v>4.90427277E8</v>
      </c>
      <c r="B7533" s="2">
        <v>12601.0</v>
      </c>
      <c r="C7533" s="1" t="s">
        <v>5</v>
      </c>
      <c r="D7533" s="1" t="s">
        <v>6192</v>
      </c>
      <c r="E7533" s="1" t="s">
        <v>7</v>
      </c>
    </row>
    <row r="7534">
      <c r="A7534" s="1">
        <v>4.90427278E8</v>
      </c>
      <c r="B7534" s="2">
        <v>12466.0</v>
      </c>
      <c r="C7534" s="1" t="s">
        <v>5</v>
      </c>
      <c r="D7534" s="1" t="s">
        <v>6193</v>
      </c>
      <c r="E7534" s="1" t="s">
        <v>7</v>
      </c>
    </row>
    <row r="7535">
      <c r="A7535" s="1">
        <v>4.90427294E8</v>
      </c>
      <c r="B7535" s="2">
        <v>12517.0</v>
      </c>
      <c r="C7535" s="1" t="s">
        <v>5</v>
      </c>
      <c r="D7535" s="1" t="s">
        <v>11</v>
      </c>
      <c r="E7535" s="1" t="s">
        <v>7</v>
      </c>
    </row>
    <row r="7536">
      <c r="A7536" s="1">
        <v>4.90427296E8</v>
      </c>
      <c r="B7536" s="2">
        <v>12513.0</v>
      </c>
      <c r="C7536" s="1" t="s">
        <v>5</v>
      </c>
      <c r="D7536" s="1" t="s">
        <v>11</v>
      </c>
      <c r="E7536" s="1" t="s">
        <v>7</v>
      </c>
    </row>
    <row r="7537">
      <c r="A7537" s="1">
        <v>4.90427299E8</v>
      </c>
      <c r="B7537" s="2">
        <v>12517.0</v>
      </c>
      <c r="C7537" s="1" t="s">
        <v>5</v>
      </c>
      <c r="D7537" s="1" t="s">
        <v>6194</v>
      </c>
      <c r="E7537" s="1" t="s">
        <v>7</v>
      </c>
    </row>
    <row r="7538">
      <c r="A7538" s="1">
        <v>4.904273E8</v>
      </c>
      <c r="B7538" s="3">
        <v>12554.0</v>
      </c>
      <c r="C7538" s="1" t="s">
        <v>5</v>
      </c>
      <c r="D7538" s="1" t="s">
        <v>6195</v>
      </c>
      <c r="E7538" s="1" t="s">
        <v>11</v>
      </c>
    </row>
    <row r="7539">
      <c r="A7539" s="1">
        <v>4.9042731E8</v>
      </c>
      <c r="B7539" s="2">
        <v>12612.0</v>
      </c>
      <c r="C7539" s="1" t="s">
        <v>5</v>
      </c>
      <c r="D7539" s="1" t="s">
        <v>11</v>
      </c>
      <c r="E7539" s="1" t="s">
        <v>7</v>
      </c>
    </row>
    <row r="7540">
      <c r="A7540" s="1">
        <v>4.90427327E8</v>
      </c>
      <c r="B7540" s="3">
        <v>12555.0</v>
      </c>
      <c r="C7540" s="1" t="s">
        <v>5</v>
      </c>
      <c r="D7540" s="1" t="s">
        <v>6196</v>
      </c>
      <c r="E7540" s="1" t="s">
        <v>11</v>
      </c>
    </row>
    <row r="7541">
      <c r="A7541" s="1">
        <v>4.9042734E8</v>
      </c>
      <c r="B7541" s="2">
        <v>12454.0</v>
      </c>
      <c r="C7541" s="1" t="s">
        <v>5</v>
      </c>
      <c r="D7541" s="1" t="s">
        <v>6197</v>
      </c>
      <c r="E7541" s="1" t="s">
        <v>7</v>
      </c>
    </row>
    <row r="7542">
      <c r="A7542" s="1">
        <v>4.90427346E8</v>
      </c>
      <c r="B7542" s="2">
        <v>12631.0</v>
      </c>
      <c r="C7542" s="1" t="s">
        <v>5</v>
      </c>
      <c r="D7542" s="1" t="s">
        <v>6198</v>
      </c>
      <c r="E7542" s="1" t="s">
        <v>7</v>
      </c>
    </row>
    <row r="7543">
      <c r="A7543" s="1">
        <v>4.90427369E8</v>
      </c>
      <c r="B7543" s="3">
        <v>12555.0</v>
      </c>
      <c r="C7543" s="1" t="s">
        <v>5</v>
      </c>
      <c r="D7543" s="1" t="s">
        <v>6199</v>
      </c>
      <c r="E7543" s="1" t="s">
        <v>11</v>
      </c>
    </row>
    <row r="7544">
      <c r="A7544" s="1">
        <v>4.90427384E8</v>
      </c>
      <c r="B7544" s="2">
        <v>12631.0</v>
      </c>
      <c r="C7544" s="1" t="s">
        <v>5</v>
      </c>
      <c r="D7544" s="1" t="s">
        <v>6200</v>
      </c>
      <c r="E7544" s="1" t="s">
        <v>7</v>
      </c>
    </row>
    <row r="7545">
      <c r="A7545" s="1">
        <v>4.904274E8</v>
      </c>
      <c r="B7545" s="2">
        <v>12629.0</v>
      </c>
      <c r="C7545" s="1" t="s">
        <v>5</v>
      </c>
      <c r="D7545" s="1" t="s">
        <v>6201</v>
      </c>
      <c r="E7545" s="1" t="s">
        <v>11</v>
      </c>
    </row>
    <row r="7546">
      <c r="A7546" s="1">
        <v>4.90427447E8</v>
      </c>
      <c r="B7546" s="2">
        <v>12466.0</v>
      </c>
      <c r="C7546" s="1" t="s">
        <v>5</v>
      </c>
      <c r="D7546" s="1" t="s">
        <v>6202</v>
      </c>
      <c r="E7546" s="1" t="s">
        <v>7</v>
      </c>
    </row>
    <row r="7547">
      <c r="A7547" s="1">
        <v>4.90427491E8</v>
      </c>
      <c r="B7547" s="2">
        <v>12521.0</v>
      </c>
      <c r="C7547" s="1" t="s">
        <v>5</v>
      </c>
      <c r="D7547" s="1" t="s">
        <v>6203</v>
      </c>
      <c r="E7547" s="1" t="s">
        <v>7</v>
      </c>
    </row>
    <row r="7548">
      <c r="A7548" s="1">
        <v>4.90427501E8</v>
      </c>
      <c r="B7548" s="2">
        <v>12494.0</v>
      </c>
      <c r="C7548" s="1" t="s">
        <v>5</v>
      </c>
      <c r="D7548" s="1" t="s">
        <v>6204</v>
      </c>
      <c r="E7548" s="1" t="s">
        <v>7</v>
      </c>
    </row>
    <row r="7549">
      <c r="A7549" s="1">
        <v>4.90427527E8</v>
      </c>
      <c r="B7549" s="2">
        <v>12629.0</v>
      </c>
      <c r="C7549" s="1" t="s">
        <v>5</v>
      </c>
      <c r="D7549" s="1" t="s">
        <v>6205</v>
      </c>
      <c r="E7549" s="1" t="s">
        <v>11</v>
      </c>
    </row>
    <row r="7550">
      <c r="A7550" s="1">
        <v>4.90427548E8</v>
      </c>
      <c r="B7550" s="2">
        <v>12516.0</v>
      </c>
      <c r="C7550" s="1" t="s">
        <v>5</v>
      </c>
      <c r="D7550" s="1" t="s">
        <v>11</v>
      </c>
      <c r="E7550" s="1" t="s">
        <v>7</v>
      </c>
    </row>
    <row r="7551">
      <c r="A7551" s="1">
        <v>4.90427578E8</v>
      </c>
      <c r="B7551" s="2">
        <v>12608.0</v>
      </c>
      <c r="C7551" s="1" t="s">
        <v>5</v>
      </c>
      <c r="D7551" s="1" t="s">
        <v>11</v>
      </c>
      <c r="E7551" s="1" t="s">
        <v>7</v>
      </c>
    </row>
    <row r="7552">
      <c r="A7552" s="1">
        <v>4.9042758E8</v>
      </c>
      <c r="B7552" s="2">
        <v>12452.0</v>
      </c>
      <c r="C7552" s="1" t="s">
        <v>5</v>
      </c>
      <c r="D7552" s="1" t="s">
        <v>11</v>
      </c>
      <c r="E7552" s="1" t="s">
        <v>7</v>
      </c>
    </row>
    <row r="7553">
      <c r="A7553" s="1">
        <v>4.90427592E8</v>
      </c>
      <c r="B7553" s="2">
        <v>12618.0</v>
      </c>
      <c r="C7553" s="1" t="s">
        <v>5</v>
      </c>
      <c r="D7553" s="1" t="s">
        <v>6206</v>
      </c>
      <c r="E7553" s="1" t="s">
        <v>11</v>
      </c>
    </row>
    <row r="7554">
      <c r="A7554" s="1">
        <v>4.90427596E8</v>
      </c>
      <c r="B7554" s="2">
        <v>12491.0</v>
      </c>
      <c r="C7554" s="1" t="s">
        <v>5</v>
      </c>
      <c r="D7554" s="1" t="s">
        <v>6207</v>
      </c>
      <c r="E7554" s="1" t="s">
        <v>7</v>
      </c>
    </row>
    <row r="7555">
      <c r="A7555" s="1">
        <v>4.90427599E8</v>
      </c>
      <c r="B7555" s="2">
        <v>12613.0</v>
      </c>
      <c r="C7555" s="1" t="s">
        <v>5</v>
      </c>
      <c r="D7555" s="1" t="s">
        <v>6208</v>
      </c>
      <c r="E7555" s="1" t="s">
        <v>11</v>
      </c>
    </row>
    <row r="7556">
      <c r="A7556" s="1">
        <v>4.90427605E8</v>
      </c>
      <c r="B7556" s="2">
        <v>12623.0</v>
      </c>
      <c r="C7556" s="1" t="s">
        <v>5</v>
      </c>
      <c r="D7556" s="1" t="s">
        <v>6209</v>
      </c>
      <c r="E7556" s="1" t="s">
        <v>7</v>
      </c>
    </row>
    <row r="7557">
      <c r="A7557" s="1">
        <v>4.90427609E8</v>
      </c>
      <c r="B7557" s="3">
        <v>12559.0</v>
      </c>
      <c r="C7557" s="1" t="s">
        <v>5</v>
      </c>
      <c r="D7557" s="1" t="s">
        <v>6210</v>
      </c>
      <c r="E7557" s="1" t="s">
        <v>11</v>
      </c>
    </row>
    <row r="7558">
      <c r="A7558" s="1">
        <v>4.90427616E8</v>
      </c>
      <c r="B7558" s="2">
        <v>12486.0</v>
      </c>
      <c r="C7558" s="1" t="s">
        <v>5</v>
      </c>
      <c r="D7558" s="1" t="s">
        <v>6211</v>
      </c>
      <c r="E7558" s="1" t="s">
        <v>11</v>
      </c>
    </row>
    <row r="7559">
      <c r="A7559" s="1">
        <v>4.9042762E8</v>
      </c>
      <c r="B7559" s="2">
        <v>12615.0</v>
      </c>
      <c r="C7559" s="1" t="s">
        <v>5</v>
      </c>
      <c r="D7559" s="1" t="s">
        <v>6212</v>
      </c>
      <c r="E7559" s="1" t="s">
        <v>7</v>
      </c>
    </row>
    <row r="7560">
      <c r="A7560" s="1">
        <v>4.90427656E8</v>
      </c>
      <c r="B7560" s="2">
        <v>12495.0</v>
      </c>
      <c r="C7560" s="1" t="s">
        <v>5</v>
      </c>
      <c r="D7560" s="1" t="s">
        <v>6213</v>
      </c>
      <c r="E7560" s="1" t="s">
        <v>6214</v>
      </c>
    </row>
    <row r="7561">
      <c r="A7561" s="1">
        <v>4.90427683E8</v>
      </c>
      <c r="B7561" s="2">
        <v>12514.0</v>
      </c>
      <c r="C7561" s="1" t="s">
        <v>5</v>
      </c>
      <c r="D7561" s="1" t="s">
        <v>6215</v>
      </c>
      <c r="E7561" s="1" t="s">
        <v>7</v>
      </c>
    </row>
    <row r="7562">
      <c r="A7562" s="1">
        <v>4.90427685E8</v>
      </c>
      <c r="B7562" s="3">
        <v>12570.0</v>
      </c>
      <c r="C7562" s="1" t="s">
        <v>5</v>
      </c>
      <c r="D7562" s="1" t="s">
        <v>6216</v>
      </c>
      <c r="E7562" s="1" t="s">
        <v>7</v>
      </c>
    </row>
    <row r="7563">
      <c r="A7563" s="1">
        <v>4.90427708E8</v>
      </c>
      <c r="B7563" s="3">
        <v>12554.0</v>
      </c>
      <c r="C7563" s="1" t="s">
        <v>5</v>
      </c>
      <c r="D7563" s="1" t="s">
        <v>6217</v>
      </c>
      <c r="E7563" s="1" t="s">
        <v>11</v>
      </c>
    </row>
    <row r="7564">
      <c r="A7564" s="1">
        <v>4.90427734E8</v>
      </c>
      <c r="B7564" s="3">
        <v>12552.0</v>
      </c>
      <c r="C7564" s="1" t="s">
        <v>5</v>
      </c>
      <c r="D7564" s="1" t="s">
        <v>6218</v>
      </c>
      <c r="E7564" s="1" t="s">
        <v>11</v>
      </c>
    </row>
    <row r="7565">
      <c r="A7565" s="1">
        <v>4.90427762E8</v>
      </c>
      <c r="B7565" s="2">
        <v>12465.0</v>
      </c>
      <c r="C7565" s="1" t="s">
        <v>5</v>
      </c>
      <c r="D7565" s="1" t="s">
        <v>6219</v>
      </c>
      <c r="E7565" s="1" t="s">
        <v>11</v>
      </c>
    </row>
    <row r="7566">
      <c r="A7566" s="1">
        <v>4.90427794E8</v>
      </c>
      <c r="B7566" s="2">
        <v>12513.0</v>
      </c>
      <c r="C7566" s="1" t="s">
        <v>5</v>
      </c>
      <c r="D7566" s="1" t="s">
        <v>6220</v>
      </c>
      <c r="E7566" s="1" t="s">
        <v>6221</v>
      </c>
    </row>
    <row r="7567">
      <c r="A7567" s="1">
        <v>4.90427814E8</v>
      </c>
      <c r="B7567" s="2">
        <v>12463.0</v>
      </c>
      <c r="C7567" s="1" t="s">
        <v>5</v>
      </c>
      <c r="D7567" s="1" t="s">
        <v>6222</v>
      </c>
      <c r="E7567" s="1" t="s">
        <v>6223</v>
      </c>
    </row>
    <row r="7568">
      <c r="A7568" s="1">
        <v>4.90427826E8</v>
      </c>
      <c r="B7568" s="2">
        <v>12630.0</v>
      </c>
      <c r="C7568" s="1" t="s">
        <v>5</v>
      </c>
      <c r="D7568" s="1" t="s">
        <v>6224</v>
      </c>
      <c r="E7568" s="1" t="s">
        <v>6225</v>
      </c>
    </row>
    <row r="7569">
      <c r="A7569" s="1">
        <v>4.90427839E8</v>
      </c>
      <c r="B7569" s="2">
        <v>12525.0</v>
      </c>
      <c r="C7569" s="1" t="s">
        <v>5</v>
      </c>
      <c r="D7569" s="1" t="s">
        <v>6226</v>
      </c>
      <c r="E7569" s="1" t="s">
        <v>7</v>
      </c>
    </row>
    <row r="7570">
      <c r="A7570" s="1">
        <v>4.90427844E8</v>
      </c>
      <c r="B7570" s="2">
        <v>12605.0</v>
      </c>
      <c r="C7570" s="1" t="s">
        <v>5</v>
      </c>
      <c r="D7570" s="1" t="s">
        <v>6227</v>
      </c>
      <c r="E7570" s="1" t="s">
        <v>7</v>
      </c>
    </row>
    <row r="7571">
      <c r="A7571" s="1">
        <v>4.90427847E8</v>
      </c>
      <c r="B7571" s="2">
        <v>12463.0</v>
      </c>
      <c r="C7571" s="1" t="s">
        <v>5</v>
      </c>
      <c r="D7571" s="1" t="s">
        <v>6228</v>
      </c>
      <c r="E7571" s="1" t="s">
        <v>7</v>
      </c>
    </row>
    <row r="7572">
      <c r="A7572" s="1">
        <v>4.9042788E8</v>
      </c>
      <c r="B7572" s="2">
        <v>12463.0</v>
      </c>
      <c r="C7572" s="1" t="s">
        <v>5</v>
      </c>
      <c r="D7572" s="1" t="s">
        <v>6229</v>
      </c>
      <c r="E7572" s="1" t="s">
        <v>7</v>
      </c>
    </row>
    <row r="7573">
      <c r="A7573" s="1">
        <v>4.90427892E8</v>
      </c>
      <c r="B7573" s="2">
        <v>12482.0</v>
      </c>
      <c r="C7573" s="1" t="s">
        <v>5</v>
      </c>
      <c r="D7573" s="1" t="s">
        <v>11</v>
      </c>
      <c r="E7573" s="1" t="s">
        <v>7</v>
      </c>
    </row>
    <row r="7574">
      <c r="A7574" s="1">
        <v>4.90427895E8</v>
      </c>
      <c r="B7574" s="2">
        <v>12451.0</v>
      </c>
      <c r="C7574" s="1" t="s">
        <v>5</v>
      </c>
      <c r="D7574" s="1" t="s">
        <v>6230</v>
      </c>
      <c r="E7574" s="1" t="s">
        <v>7</v>
      </c>
    </row>
    <row r="7575">
      <c r="A7575" s="1">
        <v>4.904279E8</v>
      </c>
      <c r="B7575" s="3">
        <v>12552.0</v>
      </c>
      <c r="C7575" s="1" t="s">
        <v>5</v>
      </c>
      <c r="D7575" s="1" t="s">
        <v>11</v>
      </c>
      <c r="E7575" s="1" t="s">
        <v>7</v>
      </c>
    </row>
    <row r="7576">
      <c r="A7576" s="1">
        <v>4.90427906E8</v>
      </c>
      <c r="B7576" s="2">
        <v>12510.0</v>
      </c>
      <c r="C7576" s="1" t="s">
        <v>5</v>
      </c>
      <c r="D7576" s="1" t="s">
        <v>6231</v>
      </c>
      <c r="E7576" s="1" t="s">
        <v>7</v>
      </c>
    </row>
    <row r="7577">
      <c r="A7577" s="1">
        <v>4.90427907E8</v>
      </c>
      <c r="B7577" s="3">
        <v>12552.0</v>
      </c>
      <c r="C7577" s="1" t="s">
        <v>5</v>
      </c>
      <c r="D7577" s="1" t="s">
        <v>6232</v>
      </c>
      <c r="E7577" s="1" t="s">
        <v>7</v>
      </c>
    </row>
    <row r="7578">
      <c r="A7578" s="1">
        <v>4.90427911E8</v>
      </c>
      <c r="B7578" s="2">
        <v>12604.0</v>
      </c>
      <c r="C7578" s="1" t="s">
        <v>5</v>
      </c>
      <c r="D7578" s="1" t="s">
        <v>6233</v>
      </c>
      <c r="E7578" s="1" t="s">
        <v>6234</v>
      </c>
    </row>
    <row r="7579">
      <c r="A7579" s="1">
        <v>4.90427912E8</v>
      </c>
      <c r="B7579" s="2">
        <v>12491.0</v>
      </c>
      <c r="C7579" s="1" t="s">
        <v>5</v>
      </c>
      <c r="D7579" s="1" t="s">
        <v>11</v>
      </c>
      <c r="E7579" s="1" t="s">
        <v>7</v>
      </c>
    </row>
    <row r="7580">
      <c r="A7580" s="1">
        <v>4.90427917E8</v>
      </c>
      <c r="B7580" s="3">
        <v>12569.0</v>
      </c>
      <c r="C7580" s="1" t="s">
        <v>5</v>
      </c>
      <c r="D7580" s="1" t="s">
        <v>6235</v>
      </c>
      <c r="E7580" s="1" t="s">
        <v>11</v>
      </c>
    </row>
    <row r="7581">
      <c r="A7581" s="1">
        <v>4.9042792E8</v>
      </c>
      <c r="B7581" s="2">
        <v>12010.0</v>
      </c>
      <c r="C7581" s="1" t="s">
        <v>5</v>
      </c>
      <c r="D7581" s="1" t="s">
        <v>6236</v>
      </c>
      <c r="E7581" s="1" t="s">
        <v>11</v>
      </c>
    </row>
    <row r="7582">
      <c r="A7582" s="1">
        <v>4.90427964E8</v>
      </c>
      <c r="B7582" s="2">
        <v>12642.0</v>
      </c>
      <c r="C7582" s="1" t="s">
        <v>5</v>
      </c>
      <c r="D7582" s="1" t="s">
        <v>6237</v>
      </c>
      <c r="E7582" s="1" t="s">
        <v>7</v>
      </c>
    </row>
    <row r="7583">
      <c r="A7583" s="1">
        <v>4.90427986E8</v>
      </c>
      <c r="B7583" s="2">
        <v>12490.0</v>
      </c>
      <c r="C7583" s="1" t="s">
        <v>5</v>
      </c>
      <c r="D7583" s="1" t="s">
        <v>6238</v>
      </c>
      <c r="E7583" s="1" t="s">
        <v>11</v>
      </c>
    </row>
    <row r="7584">
      <c r="A7584" s="1">
        <v>4.90427991E8</v>
      </c>
      <c r="B7584" s="2">
        <v>12519.0</v>
      </c>
      <c r="C7584" s="1" t="s">
        <v>5</v>
      </c>
      <c r="D7584" s="1" t="s">
        <v>6239</v>
      </c>
      <c r="E7584" s="1" t="s">
        <v>11</v>
      </c>
    </row>
    <row r="7585">
      <c r="A7585" s="1">
        <v>4.90427992E8</v>
      </c>
      <c r="B7585" s="2">
        <v>12604.0</v>
      </c>
      <c r="C7585" s="1" t="s">
        <v>5</v>
      </c>
      <c r="D7585" s="1" t="s">
        <v>6240</v>
      </c>
      <c r="E7585" s="1" t="s">
        <v>7</v>
      </c>
    </row>
    <row r="7586">
      <c r="A7586" s="1">
        <v>4.90427996E8</v>
      </c>
      <c r="B7586" s="2">
        <v>12524.0</v>
      </c>
      <c r="C7586" s="1" t="s">
        <v>5</v>
      </c>
      <c r="D7586" s="1" t="s">
        <v>6241</v>
      </c>
      <c r="E7586" s="1" t="s">
        <v>11</v>
      </c>
    </row>
    <row r="7587">
      <c r="A7587" s="1">
        <v>4.90427997E8</v>
      </c>
      <c r="B7587" s="2">
        <v>12613.0</v>
      </c>
      <c r="C7587" s="1" t="s">
        <v>5</v>
      </c>
      <c r="D7587" s="1" t="s">
        <v>6242</v>
      </c>
      <c r="E7587" s="1" t="s">
        <v>7</v>
      </c>
    </row>
    <row r="7588">
      <c r="A7588" s="1">
        <v>4.90427999E8</v>
      </c>
      <c r="B7588" s="2">
        <v>12608.0</v>
      </c>
      <c r="C7588" s="1" t="s">
        <v>5</v>
      </c>
      <c r="D7588" s="1" t="s">
        <v>6243</v>
      </c>
      <c r="E7588" s="1" t="s">
        <v>6244</v>
      </c>
    </row>
    <row r="7589">
      <c r="A7589" s="1">
        <v>4.90428032E8</v>
      </c>
      <c r="B7589" s="2">
        <v>12505.0</v>
      </c>
      <c r="C7589" s="1" t="s">
        <v>5</v>
      </c>
      <c r="D7589" s="1" t="s">
        <v>6245</v>
      </c>
      <c r="E7589" s="1" t="s">
        <v>7</v>
      </c>
    </row>
    <row r="7590">
      <c r="A7590" s="1">
        <v>4.9042804E8</v>
      </c>
      <c r="B7590" s="2">
        <v>12605.0</v>
      </c>
      <c r="C7590" s="1" t="s">
        <v>5</v>
      </c>
      <c r="D7590" s="1" t="s">
        <v>6246</v>
      </c>
      <c r="E7590" s="1" t="s">
        <v>6247</v>
      </c>
    </row>
    <row r="7591">
      <c r="A7591" s="1">
        <v>4.90428066E8</v>
      </c>
      <c r="B7591" s="2">
        <v>12611.0</v>
      </c>
      <c r="C7591" s="1" t="s">
        <v>5</v>
      </c>
      <c r="D7591" s="1" t="s">
        <v>6248</v>
      </c>
      <c r="E7591" s="1" t="s">
        <v>11</v>
      </c>
    </row>
    <row r="7592">
      <c r="A7592" s="1">
        <v>4.9042807E8</v>
      </c>
      <c r="B7592" s="2">
        <v>12605.0</v>
      </c>
      <c r="C7592" s="1" t="s">
        <v>5</v>
      </c>
      <c r="D7592" s="1" t="s">
        <v>11</v>
      </c>
      <c r="E7592" s="1" t="s">
        <v>7</v>
      </c>
    </row>
    <row r="7593">
      <c r="A7593" s="1">
        <v>4.90428072E8</v>
      </c>
      <c r="B7593" s="2">
        <v>12505.0</v>
      </c>
      <c r="C7593" s="1" t="s">
        <v>5</v>
      </c>
      <c r="D7593" s="1" t="s">
        <v>6249</v>
      </c>
      <c r="E7593" s="1" t="s">
        <v>7</v>
      </c>
    </row>
    <row r="7594">
      <c r="A7594" s="1">
        <v>4.90428078E8</v>
      </c>
      <c r="B7594" s="2">
        <v>12511.0</v>
      </c>
      <c r="C7594" s="1" t="s">
        <v>5</v>
      </c>
      <c r="D7594" s="1" t="s">
        <v>6250</v>
      </c>
      <c r="E7594" s="1" t="s">
        <v>7</v>
      </c>
    </row>
    <row r="7595">
      <c r="A7595" s="1">
        <v>4.90428089E8</v>
      </c>
      <c r="B7595" s="2">
        <v>12618.0</v>
      </c>
      <c r="C7595" s="1" t="s">
        <v>5</v>
      </c>
      <c r="D7595" s="1" t="s">
        <v>6251</v>
      </c>
      <c r="E7595" s="1" t="s">
        <v>7</v>
      </c>
    </row>
    <row r="7596">
      <c r="A7596" s="1">
        <v>4.90428126E8</v>
      </c>
      <c r="B7596" s="3">
        <v>12550.0</v>
      </c>
      <c r="C7596" s="1" t="s">
        <v>5</v>
      </c>
      <c r="D7596" s="1" t="s">
        <v>6252</v>
      </c>
      <c r="E7596" s="1" t="s">
        <v>11</v>
      </c>
    </row>
    <row r="7597">
      <c r="A7597" s="1">
        <v>4.90428127E8</v>
      </c>
      <c r="B7597" s="2">
        <v>12628.0</v>
      </c>
      <c r="C7597" s="1" t="s">
        <v>5</v>
      </c>
      <c r="D7597" s="1" t="s">
        <v>6253</v>
      </c>
      <c r="E7597" s="1" t="s">
        <v>6254</v>
      </c>
    </row>
    <row r="7598">
      <c r="A7598" s="1">
        <v>4.90428184E8</v>
      </c>
      <c r="B7598" s="3">
        <v>12550.0</v>
      </c>
      <c r="C7598" s="1" t="s">
        <v>5</v>
      </c>
      <c r="D7598" s="1" t="s">
        <v>6255</v>
      </c>
      <c r="E7598" s="1" t="s">
        <v>11</v>
      </c>
    </row>
    <row r="7599">
      <c r="A7599" s="1">
        <v>4.90428263E8</v>
      </c>
      <c r="B7599" s="2">
        <v>12612.0</v>
      </c>
      <c r="C7599" s="1" t="s">
        <v>5</v>
      </c>
      <c r="D7599" s="1" t="s">
        <v>6256</v>
      </c>
      <c r="E7599" s="1" t="s">
        <v>7</v>
      </c>
    </row>
    <row r="7600">
      <c r="A7600" s="1">
        <v>4.9042828E8</v>
      </c>
      <c r="B7600" s="2">
        <v>12612.0</v>
      </c>
      <c r="C7600" s="1" t="s">
        <v>5</v>
      </c>
      <c r="D7600" s="1" t="s">
        <v>6257</v>
      </c>
      <c r="E7600" s="1" t="s">
        <v>7</v>
      </c>
    </row>
    <row r="7601">
      <c r="A7601" s="1">
        <v>4.9042831E8</v>
      </c>
      <c r="B7601" s="2">
        <v>12614.0</v>
      </c>
      <c r="C7601" s="1" t="s">
        <v>5</v>
      </c>
      <c r="D7601" s="1" t="s">
        <v>6258</v>
      </c>
      <c r="E7601" s="1" t="s">
        <v>11</v>
      </c>
    </row>
    <row r="7602">
      <c r="A7602" s="1">
        <v>4.90428312E8</v>
      </c>
      <c r="B7602" s="3">
        <v>12558.0</v>
      </c>
      <c r="C7602" s="1" t="s">
        <v>5</v>
      </c>
      <c r="D7602" s="1" t="s">
        <v>6259</v>
      </c>
      <c r="E7602" s="1" t="s">
        <v>7</v>
      </c>
    </row>
    <row r="7603">
      <c r="A7603" s="1">
        <v>4.9042832E8</v>
      </c>
      <c r="B7603" s="2">
        <v>12522.0</v>
      </c>
      <c r="C7603" s="1" t="s">
        <v>5</v>
      </c>
      <c r="D7603" s="1" t="s">
        <v>11</v>
      </c>
      <c r="E7603" s="1" t="s">
        <v>7</v>
      </c>
    </row>
    <row r="7604">
      <c r="A7604" s="1">
        <v>4.9042838E8</v>
      </c>
      <c r="B7604" s="3">
        <v>12550.0</v>
      </c>
      <c r="C7604" s="1" t="s">
        <v>5</v>
      </c>
      <c r="D7604" s="1" t="s">
        <v>6260</v>
      </c>
      <c r="E7604" s="1" t="s">
        <v>7</v>
      </c>
    </row>
    <row r="7605">
      <c r="A7605" s="1">
        <v>4.90428407E8</v>
      </c>
      <c r="B7605" s="2">
        <v>12503.0</v>
      </c>
      <c r="C7605" s="1" t="s">
        <v>5</v>
      </c>
      <c r="D7605" s="1" t="s">
        <v>6261</v>
      </c>
      <c r="E7605" s="1" t="s">
        <v>7</v>
      </c>
    </row>
    <row r="7606">
      <c r="A7606" s="1">
        <v>4.90428435E8</v>
      </c>
      <c r="B7606" s="2">
        <v>12610.0</v>
      </c>
      <c r="C7606" s="1" t="s">
        <v>5</v>
      </c>
      <c r="D7606" s="1" t="s">
        <v>11</v>
      </c>
      <c r="E7606" s="1" t="s">
        <v>7</v>
      </c>
    </row>
    <row r="7607">
      <c r="A7607" s="1">
        <v>4.90428439E8</v>
      </c>
      <c r="B7607" s="2">
        <v>12616.0</v>
      </c>
      <c r="C7607" s="1" t="s">
        <v>5</v>
      </c>
      <c r="D7607" s="1" t="s">
        <v>11</v>
      </c>
      <c r="E7607" s="1" t="s">
        <v>7</v>
      </c>
    </row>
    <row r="7608">
      <c r="A7608" s="1">
        <v>4.90428458E8</v>
      </c>
      <c r="B7608" s="2">
        <v>12614.0</v>
      </c>
      <c r="C7608" s="1" t="s">
        <v>5</v>
      </c>
      <c r="D7608" s="1" t="s">
        <v>6262</v>
      </c>
      <c r="E7608" s="1" t="s">
        <v>11</v>
      </c>
    </row>
    <row r="7609">
      <c r="A7609" s="1">
        <v>4.90428464E8</v>
      </c>
      <c r="B7609" s="2">
        <v>12460.0</v>
      </c>
      <c r="C7609" s="1" t="s">
        <v>5</v>
      </c>
      <c r="D7609" s="1" t="s">
        <v>5243</v>
      </c>
      <c r="E7609" s="1" t="s">
        <v>7</v>
      </c>
    </row>
    <row r="7610">
      <c r="A7610" s="1">
        <v>4.90428487E8</v>
      </c>
      <c r="B7610" s="2">
        <v>12606.0</v>
      </c>
      <c r="C7610" s="1" t="s">
        <v>5</v>
      </c>
      <c r="D7610" s="1" t="s">
        <v>6263</v>
      </c>
      <c r="E7610" s="1" t="s">
        <v>7</v>
      </c>
    </row>
    <row r="7611">
      <c r="A7611" s="1">
        <v>4.90428489E8</v>
      </c>
      <c r="B7611" s="2">
        <v>12460.0</v>
      </c>
      <c r="C7611" s="1" t="s">
        <v>5</v>
      </c>
      <c r="D7611" s="1" t="s">
        <v>11</v>
      </c>
      <c r="E7611" s="1" t="s">
        <v>7</v>
      </c>
    </row>
    <row r="7612">
      <c r="A7612" s="1">
        <v>4.90428493E8</v>
      </c>
      <c r="B7612" s="2">
        <v>12452.0</v>
      </c>
      <c r="C7612" s="1" t="s">
        <v>5</v>
      </c>
      <c r="D7612" s="1" t="s">
        <v>6264</v>
      </c>
      <c r="E7612" s="1" t="s">
        <v>7</v>
      </c>
    </row>
    <row r="7613">
      <c r="A7613" s="1">
        <v>4.90428505E8</v>
      </c>
      <c r="B7613" s="3">
        <v>12566.0</v>
      </c>
      <c r="C7613" s="1" t="s">
        <v>5</v>
      </c>
      <c r="D7613" s="1" t="s">
        <v>6265</v>
      </c>
      <c r="E7613" s="1" t="s">
        <v>7</v>
      </c>
    </row>
    <row r="7614">
      <c r="A7614" s="1">
        <v>4.90428508E8</v>
      </c>
      <c r="B7614" s="3">
        <v>12549.0</v>
      </c>
      <c r="C7614" s="1" t="s">
        <v>5</v>
      </c>
      <c r="D7614" s="1" t="s">
        <v>6266</v>
      </c>
      <c r="E7614" s="1" t="s">
        <v>11</v>
      </c>
    </row>
    <row r="7615">
      <c r="A7615" s="1">
        <v>4.90428529E8</v>
      </c>
      <c r="B7615" s="3">
        <v>12557.0</v>
      </c>
      <c r="C7615" s="1" t="s">
        <v>5</v>
      </c>
      <c r="D7615" s="1" t="s">
        <v>6267</v>
      </c>
      <c r="E7615" s="1" t="s">
        <v>11</v>
      </c>
    </row>
    <row r="7616">
      <c r="A7616" s="1">
        <v>4.90428533E8</v>
      </c>
      <c r="B7616" s="2">
        <v>12610.0</v>
      </c>
      <c r="C7616" s="1" t="s">
        <v>5</v>
      </c>
      <c r="D7616" s="1" t="s">
        <v>6268</v>
      </c>
      <c r="E7616" s="1" t="s">
        <v>11</v>
      </c>
    </row>
    <row r="7617">
      <c r="A7617" s="1">
        <v>4.90428567E8</v>
      </c>
      <c r="B7617" s="2">
        <v>12491.0</v>
      </c>
      <c r="C7617" s="1" t="s">
        <v>5</v>
      </c>
      <c r="D7617" s="1" t="s">
        <v>6269</v>
      </c>
      <c r="E7617" s="1" t="s">
        <v>7</v>
      </c>
    </row>
    <row r="7618">
      <c r="A7618" s="1">
        <v>4.90428569E8</v>
      </c>
      <c r="B7618" s="2">
        <v>12622.0</v>
      </c>
      <c r="C7618" s="1" t="s">
        <v>5</v>
      </c>
      <c r="D7618" s="1" t="s">
        <v>6270</v>
      </c>
      <c r="E7618" s="1" t="s">
        <v>7</v>
      </c>
    </row>
    <row r="7619">
      <c r="A7619" s="1">
        <v>4.9042859E8</v>
      </c>
      <c r="B7619" s="2">
        <v>12511.0</v>
      </c>
      <c r="C7619" s="1" t="s">
        <v>5</v>
      </c>
      <c r="D7619" s="1" t="s">
        <v>6271</v>
      </c>
      <c r="E7619" s="1" t="s">
        <v>11</v>
      </c>
    </row>
    <row r="7620">
      <c r="A7620" s="1">
        <v>4.90428591E8</v>
      </c>
      <c r="B7620" s="2">
        <v>12606.0</v>
      </c>
      <c r="C7620" s="1" t="s">
        <v>5</v>
      </c>
      <c r="D7620" s="1" t="s">
        <v>6272</v>
      </c>
      <c r="E7620" s="1" t="s">
        <v>11</v>
      </c>
    </row>
    <row r="7621">
      <c r="A7621" s="1">
        <v>4.90428606E8</v>
      </c>
      <c r="B7621" s="2">
        <v>12500.0</v>
      </c>
      <c r="C7621" s="1" t="s">
        <v>5</v>
      </c>
      <c r="D7621" s="1" t="s">
        <v>6273</v>
      </c>
      <c r="E7621" s="1" t="s">
        <v>7</v>
      </c>
    </row>
    <row r="7622">
      <c r="A7622" s="1">
        <v>4.90428617E8</v>
      </c>
      <c r="B7622" s="3">
        <v>12548.0</v>
      </c>
      <c r="C7622" s="1" t="s">
        <v>5</v>
      </c>
      <c r="D7622" s="1" t="s">
        <v>11</v>
      </c>
      <c r="E7622" s="1" t="s">
        <v>7</v>
      </c>
    </row>
    <row r="7623">
      <c r="A7623" s="1">
        <v>4.90428629E8</v>
      </c>
      <c r="B7623" s="2">
        <v>12620.0</v>
      </c>
      <c r="C7623" s="1" t="s">
        <v>5</v>
      </c>
      <c r="D7623" s="1" t="s">
        <v>6274</v>
      </c>
      <c r="E7623" s="1" t="s">
        <v>7</v>
      </c>
    </row>
    <row r="7624">
      <c r="A7624" s="1">
        <v>4.90428637E8</v>
      </c>
      <c r="B7624" s="2">
        <v>12655.0</v>
      </c>
      <c r="C7624" s="1" t="s">
        <v>5</v>
      </c>
      <c r="D7624" s="1" t="s">
        <v>11</v>
      </c>
      <c r="E7624" s="1" t="s">
        <v>7</v>
      </c>
    </row>
    <row r="7625">
      <c r="A7625" s="1">
        <v>4.90428676E8</v>
      </c>
      <c r="B7625" s="2">
        <v>12458.0</v>
      </c>
      <c r="C7625" s="1" t="s">
        <v>5</v>
      </c>
      <c r="D7625" s="1" t="s">
        <v>6275</v>
      </c>
      <c r="E7625" s="1" t="s">
        <v>11</v>
      </c>
    </row>
    <row r="7626">
      <c r="A7626" s="1">
        <v>4.90428715E8</v>
      </c>
      <c r="B7626" s="2">
        <v>12606.0</v>
      </c>
      <c r="C7626" s="1" t="s">
        <v>5</v>
      </c>
      <c r="D7626" s="1" t="s">
        <v>7</v>
      </c>
      <c r="E7626" s="1" t="s">
        <v>7</v>
      </c>
    </row>
    <row r="7627">
      <c r="A7627" s="1">
        <v>4.90428733E8</v>
      </c>
      <c r="B7627" s="2">
        <v>12612.0</v>
      </c>
      <c r="C7627" s="1" t="s">
        <v>5</v>
      </c>
      <c r="D7627" s="1" t="s">
        <v>6276</v>
      </c>
      <c r="E7627" s="1" t="s">
        <v>7</v>
      </c>
    </row>
    <row r="7628">
      <c r="A7628" s="1">
        <v>4.90428735E8</v>
      </c>
      <c r="B7628" s="2">
        <v>12457.0</v>
      </c>
      <c r="C7628" s="1" t="s">
        <v>5</v>
      </c>
      <c r="D7628" s="1" t="s">
        <v>11</v>
      </c>
      <c r="E7628" s="1" t="s">
        <v>7</v>
      </c>
    </row>
    <row r="7629">
      <c r="A7629" s="1">
        <v>4.90428737E8</v>
      </c>
      <c r="B7629" s="2">
        <v>12601.0</v>
      </c>
      <c r="C7629" s="1" t="s">
        <v>5</v>
      </c>
      <c r="D7629" s="1" t="s">
        <v>11</v>
      </c>
      <c r="E7629" s="1" t="s">
        <v>7</v>
      </c>
    </row>
    <row r="7630">
      <c r="A7630" s="1">
        <v>4.90428817E8</v>
      </c>
      <c r="B7630" s="2">
        <v>12516.0</v>
      </c>
      <c r="C7630" s="1" t="s">
        <v>5</v>
      </c>
      <c r="D7630" s="1" t="s">
        <v>11</v>
      </c>
      <c r="E7630" s="1" t="s">
        <v>7</v>
      </c>
    </row>
    <row r="7631">
      <c r="A7631" s="1">
        <v>4.90428834E8</v>
      </c>
      <c r="B7631" s="3">
        <v>12547.0</v>
      </c>
      <c r="C7631" s="1" t="s">
        <v>5</v>
      </c>
      <c r="D7631" s="1" t="s">
        <v>11</v>
      </c>
      <c r="E7631" s="1" t="s">
        <v>7</v>
      </c>
    </row>
    <row r="7632">
      <c r="A7632" s="1">
        <v>4.90428841E8</v>
      </c>
      <c r="B7632" s="2">
        <v>12606.0</v>
      </c>
      <c r="C7632" s="1" t="s">
        <v>5</v>
      </c>
      <c r="D7632" s="1" t="s">
        <v>6277</v>
      </c>
      <c r="E7632" s="1" t="s">
        <v>7</v>
      </c>
    </row>
    <row r="7633">
      <c r="A7633" s="1">
        <v>4.90428915E8</v>
      </c>
      <c r="B7633" s="2">
        <v>12602.0</v>
      </c>
      <c r="C7633" s="1" t="s">
        <v>5</v>
      </c>
      <c r="D7633" s="1" t="s">
        <v>6278</v>
      </c>
      <c r="E7633" s="1" t="s">
        <v>7</v>
      </c>
    </row>
    <row r="7634">
      <c r="A7634" s="1">
        <v>4.90428919E8</v>
      </c>
      <c r="B7634" s="3">
        <v>12548.0</v>
      </c>
      <c r="C7634" s="1" t="s">
        <v>5</v>
      </c>
      <c r="D7634" s="1" t="s">
        <v>6279</v>
      </c>
      <c r="E7634" s="1" t="s">
        <v>7</v>
      </c>
    </row>
    <row r="7635">
      <c r="A7635" s="1">
        <v>4.90428926E8</v>
      </c>
      <c r="B7635" s="2">
        <v>12652.0</v>
      </c>
      <c r="C7635" s="1" t="s">
        <v>5</v>
      </c>
      <c r="D7635" s="1" t="s">
        <v>6280</v>
      </c>
      <c r="E7635" s="1" t="s">
        <v>7</v>
      </c>
    </row>
    <row r="7636">
      <c r="A7636" s="1">
        <v>4.90428927E8</v>
      </c>
      <c r="B7636" s="2">
        <v>12495.0</v>
      </c>
      <c r="C7636" s="1" t="s">
        <v>5</v>
      </c>
      <c r="D7636" s="1" t="s">
        <v>6281</v>
      </c>
      <c r="E7636" s="1" t="s">
        <v>7</v>
      </c>
    </row>
    <row r="7637">
      <c r="A7637" s="1">
        <v>4.90428943E8</v>
      </c>
      <c r="B7637" s="2">
        <v>12642.0</v>
      </c>
      <c r="C7637" s="1" t="s">
        <v>5</v>
      </c>
      <c r="D7637" s="1" t="s">
        <v>11</v>
      </c>
      <c r="E7637" s="1" t="s">
        <v>7</v>
      </c>
    </row>
    <row r="7638">
      <c r="A7638" s="1">
        <v>4.9042896E8</v>
      </c>
      <c r="B7638" s="2">
        <v>12601.0</v>
      </c>
      <c r="C7638" s="1" t="s">
        <v>5</v>
      </c>
      <c r="D7638" s="1" t="s">
        <v>6282</v>
      </c>
      <c r="E7638" s="1" t="s">
        <v>6283</v>
      </c>
    </row>
    <row r="7639">
      <c r="A7639" s="1">
        <v>4.9042898E8</v>
      </c>
      <c r="B7639" s="2">
        <v>12613.0</v>
      </c>
      <c r="C7639" s="1" t="s">
        <v>5</v>
      </c>
      <c r="D7639" s="1" t="s">
        <v>6284</v>
      </c>
      <c r="E7639" s="1" t="s">
        <v>7</v>
      </c>
    </row>
    <row r="7640">
      <c r="A7640" s="1">
        <v>4.90428983E8</v>
      </c>
      <c r="B7640" s="2">
        <v>12651.0</v>
      </c>
      <c r="C7640" s="1" t="s">
        <v>5</v>
      </c>
      <c r="D7640" s="1" t="s">
        <v>6285</v>
      </c>
      <c r="E7640" s="1" t="s">
        <v>7</v>
      </c>
    </row>
    <row r="7641">
      <c r="A7641" s="1">
        <v>4.90429007E8</v>
      </c>
      <c r="B7641" s="2">
        <v>12611.0</v>
      </c>
      <c r="C7641" s="1" t="s">
        <v>5</v>
      </c>
      <c r="D7641" s="1" t="s">
        <v>6286</v>
      </c>
      <c r="E7641" s="1" t="s">
        <v>7</v>
      </c>
    </row>
    <row r="7642">
      <c r="A7642" s="1">
        <v>4.90429009E8</v>
      </c>
      <c r="B7642" s="3">
        <v>12547.0</v>
      </c>
      <c r="C7642" s="1" t="s">
        <v>5</v>
      </c>
      <c r="D7642" s="1" t="s">
        <v>6287</v>
      </c>
      <c r="E7642" s="1" t="s">
        <v>11</v>
      </c>
    </row>
    <row r="7643">
      <c r="A7643" s="1">
        <v>4.9042904E8</v>
      </c>
      <c r="B7643" s="2">
        <v>12656.0</v>
      </c>
      <c r="C7643" s="1" t="s">
        <v>5</v>
      </c>
      <c r="D7643" s="1" t="s">
        <v>6288</v>
      </c>
      <c r="E7643" s="1" t="s">
        <v>7</v>
      </c>
    </row>
    <row r="7644">
      <c r="A7644" s="1">
        <v>4.90429056E8</v>
      </c>
      <c r="B7644" s="2">
        <v>12510.0</v>
      </c>
      <c r="C7644" s="1" t="s">
        <v>5</v>
      </c>
      <c r="D7644" s="1" t="s">
        <v>6289</v>
      </c>
      <c r="E7644" s="1" t="s">
        <v>6290</v>
      </c>
    </row>
    <row r="7645">
      <c r="A7645" s="1">
        <v>4.9042906E8</v>
      </c>
      <c r="B7645" s="3">
        <v>12563.0</v>
      </c>
      <c r="C7645" s="1" t="s">
        <v>5</v>
      </c>
      <c r="D7645" s="1" t="s">
        <v>6291</v>
      </c>
      <c r="E7645" s="1" t="s">
        <v>7</v>
      </c>
    </row>
    <row r="7646">
      <c r="A7646" s="1">
        <v>4.90429087E8</v>
      </c>
      <c r="B7646" s="2">
        <v>12456.0</v>
      </c>
      <c r="C7646" s="1" t="s">
        <v>5</v>
      </c>
      <c r="D7646" s="1" t="s">
        <v>6292</v>
      </c>
      <c r="E7646" s="1" t="s">
        <v>6293</v>
      </c>
    </row>
    <row r="7647">
      <c r="A7647" s="1">
        <v>4.90429092E8</v>
      </c>
      <c r="B7647" s="2">
        <v>12611.0</v>
      </c>
      <c r="C7647" s="1" t="s">
        <v>5</v>
      </c>
      <c r="D7647" s="1" t="s">
        <v>6294</v>
      </c>
      <c r="E7647" s="1" t="s">
        <v>6295</v>
      </c>
    </row>
    <row r="7648">
      <c r="A7648" s="1">
        <v>4.90429117E8</v>
      </c>
      <c r="B7648" s="3">
        <v>12545.0</v>
      </c>
      <c r="C7648" s="1" t="s">
        <v>5</v>
      </c>
      <c r="D7648" s="1" t="s">
        <v>6296</v>
      </c>
      <c r="E7648" s="1" t="s">
        <v>6297</v>
      </c>
    </row>
    <row r="7649">
      <c r="A7649" s="1">
        <v>4.90429127E8</v>
      </c>
      <c r="B7649" s="2">
        <v>12601.0</v>
      </c>
      <c r="C7649" s="1" t="s">
        <v>5</v>
      </c>
      <c r="D7649" s="1" t="s">
        <v>11</v>
      </c>
      <c r="E7649" s="1" t="s">
        <v>7</v>
      </c>
    </row>
    <row r="7650">
      <c r="A7650" s="1">
        <v>4.90429136E8</v>
      </c>
      <c r="B7650" s="2">
        <v>12662.0</v>
      </c>
      <c r="C7650" s="1" t="s">
        <v>5</v>
      </c>
      <c r="D7650" s="1" t="s">
        <v>6298</v>
      </c>
      <c r="E7650" s="1" t="s">
        <v>7</v>
      </c>
    </row>
    <row r="7651">
      <c r="A7651" s="1">
        <v>4.90429169E8</v>
      </c>
      <c r="B7651" s="2">
        <v>12662.0</v>
      </c>
      <c r="C7651" s="1" t="s">
        <v>5</v>
      </c>
      <c r="D7651" s="1" t="s">
        <v>6299</v>
      </c>
      <c r="E7651" s="1" t="s">
        <v>7</v>
      </c>
    </row>
    <row r="7652">
      <c r="A7652" s="1">
        <v>4.90429195E8</v>
      </c>
      <c r="B7652" s="3">
        <v>12555.0</v>
      </c>
      <c r="C7652" s="1" t="s">
        <v>5</v>
      </c>
      <c r="D7652" s="1" t="s">
        <v>6300</v>
      </c>
      <c r="E7652" s="1" t="s">
        <v>7</v>
      </c>
    </row>
    <row r="7653">
      <c r="A7653" s="1">
        <v>4.90429196E8</v>
      </c>
      <c r="B7653" s="2">
        <v>12509.0</v>
      </c>
      <c r="C7653" s="1" t="s">
        <v>5</v>
      </c>
      <c r="D7653" s="1" t="s">
        <v>6301</v>
      </c>
      <c r="E7653" s="1" t="s">
        <v>11</v>
      </c>
    </row>
    <row r="7654">
      <c r="A7654" s="1">
        <v>4.90429209E8</v>
      </c>
      <c r="B7654" s="2">
        <v>12503.0</v>
      </c>
      <c r="C7654" s="1" t="s">
        <v>5</v>
      </c>
      <c r="D7654" s="1" t="s">
        <v>6302</v>
      </c>
      <c r="E7654" s="1" t="s">
        <v>7</v>
      </c>
    </row>
    <row r="7655">
      <c r="A7655" s="1">
        <v>4.9042924E8</v>
      </c>
      <c r="B7655" s="2">
        <v>12503.0</v>
      </c>
      <c r="C7655" s="1" t="s">
        <v>5</v>
      </c>
      <c r="D7655" s="1" t="s">
        <v>6303</v>
      </c>
      <c r="E7655" s="1" t="s">
        <v>11</v>
      </c>
    </row>
    <row r="7656">
      <c r="A7656" s="1">
        <v>4.90429242E8</v>
      </c>
      <c r="B7656" s="2">
        <v>12607.0</v>
      </c>
      <c r="C7656" s="1" t="s">
        <v>5</v>
      </c>
      <c r="D7656" s="1" t="s">
        <v>6304</v>
      </c>
      <c r="E7656" s="1" t="s">
        <v>7</v>
      </c>
    </row>
    <row r="7657">
      <c r="A7657" s="1">
        <v>4.90429296E8</v>
      </c>
      <c r="B7657" s="3">
        <v>12560.0</v>
      </c>
      <c r="C7657" s="1" t="s">
        <v>5</v>
      </c>
      <c r="D7657" s="1" t="s">
        <v>6305</v>
      </c>
      <c r="E7657" s="1" t="s">
        <v>11</v>
      </c>
    </row>
    <row r="7658">
      <c r="A7658" s="1">
        <v>4.90429308E8</v>
      </c>
      <c r="B7658" s="2">
        <v>12451.0</v>
      </c>
      <c r="C7658" s="1" t="s">
        <v>5</v>
      </c>
      <c r="D7658" s="1" t="s">
        <v>6306</v>
      </c>
      <c r="E7658" s="1" t="s">
        <v>7</v>
      </c>
    </row>
    <row r="7659">
      <c r="A7659" s="1">
        <v>4.90429323E8</v>
      </c>
      <c r="B7659" s="2">
        <v>12606.0</v>
      </c>
      <c r="C7659" s="1" t="s">
        <v>5</v>
      </c>
      <c r="D7659" s="1" t="s">
        <v>6307</v>
      </c>
      <c r="E7659" s="1" t="s">
        <v>7</v>
      </c>
    </row>
    <row r="7660">
      <c r="A7660" s="1">
        <v>4.90429342E8</v>
      </c>
      <c r="B7660" s="3">
        <v>12568.0</v>
      </c>
      <c r="C7660" s="1" t="s">
        <v>5</v>
      </c>
      <c r="D7660" s="1" t="s">
        <v>6308</v>
      </c>
      <c r="E7660" s="1" t="s">
        <v>7</v>
      </c>
    </row>
    <row r="7661">
      <c r="A7661" s="1">
        <v>4.90429344E8</v>
      </c>
      <c r="B7661" s="2">
        <v>12503.0</v>
      </c>
      <c r="C7661" s="1" t="s">
        <v>5</v>
      </c>
      <c r="D7661" s="1" t="s">
        <v>6309</v>
      </c>
      <c r="E7661" s="1" t="s">
        <v>11</v>
      </c>
    </row>
    <row r="7662">
      <c r="A7662" s="1">
        <v>4.90429348E8</v>
      </c>
      <c r="B7662" s="2">
        <v>12601.0</v>
      </c>
      <c r="C7662" s="1" t="s">
        <v>5</v>
      </c>
      <c r="D7662" s="1" t="s">
        <v>6310</v>
      </c>
      <c r="E7662" s="1" t="s">
        <v>7</v>
      </c>
    </row>
    <row r="7663">
      <c r="A7663" s="1">
        <v>4.90429367E8</v>
      </c>
      <c r="B7663" s="2">
        <v>12452.0</v>
      </c>
      <c r="C7663" s="1" t="s">
        <v>5</v>
      </c>
      <c r="D7663" s="1" t="s">
        <v>6311</v>
      </c>
      <c r="E7663" s="1" t="s">
        <v>7</v>
      </c>
    </row>
    <row r="7664">
      <c r="A7664" s="1">
        <v>4.9042937E8</v>
      </c>
      <c r="B7664" s="2">
        <v>12451.0</v>
      </c>
      <c r="C7664" s="1" t="s">
        <v>5</v>
      </c>
      <c r="D7664" s="1" t="s">
        <v>6312</v>
      </c>
      <c r="E7664" s="1" t="s">
        <v>11</v>
      </c>
    </row>
    <row r="7665">
      <c r="A7665" s="1">
        <v>4.90429386E8</v>
      </c>
      <c r="B7665" s="3">
        <v>12554.0</v>
      </c>
      <c r="C7665" s="1" t="s">
        <v>5</v>
      </c>
      <c r="D7665" s="1" t="s">
        <v>6313</v>
      </c>
      <c r="E7665" s="1" t="s">
        <v>7</v>
      </c>
    </row>
    <row r="7666">
      <c r="A7666" s="1">
        <v>4.90429393E8</v>
      </c>
      <c r="B7666" s="2">
        <v>12516.0</v>
      </c>
      <c r="C7666" s="1" t="s">
        <v>5</v>
      </c>
      <c r="D7666" s="1" t="s">
        <v>6314</v>
      </c>
      <c r="E7666" s="1" t="s">
        <v>7</v>
      </c>
    </row>
    <row r="7667">
      <c r="A7667" s="1">
        <v>4.90429432E8</v>
      </c>
      <c r="B7667" s="2">
        <v>12453.0</v>
      </c>
      <c r="C7667" s="1" t="s">
        <v>5</v>
      </c>
      <c r="D7667" s="1" t="s">
        <v>6315</v>
      </c>
      <c r="E7667" s="1" t="s">
        <v>11</v>
      </c>
    </row>
    <row r="7668">
      <c r="A7668" s="1">
        <v>4.90429445E8</v>
      </c>
      <c r="B7668" s="2">
        <v>12511.0</v>
      </c>
      <c r="C7668" s="1" t="s">
        <v>5</v>
      </c>
      <c r="D7668" s="1" t="s">
        <v>11</v>
      </c>
      <c r="E7668" s="1" t="s">
        <v>7</v>
      </c>
    </row>
    <row r="7669">
      <c r="A7669" s="1">
        <v>4.90429447E8</v>
      </c>
      <c r="B7669" s="3">
        <v>12542.0</v>
      </c>
      <c r="C7669" s="1" t="s">
        <v>5</v>
      </c>
      <c r="D7669" s="1" t="s">
        <v>6316</v>
      </c>
      <c r="E7669" s="1" t="s">
        <v>7</v>
      </c>
    </row>
    <row r="7670">
      <c r="A7670" s="1">
        <v>4.90429475E8</v>
      </c>
      <c r="B7670" s="2">
        <v>12649.0</v>
      </c>
      <c r="C7670" s="1" t="s">
        <v>5</v>
      </c>
      <c r="D7670" s="1" t="s">
        <v>6317</v>
      </c>
      <c r="E7670" s="1" t="s">
        <v>7</v>
      </c>
    </row>
    <row r="7671">
      <c r="A7671" s="1">
        <v>4.90429481E8</v>
      </c>
      <c r="B7671" s="2">
        <v>12451.0</v>
      </c>
      <c r="C7671" s="1" t="s">
        <v>5</v>
      </c>
      <c r="D7671" s="1" t="s">
        <v>6318</v>
      </c>
      <c r="E7671" s="1" t="s">
        <v>7</v>
      </c>
    </row>
    <row r="7672">
      <c r="A7672" s="1">
        <v>4.90429532E8</v>
      </c>
      <c r="B7672" s="3">
        <v>12569.0</v>
      </c>
      <c r="C7672" s="1" t="s">
        <v>5</v>
      </c>
      <c r="D7672" s="1" t="s">
        <v>6319</v>
      </c>
      <c r="E7672" s="1" t="s">
        <v>7</v>
      </c>
    </row>
    <row r="7673">
      <c r="A7673" s="1">
        <v>4.90429552E8</v>
      </c>
      <c r="B7673" s="2">
        <v>12609.0</v>
      </c>
      <c r="C7673" s="1" t="s">
        <v>5</v>
      </c>
      <c r="D7673" s="1" t="s">
        <v>6320</v>
      </c>
      <c r="E7673" s="1" t="s">
        <v>11</v>
      </c>
    </row>
    <row r="7674">
      <c r="A7674" s="1">
        <v>4.90429562E8</v>
      </c>
      <c r="B7674" s="3">
        <v>12566.0</v>
      </c>
      <c r="C7674" s="1" t="s">
        <v>5</v>
      </c>
      <c r="D7674" s="1" t="s">
        <v>11</v>
      </c>
      <c r="E7674" s="1" t="s">
        <v>7</v>
      </c>
    </row>
    <row r="7675">
      <c r="A7675" s="1">
        <v>4.90429565E8</v>
      </c>
      <c r="B7675" s="2">
        <v>12602.0</v>
      </c>
      <c r="C7675" s="1" t="s">
        <v>5</v>
      </c>
      <c r="D7675" s="1" t="s">
        <v>6321</v>
      </c>
      <c r="E7675" s="1" t="s">
        <v>11</v>
      </c>
    </row>
    <row r="7676">
      <c r="A7676" s="1">
        <v>4.90429567E8</v>
      </c>
      <c r="B7676" s="2">
        <v>12451.0</v>
      </c>
      <c r="C7676" s="1" t="s">
        <v>5</v>
      </c>
      <c r="D7676" s="1" t="s">
        <v>6322</v>
      </c>
      <c r="E7676" s="1" t="s">
        <v>7</v>
      </c>
    </row>
    <row r="7677">
      <c r="A7677" s="1">
        <v>4.90429571E8</v>
      </c>
      <c r="B7677" s="3">
        <v>12559.0</v>
      </c>
      <c r="C7677" s="1" t="s">
        <v>5</v>
      </c>
      <c r="D7677" s="1" t="s">
        <v>6323</v>
      </c>
      <c r="E7677" s="1" t="s">
        <v>7</v>
      </c>
    </row>
    <row r="7678">
      <c r="A7678" s="1">
        <v>4.90429603E8</v>
      </c>
      <c r="B7678" s="3">
        <v>12542.0</v>
      </c>
      <c r="C7678" s="1" t="s">
        <v>5</v>
      </c>
      <c r="D7678" s="1" t="s">
        <v>6324</v>
      </c>
      <c r="E7678" s="1" t="s">
        <v>11</v>
      </c>
    </row>
    <row r="7679">
      <c r="A7679" s="1">
        <v>4.90429641E8</v>
      </c>
      <c r="B7679" s="2">
        <v>12662.0</v>
      </c>
      <c r="C7679" s="1" t="s">
        <v>5</v>
      </c>
      <c r="D7679" s="1" t="s">
        <v>11</v>
      </c>
      <c r="E7679" s="1" t="s">
        <v>7</v>
      </c>
    </row>
    <row r="7680">
      <c r="A7680" s="1">
        <v>4.90429698E8</v>
      </c>
      <c r="B7680" s="3">
        <v>12559.0</v>
      </c>
      <c r="C7680" s="1" t="s">
        <v>5</v>
      </c>
      <c r="D7680" s="1" t="s">
        <v>11</v>
      </c>
      <c r="E7680" s="1" t="s">
        <v>7</v>
      </c>
    </row>
    <row r="7681">
      <c r="A7681" s="1">
        <v>4.90429706E8</v>
      </c>
      <c r="B7681" s="2">
        <v>12608.0</v>
      </c>
      <c r="C7681" s="1" t="s">
        <v>5</v>
      </c>
      <c r="D7681" s="1" t="s">
        <v>6325</v>
      </c>
      <c r="E7681" s="1" t="s">
        <v>11</v>
      </c>
    </row>
    <row r="7682">
      <c r="A7682" s="1">
        <v>4.90429716E8</v>
      </c>
      <c r="B7682" s="2">
        <v>12507.0</v>
      </c>
      <c r="C7682" s="1" t="s">
        <v>5</v>
      </c>
      <c r="D7682" s="1" t="s">
        <v>6326</v>
      </c>
      <c r="E7682" s="1" t="s">
        <v>7</v>
      </c>
    </row>
    <row r="7683">
      <c r="A7683" s="1">
        <v>4.90429718E8</v>
      </c>
      <c r="B7683" s="2">
        <v>12604.0</v>
      </c>
      <c r="C7683" s="1" t="s">
        <v>5</v>
      </c>
      <c r="D7683" s="1" t="s">
        <v>6327</v>
      </c>
      <c r="E7683" s="1" t="s">
        <v>11</v>
      </c>
    </row>
    <row r="7684">
      <c r="A7684" s="1">
        <v>4.90429719E8</v>
      </c>
      <c r="B7684" s="3">
        <v>12565.0</v>
      </c>
      <c r="C7684" s="1" t="s">
        <v>5</v>
      </c>
      <c r="D7684" s="1" t="s">
        <v>6328</v>
      </c>
      <c r="E7684" s="1" t="s">
        <v>7</v>
      </c>
    </row>
    <row r="7685">
      <c r="A7685" s="1">
        <v>4.9042972E8</v>
      </c>
      <c r="B7685" s="3">
        <v>12559.0</v>
      </c>
      <c r="C7685" s="1" t="s">
        <v>5</v>
      </c>
      <c r="D7685" s="1" t="s">
        <v>6329</v>
      </c>
      <c r="E7685" s="1" t="s">
        <v>7</v>
      </c>
    </row>
    <row r="7686">
      <c r="A7686" s="1">
        <v>4.90429761E8</v>
      </c>
      <c r="B7686" s="3">
        <v>12545.0</v>
      </c>
      <c r="C7686" s="1" t="s">
        <v>5</v>
      </c>
      <c r="D7686" s="1" t="s">
        <v>11</v>
      </c>
      <c r="E7686" s="1" t="s">
        <v>7</v>
      </c>
    </row>
    <row r="7687">
      <c r="A7687" s="1">
        <v>4.90429788E8</v>
      </c>
      <c r="B7687" s="2">
        <v>12648.0</v>
      </c>
      <c r="C7687" s="1" t="s">
        <v>5</v>
      </c>
      <c r="D7687" s="1" t="s">
        <v>6330</v>
      </c>
      <c r="E7687" s="1" t="s">
        <v>11</v>
      </c>
    </row>
    <row r="7688">
      <c r="A7688" s="1">
        <v>4.90429802E8</v>
      </c>
      <c r="B7688" s="2">
        <v>12608.0</v>
      </c>
      <c r="C7688" s="1" t="s">
        <v>5</v>
      </c>
      <c r="D7688" s="1" t="s">
        <v>6331</v>
      </c>
      <c r="E7688" s="1" t="s">
        <v>7</v>
      </c>
    </row>
    <row r="7689">
      <c r="A7689" s="1">
        <v>4.90429809E8</v>
      </c>
      <c r="B7689" s="3">
        <v>12541.0</v>
      </c>
      <c r="C7689" s="1" t="s">
        <v>5</v>
      </c>
      <c r="D7689" s="1" t="s">
        <v>11</v>
      </c>
      <c r="E7689" s="1" t="s">
        <v>7</v>
      </c>
    </row>
    <row r="7690">
      <c r="A7690" s="1">
        <v>4.9042981E8</v>
      </c>
      <c r="B7690" s="2">
        <v>12451.0</v>
      </c>
      <c r="C7690" s="1" t="s">
        <v>5</v>
      </c>
      <c r="D7690" s="1" t="s">
        <v>6332</v>
      </c>
      <c r="E7690" s="1" t="s">
        <v>7</v>
      </c>
    </row>
    <row r="7691">
      <c r="A7691" s="1">
        <v>4.90429818E8</v>
      </c>
      <c r="B7691" s="3">
        <v>12563.0</v>
      </c>
      <c r="C7691" s="1" t="s">
        <v>5</v>
      </c>
      <c r="D7691" s="1" t="s">
        <v>6333</v>
      </c>
      <c r="E7691" s="1" t="s">
        <v>6334</v>
      </c>
    </row>
    <row r="7692">
      <c r="A7692" s="1">
        <v>4.9042983E8</v>
      </c>
      <c r="B7692" s="3">
        <v>12565.0</v>
      </c>
      <c r="C7692" s="1" t="s">
        <v>5</v>
      </c>
      <c r="D7692" s="1" t="s">
        <v>6335</v>
      </c>
      <c r="E7692" s="1" t="s">
        <v>7</v>
      </c>
    </row>
    <row r="7693">
      <c r="A7693" s="1">
        <v>4.90429884E8</v>
      </c>
      <c r="B7693" s="3">
        <v>12564.0</v>
      </c>
      <c r="C7693" s="1" t="s">
        <v>5</v>
      </c>
      <c r="D7693" s="1" t="s">
        <v>6336</v>
      </c>
      <c r="E7693" s="1" t="s">
        <v>7</v>
      </c>
    </row>
    <row r="7694">
      <c r="A7694" s="1">
        <v>4.90429885E8</v>
      </c>
      <c r="B7694" s="3">
        <v>12541.0</v>
      </c>
      <c r="C7694" s="1" t="s">
        <v>5</v>
      </c>
      <c r="D7694" s="1" t="s">
        <v>6337</v>
      </c>
      <c r="E7694" s="1" t="s">
        <v>7</v>
      </c>
    </row>
    <row r="7695">
      <c r="A7695" s="1">
        <v>4.90429896E8</v>
      </c>
      <c r="B7695" s="3">
        <v>12543.0</v>
      </c>
      <c r="C7695" s="1" t="s">
        <v>5</v>
      </c>
      <c r="D7695" s="1" t="s">
        <v>6338</v>
      </c>
      <c r="E7695" s="1" t="s">
        <v>11</v>
      </c>
    </row>
    <row r="7696">
      <c r="A7696" s="1">
        <v>4.90429922E8</v>
      </c>
      <c r="B7696" s="3">
        <v>12563.0</v>
      </c>
      <c r="C7696" s="1" t="s">
        <v>5</v>
      </c>
      <c r="D7696" s="1" t="s">
        <v>6339</v>
      </c>
      <c r="E7696" s="1" t="s">
        <v>11</v>
      </c>
    </row>
    <row r="7697">
      <c r="A7697" s="1">
        <v>4.90429929E8</v>
      </c>
      <c r="B7697" s="2">
        <v>12657.0</v>
      </c>
      <c r="C7697" s="1" t="s">
        <v>5</v>
      </c>
      <c r="D7697" s="1" t="s">
        <v>6340</v>
      </c>
      <c r="E7697" s="1" t="s">
        <v>11</v>
      </c>
    </row>
    <row r="7698">
      <c r="A7698" s="1">
        <v>4.90429973E8</v>
      </c>
      <c r="B7698" s="2">
        <v>12611.0</v>
      </c>
      <c r="C7698" s="1" t="s">
        <v>5</v>
      </c>
      <c r="D7698" s="1" t="s">
        <v>6341</v>
      </c>
      <c r="E7698" s="1" t="s">
        <v>11</v>
      </c>
    </row>
    <row r="7699">
      <c r="A7699" s="1">
        <v>4.9042999E8</v>
      </c>
      <c r="B7699" s="2">
        <v>12660.0</v>
      </c>
      <c r="C7699" s="1" t="s">
        <v>5</v>
      </c>
      <c r="D7699" s="1" t="s">
        <v>6342</v>
      </c>
      <c r="E7699" s="1" t="s">
        <v>7</v>
      </c>
    </row>
    <row r="7700">
      <c r="A7700" s="1">
        <v>4.90430011E8</v>
      </c>
      <c r="B7700" s="3">
        <v>12557.0</v>
      </c>
      <c r="C7700" s="1" t="s">
        <v>5</v>
      </c>
      <c r="D7700" s="1" t="s">
        <v>6343</v>
      </c>
      <c r="E7700" s="1" t="s">
        <v>6344</v>
      </c>
    </row>
    <row r="7701">
      <c r="A7701" s="1">
        <v>4.90430024E8</v>
      </c>
      <c r="B7701" s="2">
        <v>12495.0</v>
      </c>
      <c r="C7701" s="1" t="s">
        <v>5</v>
      </c>
      <c r="D7701" s="1" t="s">
        <v>6345</v>
      </c>
      <c r="E7701" s="1" t="s">
        <v>7</v>
      </c>
    </row>
    <row r="7702">
      <c r="A7702" s="1">
        <v>4.90430028E8</v>
      </c>
      <c r="B7702" s="2">
        <v>12503.0</v>
      </c>
      <c r="C7702" s="1" t="s">
        <v>5</v>
      </c>
      <c r="D7702" s="1" t="s">
        <v>11</v>
      </c>
      <c r="E7702" s="1" t="s">
        <v>7</v>
      </c>
    </row>
    <row r="7703">
      <c r="A7703" s="1">
        <v>4.9043003E8</v>
      </c>
      <c r="B7703" s="2">
        <v>12608.0</v>
      </c>
      <c r="C7703" s="1" t="s">
        <v>5</v>
      </c>
      <c r="D7703" s="1" t="s">
        <v>6346</v>
      </c>
      <c r="E7703" s="1" t="s">
        <v>7</v>
      </c>
    </row>
    <row r="7704">
      <c r="A7704" s="1">
        <v>4.90430034E8</v>
      </c>
      <c r="B7704" s="2">
        <v>12657.0</v>
      </c>
      <c r="C7704" s="1" t="s">
        <v>5</v>
      </c>
      <c r="D7704" s="1" t="s">
        <v>6347</v>
      </c>
      <c r="E7704" s="1" t="s">
        <v>7</v>
      </c>
    </row>
    <row r="7705">
      <c r="A7705" s="1">
        <v>4.90430042E8</v>
      </c>
      <c r="B7705" s="2">
        <v>12505.0</v>
      </c>
      <c r="C7705" s="1" t="s">
        <v>5</v>
      </c>
      <c r="D7705" s="1" t="s">
        <v>6348</v>
      </c>
      <c r="E7705" s="1" t="s">
        <v>11</v>
      </c>
    </row>
    <row r="7706">
      <c r="A7706" s="1">
        <v>4.90430081E8</v>
      </c>
      <c r="B7706" s="3">
        <v>12568.0</v>
      </c>
      <c r="C7706" s="1" t="s">
        <v>5</v>
      </c>
      <c r="D7706" s="1" t="s">
        <v>6349</v>
      </c>
      <c r="E7706" s="1" t="s">
        <v>7</v>
      </c>
    </row>
    <row r="7707">
      <c r="A7707" s="1">
        <v>4.90430087E8</v>
      </c>
      <c r="B7707" s="2">
        <v>12490.0</v>
      </c>
      <c r="C7707" s="1" t="s">
        <v>5</v>
      </c>
      <c r="D7707" s="1" t="s">
        <v>11</v>
      </c>
      <c r="E7707" s="1" t="s">
        <v>7</v>
      </c>
    </row>
    <row r="7708">
      <c r="A7708" s="1">
        <v>4.90430152E8</v>
      </c>
      <c r="B7708" s="2">
        <v>12490.0</v>
      </c>
      <c r="C7708" s="1" t="s">
        <v>5</v>
      </c>
      <c r="D7708" s="1" t="s">
        <v>6350</v>
      </c>
      <c r="E7708" s="1" t="s">
        <v>11</v>
      </c>
    </row>
    <row r="7709">
      <c r="A7709" s="1">
        <v>4.90430159E8</v>
      </c>
      <c r="B7709" s="2">
        <v>12490.0</v>
      </c>
      <c r="C7709" s="1" t="s">
        <v>5</v>
      </c>
      <c r="D7709" s="1" t="s">
        <v>6351</v>
      </c>
      <c r="E7709" s="1" t="s">
        <v>7</v>
      </c>
    </row>
    <row r="7710">
      <c r="A7710" s="1">
        <v>4.90430172E8</v>
      </c>
      <c r="B7710" s="2">
        <v>12642.0</v>
      </c>
      <c r="C7710" s="1" t="s">
        <v>5</v>
      </c>
      <c r="D7710" s="1" t="s">
        <v>6352</v>
      </c>
      <c r="E7710" s="1" t="s">
        <v>11</v>
      </c>
    </row>
    <row r="7711">
      <c r="A7711" s="1">
        <v>4.90430176E8</v>
      </c>
      <c r="B7711" s="2">
        <v>12649.0</v>
      </c>
      <c r="C7711" s="1" t="s">
        <v>5</v>
      </c>
      <c r="D7711" s="1" t="s">
        <v>6353</v>
      </c>
      <c r="E7711" s="1" t="s">
        <v>11</v>
      </c>
    </row>
    <row r="7712">
      <c r="A7712" s="1">
        <v>4.90430207E8</v>
      </c>
      <c r="B7712" s="2">
        <v>12494.0</v>
      </c>
      <c r="C7712" s="1" t="s">
        <v>5</v>
      </c>
      <c r="D7712" s="1" t="s">
        <v>6354</v>
      </c>
      <c r="E7712" s="1" t="s">
        <v>6355</v>
      </c>
    </row>
    <row r="7713">
      <c r="A7713" s="1">
        <v>4.90430209E8</v>
      </c>
      <c r="B7713" s="2">
        <v>12600.0</v>
      </c>
      <c r="C7713" s="1" t="s">
        <v>5</v>
      </c>
      <c r="D7713" s="1" t="s">
        <v>6356</v>
      </c>
      <c r="E7713" s="1" t="s">
        <v>7</v>
      </c>
    </row>
    <row r="7714">
      <c r="A7714" s="1">
        <v>4.90430212E8</v>
      </c>
      <c r="B7714" s="3">
        <v>12542.0</v>
      </c>
      <c r="C7714" s="1" t="s">
        <v>5</v>
      </c>
      <c r="D7714" s="1" t="s">
        <v>6357</v>
      </c>
      <c r="E7714" s="1" t="s">
        <v>7</v>
      </c>
    </row>
    <row r="7715">
      <c r="A7715" s="1">
        <v>4.90430274E8</v>
      </c>
      <c r="B7715" s="3">
        <v>12541.0</v>
      </c>
      <c r="C7715" s="1" t="s">
        <v>5</v>
      </c>
      <c r="D7715" s="1" t="s">
        <v>6358</v>
      </c>
      <c r="E7715" s="1" t="s">
        <v>7</v>
      </c>
    </row>
    <row r="7716">
      <c r="A7716" s="1">
        <v>4.90430276E8</v>
      </c>
      <c r="B7716" s="3">
        <v>12561.0</v>
      </c>
      <c r="C7716" s="1" t="s">
        <v>5</v>
      </c>
      <c r="D7716" s="1" t="s">
        <v>6359</v>
      </c>
      <c r="E7716" s="1" t="s">
        <v>7</v>
      </c>
    </row>
    <row r="7717">
      <c r="A7717" s="1">
        <v>4.90430307E8</v>
      </c>
      <c r="B7717" s="3">
        <v>12567.0</v>
      </c>
      <c r="C7717" s="1" t="s">
        <v>5</v>
      </c>
      <c r="D7717" s="1" t="s">
        <v>6360</v>
      </c>
      <c r="E7717" s="1" t="s">
        <v>7</v>
      </c>
    </row>
    <row r="7718">
      <c r="A7718" s="1">
        <v>4.90430318E8</v>
      </c>
      <c r="B7718" s="3">
        <v>12566.0</v>
      </c>
      <c r="C7718" s="1" t="s">
        <v>5</v>
      </c>
      <c r="D7718" s="1" t="s">
        <v>11</v>
      </c>
      <c r="E7718" s="1" t="s">
        <v>7</v>
      </c>
    </row>
    <row r="7719">
      <c r="A7719" s="1">
        <v>4.90430336E8</v>
      </c>
      <c r="B7719" s="2">
        <v>12600.0</v>
      </c>
      <c r="C7719" s="1" t="s">
        <v>5</v>
      </c>
      <c r="D7719" s="1" t="s">
        <v>6361</v>
      </c>
      <c r="E7719" s="1" t="s">
        <v>7</v>
      </c>
    </row>
    <row r="7720">
      <c r="A7720" s="1">
        <v>4.9043034E8</v>
      </c>
      <c r="B7720" s="3">
        <v>12560.0</v>
      </c>
      <c r="C7720" s="1" t="s">
        <v>5</v>
      </c>
      <c r="D7720" s="1" t="s">
        <v>11</v>
      </c>
      <c r="E7720" s="1" t="s">
        <v>7</v>
      </c>
    </row>
    <row r="7721">
      <c r="A7721" s="1">
        <v>4.90430368E8</v>
      </c>
      <c r="B7721" s="2">
        <v>12654.0</v>
      </c>
      <c r="C7721" s="1" t="s">
        <v>5</v>
      </c>
      <c r="D7721" s="1" t="s">
        <v>6362</v>
      </c>
      <c r="E7721" s="1" t="s">
        <v>7</v>
      </c>
    </row>
    <row r="7722">
      <c r="A7722" s="1">
        <v>4.90430382E8</v>
      </c>
      <c r="B7722" s="2">
        <v>12648.0</v>
      </c>
      <c r="C7722" s="1" t="s">
        <v>5</v>
      </c>
      <c r="D7722" s="1" t="s">
        <v>6363</v>
      </c>
      <c r="E7722" s="1" t="s">
        <v>7</v>
      </c>
    </row>
    <row r="7723">
      <c r="A7723" s="1">
        <v>4.90430388E8</v>
      </c>
      <c r="B7723" s="3">
        <v>12559.0</v>
      </c>
      <c r="C7723" s="1" t="s">
        <v>5</v>
      </c>
      <c r="D7723" s="1" t="s">
        <v>6364</v>
      </c>
      <c r="E7723" s="1" t="s">
        <v>6365</v>
      </c>
    </row>
    <row r="7724">
      <c r="A7724" s="1">
        <v>4.90430416E8</v>
      </c>
      <c r="B7724" s="2">
        <v>12500.0</v>
      </c>
      <c r="C7724" s="1" t="s">
        <v>5</v>
      </c>
      <c r="D7724" s="1" t="s">
        <v>6366</v>
      </c>
      <c r="E7724" s="1" t="s">
        <v>7</v>
      </c>
    </row>
    <row r="7725">
      <c r="A7725" s="1">
        <v>4.9043044E8</v>
      </c>
      <c r="B7725" s="3">
        <v>12560.0</v>
      </c>
      <c r="C7725" s="1" t="s">
        <v>5</v>
      </c>
      <c r="D7725" s="1" t="s">
        <v>6367</v>
      </c>
      <c r="E7725" s="1" t="s">
        <v>7</v>
      </c>
    </row>
    <row r="7726">
      <c r="A7726" s="1">
        <v>4.90430441E8</v>
      </c>
      <c r="B7726" s="2">
        <v>12500.0</v>
      </c>
      <c r="C7726" s="1" t="s">
        <v>5</v>
      </c>
      <c r="D7726" s="1" t="s">
        <v>6368</v>
      </c>
      <c r="E7726" s="1" t="s">
        <v>7</v>
      </c>
    </row>
    <row r="7727">
      <c r="A7727" s="1">
        <v>4.90430451E8</v>
      </c>
      <c r="B7727" s="2">
        <v>12606.0</v>
      </c>
      <c r="C7727" s="1" t="s">
        <v>5</v>
      </c>
      <c r="D7727" s="1" t="s">
        <v>6369</v>
      </c>
      <c r="E7727" s="1" t="s">
        <v>7</v>
      </c>
    </row>
    <row r="7728">
      <c r="A7728" s="1">
        <v>4.90430453E8</v>
      </c>
      <c r="B7728" s="3">
        <v>12541.0</v>
      </c>
      <c r="C7728" s="1" t="s">
        <v>5</v>
      </c>
      <c r="D7728" s="1" t="s">
        <v>6370</v>
      </c>
      <c r="E7728" s="1" t="s">
        <v>11</v>
      </c>
    </row>
    <row r="7729">
      <c r="A7729" s="1">
        <v>4.90430471E8</v>
      </c>
      <c r="B7729" s="2">
        <v>12510.0</v>
      </c>
      <c r="C7729" s="1" t="s">
        <v>5</v>
      </c>
      <c r="D7729" s="1" t="s">
        <v>6371</v>
      </c>
      <c r="E7729" s="1" t="s">
        <v>11</v>
      </c>
    </row>
    <row r="7730">
      <c r="A7730" s="1">
        <v>4.90430487E8</v>
      </c>
      <c r="B7730" s="2">
        <v>12598.0</v>
      </c>
      <c r="C7730" s="1" t="s">
        <v>5</v>
      </c>
      <c r="D7730" s="1" t="s">
        <v>6372</v>
      </c>
      <c r="E7730" s="1" t="s">
        <v>6373</v>
      </c>
    </row>
    <row r="7731">
      <c r="A7731" s="1">
        <v>4.90430495E8</v>
      </c>
      <c r="B7731" s="3">
        <v>12566.0</v>
      </c>
      <c r="C7731" s="1" t="s">
        <v>5</v>
      </c>
      <c r="D7731" s="1" t="s">
        <v>6374</v>
      </c>
      <c r="E7731" s="1" t="s">
        <v>7</v>
      </c>
    </row>
    <row r="7732">
      <c r="A7732" s="1">
        <v>4.90430504E8</v>
      </c>
      <c r="B7732" s="2">
        <v>12605.0</v>
      </c>
      <c r="C7732" s="1" t="s">
        <v>5</v>
      </c>
      <c r="D7732" s="1" t="s">
        <v>6375</v>
      </c>
      <c r="E7732" s="1" t="s">
        <v>7</v>
      </c>
    </row>
    <row r="7733">
      <c r="A7733" s="1">
        <v>4.90430519E8</v>
      </c>
      <c r="B7733" s="2">
        <v>12488.0</v>
      </c>
      <c r="C7733" s="1" t="s">
        <v>5</v>
      </c>
      <c r="D7733" s="1" t="s">
        <v>11</v>
      </c>
      <c r="E7733" s="1" t="s">
        <v>7</v>
      </c>
    </row>
    <row r="7734">
      <c r="A7734" s="1">
        <v>4.90430526E8</v>
      </c>
      <c r="B7734" s="2">
        <v>12601.0</v>
      </c>
      <c r="C7734" s="1" t="s">
        <v>5</v>
      </c>
      <c r="D7734" s="1" t="s">
        <v>6376</v>
      </c>
      <c r="E7734" s="1" t="s">
        <v>7</v>
      </c>
    </row>
    <row r="7735">
      <c r="A7735" s="1">
        <v>4.90430552E8</v>
      </c>
      <c r="B7735" s="2">
        <v>12601.0</v>
      </c>
      <c r="C7735" s="1" t="s">
        <v>5</v>
      </c>
      <c r="D7735" s="1" t="s">
        <v>6377</v>
      </c>
      <c r="E7735" s="1" t="s">
        <v>7</v>
      </c>
    </row>
    <row r="7736">
      <c r="A7736" s="1">
        <v>4.90430575E8</v>
      </c>
      <c r="B7736" s="2">
        <v>12643.0</v>
      </c>
      <c r="C7736" s="1" t="s">
        <v>5</v>
      </c>
      <c r="D7736" s="1" t="s">
        <v>6378</v>
      </c>
      <c r="E7736" s="1" t="s">
        <v>6379</v>
      </c>
    </row>
    <row r="7737">
      <c r="A7737" s="1">
        <v>4.90430578E8</v>
      </c>
      <c r="B7737" s="2">
        <v>12597.0</v>
      </c>
      <c r="C7737" s="1" t="s">
        <v>5</v>
      </c>
      <c r="D7737" s="1" t="s">
        <v>6380</v>
      </c>
      <c r="E7737" s="1" t="s">
        <v>11</v>
      </c>
    </row>
    <row r="7738">
      <c r="A7738" s="1">
        <v>4.90430582E8</v>
      </c>
      <c r="B7738" s="2">
        <v>12651.0</v>
      </c>
      <c r="C7738" s="1" t="s">
        <v>5</v>
      </c>
      <c r="D7738" s="1" t="s">
        <v>11</v>
      </c>
      <c r="E7738" s="1" t="s">
        <v>7</v>
      </c>
    </row>
    <row r="7739">
      <c r="A7739" s="1">
        <v>4.90430592E8</v>
      </c>
      <c r="B7739" s="3">
        <v>12565.0</v>
      </c>
      <c r="C7739" s="1" t="s">
        <v>5</v>
      </c>
      <c r="D7739" s="1" t="s">
        <v>6381</v>
      </c>
      <c r="E7739" s="1" t="s">
        <v>11</v>
      </c>
    </row>
    <row r="7740">
      <c r="A7740" s="1">
        <v>4.9043061E8</v>
      </c>
      <c r="B7740" s="2">
        <v>12597.0</v>
      </c>
      <c r="C7740" s="1" t="s">
        <v>5</v>
      </c>
      <c r="D7740" s="1" t="s">
        <v>6382</v>
      </c>
      <c r="E7740" s="1" t="s">
        <v>11</v>
      </c>
    </row>
    <row r="7741">
      <c r="A7741" s="1">
        <v>4.90430622E8</v>
      </c>
      <c r="B7741" s="2">
        <v>12606.0</v>
      </c>
      <c r="C7741" s="1" t="s">
        <v>5</v>
      </c>
      <c r="D7741" s="1" t="s">
        <v>6383</v>
      </c>
      <c r="E7741" s="1" t="s">
        <v>7</v>
      </c>
    </row>
    <row r="7742">
      <c r="A7742" s="1">
        <v>4.90430628E8</v>
      </c>
      <c r="B7742" s="2">
        <v>12651.0</v>
      </c>
      <c r="C7742" s="1" t="s">
        <v>5</v>
      </c>
      <c r="D7742" s="1" t="s">
        <v>6384</v>
      </c>
      <c r="E7742" s="1" t="s">
        <v>6385</v>
      </c>
    </row>
    <row r="7743">
      <c r="A7743" s="1">
        <v>4.90430641E8</v>
      </c>
      <c r="B7743" s="2">
        <v>12501.0</v>
      </c>
      <c r="C7743" s="1" t="s">
        <v>5</v>
      </c>
      <c r="D7743" s="1" t="s">
        <v>6386</v>
      </c>
      <c r="E7743" s="1" t="s">
        <v>11</v>
      </c>
    </row>
    <row r="7744">
      <c r="A7744" s="1">
        <v>4.90430644E8</v>
      </c>
      <c r="B7744" s="2">
        <v>12597.0</v>
      </c>
      <c r="C7744" s="1" t="s">
        <v>5</v>
      </c>
      <c r="D7744" s="1" t="s">
        <v>11</v>
      </c>
      <c r="E7744" s="1" t="s">
        <v>7</v>
      </c>
    </row>
    <row r="7745">
      <c r="A7745" s="1">
        <v>4.90430656E8</v>
      </c>
      <c r="B7745" s="2">
        <v>12642.0</v>
      </c>
      <c r="C7745" s="1" t="s">
        <v>5</v>
      </c>
      <c r="D7745" s="1" t="s">
        <v>6387</v>
      </c>
      <c r="E7745" s="1" t="s">
        <v>7</v>
      </c>
    </row>
    <row r="7746">
      <c r="A7746" s="1">
        <v>4.90430674E8</v>
      </c>
      <c r="B7746" s="3">
        <v>12559.0</v>
      </c>
      <c r="C7746" s="1" t="s">
        <v>5</v>
      </c>
      <c r="D7746" s="1" t="s">
        <v>6388</v>
      </c>
      <c r="E7746" s="1" t="s">
        <v>7</v>
      </c>
    </row>
    <row r="7747">
      <c r="A7747" s="1">
        <v>4.90430707E8</v>
      </c>
      <c r="B7747" s="2">
        <v>12660.0</v>
      </c>
      <c r="C7747" s="1" t="s">
        <v>5</v>
      </c>
      <c r="D7747" s="1" t="s">
        <v>11</v>
      </c>
      <c r="E7747" s="1" t="s">
        <v>7</v>
      </c>
    </row>
    <row r="7748">
      <c r="A7748" s="1">
        <v>4.90430721E8</v>
      </c>
      <c r="B7748" s="3">
        <v>12567.0</v>
      </c>
      <c r="C7748" s="1" t="s">
        <v>5</v>
      </c>
      <c r="D7748" s="1" t="s">
        <v>6389</v>
      </c>
      <c r="E7748" s="1" t="s">
        <v>11</v>
      </c>
    </row>
    <row r="7749">
      <c r="A7749" s="1">
        <v>4.9043073E8</v>
      </c>
      <c r="B7749" s="2">
        <v>12657.0</v>
      </c>
      <c r="C7749" s="1" t="s">
        <v>5</v>
      </c>
      <c r="D7749" s="1" t="s">
        <v>6390</v>
      </c>
      <c r="E7749" s="1" t="s">
        <v>11</v>
      </c>
    </row>
    <row r="7750">
      <c r="A7750" s="1">
        <v>4.90430732E8</v>
      </c>
      <c r="B7750" s="3">
        <v>12555.0</v>
      </c>
      <c r="C7750" s="1" t="s">
        <v>5</v>
      </c>
      <c r="D7750" s="1" t="s">
        <v>6391</v>
      </c>
      <c r="E7750" s="1" t="s">
        <v>11</v>
      </c>
    </row>
    <row r="7751">
      <c r="A7751" s="1">
        <v>4.90430744E8</v>
      </c>
      <c r="B7751" s="3">
        <v>12558.0</v>
      </c>
      <c r="C7751" s="1" t="s">
        <v>5</v>
      </c>
      <c r="D7751" s="1" t="s">
        <v>6392</v>
      </c>
      <c r="E7751" s="1" t="s">
        <v>6393</v>
      </c>
    </row>
    <row r="7752">
      <c r="A7752" s="1">
        <v>4.90430745E8</v>
      </c>
      <c r="B7752" s="3">
        <v>12567.0</v>
      </c>
      <c r="C7752" s="1" t="s">
        <v>5</v>
      </c>
      <c r="D7752" s="1" t="s">
        <v>11</v>
      </c>
      <c r="E7752" s="1" t="s">
        <v>7</v>
      </c>
    </row>
    <row r="7753">
      <c r="A7753" s="1">
        <v>4.90430751E8</v>
      </c>
      <c r="B7753" s="2">
        <v>12495.0</v>
      </c>
      <c r="C7753" s="1" t="s">
        <v>5</v>
      </c>
      <c r="D7753" s="1" t="s">
        <v>6394</v>
      </c>
      <c r="E7753" s="1" t="s">
        <v>7</v>
      </c>
    </row>
    <row r="7754">
      <c r="A7754" s="1">
        <v>4.90430767E8</v>
      </c>
      <c r="B7754" s="2">
        <v>12657.0</v>
      </c>
      <c r="C7754" s="1" t="s">
        <v>5</v>
      </c>
      <c r="D7754" s="1" t="s">
        <v>6395</v>
      </c>
      <c r="E7754" s="1" t="s">
        <v>11</v>
      </c>
    </row>
    <row r="7755">
      <c r="A7755" s="1">
        <v>4.9043077E8</v>
      </c>
      <c r="B7755" s="2">
        <v>12643.0</v>
      </c>
      <c r="C7755" s="1" t="s">
        <v>5</v>
      </c>
      <c r="D7755" s="1" t="s">
        <v>6396</v>
      </c>
      <c r="E7755" s="1" t="s">
        <v>7</v>
      </c>
    </row>
    <row r="7756">
      <c r="A7756" s="1">
        <v>4.90430779E8</v>
      </c>
      <c r="B7756" s="3">
        <v>12563.0</v>
      </c>
      <c r="C7756" s="1" t="s">
        <v>5</v>
      </c>
      <c r="D7756" s="1" t="s">
        <v>11</v>
      </c>
      <c r="E7756" s="1" t="s">
        <v>7</v>
      </c>
    </row>
    <row r="7757">
      <c r="A7757" s="1">
        <v>4.90430808E8</v>
      </c>
      <c r="B7757" s="3">
        <v>12566.0</v>
      </c>
      <c r="C7757" s="1" t="s">
        <v>5</v>
      </c>
      <c r="D7757" s="1" t="s">
        <v>6397</v>
      </c>
      <c r="E7757" s="1" t="s">
        <v>7</v>
      </c>
    </row>
    <row r="7758">
      <c r="A7758" s="1">
        <v>4.90430832E8</v>
      </c>
      <c r="B7758" s="2">
        <v>12649.0</v>
      </c>
      <c r="C7758" s="1" t="s">
        <v>5</v>
      </c>
      <c r="D7758" s="1" t="s">
        <v>6398</v>
      </c>
      <c r="E7758" s="1" t="s">
        <v>7</v>
      </c>
    </row>
    <row r="7759">
      <c r="A7759" s="1">
        <v>4.90430854E8</v>
      </c>
      <c r="B7759" s="3">
        <v>12570.0</v>
      </c>
      <c r="C7759" s="1" t="s">
        <v>5</v>
      </c>
      <c r="D7759" s="1" t="s">
        <v>6399</v>
      </c>
      <c r="E7759" s="1" t="s">
        <v>7</v>
      </c>
    </row>
    <row r="7760">
      <c r="A7760" s="1">
        <v>4.90430866E8</v>
      </c>
      <c r="B7760" s="3">
        <v>12554.0</v>
      </c>
      <c r="C7760" s="1" t="s">
        <v>5</v>
      </c>
      <c r="D7760" s="1" t="s">
        <v>6400</v>
      </c>
      <c r="E7760" s="1" t="s">
        <v>7</v>
      </c>
    </row>
    <row r="7761">
      <c r="A7761" s="1">
        <v>4.9043088E8</v>
      </c>
      <c r="B7761" s="2">
        <v>12657.0</v>
      </c>
      <c r="C7761" s="1" t="s">
        <v>5</v>
      </c>
      <c r="D7761" s="1" t="s">
        <v>6401</v>
      </c>
      <c r="E7761" s="1" t="s">
        <v>7</v>
      </c>
    </row>
    <row r="7762">
      <c r="A7762" s="1">
        <v>4.90430883E8</v>
      </c>
      <c r="B7762" s="2">
        <v>12497.0</v>
      </c>
      <c r="C7762" s="1" t="s">
        <v>5</v>
      </c>
      <c r="D7762" s="1" t="s">
        <v>6402</v>
      </c>
      <c r="E7762" s="1" t="s">
        <v>7</v>
      </c>
    </row>
    <row r="7763">
      <c r="A7763" s="1">
        <v>4.90430901E8</v>
      </c>
      <c r="B7763" s="3">
        <v>12569.0</v>
      </c>
      <c r="C7763" s="1" t="s">
        <v>5</v>
      </c>
      <c r="D7763" s="1" t="s">
        <v>6403</v>
      </c>
      <c r="E7763" s="1" t="s">
        <v>7</v>
      </c>
    </row>
    <row r="7764">
      <c r="A7764" s="1">
        <v>4.90430908E8</v>
      </c>
      <c r="B7764" s="3">
        <v>12561.0</v>
      </c>
      <c r="C7764" s="1" t="s">
        <v>5</v>
      </c>
      <c r="D7764" s="1" t="s">
        <v>11</v>
      </c>
      <c r="E7764" s="1" t="s">
        <v>7</v>
      </c>
    </row>
    <row r="7765">
      <c r="A7765" s="1">
        <v>4.90430933E8</v>
      </c>
      <c r="B7765" s="2">
        <v>12659.0</v>
      </c>
      <c r="C7765" s="1" t="s">
        <v>5</v>
      </c>
      <c r="D7765" s="1" t="s">
        <v>6404</v>
      </c>
      <c r="E7765" s="1" t="s">
        <v>7</v>
      </c>
    </row>
    <row r="7766">
      <c r="A7766" s="1">
        <v>4.90430937E8</v>
      </c>
      <c r="B7766" s="2">
        <v>12604.0</v>
      </c>
      <c r="C7766" s="1" t="s">
        <v>5</v>
      </c>
      <c r="D7766" s="1" t="s">
        <v>6405</v>
      </c>
      <c r="E7766" s="1" t="s">
        <v>6406</v>
      </c>
    </row>
    <row r="7767">
      <c r="A7767" s="1">
        <v>4.90430956E8</v>
      </c>
      <c r="B7767" s="3">
        <v>12564.0</v>
      </c>
      <c r="C7767" s="1" t="s">
        <v>5</v>
      </c>
      <c r="D7767" s="1" t="s">
        <v>6407</v>
      </c>
      <c r="E7767" s="1" t="s">
        <v>11</v>
      </c>
    </row>
    <row r="7768">
      <c r="A7768" s="1">
        <v>4.90430959E8</v>
      </c>
      <c r="B7768" s="3">
        <v>12566.0</v>
      </c>
      <c r="C7768" s="1" t="s">
        <v>5</v>
      </c>
      <c r="D7768" s="1" t="s">
        <v>6408</v>
      </c>
      <c r="E7768" s="1" t="s">
        <v>6409</v>
      </c>
    </row>
    <row r="7769">
      <c r="A7769" s="1">
        <v>4.90430962E8</v>
      </c>
      <c r="B7769" s="2">
        <v>12604.0</v>
      </c>
      <c r="C7769" s="1" t="s">
        <v>5</v>
      </c>
      <c r="D7769" s="1" t="s">
        <v>6410</v>
      </c>
      <c r="E7769" s="1" t="s">
        <v>6411</v>
      </c>
    </row>
    <row r="7770">
      <c r="A7770" s="1">
        <v>4.90430988E8</v>
      </c>
      <c r="B7770" s="2">
        <v>12604.0</v>
      </c>
      <c r="C7770" s="1" t="s">
        <v>5</v>
      </c>
      <c r="D7770" s="1" t="s">
        <v>6412</v>
      </c>
      <c r="E7770" s="1" t="s">
        <v>7</v>
      </c>
    </row>
    <row r="7771">
      <c r="A7771" s="1">
        <v>4.90431006E8</v>
      </c>
      <c r="B7771" s="2">
        <v>12656.0</v>
      </c>
      <c r="C7771" s="1" t="s">
        <v>5</v>
      </c>
      <c r="D7771" s="1" t="s">
        <v>11</v>
      </c>
      <c r="E7771" s="1" t="s">
        <v>7</v>
      </c>
    </row>
    <row r="7772">
      <c r="A7772" s="1">
        <v>4.90431011E8</v>
      </c>
      <c r="B7772" s="3">
        <v>12566.0</v>
      </c>
      <c r="C7772" s="1" t="s">
        <v>5</v>
      </c>
      <c r="D7772" s="1" t="s">
        <v>6413</v>
      </c>
      <c r="E7772" s="1" t="s">
        <v>7</v>
      </c>
    </row>
    <row r="7773">
      <c r="A7773" s="1">
        <v>4.90431024E8</v>
      </c>
      <c r="B7773" s="2">
        <v>12641.0</v>
      </c>
      <c r="C7773" s="1" t="s">
        <v>5</v>
      </c>
      <c r="D7773" s="1" t="s">
        <v>6414</v>
      </c>
      <c r="E7773" s="1" t="s">
        <v>6415</v>
      </c>
    </row>
    <row r="7774">
      <c r="A7774" s="1">
        <v>4.90431112E8</v>
      </c>
      <c r="B7774" s="2">
        <v>12645.0</v>
      </c>
      <c r="C7774" s="1" t="s">
        <v>5</v>
      </c>
      <c r="D7774" s="1" t="s">
        <v>11</v>
      </c>
      <c r="E7774" s="1" t="s">
        <v>7</v>
      </c>
    </row>
    <row r="7775">
      <c r="A7775" s="1">
        <v>4.90431167E8</v>
      </c>
      <c r="B7775" s="2">
        <v>12598.0</v>
      </c>
      <c r="C7775" s="1" t="s">
        <v>5</v>
      </c>
      <c r="D7775" s="1" t="s">
        <v>6416</v>
      </c>
      <c r="E7775" s="1" t="s">
        <v>11</v>
      </c>
    </row>
    <row r="7776">
      <c r="A7776" s="1">
        <v>4.90431178E8</v>
      </c>
      <c r="B7776" s="2">
        <v>12655.0</v>
      </c>
      <c r="C7776" s="1" t="s">
        <v>5</v>
      </c>
      <c r="D7776" s="1" t="s">
        <v>6417</v>
      </c>
      <c r="E7776" s="1" t="s">
        <v>7</v>
      </c>
    </row>
    <row r="7777">
      <c r="A7777" s="1">
        <v>4.90431252E8</v>
      </c>
      <c r="B7777" s="2">
        <v>12607.0</v>
      </c>
      <c r="C7777" s="1" t="s">
        <v>5</v>
      </c>
      <c r="D7777" s="1" t="s">
        <v>6418</v>
      </c>
      <c r="E7777" s="1" t="s">
        <v>11</v>
      </c>
    </row>
    <row r="7778">
      <c r="A7778" s="1">
        <v>4.90431322E8</v>
      </c>
      <c r="B7778" s="3">
        <v>12542.0</v>
      </c>
      <c r="C7778" s="1" t="s">
        <v>5</v>
      </c>
      <c r="D7778" s="1" t="s">
        <v>6419</v>
      </c>
      <c r="E7778" s="1" t="s">
        <v>7</v>
      </c>
    </row>
    <row r="7779">
      <c r="A7779" s="1">
        <v>4.90431324E8</v>
      </c>
      <c r="B7779" s="2">
        <v>12648.0</v>
      </c>
      <c r="C7779" s="1" t="s">
        <v>5</v>
      </c>
      <c r="D7779" s="1" t="s">
        <v>6420</v>
      </c>
      <c r="E7779" s="1" t="s">
        <v>11</v>
      </c>
    </row>
    <row r="7780">
      <c r="A7780" s="1">
        <v>4.90431356E8</v>
      </c>
      <c r="B7780" s="3">
        <v>12551.0</v>
      </c>
      <c r="C7780" s="1" t="s">
        <v>5</v>
      </c>
      <c r="D7780" s="1" t="s">
        <v>6421</v>
      </c>
      <c r="E7780" s="1" t="s">
        <v>7</v>
      </c>
    </row>
    <row r="7781">
      <c r="A7781" s="1">
        <v>4.90431361E8</v>
      </c>
      <c r="B7781" s="3">
        <v>12560.0</v>
      </c>
      <c r="C7781" s="1" t="s">
        <v>5</v>
      </c>
      <c r="D7781" s="1" t="s">
        <v>6422</v>
      </c>
      <c r="E7781" s="1" t="s">
        <v>6423</v>
      </c>
    </row>
    <row r="7782">
      <c r="A7782" s="1">
        <v>4.90431364E8</v>
      </c>
      <c r="B7782" s="3">
        <v>12552.0</v>
      </c>
      <c r="C7782" s="1" t="s">
        <v>5</v>
      </c>
      <c r="D7782" s="1" t="s">
        <v>6424</v>
      </c>
      <c r="E7782" s="1" t="s">
        <v>7</v>
      </c>
    </row>
    <row r="7783">
      <c r="A7783" s="1">
        <v>4.90431382E8</v>
      </c>
      <c r="B7783" s="3">
        <v>12551.0</v>
      </c>
      <c r="C7783" s="1" t="s">
        <v>5</v>
      </c>
      <c r="D7783" s="1" t="s">
        <v>6425</v>
      </c>
      <c r="E7783" s="1" t="s">
        <v>11</v>
      </c>
    </row>
    <row r="7784">
      <c r="A7784" s="1">
        <v>4.9043141E8</v>
      </c>
      <c r="B7784" s="2">
        <v>12651.0</v>
      </c>
      <c r="C7784" s="1" t="s">
        <v>5</v>
      </c>
      <c r="D7784" s="1" t="s">
        <v>6426</v>
      </c>
      <c r="E7784" s="1" t="s">
        <v>6427</v>
      </c>
    </row>
    <row r="7785">
      <c r="A7785" s="1">
        <v>4.90431414E8</v>
      </c>
      <c r="B7785" s="2">
        <v>12601.0</v>
      </c>
      <c r="C7785" s="1" t="s">
        <v>5</v>
      </c>
      <c r="D7785" s="1" t="s">
        <v>6428</v>
      </c>
      <c r="E7785" s="1" t="s">
        <v>7</v>
      </c>
    </row>
    <row r="7786">
      <c r="A7786" s="1">
        <v>4.90431441E8</v>
      </c>
      <c r="B7786" s="2">
        <v>12591.0</v>
      </c>
      <c r="C7786" s="1" t="s">
        <v>5</v>
      </c>
      <c r="D7786" s="1" t="s">
        <v>6429</v>
      </c>
      <c r="E7786" s="1" t="s">
        <v>11</v>
      </c>
    </row>
    <row r="7787">
      <c r="A7787" s="1">
        <v>4.90431476E8</v>
      </c>
      <c r="B7787" s="2">
        <v>12601.0</v>
      </c>
      <c r="C7787" s="1" t="s">
        <v>5</v>
      </c>
      <c r="D7787" s="1" t="s">
        <v>11</v>
      </c>
      <c r="E7787" s="4" t="s">
        <v>6430</v>
      </c>
    </row>
    <row r="7788">
      <c r="A7788" s="1">
        <v>4.90431482E8</v>
      </c>
      <c r="B7788" s="2">
        <v>12591.0</v>
      </c>
      <c r="C7788" s="1" t="s">
        <v>5</v>
      </c>
      <c r="D7788" s="1" t="s">
        <v>11</v>
      </c>
      <c r="E7788" s="1" t="s">
        <v>7</v>
      </c>
    </row>
    <row r="7789">
      <c r="A7789" s="1">
        <v>4.90431485E8</v>
      </c>
      <c r="B7789" s="2">
        <v>12594.0</v>
      </c>
      <c r="C7789" s="1" t="s">
        <v>5</v>
      </c>
      <c r="D7789" s="1" t="s">
        <v>6431</v>
      </c>
      <c r="E7789" s="1" t="s">
        <v>7</v>
      </c>
    </row>
    <row r="7790">
      <c r="A7790" s="1">
        <v>4.90431492E8</v>
      </c>
      <c r="B7790" s="2">
        <v>12643.0</v>
      </c>
      <c r="C7790" s="1" t="s">
        <v>5</v>
      </c>
      <c r="D7790" s="1" t="s">
        <v>6432</v>
      </c>
      <c r="E7790" s="1" t="s">
        <v>7</v>
      </c>
    </row>
    <row r="7791">
      <c r="A7791" s="1">
        <v>4.90431529E8</v>
      </c>
      <c r="B7791" s="2">
        <v>12601.0</v>
      </c>
      <c r="C7791" s="1" t="s">
        <v>5</v>
      </c>
      <c r="D7791" s="1" t="s">
        <v>6433</v>
      </c>
      <c r="E7791" s="1" t="s">
        <v>11</v>
      </c>
    </row>
    <row r="7792">
      <c r="A7792" s="1">
        <v>4.90431535E8</v>
      </c>
      <c r="B7792" s="3">
        <v>12549.0</v>
      </c>
      <c r="C7792" s="1" t="s">
        <v>5</v>
      </c>
      <c r="D7792" s="1" t="s">
        <v>6434</v>
      </c>
      <c r="E7792" s="1" t="s">
        <v>6435</v>
      </c>
    </row>
    <row r="7793">
      <c r="A7793" s="1">
        <v>4.90431593E8</v>
      </c>
      <c r="B7793" s="2">
        <v>12593.0</v>
      </c>
      <c r="C7793" s="1" t="s">
        <v>5</v>
      </c>
      <c r="D7793" s="1" t="s">
        <v>6436</v>
      </c>
      <c r="E7793" s="1" t="s">
        <v>6437</v>
      </c>
    </row>
    <row r="7794">
      <c r="A7794" s="1">
        <v>4.90431594E8</v>
      </c>
      <c r="B7794" s="3">
        <v>12558.0</v>
      </c>
      <c r="C7794" s="1" t="s">
        <v>5</v>
      </c>
      <c r="D7794" s="1" t="s">
        <v>6438</v>
      </c>
      <c r="E7794" s="1" t="s">
        <v>11</v>
      </c>
    </row>
    <row r="7795">
      <c r="A7795" s="1">
        <v>4.90431624E8</v>
      </c>
      <c r="B7795" s="2">
        <v>12646.0</v>
      </c>
      <c r="C7795" s="1" t="s">
        <v>5</v>
      </c>
      <c r="D7795" s="1" t="s">
        <v>6439</v>
      </c>
      <c r="E7795" s="1" t="s">
        <v>7</v>
      </c>
    </row>
    <row r="7796">
      <c r="A7796" s="1">
        <v>4.90431642E8</v>
      </c>
      <c r="B7796" s="2">
        <v>12657.0</v>
      </c>
      <c r="C7796" s="1" t="s">
        <v>5</v>
      </c>
      <c r="D7796" s="1" t="s">
        <v>6440</v>
      </c>
      <c r="E7796" s="1" t="s">
        <v>7</v>
      </c>
    </row>
    <row r="7797">
      <c r="A7797" s="1">
        <v>4.90431666E8</v>
      </c>
      <c r="B7797" s="3">
        <v>12566.0</v>
      </c>
      <c r="C7797" s="1" t="s">
        <v>5</v>
      </c>
      <c r="D7797" s="1" t="s">
        <v>11</v>
      </c>
      <c r="E7797" s="1" t="s">
        <v>7</v>
      </c>
    </row>
    <row r="7798">
      <c r="A7798" s="1">
        <v>4.9043167E8</v>
      </c>
      <c r="B7798" s="3">
        <v>12561.0</v>
      </c>
      <c r="C7798" s="1" t="s">
        <v>5</v>
      </c>
      <c r="D7798" s="1" t="s">
        <v>6441</v>
      </c>
      <c r="E7798" s="1" t="s">
        <v>11</v>
      </c>
    </row>
    <row r="7799">
      <c r="A7799" s="1">
        <v>4.90431711E8</v>
      </c>
      <c r="B7799" s="2">
        <v>12651.0</v>
      </c>
      <c r="C7799" s="1" t="s">
        <v>5</v>
      </c>
      <c r="D7799" s="1" t="s">
        <v>6442</v>
      </c>
      <c r="E7799" s="1" t="s">
        <v>7</v>
      </c>
    </row>
    <row r="7800">
      <c r="A7800" s="1">
        <v>4.90431722E8</v>
      </c>
      <c r="B7800" s="2">
        <v>12593.0</v>
      </c>
      <c r="C7800" s="1" t="s">
        <v>5</v>
      </c>
      <c r="D7800" s="1" t="s">
        <v>6443</v>
      </c>
      <c r="E7800" s="1" t="s">
        <v>7</v>
      </c>
    </row>
    <row r="7801">
      <c r="A7801" s="1">
        <v>4.90431737E8</v>
      </c>
      <c r="B7801" s="2">
        <v>12587.0</v>
      </c>
      <c r="C7801" s="1" t="s">
        <v>5</v>
      </c>
      <c r="D7801" s="1" t="s">
        <v>6444</v>
      </c>
      <c r="E7801" s="1" t="s">
        <v>7</v>
      </c>
    </row>
    <row r="7802">
      <c r="A7802" s="1">
        <v>4.90431745E8</v>
      </c>
      <c r="B7802" s="3">
        <v>12555.0</v>
      </c>
      <c r="C7802" s="1" t="s">
        <v>5</v>
      </c>
      <c r="D7802" s="1" t="s">
        <v>6445</v>
      </c>
      <c r="E7802" s="1" t="s">
        <v>6446</v>
      </c>
    </row>
    <row r="7803">
      <c r="A7803" s="1">
        <v>4.90431788E8</v>
      </c>
      <c r="B7803" s="2">
        <v>12651.0</v>
      </c>
      <c r="C7803" s="1" t="s">
        <v>5</v>
      </c>
      <c r="D7803" s="1" t="s">
        <v>11</v>
      </c>
      <c r="E7803" s="1" t="s">
        <v>7</v>
      </c>
    </row>
    <row r="7804">
      <c r="A7804" s="1">
        <v>4.90431797E8</v>
      </c>
      <c r="B7804" s="2">
        <v>12649.0</v>
      </c>
      <c r="C7804" s="1" t="s">
        <v>5</v>
      </c>
      <c r="D7804" s="1" t="s">
        <v>6447</v>
      </c>
      <c r="E7804" s="1" t="s">
        <v>7</v>
      </c>
    </row>
    <row r="7805">
      <c r="A7805" s="1">
        <v>4.90431841E8</v>
      </c>
      <c r="B7805" s="2">
        <v>12644.0</v>
      </c>
      <c r="C7805" s="1" t="s">
        <v>5</v>
      </c>
      <c r="D7805" s="1" t="s">
        <v>6448</v>
      </c>
      <c r="E7805" s="1" t="s">
        <v>11</v>
      </c>
    </row>
    <row r="7806">
      <c r="A7806" s="1">
        <v>4.90431851E8</v>
      </c>
      <c r="B7806" s="2">
        <v>12591.0</v>
      </c>
      <c r="C7806" s="1" t="s">
        <v>5</v>
      </c>
      <c r="D7806" s="1" t="s">
        <v>6449</v>
      </c>
      <c r="E7806" s="1" t="s">
        <v>7</v>
      </c>
    </row>
    <row r="7807">
      <c r="A7807" s="1">
        <v>4.90431857E8</v>
      </c>
      <c r="B7807" s="3">
        <v>12559.0</v>
      </c>
      <c r="C7807" s="1" t="s">
        <v>5</v>
      </c>
      <c r="D7807" s="1" t="s">
        <v>11</v>
      </c>
      <c r="E7807" s="1" t="s">
        <v>7</v>
      </c>
    </row>
    <row r="7808">
      <c r="A7808" s="1">
        <v>4.90431881E8</v>
      </c>
      <c r="B7808" s="3">
        <v>12558.0</v>
      </c>
      <c r="C7808" s="1" t="s">
        <v>5</v>
      </c>
      <c r="D7808" s="1" t="s">
        <v>6450</v>
      </c>
      <c r="E7808" s="1" t="s">
        <v>7</v>
      </c>
    </row>
    <row r="7809">
      <c r="A7809" s="1">
        <v>4.90431887E8</v>
      </c>
      <c r="B7809" s="2">
        <v>12661.0</v>
      </c>
      <c r="C7809" s="1" t="s">
        <v>5</v>
      </c>
      <c r="D7809" s="1" t="s">
        <v>11</v>
      </c>
      <c r="E7809" s="1" t="s">
        <v>7</v>
      </c>
    </row>
    <row r="7810">
      <c r="A7810" s="1">
        <v>4.90431923E8</v>
      </c>
      <c r="B7810" s="3">
        <v>12565.0</v>
      </c>
      <c r="C7810" s="1" t="s">
        <v>5</v>
      </c>
      <c r="D7810" s="1" t="s">
        <v>6451</v>
      </c>
      <c r="E7810" s="1" t="s">
        <v>7</v>
      </c>
    </row>
    <row r="7811">
      <c r="A7811" s="1">
        <v>4.90431946E8</v>
      </c>
      <c r="B7811" s="3">
        <v>12564.0</v>
      </c>
      <c r="C7811" s="1" t="s">
        <v>5</v>
      </c>
      <c r="D7811" s="1" t="s">
        <v>6452</v>
      </c>
      <c r="E7811" s="1" t="s">
        <v>7</v>
      </c>
    </row>
    <row r="7812">
      <c r="A7812" s="1">
        <v>4.90431947E8</v>
      </c>
      <c r="B7812" s="3">
        <v>12559.0</v>
      </c>
      <c r="C7812" s="1" t="s">
        <v>5</v>
      </c>
      <c r="D7812" s="1" t="s">
        <v>6453</v>
      </c>
      <c r="E7812" s="1" t="s">
        <v>7</v>
      </c>
    </row>
    <row r="7813">
      <c r="A7813" s="1">
        <v>4.90431952E8</v>
      </c>
      <c r="B7813" s="2">
        <v>12650.0</v>
      </c>
      <c r="C7813" s="1" t="s">
        <v>5</v>
      </c>
      <c r="D7813" s="1" t="s">
        <v>6454</v>
      </c>
      <c r="E7813" s="1" t="s">
        <v>11</v>
      </c>
    </row>
    <row r="7814">
      <c r="A7814" s="1">
        <v>4.90431955E8</v>
      </c>
      <c r="B7814" s="2">
        <v>12585.0</v>
      </c>
      <c r="C7814" s="1" t="s">
        <v>5</v>
      </c>
      <c r="D7814" s="1" t="s">
        <v>11</v>
      </c>
      <c r="E7814" s="4" t="s">
        <v>6455</v>
      </c>
    </row>
    <row r="7815">
      <c r="A7815" s="1">
        <v>4.90431962E8</v>
      </c>
      <c r="B7815" s="2">
        <v>12585.0</v>
      </c>
      <c r="C7815" s="1" t="s">
        <v>5</v>
      </c>
      <c r="D7815" s="1" t="s">
        <v>6456</v>
      </c>
      <c r="E7815" s="1" t="s">
        <v>7</v>
      </c>
    </row>
    <row r="7816">
      <c r="A7816" s="1">
        <v>4.90431966E8</v>
      </c>
      <c r="B7816" s="2">
        <v>12484.0</v>
      </c>
      <c r="C7816" s="1" t="s">
        <v>5</v>
      </c>
      <c r="D7816" s="1" t="s">
        <v>11</v>
      </c>
      <c r="E7816" s="1" t="s">
        <v>7</v>
      </c>
    </row>
    <row r="7817">
      <c r="A7817" s="1">
        <v>4.90432E8</v>
      </c>
      <c r="B7817" s="2">
        <v>12601.0</v>
      </c>
      <c r="C7817" s="1" t="s">
        <v>5</v>
      </c>
      <c r="D7817" s="1" t="s">
        <v>6457</v>
      </c>
      <c r="E7817" s="1" t="s">
        <v>11</v>
      </c>
    </row>
    <row r="7818">
      <c r="A7818" s="1">
        <v>4.90432024E8</v>
      </c>
      <c r="B7818" s="2">
        <v>12601.0</v>
      </c>
      <c r="C7818" s="1" t="s">
        <v>5</v>
      </c>
      <c r="D7818" s="1" t="s">
        <v>6458</v>
      </c>
      <c r="E7818" s="1" t="s">
        <v>7</v>
      </c>
    </row>
    <row r="7819">
      <c r="A7819" s="1">
        <v>4.90432032E8</v>
      </c>
      <c r="B7819" s="2">
        <v>12650.0</v>
      </c>
      <c r="C7819" s="1" t="s">
        <v>5</v>
      </c>
      <c r="D7819" s="1" t="s">
        <v>6459</v>
      </c>
      <c r="E7819" s="1" t="s">
        <v>7</v>
      </c>
    </row>
    <row r="7820">
      <c r="A7820" s="1">
        <v>4.90432058E8</v>
      </c>
      <c r="B7820" s="2">
        <v>12636.0</v>
      </c>
      <c r="C7820" s="1" t="s">
        <v>5</v>
      </c>
      <c r="D7820" s="1" t="s">
        <v>6460</v>
      </c>
      <c r="E7820" s="1" t="s">
        <v>7</v>
      </c>
    </row>
    <row r="7821">
      <c r="A7821" s="1">
        <v>4.9043206E8</v>
      </c>
      <c r="B7821" s="3">
        <v>12557.0</v>
      </c>
      <c r="C7821" s="1" t="s">
        <v>5</v>
      </c>
      <c r="D7821" s="1" t="s">
        <v>6461</v>
      </c>
      <c r="E7821" s="1" t="s">
        <v>7</v>
      </c>
    </row>
    <row r="7822">
      <c r="A7822" s="1">
        <v>4.90432074E8</v>
      </c>
      <c r="B7822" s="2">
        <v>12592.0</v>
      </c>
      <c r="C7822" s="1" t="s">
        <v>5</v>
      </c>
      <c r="D7822" s="1" t="s">
        <v>6462</v>
      </c>
      <c r="E7822" s="1" t="s">
        <v>7</v>
      </c>
    </row>
    <row r="7823">
      <c r="A7823" s="1">
        <v>4.90432079E8</v>
      </c>
      <c r="B7823" s="2">
        <v>12639.0</v>
      </c>
      <c r="C7823" s="1" t="s">
        <v>5</v>
      </c>
      <c r="D7823" s="1" t="s">
        <v>6463</v>
      </c>
      <c r="E7823" s="1" t="s">
        <v>11</v>
      </c>
    </row>
    <row r="7824">
      <c r="A7824" s="1">
        <v>4.9043208E8</v>
      </c>
      <c r="B7824" s="2">
        <v>12643.0</v>
      </c>
      <c r="C7824" s="1" t="s">
        <v>5</v>
      </c>
      <c r="D7824" s="1" t="s">
        <v>6464</v>
      </c>
      <c r="E7824" s="1" t="s">
        <v>11</v>
      </c>
    </row>
    <row r="7825">
      <c r="A7825" s="1">
        <v>4.90432089E8</v>
      </c>
      <c r="B7825" s="3">
        <v>12557.0</v>
      </c>
      <c r="C7825" s="1" t="s">
        <v>5</v>
      </c>
      <c r="D7825" s="1" t="s">
        <v>6465</v>
      </c>
      <c r="E7825" s="1" t="s">
        <v>11</v>
      </c>
    </row>
    <row r="7826">
      <c r="A7826" s="1">
        <v>4.90432102E8</v>
      </c>
      <c r="B7826" s="2">
        <v>12590.0</v>
      </c>
      <c r="C7826" s="1" t="s">
        <v>5</v>
      </c>
      <c r="D7826" s="1" t="s">
        <v>6466</v>
      </c>
      <c r="E7826" s="1" t="s">
        <v>11</v>
      </c>
    </row>
    <row r="7827">
      <c r="A7827" s="1">
        <v>4.90432104E8</v>
      </c>
      <c r="B7827" s="2">
        <v>12497.0</v>
      </c>
      <c r="C7827" s="1" t="s">
        <v>5</v>
      </c>
      <c r="D7827" s="1" t="s">
        <v>6467</v>
      </c>
      <c r="E7827" s="1" t="s">
        <v>11</v>
      </c>
    </row>
    <row r="7828">
      <c r="A7828" s="1">
        <v>4.9043211E8</v>
      </c>
      <c r="B7828" s="3">
        <v>12554.0</v>
      </c>
      <c r="C7828" s="1" t="s">
        <v>5</v>
      </c>
      <c r="D7828" s="1" t="s">
        <v>11</v>
      </c>
      <c r="E7828" s="1" t="s">
        <v>7</v>
      </c>
    </row>
    <row r="7829">
      <c r="A7829" s="1">
        <v>4.90432114E8</v>
      </c>
      <c r="B7829" s="2">
        <v>12647.0</v>
      </c>
      <c r="C7829" s="1" t="s">
        <v>5</v>
      </c>
      <c r="D7829" s="1" t="s">
        <v>11</v>
      </c>
      <c r="E7829" s="1" t="s">
        <v>7</v>
      </c>
    </row>
    <row r="7830">
      <c r="A7830" s="1">
        <v>4.90432155E8</v>
      </c>
      <c r="B7830" s="2">
        <v>12584.0</v>
      </c>
      <c r="C7830" s="1" t="s">
        <v>5</v>
      </c>
      <c r="D7830" s="1" t="s">
        <v>6468</v>
      </c>
      <c r="E7830" s="1" t="s">
        <v>7</v>
      </c>
    </row>
    <row r="7831">
      <c r="A7831" s="1">
        <v>4.90432211E8</v>
      </c>
      <c r="B7831" s="2">
        <v>12601.0</v>
      </c>
      <c r="C7831" s="1" t="s">
        <v>5</v>
      </c>
      <c r="D7831" s="1" t="s">
        <v>6469</v>
      </c>
      <c r="E7831" s="1" t="s">
        <v>7</v>
      </c>
    </row>
    <row r="7832">
      <c r="A7832" s="1">
        <v>4.90432223E8</v>
      </c>
      <c r="B7832" s="2">
        <v>12650.0</v>
      </c>
      <c r="C7832" s="1" t="s">
        <v>5</v>
      </c>
      <c r="D7832" s="1" t="s">
        <v>6470</v>
      </c>
      <c r="E7832" s="1" t="s">
        <v>7</v>
      </c>
    </row>
    <row r="7833">
      <c r="A7833" s="1">
        <v>4.90432254E8</v>
      </c>
      <c r="B7833" s="2">
        <v>12601.0</v>
      </c>
      <c r="C7833" s="1" t="s">
        <v>5</v>
      </c>
      <c r="D7833" s="1" t="s">
        <v>6471</v>
      </c>
      <c r="E7833" s="1" t="s">
        <v>7</v>
      </c>
    </row>
    <row r="7834">
      <c r="A7834" s="1">
        <v>4.90432256E8</v>
      </c>
      <c r="B7834" s="2">
        <v>12638.0</v>
      </c>
      <c r="C7834" s="1" t="s">
        <v>5</v>
      </c>
      <c r="D7834" s="1" t="s">
        <v>6472</v>
      </c>
      <c r="E7834" s="1" t="s">
        <v>11</v>
      </c>
    </row>
    <row r="7835">
      <c r="A7835" s="1">
        <v>4.90432281E8</v>
      </c>
      <c r="B7835" s="3">
        <v>12558.0</v>
      </c>
      <c r="C7835" s="1" t="s">
        <v>5</v>
      </c>
      <c r="D7835" s="1" t="s">
        <v>11</v>
      </c>
      <c r="E7835" s="1" t="s">
        <v>7</v>
      </c>
    </row>
    <row r="7836">
      <c r="A7836" s="1">
        <v>4.90432292E8</v>
      </c>
      <c r="B7836" s="2">
        <v>12650.0</v>
      </c>
      <c r="C7836" s="1" t="s">
        <v>5</v>
      </c>
      <c r="D7836" s="1" t="s">
        <v>6473</v>
      </c>
      <c r="E7836" s="1" t="s">
        <v>11</v>
      </c>
    </row>
    <row r="7837">
      <c r="A7837" s="1">
        <v>4.90432336E8</v>
      </c>
      <c r="B7837" s="2">
        <v>12580.0</v>
      </c>
      <c r="C7837" s="1" t="s">
        <v>5</v>
      </c>
      <c r="D7837" s="1" t="s">
        <v>6474</v>
      </c>
      <c r="E7837" s="1" t="s">
        <v>6475</v>
      </c>
    </row>
    <row r="7838">
      <c r="A7838" s="1">
        <v>4.90432362E8</v>
      </c>
      <c r="B7838" s="3">
        <v>12557.0</v>
      </c>
      <c r="C7838" s="1" t="s">
        <v>5</v>
      </c>
      <c r="D7838" s="1" t="s">
        <v>6476</v>
      </c>
      <c r="E7838" s="1" t="s">
        <v>11</v>
      </c>
    </row>
    <row r="7839">
      <c r="A7839" s="1">
        <v>4.90432369E8</v>
      </c>
      <c r="B7839" s="2">
        <v>12638.0</v>
      </c>
      <c r="C7839" s="1" t="s">
        <v>5</v>
      </c>
      <c r="D7839" s="1" t="s">
        <v>6477</v>
      </c>
      <c r="E7839" s="1" t="s">
        <v>11</v>
      </c>
    </row>
    <row r="7840">
      <c r="A7840" s="1">
        <v>4.90432392E8</v>
      </c>
      <c r="B7840" s="3">
        <v>12560.0</v>
      </c>
      <c r="C7840" s="1" t="s">
        <v>5</v>
      </c>
      <c r="D7840" s="1" t="s">
        <v>6478</v>
      </c>
      <c r="E7840" s="1" t="s">
        <v>7</v>
      </c>
    </row>
    <row r="7841">
      <c r="A7841" s="1">
        <v>4.90432399E8</v>
      </c>
      <c r="B7841" s="3">
        <v>12557.0</v>
      </c>
      <c r="C7841" s="1" t="s">
        <v>5</v>
      </c>
      <c r="D7841" s="1" t="s">
        <v>11</v>
      </c>
      <c r="E7841" s="1" t="s">
        <v>7</v>
      </c>
    </row>
    <row r="7842">
      <c r="A7842" s="1">
        <v>4.90432404E8</v>
      </c>
      <c r="B7842" s="2">
        <v>12482.0</v>
      </c>
      <c r="C7842" s="1" t="s">
        <v>5</v>
      </c>
      <c r="D7842" s="1" t="s">
        <v>6479</v>
      </c>
      <c r="E7842" s="1" t="s">
        <v>6480</v>
      </c>
    </row>
    <row r="7843">
      <c r="A7843" s="1">
        <v>4.90432415E8</v>
      </c>
      <c r="B7843" s="2">
        <v>12638.0</v>
      </c>
      <c r="C7843" s="1" t="s">
        <v>5</v>
      </c>
      <c r="D7843" s="1" t="s">
        <v>6481</v>
      </c>
      <c r="E7843" s="1" t="s">
        <v>7</v>
      </c>
    </row>
    <row r="7844">
      <c r="A7844" s="1">
        <v>4.90432423E8</v>
      </c>
      <c r="B7844" s="2">
        <v>12649.0</v>
      </c>
      <c r="C7844" s="1" t="s">
        <v>5</v>
      </c>
      <c r="D7844" s="1" t="s">
        <v>6482</v>
      </c>
      <c r="E7844" s="1" t="s">
        <v>7</v>
      </c>
    </row>
    <row r="7845">
      <c r="A7845" s="1">
        <v>4.90432439E8</v>
      </c>
      <c r="B7845" s="2">
        <v>12482.0</v>
      </c>
      <c r="C7845" s="1" t="s">
        <v>5</v>
      </c>
      <c r="D7845" s="1" t="s">
        <v>6483</v>
      </c>
      <c r="E7845" s="1" t="s">
        <v>6484</v>
      </c>
    </row>
    <row r="7846">
      <c r="A7846" s="1">
        <v>4.90432449E8</v>
      </c>
      <c r="B7846" s="2">
        <v>12646.0</v>
      </c>
      <c r="C7846" s="1" t="s">
        <v>5</v>
      </c>
      <c r="D7846" s="1" t="s">
        <v>6485</v>
      </c>
      <c r="E7846" s="1" t="s">
        <v>7</v>
      </c>
    </row>
    <row r="7847">
      <c r="A7847" s="1">
        <v>4.90432459E8</v>
      </c>
      <c r="B7847" s="3">
        <v>12559.0</v>
      </c>
      <c r="C7847" s="1" t="s">
        <v>5</v>
      </c>
      <c r="D7847" s="1" t="s">
        <v>6486</v>
      </c>
      <c r="E7847" s="1" t="s">
        <v>7</v>
      </c>
    </row>
    <row r="7848">
      <c r="A7848" s="1">
        <v>4.90432479E8</v>
      </c>
      <c r="B7848" s="2">
        <v>12588.0</v>
      </c>
      <c r="C7848" s="1" t="s">
        <v>5</v>
      </c>
      <c r="D7848" s="1" t="s">
        <v>6487</v>
      </c>
      <c r="E7848" s="1" t="s">
        <v>6488</v>
      </c>
    </row>
    <row r="7849">
      <c r="A7849" s="1">
        <v>4.90432512E8</v>
      </c>
      <c r="B7849" s="2">
        <v>12662.0</v>
      </c>
      <c r="C7849" s="1" t="s">
        <v>5</v>
      </c>
      <c r="D7849" s="1" t="s">
        <v>11</v>
      </c>
      <c r="E7849" s="1" t="s">
        <v>7</v>
      </c>
    </row>
    <row r="7850">
      <c r="A7850" s="1">
        <v>4.90432514E8</v>
      </c>
      <c r="B7850" s="2">
        <v>12661.0</v>
      </c>
      <c r="C7850" s="1" t="s">
        <v>5</v>
      </c>
      <c r="D7850" s="1" t="s">
        <v>6489</v>
      </c>
      <c r="E7850" s="1" t="s">
        <v>11</v>
      </c>
    </row>
    <row r="7851">
      <c r="A7851" s="1">
        <v>4.90432536E8</v>
      </c>
      <c r="B7851" s="2">
        <v>12580.0</v>
      </c>
      <c r="C7851" s="1" t="s">
        <v>5</v>
      </c>
      <c r="D7851" s="1" t="s">
        <v>6490</v>
      </c>
      <c r="E7851" s="1" t="s">
        <v>7</v>
      </c>
    </row>
    <row r="7852">
      <c r="A7852" s="1">
        <v>4.9043254E8</v>
      </c>
      <c r="B7852" s="2">
        <v>12640.0</v>
      </c>
      <c r="C7852" s="1" t="s">
        <v>5</v>
      </c>
      <c r="D7852" s="1" t="s">
        <v>6491</v>
      </c>
      <c r="E7852" s="1" t="s">
        <v>7</v>
      </c>
    </row>
    <row r="7853">
      <c r="A7853" s="1">
        <v>4.90432571E8</v>
      </c>
      <c r="B7853" s="3">
        <v>12552.0</v>
      </c>
      <c r="C7853" s="1" t="s">
        <v>5</v>
      </c>
      <c r="D7853" s="1" t="s">
        <v>6492</v>
      </c>
      <c r="E7853" s="1" t="s">
        <v>7</v>
      </c>
    </row>
    <row r="7854">
      <c r="A7854" s="1">
        <v>4.90432587E8</v>
      </c>
      <c r="B7854" s="2">
        <v>12648.0</v>
      </c>
      <c r="C7854" s="1" t="s">
        <v>5</v>
      </c>
      <c r="D7854" s="1" t="s">
        <v>6493</v>
      </c>
      <c r="E7854" s="1" t="s">
        <v>7</v>
      </c>
    </row>
    <row r="7855">
      <c r="A7855" s="1">
        <v>4.90432588E8</v>
      </c>
      <c r="B7855" s="2">
        <v>12643.0</v>
      </c>
      <c r="C7855" s="1" t="s">
        <v>5</v>
      </c>
      <c r="D7855" s="1" t="s">
        <v>6494</v>
      </c>
      <c r="E7855" s="1" t="s">
        <v>6495</v>
      </c>
    </row>
    <row r="7856">
      <c r="A7856" s="1">
        <v>4.90432592E8</v>
      </c>
      <c r="B7856" s="2">
        <v>12651.0</v>
      </c>
      <c r="C7856" s="1" t="s">
        <v>5</v>
      </c>
      <c r="D7856" s="1" t="s">
        <v>6496</v>
      </c>
      <c r="E7856" s="1" t="s">
        <v>11</v>
      </c>
    </row>
    <row r="7857">
      <c r="A7857" s="1">
        <v>4.90432605E8</v>
      </c>
      <c r="B7857" s="2">
        <v>12661.0</v>
      </c>
      <c r="C7857" s="1" t="s">
        <v>5</v>
      </c>
      <c r="D7857" s="1" t="s">
        <v>11</v>
      </c>
      <c r="E7857" s="1" t="s">
        <v>7</v>
      </c>
    </row>
    <row r="7858">
      <c r="A7858" s="1">
        <v>4.90432636E8</v>
      </c>
      <c r="B7858" s="2">
        <v>12639.0</v>
      </c>
      <c r="C7858" s="1" t="s">
        <v>5</v>
      </c>
      <c r="D7858" s="1" t="s">
        <v>6497</v>
      </c>
      <c r="E7858" s="1" t="s">
        <v>7</v>
      </c>
    </row>
    <row r="7859">
      <c r="A7859" s="1">
        <v>4.90432644E8</v>
      </c>
      <c r="B7859" s="2">
        <v>12594.0</v>
      </c>
      <c r="C7859" s="1" t="s">
        <v>5</v>
      </c>
      <c r="D7859" s="1" t="s">
        <v>6498</v>
      </c>
      <c r="E7859" s="1" t="s">
        <v>7</v>
      </c>
    </row>
    <row r="7860">
      <c r="A7860" s="1">
        <v>4.90432661E8</v>
      </c>
      <c r="B7860" s="3">
        <v>12556.0</v>
      </c>
      <c r="C7860" s="1" t="s">
        <v>5</v>
      </c>
      <c r="D7860" s="1" t="s">
        <v>11</v>
      </c>
      <c r="E7860" s="1" t="s">
        <v>7</v>
      </c>
    </row>
    <row r="7861">
      <c r="A7861" s="1">
        <v>4.90432666E8</v>
      </c>
      <c r="B7861" s="2">
        <v>12579.0</v>
      </c>
      <c r="C7861" s="1" t="s">
        <v>5</v>
      </c>
      <c r="D7861" s="1" t="s">
        <v>6499</v>
      </c>
      <c r="E7861" s="1" t="s">
        <v>11</v>
      </c>
    </row>
    <row r="7862">
      <c r="A7862" s="1">
        <v>4.90432676E8</v>
      </c>
      <c r="B7862" s="2">
        <v>12660.0</v>
      </c>
      <c r="C7862" s="1" t="s">
        <v>5</v>
      </c>
      <c r="D7862" s="1" t="s">
        <v>6500</v>
      </c>
      <c r="E7862" s="1" t="s">
        <v>6501</v>
      </c>
    </row>
    <row r="7863">
      <c r="A7863" s="1">
        <v>4.90432679E8</v>
      </c>
      <c r="B7863" s="2">
        <v>12661.0</v>
      </c>
      <c r="C7863" s="1" t="s">
        <v>5</v>
      </c>
      <c r="D7863" s="1" t="s">
        <v>6502</v>
      </c>
      <c r="E7863" s="1" t="s">
        <v>7</v>
      </c>
    </row>
    <row r="7864">
      <c r="A7864" s="1">
        <v>4.90432681E8</v>
      </c>
      <c r="B7864" s="2">
        <v>12585.0</v>
      </c>
      <c r="C7864" s="1" t="s">
        <v>5</v>
      </c>
      <c r="D7864" s="1" t="s">
        <v>11</v>
      </c>
      <c r="E7864" s="1" t="s">
        <v>7</v>
      </c>
    </row>
    <row r="7865">
      <c r="A7865" s="1">
        <v>4.90432714E8</v>
      </c>
      <c r="B7865" s="2">
        <v>12651.0</v>
      </c>
      <c r="C7865" s="1" t="s">
        <v>5</v>
      </c>
      <c r="D7865" s="1" t="s">
        <v>7</v>
      </c>
      <c r="E7865" s="1" t="s">
        <v>7</v>
      </c>
    </row>
    <row r="7866">
      <c r="A7866" s="1">
        <v>4.90432748E8</v>
      </c>
      <c r="B7866" s="3">
        <v>12555.0</v>
      </c>
      <c r="C7866" s="1" t="s">
        <v>5</v>
      </c>
      <c r="D7866" s="1" t="s">
        <v>11</v>
      </c>
      <c r="E7866" s="1" t="s">
        <v>7</v>
      </c>
    </row>
    <row r="7867">
      <c r="A7867" s="1">
        <v>4.90432764E8</v>
      </c>
      <c r="B7867" s="3">
        <v>12547.0</v>
      </c>
      <c r="C7867" s="1" t="s">
        <v>5</v>
      </c>
      <c r="D7867" s="1" t="s">
        <v>6503</v>
      </c>
      <c r="E7867" s="1" t="s">
        <v>11</v>
      </c>
    </row>
    <row r="7868">
      <c r="A7868" s="1">
        <v>4.90432767E8</v>
      </c>
      <c r="B7868" s="2">
        <v>12657.0</v>
      </c>
      <c r="C7868" s="1" t="s">
        <v>5</v>
      </c>
      <c r="D7868" s="1" t="s">
        <v>6504</v>
      </c>
      <c r="E7868" s="1" t="s">
        <v>7</v>
      </c>
    </row>
    <row r="7869">
      <c r="A7869" s="1">
        <v>4.90432777E8</v>
      </c>
      <c r="B7869" s="2">
        <v>12601.0</v>
      </c>
      <c r="C7869" s="1" t="s">
        <v>5</v>
      </c>
      <c r="D7869" s="1" t="s">
        <v>6505</v>
      </c>
      <c r="E7869" s="1" t="s">
        <v>7</v>
      </c>
    </row>
    <row r="7870">
      <c r="A7870" s="1">
        <v>4.9043278E8</v>
      </c>
      <c r="B7870" s="3">
        <v>12555.0</v>
      </c>
      <c r="C7870" s="1" t="s">
        <v>5</v>
      </c>
      <c r="D7870" s="1" t="s">
        <v>6506</v>
      </c>
      <c r="E7870" s="1" t="s">
        <v>7</v>
      </c>
    </row>
    <row r="7871">
      <c r="A7871" s="1">
        <v>4.90432796E8</v>
      </c>
      <c r="B7871" s="2">
        <v>12633.0</v>
      </c>
      <c r="C7871" s="1" t="s">
        <v>5</v>
      </c>
      <c r="D7871" s="1" t="s">
        <v>6507</v>
      </c>
      <c r="E7871" s="1" t="s">
        <v>11</v>
      </c>
    </row>
    <row r="7872">
      <c r="A7872" s="1">
        <v>4.90432851E8</v>
      </c>
      <c r="B7872" s="2">
        <v>12660.0</v>
      </c>
      <c r="C7872" s="1" t="s">
        <v>5</v>
      </c>
      <c r="D7872" s="1" t="s">
        <v>6508</v>
      </c>
      <c r="E7872" s="1" t="s">
        <v>7</v>
      </c>
    </row>
    <row r="7873">
      <c r="A7873" s="1">
        <v>4.90432856E8</v>
      </c>
      <c r="B7873" s="2">
        <v>12638.0</v>
      </c>
      <c r="C7873" s="1" t="s">
        <v>5</v>
      </c>
      <c r="D7873" s="1" t="s">
        <v>11</v>
      </c>
      <c r="E7873" s="4" t="s">
        <v>6509</v>
      </c>
    </row>
    <row r="7874">
      <c r="A7874" s="1">
        <v>4.90432898E8</v>
      </c>
      <c r="B7874" s="2">
        <v>12660.0</v>
      </c>
      <c r="C7874" s="1" t="s">
        <v>5</v>
      </c>
      <c r="D7874" s="1" t="s">
        <v>6510</v>
      </c>
      <c r="E7874" s="1" t="s">
        <v>7</v>
      </c>
    </row>
    <row r="7875">
      <c r="A7875" s="1">
        <v>4.90432907E8</v>
      </c>
      <c r="B7875" s="3">
        <v>12541.0</v>
      </c>
      <c r="C7875" s="1" t="s">
        <v>5</v>
      </c>
      <c r="D7875" s="1" t="s">
        <v>6511</v>
      </c>
      <c r="E7875" s="1" t="s">
        <v>7</v>
      </c>
    </row>
    <row r="7876">
      <c r="A7876" s="1">
        <v>4.90432914E8</v>
      </c>
      <c r="B7876" s="2">
        <v>12645.0</v>
      </c>
      <c r="C7876" s="1" t="s">
        <v>5</v>
      </c>
      <c r="D7876" s="1" t="s">
        <v>6512</v>
      </c>
      <c r="E7876" s="1" t="s">
        <v>7</v>
      </c>
    </row>
    <row r="7877">
      <c r="A7877" s="1">
        <v>4.90432919E8</v>
      </c>
      <c r="B7877" s="2">
        <v>12574.0</v>
      </c>
      <c r="C7877" s="1" t="s">
        <v>5</v>
      </c>
      <c r="D7877" s="1" t="s">
        <v>6513</v>
      </c>
      <c r="E7877" s="1" t="s">
        <v>7</v>
      </c>
    </row>
    <row r="7878">
      <c r="A7878" s="1">
        <v>4.90432937E8</v>
      </c>
      <c r="B7878" s="2">
        <v>12668.0</v>
      </c>
      <c r="C7878" s="1" t="s">
        <v>5</v>
      </c>
      <c r="D7878" s="1" t="s">
        <v>6514</v>
      </c>
      <c r="E7878" s="1" t="s">
        <v>7</v>
      </c>
    </row>
    <row r="7879">
      <c r="A7879" s="1">
        <v>4.90432949E8</v>
      </c>
      <c r="B7879" s="2">
        <v>12572.0</v>
      </c>
      <c r="C7879" s="1" t="s">
        <v>5</v>
      </c>
      <c r="D7879" s="1" t="s">
        <v>6515</v>
      </c>
      <c r="E7879" s="1" t="s">
        <v>6516</v>
      </c>
    </row>
    <row r="7880">
      <c r="A7880" s="1">
        <v>4.90432957E8</v>
      </c>
      <c r="B7880" s="2">
        <v>12668.0</v>
      </c>
      <c r="C7880" s="1" t="s">
        <v>5</v>
      </c>
      <c r="D7880" s="1" t="s">
        <v>6517</v>
      </c>
      <c r="E7880" s="1" t="s">
        <v>7</v>
      </c>
    </row>
    <row r="7881">
      <c r="A7881" s="1">
        <v>4.90432971E8</v>
      </c>
      <c r="B7881" s="2">
        <v>12636.0</v>
      </c>
      <c r="C7881" s="1" t="s">
        <v>5</v>
      </c>
      <c r="D7881" s="1" t="s">
        <v>11</v>
      </c>
      <c r="E7881" s="4" t="s">
        <v>6518</v>
      </c>
    </row>
    <row r="7882">
      <c r="A7882" s="1">
        <v>4.90433001E8</v>
      </c>
      <c r="B7882" s="3">
        <v>12546.0</v>
      </c>
      <c r="C7882" s="1" t="s">
        <v>5</v>
      </c>
      <c r="D7882" s="1" t="s">
        <v>6519</v>
      </c>
      <c r="E7882" s="1" t="s">
        <v>11</v>
      </c>
    </row>
    <row r="7883">
      <c r="A7883" s="1">
        <v>4.90433019E8</v>
      </c>
      <c r="B7883" s="2">
        <v>12649.0</v>
      </c>
      <c r="C7883" s="1" t="s">
        <v>5</v>
      </c>
      <c r="D7883" s="1" t="s">
        <v>11</v>
      </c>
      <c r="E7883" s="1" t="s">
        <v>7</v>
      </c>
    </row>
    <row r="7884">
      <c r="A7884" s="1">
        <v>4.90433035E8</v>
      </c>
      <c r="B7884" s="2">
        <v>12591.0</v>
      </c>
      <c r="C7884" s="1" t="s">
        <v>5</v>
      </c>
      <c r="D7884" s="1" t="s">
        <v>6520</v>
      </c>
      <c r="E7884" s="1" t="s">
        <v>7</v>
      </c>
    </row>
    <row r="7885">
      <c r="A7885" s="1">
        <v>4.90433036E8</v>
      </c>
      <c r="B7885" s="3">
        <v>12546.0</v>
      </c>
      <c r="C7885" s="1" t="s">
        <v>5</v>
      </c>
      <c r="D7885" s="1" t="s">
        <v>6521</v>
      </c>
      <c r="E7885" s="1" t="s">
        <v>11</v>
      </c>
    </row>
    <row r="7886">
      <c r="A7886" s="1">
        <v>4.90433051E8</v>
      </c>
      <c r="B7886" s="3">
        <v>12552.0</v>
      </c>
      <c r="C7886" s="1" t="s">
        <v>5</v>
      </c>
      <c r="D7886" s="1" t="s">
        <v>6522</v>
      </c>
      <c r="E7886" s="1" t="s">
        <v>7</v>
      </c>
    </row>
    <row r="7887">
      <c r="A7887" s="1">
        <v>4.90433074E8</v>
      </c>
      <c r="B7887" s="2">
        <v>12636.0</v>
      </c>
      <c r="C7887" s="1" t="s">
        <v>5</v>
      </c>
      <c r="D7887" s="1" t="s">
        <v>11</v>
      </c>
      <c r="E7887" s="1" t="s">
        <v>7</v>
      </c>
    </row>
    <row r="7888">
      <c r="A7888" s="1">
        <v>4.90433077E8</v>
      </c>
      <c r="B7888" s="2">
        <v>12644.0</v>
      </c>
      <c r="C7888" s="1" t="s">
        <v>5</v>
      </c>
      <c r="D7888" s="1" t="s">
        <v>6523</v>
      </c>
      <c r="E7888" s="1" t="s">
        <v>7</v>
      </c>
    </row>
    <row r="7889">
      <c r="A7889" s="1">
        <v>4.90433094E8</v>
      </c>
      <c r="B7889" s="2">
        <v>12649.0</v>
      </c>
      <c r="C7889" s="1" t="s">
        <v>5</v>
      </c>
      <c r="D7889" s="1" t="s">
        <v>11</v>
      </c>
      <c r="E7889" s="1" t="s">
        <v>7</v>
      </c>
    </row>
    <row r="7890">
      <c r="A7890" s="1">
        <v>4.90433122E8</v>
      </c>
      <c r="B7890" s="2">
        <v>12644.0</v>
      </c>
      <c r="C7890" s="1" t="s">
        <v>5</v>
      </c>
      <c r="D7890" s="1" t="s">
        <v>6524</v>
      </c>
      <c r="E7890" s="1" t="s">
        <v>7</v>
      </c>
    </row>
    <row r="7891">
      <c r="A7891" s="1">
        <v>4.90433149E8</v>
      </c>
      <c r="B7891" s="2">
        <v>12579.0</v>
      </c>
      <c r="C7891" s="1" t="s">
        <v>5</v>
      </c>
      <c r="D7891" s="1" t="s">
        <v>11</v>
      </c>
      <c r="E7891" s="1" t="s">
        <v>7</v>
      </c>
    </row>
    <row r="7892">
      <c r="A7892" s="1">
        <v>4.9043316E8</v>
      </c>
      <c r="B7892" s="2">
        <v>12650.0</v>
      </c>
      <c r="C7892" s="1" t="s">
        <v>5</v>
      </c>
      <c r="D7892" s="1" t="s">
        <v>6525</v>
      </c>
      <c r="E7892" s="1" t="s">
        <v>7</v>
      </c>
    </row>
    <row r="7893">
      <c r="A7893" s="1">
        <v>4.90433164E8</v>
      </c>
      <c r="B7893" s="2">
        <v>12579.0</v>
      </c>
      <c r="C7893" s="1" t="s">
        <v>5</v>
      </c>
      <c r="D7893" s="1" t="s">
        <v>6526</v>
      </c>
      <c r="E7893" s="1" t="s">
        <v>11</v>
      </c>
    </row>
    <row r="7894">
      <c r="A7894" s="1">
        <v>4.90433195E8</v>
      </c>
      <c r="B7894" s="2">
        <v>12648.0</v>
      </c>
      <c r="C7894" s="1" t="s">
        <v>5</v>
      </c>
      <c r="D7894" s="1" t="s">
        <v>11</v>
      </c>
      <c r="E7894" s="1" t="s">
        <v>7</v>
      </c>
    </row>
    <row r="7895">
      <c r="A7895" s="1">
        <v>4.90433204E8</v>
      </c>
      <c r="B7895" s="2">
        <v>12650.0</v>
      </c>
      <c r="C7895" s="1" t="s">
        <v>5</v>
      </c>
      <c r="D7895" s="1" t="s">
        <v>11</v>
      </c>
      <c r="E7895" s="1" t="s">
        <v>7</v>
      </c>
    </row>
    <row r="7896">
      <c r="A7896" s="1">
        <v>4.90433223E8</v>
      </c>
      <c r="B7896" s="2">
        <v>12668.0</v>
      </c>
      <c r="C7896" s="1" t="s">
        <v>5</v>
      </c>
      <c r="D7896" s="1" t="s">
        <v>6527</v>
      </c>
      <c r="E7896" s="1" t="s">
        <v>11</v>
      </c>
    </row>
    <row r="7897">
      <c r="A7897" s="1">
        <v>4.90433244E8</v>
      </c>
      <c r="B7897" s="2">
        <v>12644.0</v>
      </c>
      <c r="C7897" s="1" t="s">
        <v>5</v>
      </c>
      <c r="D7897" s="1" t="s">
        <v>11</v>
      </c>
      <c r="E7897" s="1" t="s">
        <v>7</v>
      </c>
    </row>
    <row r="7898">
      <c r="A7898" s="1">
        <v>4.90433247E8</v>
      </c>
      <c r="B7898" s="3">
        <v>12552.0</v>
      </c>
      <c r="C7898" s="1" t="s">
        <v>5</v>
      </c>
      <c r="D7898" s="1" t="s">
        <v>6528</v>
      </c>
      <c r="E7898" s="1" t="s">
        <v>7</v>
      </c>
    </row>
    <row r="7899">
      <c r="A7899" s="1">
        <v>4.90433266E8</v>
      </c>
      <c r="B7899" s="3">
        <v>12543.0</v>
      </c>
      <c r="C7899" s="1" t="s">
        <v>5</v>
      </c>
      <c r="D7899" s="1" t="s">
        <v>6529</v>
      </c>
      <c r="E7899" s="1" t="s">
        <v>7</v>
      </c>
    </row>
    <row r="7900">
      <c r="A7900" s="1">
        <v>4.90433275E8</v>
      </c>
      <c r="B7900" s="3">
        <v>12550.0</v>
      </c>
      <c r="C7900" s="1" t="s">
        <v>5</v>
      </c>
      <c r="D7900" s="1" t="s">
        <v>6530</v>
      </c>
      <c r="E7900" s="1" t="s">
        <v>7</v>
      </c>
    </row>
    <row r="7901">
      <c r="A7901" s="1">
        <v>4.90433291E8</v>
      </c>
      <c r="B7901" s="2">
        <v>12672.0</v>
      </c>
      <c r="C7901" s="1" t="s">
        <v>5</v>
      </c>
      <c r="D7901" s="1" t="s">
        <v>6531</v>
      </c>
      <c r="E7901" s="1" t="s">
        <v>7</v>
      </c>
    </row>
    <row r="7902">
      <c r="A7902" s="1">
        <v>4.90433307E8</v>
      </c>
      <c r="B7902" s="3">
        <v>12554.0</v>
      </c>
      <c r="C7902" s="1" t="s">
        <v>5</v>
      </c>
      <c r="D7902" s="1" t="s">
        <v>6532</v>
      </c>
      <c r="E7902" s="1" t="s">
        <v>6533</v>
      </c>
    </row>
    <row r="7903">
      <c r="A7903" s="1">
        <v>4.90433312E8</v>
      </c>
      <c r="B7903" s="2">
        <v>12657.0</v>
      </c>
      <c r="C7903" s="1" t="s">
        <v>5</v>
      </c>
      <c r="D7903" s="1" t="s">
        <v>11</v>
      </c>
      <c r="E7903" s="1" t="s">
        <v>7</v>
      </c>
    </row>
    <row r="7904">
      <c r="A7904" s="1">
        <v>4.90433367E8</v>
      </c>
      <c r="B7904" s="2">
        <v>12649.0</v>
      </c>
      <c r="C7904" s="1" t="s">
        <v>5</v>
      </c>
      <c r="D7904" s="1" t="s">
        <v>6534</v>
      </c>
      <c r="E7904" s="1" t="s">
        <v>6535</v>
      </c>
    </row>
    <row r="7905">
      <c r="A7905" s="1">
        <v>4.90433379E8</v>
      </c>
      <c r="B7905" s="2">
        <v>12573.0</v>
      </c>
      <c r="C7905" s="1" t="s">
        <v>5</v>
      </c>
      <c r="D7905" s="1" t="s">
        <v>6536</v>
      </c>
      <c r="E7905" s="1" t="s">
        <v>7</v>
      </c>
    </row>
    <row r="7906">
      <c r="A7906" s="1">
        <v>4.90433383E8</v>
      </c>
      <c r="B7906" s="2">
        <v>12664.0</v>
      </c>
      <c r="C7906" s="1" t="s">
        <v>5</v>
      </c>
      <c r="D7906" s="1" t="s">
        <v>6537</v>
      </c>
      <c r="E7906" s="1" t="s">
        <v>11</v>
      </c>
    </row>
    <row r="7907">
      <c r="A7907" s="1">
        <v>4.90433384E8</v>
      </c>
      <c r="B7907" s="3">
        <v>12550.0</v>
      </c>
      <c r="C7907" s="1" t="s">
        <v>5</v>
      </c>
      <c r="D7907" s="1" t="s">
        <v>6538</v>
      </c>
      <c r="E7907" s="1" t="s">
        <v>11</v>
      </c>
    </row>
    <row r="7908">
      <c r="A7908" s="1">
        <v>4.90433391E8</v>
      </c>
      <c r="B7908" s="2">
        <v>12589.0</v>
      </c>
      <c r="C7908" s="1" t="s">
        <v>5</v>
      </c>
      <c r="D7908" s="1" t="s">
        <v>6539</v>
      </c>
      <c r="E7908" s="1" t="s">
        <v>7</v>
      </c>
    </row>
    <row r="7909">
      <c r="A7909" s="1">
        <v>4.90433403E8</v>
      </c>
      <c r="B7909" s="2">
        <v>12633.0</v>
      </c>
      <c r="C7909" s="1" t="s">
        <v>5</v>
      </c>
      <c r="D7909" s="1" t="s">
        <v>6540</v>
      </c>
      <c r="E7909" s="1" t="s">
        <v>7</v>
      </c>
    </row>
    <row r="7910">
      <c r="A7910" s="1">
        <v>4.90433405E8</v>
      </c>
      <c r="B7910" s="3">
        <v>12542.0</v>
      </c>
      <c r="C7910" s="1" t="s">
        <v>5</v>
      </c>
      <c r="D7910" s="1" t="s">
        <v>6541</v>
      </c>
      <c r="E7910" s="1" t="s">
        <v>6542</v>
      </c>
    </row>
    <row r="7911">
      <c r="A7911" s="1">
        <v>4.90433483E8</v>
      </c>
      <c r="B7911" s="2">
        <v>12576.0</v>
      </c>
      <c r="C7911" s="1" t="s">
        <v>5</v>
      </c>
      <c r="D7911" s="1" t="s">
        <v>6543</v>
      </c>
      <c r="E7911" s="1" t="s">
        <v>11</v>
      </c>
    </row>
    <row r="7912">
      <c r="A7912" s="1">
        <v>4.90433524E8</v>
      </c>
      <c r="B7912" s="2">
        <v>12672.0</v>
      </c>
      <c r="C7912" s="1" t="s">
        <v>5</v>
      </c>
      <c r="D7912" s="1" t="s">
        <v>6544</v>
      </c>
      <c r="E7912" s="1" t="s">
        <v>11</v>
      </c>
    </row>
    <row r="7913">
      <c r="A7913" s="1">
        <v>4.90433558E8</v>
      </c>
      <c r="B7913" s="2">
        <v>12647.0</v>
      </c>
      <c r="C7913" s="1" t="s">
        <v>5</v>
      </c>
      <c r="D7913" s="1" t="s">
        <v>6545</v>
      </c>
      <c r="E7913" s="1" t="s">
        <v>11</v>
      </c>
    </row>
    <row r="7914">
      <c r="A7914" s="1">
        <v>4.9043356E8</v>
      </c>
      <c r="B7914" s="3">
        <v>12547.0</v>
      </c>
      <c r="C7914" s="1" t="s">
        <v>5</v>
      </c>
      <c r="D7914" s="1" t="s">
        <v>6546</v>
      </c>
      <c r="E7914" s="1" t="s">
        <v>7</v>
      </c>
    </row>
    <row r="7915">
      <c r="A7915" s="1">
        <v>4.90433569E8</v>
      </c>
      <c r="B7915" s="2">
        <v>12659.0</v>
      </c>
      <c r="C7915" s="1" t="s">
        <v>5</v>
      </c>
      <c r="D7915" s="1" t="s">
        <v>6547</v>
      </c>
      <c r="E7915" s="1" t="s">
        <v>7</v>
      </c>
    </row>
    <row r="7916">
      <c r="A7916" s="1">
        <v>4.9043359E8</v>
      </c>
      <c r="B7916" s="2">
        <v>12648.0</v>
      </c>
      <c r="C7916" s="1" t="s">
        <v>5</v>
      </c>
      <c r="D7916" s="1" t="s">
        <v>6548</v>
      </c>
      <c r="E7916" s="1" t="s">
        <v>7</v>
      </c>
    </row>
    <row r="7917">
      <c r="A7917" s="1">
        <v>4.90433597E8</v>
      </c>
      <c r="B7917" s="2">
        <v>12598.0</v>
      </c>
      <c r="C7917" s="1" t="s">
        <v>5</v>
      </c>
      <c r="D7917" s="1" t="s">
        <v>6549</v>
      </c>
      <c r="E7917" s="1" t="s">
        <v>7</v>
      </c>
    </row>
    <row r="7918">
      <c r="A7918" s="1">
        <v>4.90433599E8</v>
      </c>
      <c r="B7918" s="3">
        <v>12543.0</v>
      </c>
      <c r="C7918" s="1" t="s">
        <v>5</v>
      </c>
      <c r="D7918" s="1" t="s">
        <v>6550</v>
      </c>
      <c r="E7918" s="1" t="s">
        <v>11</v>
      </c>
    </row>
    <row r="7919">
      <c r="A7919" s="1">
        <v>4.9043364E8</v>
      </c>
      <c r="B7919" s="3">
        <v>12552.0</v>
      </c>
      <c r="C7919" s="1" t="s">
        <v>5</v>
      </c>
      <c r="D7919" s="1" t="s">
        <v>6551</v>
      </c>
      <c r="E7919" s="1" t="s">
        <v>7</v>
      </c>
    </row>
    <row r="7920">
      <c r="A7920" s="1">
        <v>4.90433653E8</v>
      </c>
      <c r="B7920" s="2">
        <v>12646.0</v>
      </c>
      <c r="C7920" s="1" t="s">
        <v>5</v>
      </c>
      <c r="D7920" s="1" t="s">
        <v>6552</v>
      </c>
      <c r="E7920" s="1" t="s">
        <v>7</v>
      </c>
    </row>
    <row r="7921">
      <c r="A7921" s="1">
        <v>4.90433681E8</v>
      </c>
      <c r="B7921" s="2">
        <v>12690.0</v>
      </c>
      <c r="C7921" s="1" t="s">
        <v>5</v>
      </c>
      <c r="D7921" s="1" t="s">
        <v>11</v>
      </c>
      <c r="E7921" s="1" t="s">
        <v>7</v>
      </c>
    </row>
    <row r="7922">
      <c r="A7922" s="1">
        <v>4.90433685E8</v>
      </c>
      <c r="B7922" s="2">
        <v>12575.0</v>
      </c>
      <c r="C7922" s="1" t="s">
        <v>5</v>
      </c>
      <c r="D7922" s="1" t="s">
        <v>6553</v>
      </c>
      <c r="E7922" s="1" t="s">
        <v>7</v>
      </c>
    </row>
    <row r="7923">
      <c r="A7923" s="1">
        <v>4.90433693E8</v>
      </c>
      <c r="B7923" s="2">
        <v>12652.0</v>
      </c>
      <c r="C7923" s="1" t="s">
        <v>5</v>
      </c>
      <c r="D7923" s="1" t="s">
        <v>6554</v>
      </c>
      <c r="E7923" s="1" t="s">
        <v>7</v>
      </c>
    </row>
    <row r="7924">
      <c r="A7924" s="1">
        <v>4.90433737E8</v>
      </c>
      <c r="B7924" s="2">
        <v>12597.0</v>
      </c>
      <c r="C7924" s="1" t="s">
        <v>5</v>
      </c>
      <c r="D7924" s="1" t="s">
        <v>6555</v>
      </c>
      <c r="E7924" s="1" t="s">
        <v>6556</v>
      </c>
    </row>
    <row r="7925">
      <c r="A7925" s="1">
        <v>4.9043374E8</v>
      </c>
      <c r="B7925" s="2">
        <v>12574.0</v>
      </c>
      <c r="C7925" s="1" t="s">
        <v>5</v>
      </c>
      <c r="D7925" s="1" t="s">
        <v>5243</v>
      </c>
      <c r="E7925" s="1" t="s">
        <v>7</v>
      </c>
    </row>
    <row r="7926">
      <c r="A7926" s="1">
        <v>4.9043378E8</v>
      </c>
      <c r="B7926" s="2">
        <v>12571.0</v>
      </c>
      <c r="C7926" s="1" t="s">
        <v>5</v>
      </c>
      <c r="D7926" s="1" t="s">
        <v>6557</v>
      </c>
      <c r="E7926" s="1" t="s">
        <v>11</v>
      </c>
    </row>
    <row r="7927">
      <c r="A7927" s="1">
        <v>4.90433794E8</v>
      </c>
      <c r="B7927" s="3">
        <v>12542.0</v>
      </c>
      <c r="C7927" s="1" t="s">
        <v>5</v>
      </c>
      <c r="D7927" s="1" t="s">
        <v>6558</v>
      </c>
      <c r="E7927" s="1" t="s">
        <v>7</v>
      </c>
    </row>
    <row r="7928">
      <c r="A7928" s="1">
        <v>4.90433805E8</v>
      </c>
      <c r="B7928" s="2">
        <v>12692.0</v>
      </c>
      <c r="C7928" s="1" t="s">
        <v>5</v>
      </c>
      <c r="D7928" s="1" t="s">
        <v>6559</v>
      </c>
      <c r="E7928" s="1" t="s">
        <v>7</v>
      </c>
    </row>
    <row r="7929">
      <c r="A7929" s="1">
        <v>4.90433812E8</v>
      </c>
      <c r="B7929" s="2">
        <v>12643.0</v>
      </c>
      <c r="C7929" s="1" t="s">
        <v>5</v>
      </c>
      <c r="D7929" s="1" t="s">
        <v>6560</v>
      </c>
      <c r="E7929" s="1" t="s">
        <v>11</v>
      </c>
    </row>
    <row r="7930">
      <c r="A7930" s="1">
        <v>4.90433831E8</v>
      </c>
      <c r="B7930" s="2">
        <v>12645.0</v>
      </c>
      <c r="C7930" s="1" t="s">
        <v>5</v>
      </c>
      <c r="D7930" s="1" t="s">
        <v>6561</v>
      </c>
      <c r="E7930" s="1" t="s">
        <v>11</v>
      </c>
    </row>
    <row r="7931">
      <c r="A7931" s="1">
        <v>4.90433859E8</v>
      </c>
      <c r="B7931" s="2">
        <v>12585.0</v>
      </c>
      <c r="C7931" s="1" t="s">
        <v>5</v>
      </c>
      <c r="D7931" s="1" t="s">
        <v>6562</v>
      </c>
      <c r="E7931" s="1" t="s">
        <v>11</v>
      </c>
    </row>
    <row r="7932">
      <c r="A7932" s="1">
        <v>4.9043386E8</v>
      </c>
      <c r="B7932" s="2">
        <v>12641.0</v>
      </c>
      <c r="C7932" s="1" t="s">
        <v>5</v>
      </c>
      <c r="D7932" s="1" t="s">
        <v>6563</v>
      </c>
      <c r="E7932" s="1" t="s">
        <v>7</v>
      </c>
    </row>
    <row r="7933">
      <c r="A7933" s="1">
        <v>4.90433874E8</v>
      </c>
      <c r="B7933" s="3">
        <v>12540.0</v>
      </c>
      <c r="C7933" s="1" t="s">
        <v>5</v>
      </c>
      <c r="D7933" s="1" t="s">
        <v>11</v>
      </c>
      <c r="E7933" s="1" t="s">
        <v>7</v>
      </c>
    </row>
    <row r="7934">
      <c r="A7934" s="1">
        <v>4.90433887E8</v>
      </c>
      <c r="B7934" s="2">
        <v>12651.0</v>
      </c>
      <c r="C7934" s="1" t="s">
        <v>5</v>
      </c>
      <c r="D7934" s="1" t="s">
        <v>6564</v>
      </c>
      <c r="E7934" s="1" t="s">
        <v>11</v>
      </c>
    </row>
    <row r="7935">
      <c r="A7935" s="1">
        <v>4.90433894E8</v>
      </c>
      <c r="B7935" s="2">
        <v>12689.0</v>
      </c>
      <c r="C7935" s="1" t="s">
        <v>5</v>
      </c>
      <c r="D7935" s="1" t="s">
        <v>6565</v>
      </c>
      <c r="E7935" s="1" t="s">
        <v>7</v>
      </c>
    </row>
    <row r="7936">
      <c r="A7936" s="1">
        <v>4.90433911E8</v>
      </c>
      <c r="B7936" s="2">
        <v>12571.0</v>
      </c>
      <c r="C7936" s="1" t="s">
        <v>5</v>
      </c>
      <c r="D7936" s="1" t="s">
        <v>6566</v>
      </c>
      <c r="E7936" s="1" t="s">
        <v>7</v>
      </c>
    </row>
    <row r="7937">
      <c r="A7937" s="1">
        <v>4.90433912E8</v>
      </c>
      <c r="B7937" s="2">
        <v>12656.0</v>
      </c>
      <c r="C7937" s="1" t="s">
        <v>5</v>
      </c>
      <c r="D7937" s="1" t="s">
        <v>6567</v>
      </c>
      <c r="E7937" s="1" t="s">
        <v>11</v>
      </c>
    </row>
    <row r="7938">
      <c r="A7938" s="1">
        <v>4.90433914E8</v>
      </c>
      <c r="B7938" s="2">
        <v>12689.0</v>
      </c>
      <c r="C7938" s="1" t="s">
        <v>5</v>
      </c>
      <c r="D7938" s="1" t="s">
        <v>7</v>
      </c>
      <c r="E7938" s="1" t="s">
        <v>7</v>
      </c>
    </row>
    <row r="7939">
      <c r="A7939" s="1">
        <v>4.90433922E8</v>
      </c>
      <c r="B7939" s="2">
        <v>12657.0</v>
      </c>
      <c r="C7939" s="1" t="s">
        <v>5</v>
      </c>
      <c r="D7939" s="1" t="s">
        <v>6568</v>
      </c>
      <c r="E7939" s="1" t="s">
        <v>7</v>
      </c>
    </row>
    <row r="7940">
      <c r="A7940" s="1">
        <v>4.90433924E8</v>
      </c>
      <c r="B7940" s="3">
        <v>12541.0</v>
      </c>
      <c r="C7940" s="1" t="s">
        <v>5</v>
      </c>
      <c r="D7940" s="1" t="s">
        <v>6569</v>
      </c>
      <c r="E7940" s="1" t="s">
        <v>7</v>
      </c>
    </row>
    <row r="7941">
      <c r="A7941" s="1">
        <v>4.90433977E8</v>
      </c>
      <c r="B7941" s="2">
        <v>12657.0</v>
      </c>
      <c r="C7941" s="1" t="s">
        <v>5</v>
      </c>
      <c r="D7941" s="1" t="s">
        <v>6570</v>
      </c>
      <c r="E7941" s="1" t="s">
        <v>7</v>
      </c>
    </row>
    <row r="7942">
      <c r="A7942" s="1">
        <v>4.90433984E8</v>
      </c>
      <c r="B7942" s="3">
        <v>12548.0</v>
      </c>
      <c r="C7942" s="1" t="s">
        <v>5</v>
      </c>
      <c r="D7942" s="1" t="s">
        <v>6571</v>
      </c>
      <c r="E7942" s="1" t="s">
        <v>7</v>
      </c>
    </row>
    <row r="7943">
      <c r="A7943" s="1">
        <v>4.90433997E8</v>
      </c>
      <c r="B7943" s="2">
        <v>12571.0</v>
      </c>
      <c r="C7943" s="1" t="s">
        <v>5</v>
      </c>
      <c r="D7943" s="1" t="s">
        <v>11</v>
      </c>
      <c r="E7943" s="1" t="s">
        <v>7</v>
      </c>
    </row>
    <row r="7944">
      <c r="A7944" s="1">
        <v>4.90434051E8</v>
      </c>
      <c r="B7944" s="3">
        <v>12547.0</v>
      </c>
      <c r="C7944" s="1" t="s">
        <v>5</v>
      </c>
      <c r="D7944" s="1" t="s">
        <v>6572</v>
      </c>
      <c r="E7944" s="1" t="s">
        <v>7</v>
      </c>
    </row>
    <row r="7945">
      <c r="A7945" s="1">
        <v>4.90434065E8</v>
      </c>
      <c r="B7945" s="2">
        <v>12632.0</v>
      </c>
      <c r="C7945" s="1" t="s">
        <v>5</v>
      </c>
      <c r="D7945" s="1" t="s">
        <v>6573</v>
      </c>
      <c r="E7945" s="1" t="s">
        <v>7</v>
      </c>
    </row>
    <row r="7946">
      <c r="A7946" s="1">
        <v>4.90434101E8</v>
      </c>
      <c r="B7946" s="3">
        <v>12547.0</v>
      </c>
      <c r="C7946" s="1" t="s">
        <v>5</v>
      </c>
      <c r="D7946" s="1" t="s">
        <v>6574</v>
      </c>
      <c r="E7946" s="1" t="s">
        <v>7</v>
      </c>
    </row>
    <row r="7947">
      <c r="A7947" s="1">
        <v>4.90434106E8</v>
      </c>
      <c r="B7947" s="2">
        <v>12652.0</v>
      </c>
      <c r="C7947" s="1" t="s">
        <v>5</v>
      </c>
      <c r="D7947" s="1" t="s">
        <v>6575</v>
      </c>
      <c r="E7947" s="1" t="s">
        <v>6576</v>
      </c>
    </row>
    <row r="7948">
      <c r="A7948" s="1">
        <v>4.90434111E8</v>
      </c>
      <c r="B7948" s="2">
        <v>12710.0</v>
      </c>
      <c r="C7948" s="1" t="s">
        <v>5</v>
      </c>
      <c r="D7948" s="1" t="s">
        <v>6577</v>
      </c>
      <c r="E7948" s="1" t="s">
        <v>6578</v>
      </c>
    </row>
    <row r="7949">
      <c r="A7949" s="1">
        <v>4.90434129E8</v>
      </c>
      <c r="B7949" s="3">
        <v>12550.0</v>
      </c>
      <c r="C7949" s="1" t="s">
        <v>5</v>
      </c>
      <c r="D7949" s="1" t="s">
        <v>11</v>
      </c>
      <c r="E7949" s="1" t="s">
        <v>7</v>
      </c>
    </row>
    <row r="7950">
      <c r="A7950" s="1">
        <v>4.90434132E8</v>
      </c>
      <c r="B7950" s="2">
        <v>12596.0</v>
      </c>
      <c r="C7950" s="1" t="s">
        <v>5</v>
      </c>
      <c r="D7950" s="1" t="s">
        <v>6579</v>
      </c>
      <c r="E7950" s="1" t="s">
        <v>7</v>
      </c>
    </row>
    <row r="7951">
      <c r="A7951" s="1">
        <v>4.9043416E8</v>
      </c>
      <c r="B7951" s="2">
        <v>12596.0</v>
      </c>
      <c r="C7951" s="1" t="s">
        <v>5</v>
      </c>
      <c r="D7951" s="1" t="s">
        <v>6580</v>
      </c>
      <c r="E7951" s="1" t="s">
        <v>11</v>
      </c>
    </row>
    <row r="7952">
      <c r="A7952" s="1">
        <v>4.904342E8</v>
      </c>
      <c r="B7952" s="3">
        <v>12545.0</v>
      </c>
      <c r="C7952" s="1" t="s">
        <v>5</v>
      </c>
      <c r="D7952" s="1" t="s">
        <v>6581</v>
      </c>
      <c r="E7952" s="1" t="s">
        <v>7</v>
      </c>
    </row>
    <row r="7953">
      <c r="A7953" s="1">
        <v>4.90434207E8</v>
      </c>
      <c r="B7953" s="2">
        <v>12643.0</v>
      </c>
      <c r="C7953" s="1" t="s">
        <v>5</v>
      </c>
      <c r="D7953" s="1" t="s">
        <v>6582</v>
      </c>
      <c r="E7953" s="1" t="s">
        <v>7</v>
      </c>
    </row>
    <row r="7954">
      <c r="A7954" s="1">
        <v>4.90434213E8</v>
      </c>
      <c r="B7954" s="2">
        <v>12692.0</v>
      </c>
      <c r="C7954" s="1" t="s">
        <v>5</v>
      </c>
      <c r="D7954" s="1" t="s">
        <v>6583</v>
      </c>
      <c r="E7954" s="1" t="s">
        <v>7</v>
      </c>
    </row>
    <row r="7955">
      <c r="A7955" s="1">
        <v>4.90434215E8</v>
      </c>
      <c r="B7955" s="2">
        <v>12599.0</v>
      </c>
      <c r="C7955" s="1" t="s">
        <v>5</v>
      </c>
      <c r="D7955" s="1" t="s">
        <v>6584</v>
      </c>
      <c r="E7955" s="1" t="s">
        <v>11</v>
      </c>
    </row>
    <row r="7956">
      <c r="A7956" s="1">
        <v>4.90434249E8</v>
      </c>
      <c r="B7956" s="2">
        <v>12600.0</v>
      </c>
      <c r="C7956" s="1" t="s">
        <v>5</v>
      </c>
      <c r="D7956" s="1" t="s">
        <v>6585</v>
      </c>
      <c r="E7956" s="1" t="s">
        <v>11</v>
      </c>
    </row>
    <row r="7957">
      <c r="A7957" s="1">
        <v>4.90434253E8</v>
      </c>
      <c r="B7957" s="2">
        <v>12710.0</v>
      </c>
      <c r="C7957" s="1" t="s">
        <v>5</v>
      </c>
      <c r="D7957" s="1" t="s">
        <v>6586</v>
      </c>
      <c r="E7957" s="1" t="s">
        <v>7</v>
      </c>
    </row>
    <row r="7958">
      <c r="A7958" s="1">
        <v>4.90434272E8</v>
      </c>
      <c r="B7958" s="3">
        <v>12546.0</v>
      </c>
      <c r="C7958" s="1" t="s">
        <v>5</v>
      </c>
      <c r="D7958" s="1" t="s">
        <v>6587</v>
      </c>
      <c r="E7958" s="1" t="s">
        <v>6588</v>
      </c>
    </row>
    <row r="7959">
      <c r="A7959" s="1">
        <v>4.90434293E8</v>
      </c>
      <c r="B7959" s="2">
        <v>12619.0</v>
      </c>
      <c r="C7959" s="1" t="s">
        <v>5</v>
      </c>
      <c r="D7959" s="1" t="s">
        <v>6589</v>
      </c>
      <c r="E7959" s="1" t="s">
        <v>7</v>
      </c>
    </row>
    <row r="7960">
      <c r="A7960" s="1">
        <v>4.904343E8</v>
      </c>
      <c r="B7960" s="2">
        <v>12571.0</v>
      </c>
      <c r="C7960" s="1" t="s">
        <v>5</v>
      </c>
      <c r="D7960" s="1" t="s">
        <v>6590</v>
      </c>
      <c r="E7960" s="1" t="s">
        <v>7</v>
      </c>
    </row>
    <row r="7961">
      <c r="A7961" s="1">
        <v>4.90434319E8</v>
      </c>
      <c r="B7961" s="2">
        <v>12638.0</v>
      </c>
      <c r="C7961" s="1" t="s">
        <v>5</v>
      </c>
      <c r="D7961" s="1" t="s">
        <v>6591</v>
      </c>
      <c r="E7961" s="1" t="s">
        <v>7</v>
      </c>
    </row>
    <row r="7962">
      <c r="A7962" s="1">
        <v>4.9043432E8</v>
      </c>
      <c r="B7962" s="3">
        <v>12543.0</v>
      </c>
      <c r="C7962" s="1" t="s">
        <v>5</v>
      </c>
      <c r="D7962" s="1" t="s">
        <v>6592</v>
      </c>
      <c r="E7962" s="1" t="s">
        <v>7</v>
      </c>
    </row>
    <row r="7963">
      <c r="A7963" s="1">
        <v>4.90434321E8</v>
      </c>
      <c r="B7963" s="2">
        <v>12668.0</v>
      </c>
      <c r="C7963" s="1" t="s">
        <v>5</v>
      </c>
      <c r="D7963" s="1" t="s">
        <v>6593</v>
      </c>
      <c r="E7963" s="1" t="s">
        <v>11</v>
      </c>
    </row>
    <row r="7964">
      <c r="A7964" s="1">
        <v>4.90434336E8</v>
      </c>
      <c r="B7964" s="2">
        <v>12664.0</v>
      </c>
      <c r="C7964" s="1" t="s">
        <v>5</v>
      </c>
      <c r="D7964" s="1" t="s">
        <v>6594</v>
      </c>
      <c r="E7964" s="1" t="s">
        <v>11</v>
      </c>
    </row>
    <row r="7965">
      <c r="A7965" s="1">
        <v>4.90434351E8</v>
      </c>
      <c r="B7965" s="2">
        <v>12651.0</v>
      </c>
      <c r="C7965" s="1" t="s">
        <v>5</v>
      </c>
      <c r="D7965" s="1" t="s">
        <v>6595</v>
      </c>
      <c r="E7965" s="1" t="s">
        <v>11</v>
      </c>
    </row>
    <row r="7966">
      <c r="A7966" s="1">
        <v>4.90434357E8</v>
      </c>
      <c r="B7966" s="2">
        <v>12640.0</v>
      </c>
      <c r="C7966" s="1" t="s">
        <v>5</v>
      </c>
      <c r="D7966" s="1" t="s">
        <v>6596</v>
      </c>
      <c r="E7966" s="1" t="s">
        <v>6597</v>
      </c>
    </row>
    <row r="7967">
      <c r="A7967" s="1">
        <v>4.90434362E8</v>
      </c>
      <c r="B7967" s="3">
        <v>12545.0</v>
      </c>
      <c r="C7967" s="1" t="s">
        <v>5</v>
      </c>
      <c r="D7967" s="1" t="s">
        <v>6598</v>
      </c>
      <c r="E7967" s="1" t="s">
        <v>11</v>
      </c>
    </row>
    <row r="7968">
      <c r="A7968" s="1">
        <v>4.90434379E8</v>
      </c>
      <c r="B7968" s="2">
        <v>12644.0</v>
      </c>
      <c r="C7968" s="1" t="s">
        <v>5</v>
      </c>
      <c r="D7968" s="1" t="s">
        <v>6599</v>
      </c>
      <c r="E7968" s="1" t="s">
        <v>11</v>
      </c>
    </row>
    <row r="7969">
      <c r="A7969" s="1">
        <v>4.9043438E8</v>
      </c>
      <c r="B7969" s="2">
        <v>12625.0</v>
      </c>
      <c r="C7969" s="1" t="s">
        <v>5</v>
      </c>
      <c r="D7969" s="1" t="s">
        <v>6600</v>
      </c>
      <c r="E7969" s="1" t="s">
        <v>7</v>
      </c>
    </row>
    <row r="7970">
      <c r="A7970" s="1">
        <v>4.90434389E8</v>
      </c>
      <c r="B7970" s="2">
        <v>12685.0</v>
      </c>
      <c r="C7970" s="1" t="s">
        <v>5</v>
      </c>
      <c r="D7970" s="1" t="s">
        <v>11</v>
      </c>
      <c r="E7970" s="1" t="s">
        <v>7</v>
      </c>
    </row>
    <row r="7971">
      <c r="A7971" s="1">
        <v>4.90434397E8</v>
      </c>
      <c r="B7971" s="2">
        <v>12656.0</v>
      </c>
      <c r="C7971" s="1" t="s">
        <v>5</v>
      </c>
      <c r="D7971" s="1" t="s">
        <v>6601</v>
      </c>
      <c r="E7971" s="1" t="s">
        <v>7</v>
      </c>
    </row>
    <row r="7972">
      <c r="A7972" s="1">
        <v>4.90434402E8</v>
      </c>
      <c r="B7972" s="2">
        <v>12619.0</v>
      </c>
      <c r="C7972" s="1" t="s">
        <v>5</v>
      </c>
      <c r="D7972" s="1" t="s">
        <v>6602</v>
      </c>
      <c r="E7972" s="1" t="s">
        <v>7</v>
      </c>
    </row>
    <row r="7973">
      <c r="A7973" s="1">
        <v>4.90434433E8</v>
      </c>
      <c r="B7973" s="2">
        <v>12595.0</v>
      </c>
      <c r="C7973" s="1" t="s">
        <v>5</v>
      </c>
      <c r="D7973" s="1" t="s">
        <v>11</v>
      </c>
      <c r="E7973" s="1" t="s">
        <v>7</v>
      </c>
    </row>
    <row r="7974">
      <c r="A7974" s="1">
        <v>4.90434441E8</v>
      </c>
      <c r="B7974" s="2">
        <v>12597.0</v>
      </c>
      <c r="C7974" s="1" t="s">
        <v>5</v>
      </c>
      <c r="D7974" s="1" t="s">
        <v>6603</v>
      </c>
      <c r="E7974" s="1" t="s">
        <v>6604</v>
      </c>
    </row>
    <row r="7975">
      <c r="A7975" s="1">
        <v>4.90434452E8</v>
      </c>
      <c r="B7975" s="2">
        <v>12683.0</v>
      </c>
      <c r="C7975" s="1" t="s">
        <v>5</v>
      </c>
      <c r="D7975" s="1" t="s">
        <v>6605</v>
      </c>
      <c r="E7975" s="1" t="s">
        <v>7</v>
      </c>
    </row>
    <row r="7976">
      <c r="A7976" s="1">
        <v>4.90434478E8</v>
      </c>
      <c r="B7976" s="2">
        <v>12714.0</v>
      </c>
      <c r="C7976" s="1" t="s">
        <v>5</v>
      </c>
      <c r="D7976" s="1" t="s">
        <v>2384</v>
      </c>
      <c r="E7976" s="1" t="s">
        <v>11</v>
      </c>
    </row>
    <row r="7977">
      <c r="A7977" s="1">
        <v>4.90434485E8</v>
      </c>
      <c r="B7977" s="2">
        <v>12653.0</v>
      </c>
      <c r="C7977" s="1" t="s">
        <v>5</v>
      </c>
      <c r="D7977" s="1" t="s">
        <v>6606</v>
      </c>
      <c r="E7977" s="1" t="s">
        <v>7</v>
      </c>
    </row>
    <row r="7978">
      <c r="A7978" s="1">
        <v>4.9043451E8</v>
      </c>
      <c r="B7978" s="2">
        <v>12656.0</v>
      </c>
      <c r="C7978" s="1" t="s">
        <v>5</v>
      </c>
      <c r="D7978" s="1" t="s">
        <v>6607</v>
      </c>
      <c r="E7978" s="1" t="s">
        <v>7</v>
      </c>
    </row>
    <row r="7979">
      <c r="A7979" s="1">
        <v>4.90434522E8</v>
      </c>
      <c r="B7979" s="3">
        <v>12543.0</v>
      </c>
      <c r="C7979" s="1" t="s">
        <v>5</v>
      </c>
      <c r="D7979" s="1" t="s">
        <v>6608</v>
      </c>
      <c r="E7979" s="1" t="s">
        <v>7</v>
      </c>
    </row>
    <row r="7980">
      <c r="A7980" s="1">
        <v>4.90434531E8</v>
      </c>
      <c r="B7980" s="2">
        <v>12636.0</v>
      </c>
      <c r="C7980" s="1" t="s">
        <v>5</v>
      </c>
      <c r="D7980" s="1" t="s">
        <v>6609</v>
      </c>
      <c r="E7980" s="1" t="s">
        <v>11</v>
      </c>
    </row>
    <row r="7981">
      <c r="A7981" s="1">
        <v>4.90434541E8</v>
      </c>
      <c r="B7981" s="2">
        <v>12623.0</v>
      </c>
      <c r="C7981" s="1" t="s">
        <v>5</v>
      </c>
      <c r="D7981" s="1" t="s">
        <v>11</v>
      </c>
      <c r="E7981" s="1" t="s">
        <v>7</v>
      </c>
    </row>
    <row r="7982">
      <c r="A7982" s="1">
        <v>4.90434547E8</v>
      </c>
      <c r="B7982" s="2">
        <v>12683.0</v>
      </c>
      <c r="C7982" s="1" t="s">
        <v>5</v>
      </c>
      <c r="D7982" s="1" t="s">
        <v>11</v>
      </c>
      <c r="E7982" s="1" t="s">
        <v>7</v>
      </c>
    </row>
    <row r="7983">
      <c r="A7983" s="1">
        <v>4.90434551E8</v>
      </c>
      <c r="B7983" s="3">
        <v>12545.0</v>
      </c>
      <c r="C7983" s="1" t="s">
        <v>5</v>
      </c>
      <c r="D7983" s="1" t="s">
        <v>6610</v>
      </c>
      <c r="E7983" s="1" t="s">
        <v>11</v>
      </c>
    </row>
    <row r="7984">
      <c r="A7984" s="1">
        <v>4.90434561E8</v>
      </c>
      <c r="B7984" s="2">
        <v>12648.0</v>
      </c>
      <c r="C7984" s="1" t="s">
        <v>5</v>
      </c>
      <c r="D7984" s="1" t="s">
        <v>6611</v>
      </c>
      <c r="E7984" s="1" t="s">
        <v>7</v>
      </c>
    </row>
    <row r="7985">
      <c r="A7985" s="1">
        <v>4.90434565E8</v>
      </c>
      <c r="B7985" s="2">
        <v>12653.0</v>
      </c>
      <c r="C7985" s="1" t="s">
        <v>5</v>
      </c>
      <c r="D7985" s="1" t="s">
        <v>6612</v>
      </c>
      <c r="E7985" s="1" t="s">
        <v>7</v>
      </c>
    </row>
    <row r="7986">
      <c r="A7986" s="1">
        <v>4.90434567E8</v>
      </c>
      <c r="B7986" s="3">
        <v>12541.0</v>
      </c>
      <c r="C7986" s="1" t="s">
        <v>5</v>
      </c>
      <c r="D7986" s="1" t="s">
        <v>6613</v>
      </c>
      <c r="E7986" s="1" t="s">
        <v>7</v>
      </c>
    </row>
    <row r="7987">
      <c r="A7987" s="1">
        <v>4.90434582E8</v>
      </c>
      <c r="B7987" s="2">
        <v>12713.0</v>
      </c>
      <c r="C7987" s="1" t="s">
        <v>5</v>
      </c>
      <c r="D7987" s="1" t="s">
        <v>6614</v>
      </c>
      <c r="E7987" s="1" t="s">
        <v>7</v>
      </c>
    </row>
    <row r="7988">
      <c r="A7988" s="1">
        <v>4.90434596E8</v>
      </c>
      <c r="B7988" s="3">
        <v>12542.0</v>
      </c>
      <c r="C7988" s="1" t="s">
        <v>5</v>
      </c>
      <c r="D7988" s="1" t="s">
        <v>6615</v>
      </c>
      <c r="E7988" s="1" t="s">
        <v>7</v>
      </c>
    </row>
    <row r="7989">
      <c r="A7989" s="1">
        <v>4.90434601E8</v>
      </c>
      <c r="B7989" s="2">
        <v>12639.0</v>
      </c>
      <c r="C7989" s="1" t="s">
        <v>5</v>
      </c>
      <c r="D7989" s="1" t="s">
        <v>6616</v>
      </c>
      <c r="E7989" s="1" t="s">
        <v>7</v>
      </c>
    </row>
    <row r="7990">
      <c r="A7990" s="1">
        <v>4.90434617E8</v>
      </c>
      <c r="B7990" s="2">
        <v>12668.0</v>
      </c>
      <c r="C7990" s="1" t="s">
        <v>5</v>
      </c>
      <c r="D7990" s="1" t="s">
        <v>6617</v>
      </c>
      <c r="E7990" s="1" t="s">
        <v>11</v>
      </c>
    </row>
    <row r="7991">
      <c r="A7991" s="1">
        <v>4.90434619E8</v>
      </c>
      <c r="B7991" s="2">
        <v>12689.0</v>
      </c>
      <c r="C7991" s="1" t="s">
        <v>5</v>
      </c>
      <c r="D7991" s="1" t="s">
        <v>6618</v>
      </c>
      <c r="E7991" s="1" t="s">
        <v>7</v>
      </c>
    </row>
    <row r="7992">
      <c r="A7992" s="1">
        <v>4.90434631E8</v>
      </c>
      <c r="B7992" s="2">
        <v>12636.0</v>
      </c>
      <c r="C7992" s="1" t="s">
        <v>5</v>
      </c>
      <c r="D7992" s="1" t="s">
        <v>6619</v>
      </c>
      <c r="E7992" s="1" t="s">
        <v>7</v>
      </c>
    </row>
    <row r="7993">
      <c r="A7993" s="1">
        <v>4.90434633E8</v>
      </c>
      <c r="B7993" s="2">
        <v>12597.0</v>
      </c>
      <c r="C7993" s="1" t="s">
        <v>5</v>
      </c>
      <c r="D7993" s="1" t="s">
        <v>6620</v>
      </c>
      <c r="E7993" s="1" t="s">
        <v>7</v>
      </c>
    </row>
    <row r="7994">
      <c r="A7994" s="1">
        <v>4.90434648E8</v>
      </c>
      <c r="B7994" s="2">
        <v>12652.0</v>
      </c>
      <c r="C7994" s="1" t="s">
        <v>5</v>
      </c>
      <c r="D7994" s="1" t="s">
        <v>6621</v>
      </c>
      <c r="E7994" s="1" t="s">
        <v>7</v>
      </c>
    </row>
    <row r="7995">
      <c r="A7995" s="1">
        <v>4.90434652E8</v>
      </c>
      <c r="B7995" s="3">
        <v>12543.0</v>
      </c>
      <c r="C7995" s="1" t="s">
        <v>5</v>
      </c>
      <c r="D7995" s="1" t="s">
        <v>6622</v>
      </c>
      <c r="E7995" s="1" t="s">
        <v>11</v>
      </c>
    </row>
    <row r="7996">
      <c r="A7996" s="1">
        <v>4.90434657E8</v>
      </c>
      <c r="B7996" s="2">
        <v>12594.0</v>
      </c>
      <c r="C7996" s="1" t="s">
        <v>5</v>
      </c>
      <c r="D7996" s="1" t="s">
        <v>6623</v>
      </c>
      <c r="E7996" s="1" t="s">
        <v>7</v>
      </c>
    </row>
    <row r="7997">
      <c r="A7997" s="1">
        <v>4.90434667E8</v>
      </c>
      <c r="B7997" s="3">
        <v>12540.0</v>
      </c>
      <c r="C7997" s="1" t="s">
        <v>5</v>
      </c>
      <c r="D7997" s="1" t="s">
        <v>6624</v>
      </c>
      <c r="E7997" s="1" t="s">
        <v>7</v>
      </c>
    </row>
    <row r="7998">
      <c r="A7998" s="1">
        <v>4.90434682E8</v>
      </c>
      <c r="B7998" s="2">
        <v>12597.0</v>
      </c>
      <c r="C7998" s="1" t="s">
        <v>5</v>
      </c>
      <c r="D7998" s="1" t="s">
        <v>6625</v>
      </c>
      <c r="E7998" s="1" t="s">
        <v>11</v>
      </c>
    </row>
    <row r="7999">
      <c r="A7999" s="1">
        <v>4.90434716E8</v>
      </c>
      <c r="B7999" s="2">
        <v>12596.0</v>
      </c>
      <c r="C7999" s="1" t="s">
        <v>5</v>
      </c>
      <c r="D7999" s="1" t="s">
        <v>6626</v>
      </c>
      <c r="E7999" s="1" t="s">
        <v>7</v>
      </c>
    </row>
    <row r="8000">
      <c r="A8000" s="1">
        <v>4.90434722E8</v>
      </c>
      <c r="B8000" s="2">
        <v>12706.0</v>
      </c>
      <c r="C8000" s="1" t="s">
        <v>5</v>
      </c>
      <c r="D8000" s="1" t="s">
        <v>6627</v>
      </c>
      <c r="E8000" s="1" t="s">
        <v>11</v>
      </c>
    </row>
    <row r="8001">
      <c r="A8001" s="1">
        <v>4.90434724E8</v>
      </c>
      <c r="B8001" s="2">
        <v>12683.0</v>
      </c>
      <c r="C8001" s="1" t="s">
        <v>5</v>
      </c>
      <c r="D8001" s="1" t="s">
        <v>6628</v>
      </c>
      <c r="E8001" s="1" t="s">
        <v>7</v>
      </c>
    </row>
    <row r="8002">
      <c r="A8002" s="1">
        <v>4.90434727E8</v>
      </c>
      <c r="B8002" s="2">
        <v>12598.0</v>
      </c>
      <c r="C8002" s="1" t="s">
        <v>5</v>
      </c>
      <c r="D8002" s="1" t="s">
        <v>6629</v>
      </c>
      <c r="E8002" s="1" t="s">
        <v>11</v>
      </c>
    </row>
    <row r="8003">
      <c r="A8003" s="1">
        <v>4.90434729E8</v>
      </c>
      <c r="B8003" s="2">
        <v>12652.0</v>
      </c>
      <c r="C8003" s="1" t="s">
        <v>5</v>
      </c>
      <c r="D8003" s="1" t="s">
        <v>6630</v>
      </c>
      <c r="E8003" s="1" t="s">
        <v>7</v>
      </c>
    </row>
    <row r="8004">
      <c r="A8004" s="1">
        <v>4.90434736E8</v>
      </c>
      <c r="B8004" s="2">
        <v>12619.0</v>
      </c>
      <c r="C8004" s="1" t="s">
        <v>5</v>
      </c>
      <c r="D8004" s="1" t="s">
        <v>11</v>
      </c>
      <c r="E8004" s="1" t="s">
        <v>7</v>
      </c>
    </row>
    <row r="8005">
      <c r="A8005" s="1">
        <v>4.90434744E8</v>
      </c>
      <c r="B8005" s="2">
        <v>12637.0</v>
      </c>
      <c r="C8005" s="1" t="s">
        <v>5</v>
      </c>
      <c r="D8005" s="1" t="s">
        <v>6631</v>
      </c>
      <c r="E8005" s="1" t="s">
        <v>7</v>
      </c>
    </row>
    <row r="8006">
      <c r="A8006" s="1">
        <v>4.90434746E8</v>
      </c>
      <c r="B8006" s="2">
        <v>12648.0</v>
      </c>
      <c r="C8006" s="1" t="s">
        <v>5</v>
      </c>
      <c r="D8006" s="1" t="s">
        <v>6632</v>
      </c>
      <c r="E8006" s="1" t="s">
        <v>7</v>
      </c>
    </row>
    <row r="8007">
      <c r="A8007" s="1">
        <v>4.90434763E8</v>
      </c>
      <c r="B8007" s="2">
        <v>12648.0</v>
      </c>
      <c r="C8007" s="1" t="s">
        <v>5</v>
      </c>
      <c r="D8007" s="1" t="s">
        <v>6633</v>
      </c>
      <c r="E8007" s="1" t="s">
        <v>7</v>
      </c>
    </row>
    <row r="8008">
      <c r="A8008" s="1">
        <v>4.90434765E8</v>
      </c>
      <c r="B8008" s="2">
        <v>12578.0</v>
      </c>
      <c r="C8008" s="1" t="s">
        <v>5</v>
      </c>
      <c r="D8008" s="1" t="s">
        <v>6634</v>
      </c>
      <c r="E8008" s="1" t="s">
        <v>7</v>
      </c>
    </row>
    <row r="8009">
      <c r="A8009" s="1">
        <v>4.90434779E8</v>
      </c>
      <c r="B8009" s="3">
        <v>12540.0</v>
      </c>
      <c r="C8009" s="1" t="s">
        <v>5</v>
      </c>
      <c r="D8009" s="1" t="s">
        <v>11</v>
      </c>
      <c r="E8009" s="1" t="s">
        <v>7</v>
      </c>
    </row>
    <row r="8010">
      <c r="A8010" s="1">
        <v>4.90434788E8</v>
      </c>
      <c r="B8010" s="2">
        <v>12637.0</v>
      </c>
      <c r="C8010" s="1" t="s">
        <v>5</v>
      </c>
      <c r="D8010" s="1" t="s">
        <v>6635</v>
      </c>
      <c r="E8010" s="1" t="s">
        <v>6636</v>
      </c>
    </row>
    <row r="8011">
      <c r="A8011" s="1">
        <v>4.90434796E8</v>
      </c>
      <c r="B8011" s="2">
        <v>12594.0</v>
      </c>
      <c r="C8011" s="1" t="s">
        <v>5</v>
      </c>
      <c r="D8011" s="1" t="s">
        <v>6637</v>
      </c>
      <c r="E8011" s="1" t="s">
        <v>7</v>
      </c>
    </row>
    <row r="8012">
      <c r="A8012" s="1">
        <v>4.90434804E8</v>
      </c>
      <c r="B8012" s="2">
        <v>12683.0</v>
      </c>
      <c r="C8012" s="1" t="s">
        <v>5</v>
      </c>
      <c r="D8012" s="1" t="s">
        <v>6638</v>
      </c>
      <c r="E8012" s="1" t="s">
        <v>7</v>
      </c>
    </row>
    <row r="8013">
      <c r="A8013" s="1">
        <v>4.90434811E8</v>
      </c>
      <c r="B8013" s="2">
        <v>12618.0</v>
      </c>
      <c r="C8013" s="1" t="s">
        <v>5</v>
      </c>
      <c r="D8013" s="1" t="s">
        <v>6639</v>
      </c>
      <c r="E8013" s="1" t="s">
        <v>11</v>
      </c>
    </row>
    <row r="8014">
      <c r="A8014" s="1">
        <v>4.90434843E8</v>
      </c>
      <c r="B8014" s="2">
        <v>12643.0</v>
      </c>
      <c r="C8014" s="1" t="s">
        <v>5</v>
      </c>
      <c r="D8014" s="1" t="s">
        <v>6640</v>
      </c>
      <c r="E8014" s="1" t="s">
        <v>7</v>
      </c>
    </row>
    <row r="8015">
      <c r="A8015" s="1">
        <v>4.90434853E8</v>
      </c>
      <c r="B8015" s="2">
        <v>12675.0</v>
      </c>
      <c r="C8015" s="1" t="s">
        <v>5</v>
      </c>
      <c r="D8015" s="1" t="s">
        <v>6641</v>
      </c>
      <c r="E8015" s="1" t="s">
        <v>7</v>
      </c>
    </row>
    <row r="8016">
      <c r="A8016" s="1">
        <v>4.90434869E8</v>
      </c>
      <c r="B8016" s="2">
        <v>12618.0</v>
      </c>
      <c r="C8016" s="1" t="s">
        <v>5</v>
      </c>
      <c r="D8016" s="1" t="s">
        <v>11</v>
      </c>
      <c r="E8016" s="4" t="s">
        <v>6642</v>
      </c>
    </row>
    <row r="8017">
      <c r="A8017" s="1">
        <v>4.90434925E8</v>
      </c>
      <c r="B8017" s="2">
        <v>12648.0</v>
      </c>
      <c r="C8017" s="1" t="s">
        <v>5</v>
      </c>
      <c r="D8017" s="1" t="s">
        <v>6643</v>
      </c>
      <c r="E8017" s="1" t="s">
        <v>7</v>
      </c>
    </row>
    <row r="8018">
      <c r="A8018" s="1">
        <v>4.90434943E8</v>
      </c>
      <c r="B8018" s="2">
        <v>12706.0</v>
      </c>
      <c r="C8018" s="1" t="s">
        <v>5</v>
      </c>
      <c r="D8018" s="1" t="s">
        <v>6644</v>
      </c>
      <c r="E8018" s="1" t="s">
        <v>7</v>
      </c>
    </row>
    <row r="8019">
      <c r="A8019" s="1">
        <v>4.9043498E8</v>
      </c>
      <c r="B8019" s="2">
        <v>12622.0</v>
      </c>
      <c r="C8019" s="1" t="s">
        <v>5</v>
      </c>
      <c r="D8019" s="1" t="s">
        <v>6645</v>
      </c>
      <c r="E8019" s="1" t="s">
        <v>7</v>
      </c>
    </row>
    <row r="8020">
      <c r="A8020" s="1">
        <v>4.90434983E8</v>
      </c>
      <c r="B8020" s="2">
        <v>12641.0</v>
      </c>
      <c r="C8020" s="1" t="s">
        <v>5</v>
      </c>
      <c r="D8020" s="1" t="s">
        <v>6646</v>
      </c>
      <c r="E8020" s="1" t="s">
        <v>11</v>
      </c>
    </row>
    <row r="8021">
      <c r="A8021" s="1">
        <v>4.90434995E8</v>
      </c>
      <c r="B8021" s="2">
        <v>12575.0</v>
      </c>
      <c r="C8021" s="1" t="s">
        <v>5</v>
      </c>
      <c r="D8021" s="1" t="s">
        <v>6647</v>
      </c>
      <c r="E8021" s="1" t="s">
        <v>7</v>
      </c>
    </row>
    <row r="8022">
      <c r="A8022" s="1">
        <v>4.90435044E8</v>
      </c>
      <c r="B8022" s="2">
        <v>12651.0</v>
      </c>
      <c r="C8022" s="1" t="s">
        <v>5</v>
      </c>
      <c r="D8022" s="1" t="s">
        <v>6648</v>
      </c>
      <c r="E8022" s="1" t="s">
        <v>11</v>
      </c>
    </row>
    <row r="8023">
      <c r="A8023" s="1">
        <v>4.90435084E8</v>
      </c>
      <c r="B8023" s="2">
        <v>12685.0</v>
      </c>
      <c r="C8023" s="1" t="s">
        <v>5</v>
      </c>
      <c r="D8023" s="1" t="s">
        <v>6649</v>
      </c>
      <c r="E8023" s="1" t="s">
        <v>7</v>
      </c>
    </row>
    <row r="8024">
      <c r="A8024" s="1">
        <v>4.90435086E8</v>
      </c>
      <c r="B8024" s="3">
        <v>12541.0</v>
      </c>
      <c r="C8024" s="1" t="s">
        <v>5</v>
      </c>
      <c r="D8024" s="1" t="s">
        <v>6650</v>
      </c>
      <c r="E8024" s="1" t="s">
        <v>11</v>
      </c>
    </row>
    <row r="8025">
      <c r="A8025" s="1">
        <v>4.90435142E8</v>
      </c>
      <c r="B8025" s="2">
        <v>12648.0</v>
      </c>
      <c r="C8025" s="1" t="s">
        <v>5</v>
      </c>
      <c r="D8025" s="1" t="s">
        <v>6651</v>
      </c>
      <c r="E8025" s="1" t="s">
        <v>11</v>
      </c>
    </row>
    <row r="8026">
      <c r="A8026" s="1">
        <v>4.90435147E8</v>
      </c>
      <c r="B8026" s="2">
        <v>12621.0</v>
      </c>
      <c r="C8026" s="1" t="s">
        <v>5</v>
      </c>
      <c r="D8026" s="1" t="s">
        <v>11</v>
      </c>
      <c r="E8026" s="4" t="s">
        <v>6652</v>
      </c>
    </row>
    <row r="8027">
      <c r="A8027" s="1">
        <v>4.90435167E8</v>
      </c>
      <c r="B8027" s="2">
        <v>12574.0</v>
      </c>
      <c r="C8027" s="1" t="s">
        <v>5</v>
      </c>
      <c r="D8027" s="1" t="s">
        <v>6653</v>
      </c>
      <c r="E8027" s="1" t="s">
        <v>7</v>
      </c>
    </row>
    <row r="8028">
      <c r="A8028" s="1">
        <v>4.90435171E8</v>
      </c>
      <c r="B8028" s="3">
        <v>12540.0</v>
      </c>
      <c r="C8028" s="1" t="s">
        <v>5</v>
      </c>
      <c r="D8028" s="1" t="s">
        <v>11</v>
      </c>
      <c r="E8028" s="1" t="s">
        <v>7</v>
      </c>
    </row>
    <row r="8029">
      <c r="A8029" s="1">
        <v>4.90435172E8</v>
      </c>
      <c r="B8029" s="2">
        <v>12636.0</v>
      </c>
      <c r="C8029" s="1" t="s">
        <v>5</v>
      </c>
      <c r="D8029" s="1" t="s">
        <v>11</v>
      </c>
      <c r="E8029" s="1" t="s">
        <v>7</v>
      </c>
    </row>
    <row r="8030">
      <c r="A8030" s="1">
        <v>4.90435192E8</v>
      </c>
      <c r="B8030" s="2">
        <v>12706.0</v>
      </c>
      <c r="C8030" s="1" t="s">
        <v>5</v>
      </c>
      <c r="D8030" s="1" t="s">
        <v>11</v>
      </c>
      <c r="E8030" s="1" t="s">
        <v>7</v>
      </c>
    </row>
    <row r="8031">
      <c r="A8031" s="1">
        <v>4.9043521E8</v>
      </c>
      <c r="B8031" s="2">
        <v>12704.0</v>
      </c>
      <c r="C8031" s="1" t="s">
        <v>5</v>
      </c>
      <c r="D8031" s="1" t="s">
        <v>11</v>
      </c>
      <c r="E8031" s="1" t="s">
        <v>7</v>
      </c>
    </row>
    <row r="8032">
      <c r="A8032" s="1">
        <v>4.9043523E8</v>
      </c>
      <c r="B8032" s="2">
        <v>12574.0</v>
      </c>
      <c r="C8032" s="1" t="s">
        <v>5</v>
      </c>
      <c r="D8032" s="1" t="s">
        <v>6654</v>
      </c>
      <c r="E8032" s="1" t="s">
        <v>6655</v>
      </c>
    </row>
    <row r="8033">
      <c r="A8033" s="1">
        <v>4.90435232E8</v>
      </c>
      <c r="B8033" s="2">
        <v>12703.0</v>
      </c>
      <c r="C8033" s="1" t="s">
        <v>5</v>
      </c>
      <c r="D8033" s="1" t="s">
        <v>6656</v>
      </c>
      <c r="E8033" s="1" t="s">
        <v>7</v>
      </c>
    </row>
    <row r="8034">
      <c r="A8034" s="1">
        <v>4.90435251E8</v>
      </c>
      <c r="B8034" s="3">
        <v>12540.0</v>
      </c>
      <c r="C8034" s="1" t="s">
        <v>5</v>
      </c>
      <c r="D8034" s="1" t="s">
        <v>11</v>
      </c>
      <c r="E8034" s="1" t="s">
        <v>7</v>
      </c>
    </row>
    <row r="8035">
      <c r="A8035" s="1">
        <v>4.90435262E8</v>
      </c>
      <c r="B8035" s="2">
        <v>12706.0</v>
      </c>
      <c r="C8035" s="1" t="s">
        <v>5</v>
      </c>
      <c r="D8035" s="1" t="s">
        <v>6657</v>
      </c>
      <c r="E8035" s="1" t="s">
        <v>11</v>
      </c>
    </row>
    <row r="8036">
      <c r="A8036" s="1">
        <v>4.90435304E8</v>
      </c>
      <c r="B8036" s="3">
        <v>12543.0</v>
      </c>
      <c r="C8036" s="1" t="s">
        <v>5</v>
      </c>
      <c r="D8036" s="1" t="s">
        <v>6658</v>
      </c>
      <c r="E8036" s="1" t="s">
        <v>7</v>
      </c>
    </row>
    <row r="8037">
      <c r="A8037" s="1">
        <v>4.9043532E8</v>
      </c>
      <c r="B8037" s="2">
        <v>12706.0</v>
      </c>
      <c r="C8037" s="1" t="s">
        <v>5</v>
      </c>
      <c r="D8037" s="1" t="s">
        <v>11</v>
      </c>
      <c r="E8037" s="1" t="s">
        <v>7</v>
      </c>
    </row>
    <row r="8038">
      <c r="A8038" s="1">
        <v>4.90435324E8</v>
      </c>
      <c r="B8038" s="2">
        <v>12641.0</v>
      </c>
      <c r="C8038" s="1" t="s">
        <v>5</v>
      </c>
      <c r="D8038" s="1" t="s">
        <v>6659</v>
      </c>
      <c r="E8038" s="1" t="s">
        <v>11</v>
      </c>
    </row>
    <row r="8039">
      <c r="A8039" s="1">
        <v>4.90435362E8</v>
      </c>
      <c r="B8039" s="2">
        <v>12633.0</v>
      </c>
      <c r="C8039" s="1" t="s">
        <v>5</v>
      </c>
      <c r="D8039" s="1" t="s">
        <v>6660</v>
      </c>
      <c r="E8039" s="1" t="s">
        <v>7</v>
      </c>
    </row>
    <row r="8040">
      <c r="A8040" s="1">
        <v>4.90435386E8</v>
      </c>
      <c r="B8040" s="2">
        <v>12636.0</v>
      </c>
      <c r="C8040" s="1" t="s">
        <v>5</v>
      </c>
      <c r="D8040" s="1" t="s">
        <v>6661</v>
      </c>
      <c r="E8040" s="1" t="s">
        <v>7</v>
      </c>
    </row>
    <row r="8041">
      <c r="A8041" s="1">
        <v>4.90435424E8</v>
      </c>
      <c r="B8041" s="2">
        <v>12590.0</v>
      </c>
      <c r="C8041" s="1" t="s">
        <v>5</v>
      </c>
      <c r="D8041" s="1" t="s">
        <v>6662</v>
      </c>
      <c r="E8041" s="1" t="s">
        <v>6663</v>
      </c>
    </row>
    <row r="8042">
      <c r="A8042" s="1">
        <v>4.90435441E8</v>
      </c>
      <c r="B8042" s="2">
        <v>12594.0</v>
      </c>
      <c r="C8042" s="1" t="s">
        <v>5</v>
      </c>
      <c r="D8042" s="1" t="s">
        <v>6664</v>
      </c>
      <c r="E8042" s="1" t="s">
        <v>11</v>
      </c>
    </row>
    <row r="8043">
      <c r="A8043" s="1">
        <v>4.90435447E8</v>
      </c>
      <c r="B8043" s="2">
        <v>12696.0</v>
      </c>
      <c r="C8043" s="1" t="s">
        <v>5</v>
      </c>
      <c r="D8043" s="1" t="s">
        <v>6665</v>
      </c>
      <c r="E8043" s="1" t="s">
        <v>7</v>
      </c>
    </row>
    <row r="8044">
      <c r="A8044" s="1">
        <v>4.90435449E8</v>
      </c>
      <c r="B8044" s="2">
        <v>12573.0</v>
      </c>
      <c r="C8044" s="1" t="s">
        <v>5</v>
      </c>
      <c r="D8044" s="1" t="s">
        <v>11</v>
      </c>
      <c r="E8044" s="1" t="s">
        <v>7</v>
      </c>
    </row>
    <row r="8045">
      <c r="A8045" s="1">
        <v>4.90435492E8</v>
      </c>
      <c r="B8045" s="2">
        <v>12704.0</v>
      </c>
      <c r="C8045" s="1" t="s">
        <v>5</v>
      </c>
      <c r="D8045" s="1" t="s">
        <v>6666</v>
      </c>
      <c r="E8045" s="1" t="s">
        <v>7</v>
      </c>
    </row>
    <row r="8046">
      <c r="A8046" s="1">
        <v>4.90435494E8</v>
      </c>
      <c r="B8046" s="2">
        <v>12678.0</v>
      </c>
      <c r="C8046" s="1" t="s">
        <v>5</v>
      </c>
      <c r="D8046" s="1" t="s">
        <v>6667</v>
      </c>
      <c r="E8046" s="1" t="s">
        <v>11</v>
      </c>
    </row>
    <row r="8047">
      <c r="A8047" s="1">
        <v>4.90435511E8</v>
      </c>
      <c r="B8047" s="2">
        <v>12635.0</v>
      </c>
      <c r="C8047" s="1" t="s">
        <v>5</v>
      </c>
      <c r="D8047" s="1" t="s">
        <v>6668</v>
      </c>
      <c r="E8047" s="1" t="s">
        <v>7</v>
      </c>
    </row>
    <row r="8048">
      <c r="A8048" s="1">
        <v>4.90435512E8</v>
      </c>
      <c r="B8048" s="2">
        <v>12678.0</v>
      </c>
      <c r="C8048" s="1" t="s">
        <v>5</v>
      </c>
      <c r="D8048" s="1" t="s">
        <v>11</v>
      </c>
      <c r="E8048" s="1" t="s">
        <v>7</v>
      </c>
    </row>
    <row r="8049">
      <c r="A8049" s="1">
        <v>4.90435518E8</v>
      </c>
      <c r="B8049" s="2">
        <v>12594.0</v>
      </c>
      <c r="C8049" s="1" t="s">
        <v>5</v>
      </c>
      <c r="D8049" s="1" t="s">
        <v>6669</v>
      </c>
      <c r="E8049" s="1" t="s">
        <v>11</v>
      </c>
    </row>
    <row r="8050">
      <c r="A8050" s="1">
        <v>4.90435524E8</v>
      </c>
      <c r="B8050" s="2">
        <v>12616.0</v>
      </c>
      <c r="C8050" s="1" t="s">
        <v>5</v>
      </c>
      <c r="D8050" s="1" t="s">
        <v>6670</v>
      </c>
      <c r="E8050" s="1" t="s">
        <v>6671</v>
      </c>
    </row>
    <row r="8051">
      <c r="A8051" s="1">
        <v>4.90435526E8</v>
      </c>
      <c r="B8051" s="2">
        <v>12597.0</v>
      </c>
      <c r="C8051" s="1" t="s">
        <v>5</v>
      </c>
      <c r="D8051" s="1" t="s">
        <v>6672</v>
      </c>
      <c r="E8051" s="1" t="s">
        <v>6673</v>
      </c>
    </row>
    <row r="8052">
      <c r="A8052" s="1">
        <v>4.90435541E8</v>
      </c>
      <c r="B8052" s="2">
        <v>12637.0</v>
      </c>
      <c r="C8052" s="1" t="s">
        <v>5</v>
      </c>
      <c r="D8052" s="1" t="s">
        <v>6674</v>
      </c>
      <c r="E8052" s="1" t="s">
        <v>11</v>
      </c>
    </row>
    <row r="8053">
      <c r="A8053" s="1">
        <v>4.90435548E8</v>
      </c>
      <c r="B8053" s="2">
        <v>12696.0</v>
      </c>
      <c r="C8053" s="1" t="s">
        <v>5</v>
      </c>
      <c r="D8053" s="1" t="s">
        <v>6675</v>
      </c>
      <c r="E8053" s="1" t="s">
        <v>7</v>
      </c>
    </row>
    <row r="8054">
      <c r="A8054" s="1">
        <v>4.90435567E8</v>
      </c>
      <c r="B8054" s="2">
        <v>12646.0</v>
      </c>
      <c r="C8054" s="1" t="s">
        <v>5</v>
      </c>
      <c r="D8054" s="1" t="s">
        <v>6676</v>
      </c>
      <c r="E8054" s="1" t="s">
        <v>7</v>
      </c>
    </row>
    <row r="8055">
      <c r="A8055" s="1">
        <v>4.90435577E8</v>
      </c>
      <c r="B8055" s="2">
        <v>12714.0</v>
      </c>
      <c r="C8055" s="1" t="s">
        <v>5</v>
      </c>
      <c r="D8055" s="1" t="s">
        <v>6677</v>
      </c>
      <c r="E8055" s="1" t="s">
        <v>11</v>
      </c>
    </row>
    <row r="8056">
      <c r="A8056" s="1">
        <v>4.90435586E8</v>
      </c>
      <c r="B8056" s="2">
        <v>12713.0</v>
      </c>
      <c r="C8056" s="1" t="s">
        <v>5</v>
      </c>
      <c r="D8056" s="1" t="s">
        <v>6678</v>
      </c>
      <c r="E8056" s="1" t="s">
        <v>7</v>
      </c>
    </row>
    <row r="8057">
      <c r="A8057" s="1">
        <v>4.90435595E8</v>
      </c>
      <c r="B8057" s="2">
        <v>12635.0</v>
      </c>
      <c r="C8057" s="1" t="s">
        <v>5</v>
      </c>
      <c r="D8057" s="1" t="s">
        <v>11</v>
      </c>
      <c r="E8057" s="4" t="s">
        <v>6679</v>
      </c>
    </row>
    <row r="8058">
      <c r="A8058" s="1">
        <v>4.90435599E8</v>
      </c>
      <c r="B8058" s="2">
        <v>12675.0</v>
      </c>
      <c r="C8058" s="1" t="s">
        <v>5</v>
      </c>
      <c r="D8058" s="1" t="s">
        <v>7</v>
      </c>
      <c r="E8058" s="1" t="s">
        <v>7</v>
      </c>
    </row>
    <row r="8059">
      <c r="A8059" s="1">
        <v>4.90435612E8</v>
      </c>
      <c r="B8059" s="2">
        <v>12678.0</v>
      </c>
      <c r="C8059" s="1" t="s">
        <v>5</v>
      </c>
      <c r="D8059" s="1" t="s">
        <v>11</v>
      </c>
      <c r="E8059" s="1" t="s">
        <v>7</v>
      </c>
    </row>
    <row r="8060">
      <c r="A8060" s="1">
        <v>4.90435613E8</v>
      </c>
      <c r="B8060" s="2">
        <v>12668.0</v>
      </c>
      <c r="C8060" s="1" t="s">
        <v>5</v>
      </c>
      <c r="D8060" s="1" t="s">
        <v>6680</v>
      </c>
      <c r="E8060" s="1" t="s">
        <v>6681</v>
      </c>
    </row>
    <row r="8061">
      <c r="A8061" s="1">
        <v>4.90435624E8</v>
      </c>
      <c r="B8061" s="2">
        <v>12683.0</v>
      </c>
      <c r="C8061" s="1" t="s">
        <v>5</v>
      </c>
      <c r="D8061" s="1" t="s">
        <v>6682</v>
      </c>
      <c r="E8061" s="1" t="s">
        <v>7</v>
      </c>
    </row>
    <row r="8062">
      <c r="A8062" s="1">
        <v>4.90435627E8</v>
      </c>
      <c r="B8062" s="2">
        <v>12594.0</v>
      </c>
      <c r="C8062" s="1" t="s">
        <v>5</v>
      </c>
      <c r="D8062" s="1" t="s">
        <v>6683</v>
      </c>
      <c r="E8062" s="1" t="s">
        <v>7</v>
      </c>
    </row>
    <row r="8063">
      <c r="A8063" s="1">
        <v>4.90435656E8</v>
      </c>
      <c r="B8063" s="3">
        <v>12540.0</v>
      </c>
      <c r="C8063" s="1" t="s">
        <v>5</v>
      </c>
      <c r="D8063" s="1" t="s">
        <v>6684</v>
      </c>
      <c r="E8063" s="1" t="s">
        <v>6685</v>
      </c>
    </row>
    <row r="8064">
      <c r="A8064" s="1">
        <v>4.90435667E8</v>
      </c>
      <c r="B8064" s="2">
        <v>12695.0</v>
      </c>
      <c r="C8064" s="1" t="s">
        <v>5</v>
      </c>
      <c r="D8064" s="1" t="s">
        <v>6686</v>
      </c>
      <c r="E8064" s="1" t="s">
        <v>6687</v>
      </c>
    </row>
    <row r="8065">
      <c r="A8065" s="1">
        <v>4.90435668E8</v>
      </c>
      <c r="B8065" s="2">
        <v>12713.0</v>
      </c>
      <c r="C8065" s="1" t="s">
        <v>5</v>
      </c>
      <c r="D8065" s="1" t="s">
        <v>6688</v>
      </c>
      <c r="E8065" s="1" t="s">
        <v>11</v>
      </c>
    </row>
    <row r="8066">
      <c r="A8066" s="1">
        <v>4.90435717E8</v>
      </c>
      <c r="B8066" s="2">
        <v>12678.0</v>
      </c>
      <c r="C8066" s="1" t="s">
        <v>5</v>
      </c>
      <c r="D8066" s="1" t="s">
        <v>6689</v>
      </c>
      <c r="E8066" s="1" t="s">
        <v>7</v>
      </c>
    </row>
    <row r="8067">
      <c r="A8067" s="1">
        <v>4.90435731E8</v>
      </c>
      <c r="B8067" s="2">
        <v>12650.0</v>
      </c>
      <c r="C8067" s="1" t="s">
        <v>5</v>
      </c>
      <c r="D8067" s="1" t="s">
        <v>6690</v>
      </c>
      <c r="E8067" s="1" t="s">
        <v>6691</v>
      </c>
    </row>
    <row r="8068">
      <c r="A8068" s="1">
        <v>4.90435756E8</v>
      </c>
      <c r="B8068" s="2">
        <v>12698.0</v>
      </c>
      <c r="C8068" s="1" t="s">
        <v>5</v>
      </c>
      <c r="D8068" s="1" t="s">
        <v>6692</v>
      </c>
      <c r="E8068" s="1" t="s">
        <v>11</v>
      </c>
    </row>
    <row r="8069">
      <c r="A8069" s="1">
        <v>4.9043578E8</v>
      </c>
      <c r="B8069" s="2">
        <v>12637.0</v>
      </c>
      <c r="C8069" s="1" t="s">
        <v>5</v>
      </c>
      <c r="D8069" s="1" t="s">
        <v>5243</v>
      </c>
      <c r="E8069" s="1" t="s">
        <v>7</v>
      </c>
    </row>
    <row r="8070">
      <c r="A8070" s="1">
        <v>4.90435792E8</v>
      </c>
      <c r="B8070" s="2">
        <v>12676.0</v>
      </c>
      <c r="C8070" s="1" t="s">
        <v>5</v>
      </c>
      <c r="D8070" s="1" t="s">
        <v>6693</v>
      </c>
      <c r="E8070" s="1" t="s">
        <v>7</v>
      </c>
    </row>
    <row r="8071">
      <c r="A8071" s="1">
        <v>4.90435802E8</v>
      </c>
      <c r="B8071" s="2">
        <v>12594.0</v>
      </c>
      <c r="C8071" s="1" t="s">
        <v>5</v>
      </c>
      <c r="D8071" s="1" t="s">
        <v>6694</v>
      </c>
      <c r="E8071" s="1" t="s">
        <v>7</v>
      </c>
    </row>
    <row r="8072">
      <c r="A8072" s="1">
        <v>4.90435832E8</v>
      </c>
      <c r="B8072" s="2">
        <v>12714.0</v>
      </c>
      <c r="C8072" s="1" t="s">
        <v>5</v>
      </c>
      <c r="D8072" s="1" t="s">
        <v>6695</v>
      </c>
      <c r="E8072" s="1" t="s">
        <v>7</v>
      </c>
    </row>
    <row r="8073">
      <c r="A8073" s="1">
        <v>4.90435834E8</v>
      </c>
      <c r="B8073" s="2">
        <v>12638.0</v>
      </c>
      <c r="C8073" s="1" t="s">
        <v>5</v>
      </c>
      <c r="D8073" s="1" t="s">
        <v>11</v>
      </c>
      <c r="E8073" s="1" t="s">
        <v>7</v>
      </c>
    </row>
    <row r="8074">
      <c r="A8074" s="1">
        <v>4.90435844E8</v>
      </c>
      <c r="B8074" s="2">
        <v>12707.0</v>
      </c>
      <c r="C8074" s="1" t="s">
        <v>5</v>
      </c>
      <c r="D8074" s="1" t="s">
        <v>6696</v>
      </c>
      <c r="E8074" s="1" t="s">
        <v>7</v>
      </c>
    </row>
    <row r="8075">
      <c r="A8075" s="1">
        <v>4.90435852E8</v>
      </c>
      <c r="B8075" s="2">
        <v>12707.0</v>
      </c>
      <c r="C8075" s="1" t="s">
        <v>5</v>
      </c>
      <c r="D8075" s="1" t="s">
        <v>6697</v>
      </c>
      <c r="E8075" s="1" t="s">
        <v>11</v>
      </c>
    </row>
    <row r="8076">
      <c r="A8076" s="1">
        <v>4.90435865E8</v>
      </c>
      <c r="B8076" s="2">
        <v>12698.0</v>
      </c>
      <c r="C8076" s="1" t="s">
        <v>5</v>
      </c>
      <c r="D8076" s="1" t="s">
        <v>11</v>
      </c>
      <c r="E8076" s="1" t="s">
        <v>7</v>
      </c>
    </row>
    <row r="8077">
      <c r="A8077" s="1">
        <v>4.90435867E8</v>
      </c>
      <c r="B8077" s="2">
        <v>12592.0</v>
      </c>
      <c r="C8077" s="1" t="s">
        <v>5</v>
      </c>
      <c r="D8077" s="1" t="s">
        <v>6698</v>
      </c>
      <c r="E8077" s="1" t="s">
        <v>7</v>
      </c>
    </row>
    <row r="8078">
      <c r="A8078" s="1">
        <v>4.90435884E8</v>
      </c>
      <c r="B8078" s="2">
        <v>12571.0</v>
      </c>
      <c r="C8078" s="1" t="s">
        <v>5</v>
      </c>
      <c r="D8078" s="1" t="s">
        <v>6699</v>
      </c>
      <c r="E8078" s="1" t="s">
        <v>7</v>
      </c>
    </row>
    <row r="8079">
      <c r="A8079" s="1">
        <v>4.90435891E8</v>
      </c>
      <c r="B8079" s="2">
        <v>12668.0</v>
      </c>
      <c r="C8079" s="1" t="s">
        <v>5</v>
      </c>
      <c r="D8079" s="1" t="s">
        <v>6700</v>
      </c>
      <c r="E8079" s="1" t="s">
        <v>7</v>
      </c>
    </row>
    <row r="8080">
      <c r="A8080" s="1">
        <v>4.90435893E8</v>
      </c>
      <c r="B8080" s="2">
        <v>12700.0</v>
      </c>
      <c r="C8080" s="1" t="s">
        <v>5</v>
      </c>
      <c r="D8080" s="1" t="s">
        <v>6701</v>
      </c>
      <c r="E8080" s="1" t="s">
        <v>7</v>
      </c>
    </row>
    <row r="8081">
      <c r="A8081" s="1">
        <v>4.90435904E8</v>
      </c>
      <c r="B8081" s="2">
        <v>12592.0</v>
      </c>
      <c r="C8081" s="1" t="s">
        <v>5</v>
      </c>
      <c r="D8081" s="1" t="s">
        <v>11</v>
      </c>
      <c r="E8081" s="1" t="s">
        <v>7</v>
      </c>
    </row>
    <row r="8082">
      <c r="A8082" s="1">
        <v>4.90435915E8</v>
      </c>
      <c r="B8082" s="2">
        <v>12597.0</v>
      </c>
      <c r="C8082" s="1" t="s">
        <v>5</v>
      </c>
      <c r="D8082" s="1" t="s">
        <v>11</v>
      </c>
      <c r="E8082" s="1" t="s">
        <v>7</v>
      </c>
    </row>
    <row r="8083">
      <c r="A8083" s="1">
        <v>4.90435919E8</v>
      </c>
      <c r="B8083" s="2">
        <v>12600.0</v>
      </c>
      <c r="C8083" s="1" t="s">
        <v>5</v>
      </c>
      <c r="D8083" s="1" t="s">
        <v>6702</v>
      </c>
      <c r="E8083" s="1" t="s">
        <v>11</v>
      </c>
    </row>
    <row r="8084">
      <c r="A8084" s="1">
        <v>4.90435924E8</v>
      </c>
      <c r="B8084" s="2">
        <v>12643.0</v>
      </c>
      <c r="C8084" s="1" t="s">
        <v>5</v>
      </c>
      <c r="D8084" s="1" t="s">
        <v>6703</v>
      </c>
      <c r="E8084" s="1" t="s">
        <v>11</v>
      </c>
    </row>
    <row r="8085">
      <c r="A8085" s="1">
        <v>4.90435934E8</v>
      </c>
      <c r="B8085" s="2">
        <v>12588.0</v>
      </c>
      <c r="C8085" s="1" t="s">
        <v>5</v>
      </c>
      <c r="D8085" s="1" t="s">
        <v>6704</v>
      </c>
      <c r="E8085" s="1" t="s">
        <v>7</v>
      </c>
    </row>
    <row r="8086">
      <c r="A8086" s="1">
        <v>4.90435948E8</v>
      </c>
      <c r="B8086" s="2">
        <v>12668.0</v>
      </c>
      <c r="C8086" s="1" t="s">
        <v>5</v>
      </c>
      <c r="D8086" s="1" t="s">
        <v>11</v>
      </c>
      <c r="E8086" s="1" t="s">
        <v>7</v>
      </c>
    </row>
    <row r="8087">
      <c r="A8087" s="1">
        <v>4.90435954E8</v>
      </c>
      <c r="B8087" s="2">
        <v>12707.0</v>
      </c>
      <c r="C8087" s="1" t="s">
        <v>5</v>
      </c>
      <c r="D8087" s="1" t="s">
        <v>6705</v>
      </c>
      <c r="E8087" s="1" t="s">
        <v>11</v>
      </c>
    </row>
    <row r="8088">
      <c r="A8088" s="1">
        <v>4.90435963E8</v>
      </c>
      <c r="B8088" s="2">
        <v>12643.0</v>
      </c>
      <c r="C8088" s="1" t="s">
        <v>5</v>
      </c>
      <c r="D8088" s="1" t="s">
        <v>6706</v>
      </c>
      <c r="E8088" s="1" t="s">
        <v>7</v>
      </c>
    </row>
    <row r="8089">
      <c r="A8089" s="1">
        <v>4.90435985E8</v>
      </c>
      <c r="B8089" s="2">
        <v>12592.0</v>
      </c>
      <c r="C8089" s="1" t="s">
        <v>5</v>
      </c>
      <c r="D8089" s="1" t="s">
        <v>6707</v>
      </c>
      <c r="E8089" s="1" t="s">
        <v>7</v>
      </c>
    </row>
    <row r="8090">
      <c r="A8090" s="1">
        <v>4.90435999E8</v>
      </c>
      <c r="B8090" s="2">
        <v>12636.0</v>
      </c>
      <c r="C8090" s="1" t="s">
        <v>5</v>
      </c>
      <c r="D8090" s="1" t="s">
        <v>6708</v>
      </c>
      <c r="E8090" s="1" t="s">
        <v>7</v>
      </c>
    </row>
    <row r="8091">
      <c r="A8091" s="1">
        <v>4.90436006E8</v>
      </c>
      <c r="B8091" s="2">
        <v>12682.0</v>
      </c>
      <c r="C8091" s="1" t="s">
        <v>5</v>
      </c>
      <c r="D8091" s="1" t="s">
        <v>6709</v>
      </c>
      <c r="E8091" s="1" t="s">
        <v>11</v>
      </c>
    </row>
    <row r="8092">
      <c r="A8092" s="1">
        <v>4.90436013E8</v>
      </c>
      <c r="B8092" s="2">
        <v>12664.0</v>
      </c>
      <c r="C8092" s="1" t="s">
        <v>5</v>
      </c>
      <c r="D8092" s="1" t="s">
        <v>6710</v>
      </c>
      <c r="E8092" s="1" t="s">
        <v>11</v>
      </c>
    </row>
    <row r="8093">
      <c r="A8093" s="1">
        <v>4.90436032E8</v>
      </c>
      <c r="B8093" s="2">
        <v>12668.0</v>
      </c>
      <c r="C8093" s="1" t="s">
        <v>5</v>
      </c>
      <c r="D8093" s="1" t="s">
        <v>6711</v>
      </c>
      <c r="E8093" s="1" t="s">
        <v>7</v>
      </c>
    </row>
    <row r="8094">
      <c r="A8094" s="1">
        <v>4.90436043E8</v>
      </c>
      <c r="B8094" s="2">
        <v>12600.0</v>
      </c>
      <c r="C8094" s="1" t="s">
        <v>5</v>
      </c>
      <c r="D8094" s="1" t="s">
        <v>6712</v>
      </c>
      <c r="E8094" s="1" t="s">
        <v>7</v>
      </c>
    </row>
    <row r="8095">
      <c r="A8095" s="1">
        <v>4.90436053E8</v>
      </c>
      <c r="B8095" s="2">
        <v>12710.0</v>
      </c>
      <c r="C8095" s="1" t="s">
        <v>5</v>
      </c>
      <c r="D8095" s="1" t="s">
        <v>6713</v>
      </c>
      <c r="E8095" s="1" t="s">
        <v>7</v>
      </c>
    </row>
    <row r="8096">
      <c r="A8096" s="1">
        <v>4.9043606E8</v>
      </c>
      <c r="B8096" s="2">
        <v>12649.0</v>
      </c>
      <c r="C8096" s="1" t="s">
        <v>5</v>
      </c>
      <c r="D8096" s="1" t="s">
        <v>6714</v>
      </c>
      <c r="E8096" s="1" t="s">
        <v>7</v>
      </c>
    </row>
    <row r="8097">
      <c r="A8097" s="1">
        <v>4.90436068E8</v>
      </c>
      <c r="B8097" s="2">
        <v>12636.0</v>
      </c>
      <c r="C8097" s="1" t="s">
        <v>5</v>
      </c>
      <c r="D8097" s="1" t="s">
        <v>6715</v>
      </c>
      <c r="E8097" s="1" t="s">
        <v>7</v>
      </c>
    </row>
    <row r="8098">
      <c r="A8098" s="1">
        <v>4.90436098E8</v>
      </c>
      <c r="B8098" s="2">
        <v>12706.0</v>
      </c>
      <c r="C8098" s="1" t="s">
        <v>5</v>
      </c>
      <c r="D8098" s="1" t="s">
        <v>6716</v>
      </c>
      <c r="E8098" s="1" t="s">
        <v>11</v>
      </c>
    </row>
    <row r="8099">
      <c r="A8099" s="1">
        <v>4.90436154E8</v>
      </c>
      <c r="B8099" s="2">
        <v>12696.0</v>
      </c>
      <c r="C8099" s="1" t="s">
        <v>5</v>
      </c>
      <c r="D8099" s="1" t="s">
        <v>6717</v>
      </c>
      <c r="E8099" s="1" t="s">
        <v>7</v>
      </c>
    </row>
    <row r="8100">
      <c r="A8100" s="1">
        <v>4.90436158E8</v>
      </c>
      <c r="B8100" s="2">
        <v>12704.0</v>
      </c>
      <c r="C8100" s="1" t="s">
        <v>5</v>
      </c>
      <c r="D8100" s="1" t="s">
        <v>6718</v>
      </c>
      <c r="E8100" s="1" t="s">
        <v>11</v>
      </c>
    </row>
    <row r="8101">
      <c r="A8101" s="1">
        <v>4.90436159E8</v>
      </c>
      <c r="B8101" s="2">
        <v>12706.0</v>
      </c>
      <c r="C8101" s="1" t="s">
        <v>5</v>
      </c>
      <c r="D8101" s="1" t="s">
        <v>6719</v>
      </c>
      <c r="E8101" s="1" t="s">
        <v>7</v>
      </c>
    </row>
    <row r="8102">
      <c r="A8102" s="1">
        <v>4.90436213E8</v>
      </c>
      <c r="B8102" s="2">
        <v>12597.0</v>
      </c>
      <c r="C8102" s="1" t="s">
        <v>5</v>
      </c>
      <c r="D8102" s="1" t="s">
        <v>6720</v>
      </c>
      <c r="E8102" s="1" t="s">
        <v>7</v>
      </c>
    </row>
    <row r="8103">
      <c r="A8103" s="1">
        <v>4.90436218E8</v>
      </c>
      <c r="B8103" s="2">
        <v>12595.0</v>
      </c>
      <c r="C8103" s="1" t="s">
        <v>5</v>
      </c>
      <c r="D8103" s="1" t="s">
        <v>6721</v>
      </c>
      <c r="E8103" s="1" t="s">
        <v>7</v>
      </c>
    </row>
    <row r="8104">
      <c r="A8104" s="1">
        <v>4.90436224E8</v>
      </c>
      <c r="B8104" s="2">
        <v>12672.0</v>
      </c>
      <c r="C8104" s="1" t="s">
        <v>5</v>
      </c>
      <c r="D8104" s="1" t="s">
        <v>6722</v>
      </c>
      <c r="E8104" s="1" t="s">
        <v>7</v>
      </c>
    </row>
    <row r="8105">
      <c r="A8105" s="1">
        <v>4.9043623E8</v>
      </c>
      <c r="B8105" s="2">
        <v>12706.0</v>
      </c>
      <c r="C8105" s="1" t="s">
        <v>5</v>
      </c>
      <c r="D8105" s="1" t="s">
        <v>6723</v>
      </c>
      <c r="E8105" s="1" t="s">
        <v>7</v>
      </c>
    </row>
    <row r="8106">
      <c r="A8106" s="1">
        <v>4.90436239E8</v>
      </c>
      <c r="B8106" s="2">
        <v>12703.0</v>
      </c>
      <c r="C8106" s="1" t="s">
        <v>5</v>
      </c>
      <c r="D8106" s="1" t="s">
        <v>6724</v>
      </c>
      <c r="E8106" s="1" t="s">
        <v>7</v>
      </c>
    </row>
    <row r="8107">
      <c r="A8107" s="1">
        <v>4.90436256E8</v>
      </c>
      <c r="B8107" s="2">
        <v>12726.0</v>
      </c>
      <c r="C8107" s="1" t="s">
        <v>5</v>
      </c>
      <c r="D8107" s="1" t="s">
        <v>6725</v>
      </c>
      <c r="E8107" s="1" t="s">
        <v>11</v>
      </c>
    </row>
    <row r="8108">
      <c r="A8108" s="1">
        <v>4.90436266E8</v>
      </c>
      <c r="B8108" s="2">
        <v>12596.0</v>
      </c>
      <c r="C8108" s="1" t="s">
        <v>5</v>
      </c>
      <c r="D8108" s="1" t="s">
        <v>6726</v>
      </c>
      <c r="E8108" s="1" t="s">
        <v>6727</v>
      </c>
    </row>
    <row r="8109">
      <c r="A8109" s="1">
        <v>4.9043628E8</v>
      </c>
      <c r="B8109" s="2">
        <v>12704.0</v>
      </c>
      <c r="C8109" s="1" t="s">
        <v>5</v>
      </c>
      <c r="D8109" s="1" t="s">
        <v>11</v>
      </c>
      <c r="E8109" s="1" t="s">
        <v>7</v>
      </c>
    </row>
    <row r="8110">
      <c r="A8110" s="1">
        <v>4.90436288E8</v>
      </c>
      <c r="B8110" s="2">
        <v>12634.0</v>
      </c>
      <c r="C8110" s="1" t="s">
        <v>5</v>
      </c>
      <c r="D8110" s="1" t="s">
        <v>6728</v>
      </c>
      <c r="E8110" s="1" t="s">
        <v>11</v>
      </c>
    </row>
    <row r="8111">
      <c r="A8111" s="1">
        <v>4.90436293E8</v>
      </c>
      <c r="B8111" s="2">
        <v>12644.0</v>
      </c>
      <c r="C8111" s="1" t="s">
        <v>5</v>
      </c>
      <c r="D8111" s="1" t="s">
        <v>6729</v>
      </c>
      <c r="E8111" s="1" t="s">
        <v>7</v>
      </c>
    </row>
    <row r="8112">
      <c r="A8112" s="1">
        <v>4.90436304E8</v>
      </c>
      <c r="B8112" s="2">
        <v>12635.0</v>
      </c>
      <c r="C8112" s="1" t="s">
        <v>5</v>
      </c>
      <c r="D8112" s="1" t="s">
        <v>7</v>
      </c>
      <c r="E8112" s="1" t="s">
        <v>7</v>
      </c>
    </row>
    <row r="8113">
      <c r="A8113" s="1">
        <v>4.90436348E8</v>
      </c>
      <c r="B8113" s="2">
        <v>12643.0</v>
      </c>
      <c r="C8113" s="1" t="s">
        <v>5</v>
      </c>
      <c r="D8113" s="1" t="s">
        <v>6730</v>
      </c>
      <c r="E8113" s="1" t="s">
        <v>7</v>
      </c>
    </row>
    <row r="8114">
      <c r="A8114" s="1">
        <v>4.90436352E8</v>
      </c>
      <c r="B8114" s="2">
        <v>12703.0</v>
      </c>
      <c r="C8114" s="1" t="s">
        <v>5</v>
      </c>
      <c r="D8114" s="1" t="s">
        <v>6731</v>
      </c>
      <c r="E8114" s="1" t="s">
        <v>7</v>
      </c>
    </row>
    <row r="8115">
      <c r="A8115" s="1">
        <v>4.90436371E8</v>
      </c>
      <c r="B8115" s="2">
        <v>12691.0</v>
      </c>
      <c r="C8115" s="1" t="s">
        <v>5</v>
      </c>
      <c r="D8115" s="1" t="s">
        <v>6732</v>
      </c>
      <c r="E8115" s="1" t="s">
        <v>7</v>
      </c>
    </row>
    <row r="8116">
      <c r="A8116" s="1">
        <v>4.90436387E8</v>
      </c>
      <c r="B8116" s="2">
        <v>12590.0</v>
      </c>
      <c r="C8116" s="1" t="s">
        <v>5</v>
      </c>
      <c r="D8116" s="1" t="s">
        <v>6733</v>
      </c>
      <c r="E8116" s="1" t="s">
        <v>6734</v>
      </c>
    </row>
    <row r="8117">
      <c r="A8117" s="1">
        <v>4.90436429E8</v>
      </c>
      <c r="B8117" s="2">
        <v>12753.0</v>
      </c>
      <c r="C8117" s="1" t="s">
        <v>5</v>
      </c>
      <c r="D8117" s="1" t="s">
        <v>6735</v>
      </c>
      <c r="E8117" s="1" t="s">
        <v>11</v>
      </c>
    </row>
    <row r="8118">
      <c r="A8118" s="1">
        <v>4.90436431E8</v>
      </c>
      <c r="B8118" s="2">
        <v>12702.0</v>
      </c>
      <c r="C8118" s="1" t="s">
        <v>5</v>
      </c>
      <c r="D8118" s="1" t="s">
        <v>6736</v>
      </c>
      <c r="E8118" s="1" t="s">
        <v>7</v>
      </c>
    </row>
    <row r="8119">
      <c r="A8119" s="1">
        <v>4.90436459E8</v>
      </c>
      <c r="B8119" s="2">
        <v>12690.0</v>
      </c>
      <c r="C8119" s="1" t="s">
        <v>5</v>
      </c>
      <c r="D8119" s="1" t="s">
        <v>6737</v>
      </c>
      <c r="E8119" s="1" t="s">
        <v>7</v>
      </c>
    </row>
    <row r="8120">
      <c r="A8120" s="1">
        <v>4.90436474E8</v>
      </c>
      <c r="B8120" s="2">
        <v>12596.0</v>
      </c>
      <c r="C8120" s="1" t="s">
        <v>5</v>
      </c>
      <c r="D8120" s="1" t="s">
        <v>6738</v>
      </c>
      <c r="E8120" s="1" t="s">
        <v>11</v>
      </c>
    </row>
    <row r="8121">
      <c r="A8121" s="1">
        <v>4.90436489E8</v>
      </c>
      <c r="B8121" s="2">
        <v>12590.0</v>
      </c>
      <c r="C8121" s="1" t="s">
        <v>5</v>
      </c>
      <c r="D8121" s="1" t="s">
        <v>11</v>
      </c>
      <c r="E8121" s="1" t="s">
        <v>7</v>
      </c>
    </row>
    <row r="8122">
      <c r="A8122" s="1">
        <v>4.90436498E8</v>
      </c>
      <c r="B8122" s="2">
        <v>12673.0</v>
      </c>
      <c r="C8122" s="1" t="s">
        <v>5</v>
      </c>
      <c r="D8122" s="1" t="s">
        <v>6739</v>
      </c>
      <c r="E8122" s="1" t="s">
        <v>11</v>
      </c>
    </row>
    <row r="8123">
      <c r="A8123" s="1">
        <v>4.90436502E8</v>
      </c>
      <c r="B8123" s="2">
        <v>12751.0</v>
      </c>
      <c r="C8123" s="1" t="s">
        <v>5</v>
      </c>
      <c r="D8123" s="1" t="s">
        <v>6740</v>
      </c>
      <c r="E8123" s="1" t="s">
        <v>6741</v>
      </c>
    </row>
    <row r="8124">
      <c r="A8124" s="1">
        <v>4.90436529E8</v>
      </c>
      <c r="B8124" s="2">
        <v>12590.0</v>
      </c>
      <c r="C8124" s="1" t="s">
        <v>5</v>
      </c>
      <c r="D8124" s="1" t="s">
        <v>7</v>
      </c>
      <c r="E8124" s="1" t="s">
        <v>7</v>
      </c>
    </row>
    <row r="8125">
      <c r="A8125" s="1">
        <v>4.90436534E8</v>
      </c>
      <c r="B8125" s="2">
        <v>12698.0</v>
      </c>
      <c r="C8125" s="1" t="s">
        <v>5</v>
      </c>
      <c r="D8125" s="1" t="s">
        <v>6742</v>
      </c>
      <c r="E8125" s="1" t="s">
        <v>6743</v>
      </c>
    </row>
    <row r="8126">
      <c r="A8126" s="1">
        <v>4.90436539E8</v>
      </c>
      <c r="B8126" s="2">
        <v>12673.0</v>
      </c>
      <c r="C8126" s="1" t="s">
        <v>5</v>
      </c>
      <c r="D8126" s="1" t="s">
        <v>6744</v>
      </c>
      <c r="E8126" s="1" t="s">
        <v>7</v>
      </c>
    </row>
    <row r="8127">
      <c r="A8127" s="1">
        <v>4.9043655E8</v>
      </c>
      <c r="B8127" s="2">
        <v>12679.0</v>
      </c>
      <c r="C8127" s="1" t="s">
        <v>5</v>
      </c>
      <c r="D8127" s="1" t="s">
        <v>6745</v>
      </c>
      <c r="E8127" s="1" t="s">
        <v>7</v>
      </c>
    </row>
    <row r="8128">
      <c r="A8128" s="1">
        <v>4.90436559E8</v>
      </c>
      <c r="B8128" s="2">
        <v>12693.0</v>
      </c>
      <c r="C8128" s="1" t="s">
        <v>5</v>
      </c>
      <c r="D8128" s="1" t="s">
        <v>6746</v>
      </c>
      <c r="E8128" s="1" t="s">
        <v>7</v>
      </c>
    </row>
    <row r="8129">
      <c r="A8129" s="1">
        <v>4.90436569E8</v>
      </c>
      <c r="B8129" s="2">
        <v>12698.0</v>
      </c>
      <c r="C8129" s="1" t="s">
        <v>5</v>
      </c>
      <c r="D8129" s="1" t="s">
        <v>6747</v>
      </c>
      <c r="E8129" s="1" t="s">
        <v>7</v>
      </c>
    </row>
    <row r="8130">
      <c r="A8130" s="1">
        <v>4.90436574E8</v>
      </c>
      <c r="B8130" s="2">
        <v>12689.0</v>
      </c>
      <c r="C8130" s="1" t="s">
        <v>5</v>
      </c>
      <c r="D8130" s="1" t="s">
        <v>6748</v>
      </c>
      <c r="E8130" s="1" t="s">
        <v>7</v>
      </c>
    </row>
    <row r="8131">
      <c r="A8131" s="1">
        <v>4.90436578E8</v>
      </c>
      <c r="B8131" s="2">
        <v>12632.0</v>
      </c>
      <c r="C8131" s="1" t="s">
        <v>5</v>
      </c>
      <c r="D8131" s="1" t="s">
        <v>6749</v>
      </c>
      <c r="E8131" s="1" t="s">
        <v>7</v>
      </c>
    </row>
    <row r="8132">
      <c r="A8132" s="1">
        <v>4.90436593E8</v>
      </c>
      <c r="B8132" s="2">
        <v>12585.0</v>
      </c>
      <c r="C8132" s="1" t="s">
        <v>5</v>
      </c>
      <c r="D8132" s="1" t="s">
        <v>6750</v>
      </c>
      <c r="E8132" s="1" t="s">
        <v>7</v>
      </c>
    </row>
    <row r="8133">
      <c r="A8133" s="1">
        <v>4.90436596E8</v>
      </c>
      <c r="B8133" s="2">
        <v>12726.0</v>
      </c>
      <c r="C8133" s="1" t="s">
        <v>5</v>
      </c>
      <c r="D8133" s="1" t="s">
        <v>6751</v>
      </c>
      <c r="E8133" s="1" t="s">
        <v>7</v>
      </c>
    </row>
    <row r="8134">
      <c r="A8134" s="1">
        <v>4.90436631E8</v>
      </c>
      <c r="B8134" s="2">
        <v>12707.0</v>
      </c>
      <c r="C8134" s="1" t="s">
        <v>5</v>
      </c>
      <c r="D8134" s="1" t="s">
        <v>6752</v>
      </c>
      <c r="E8134" s="1" t="s">
        <v>7</v>
      </c>
    </row>
    <row r="8135">
      <c r="A8135" s="1">
        <v>4.90436634E8</v>
      </c>
      <c r="B8135" s="2">
        <v>12595.0</v>
      </c>
      <c r="C8135" s="1" t="s">
        <v>5</v>
      </c>
      <c r="D8135" s="1" t="s">
        <v>11</v>
      </c>
      <c r="E8135" s="1" t="s">
        <v>7</v>
      </c>
    </row>
    <row r="8136">
      <c r="A8136" s="1">
        <v>4.90436639E8</v>
      </c>
      <c r="B8136" s="2">
        <v>12678.0</v>
      </c>
      <c r="C8136" s="1" t="s">
        <v>5</v>
      </c>
      <c r="D8136" s="1" t="s">
        <v>6753</v>
      </c>
      <c r="E8136" s="1" t="s">
        <v>7</v>
      </c>
    </row>
    <row r="8137">
      <c r="A8137" s="1">
        <v>4.90436647E8</v>
      </c>
      <c r="B8137" s="2">
        <v>12634.0</v>
      </c>
      <c r="C8137" s="1" t="s">
        <v>5</v>
      </c>
      <c r="D8137" s="1" t="s">
        <v>6754</v>
      </c>
      <c r="E8137" s="1" t="s">
        <v>11</v>
      </c>
    </row>
    <row r="8138">
      <c r="A8138" s="1">
        <v>4.90436679E8</v>
      </c>
      <c r="B8138" s="2">
        <v>12698.0</v>
      </c>
      <c r="C8138" s="1" t="s">
        <v>5</v>
      </c>
      <c r="D8138" s="1" t="s">
        <v>6755</v>
      </c>
      <c r="E8138" s="1" t="s">
        <v>7</v>
      </c>
    </row>
    <row r="8139">
      <c r="A8139" s="1">
        <v>4.90436685E8</v>
      </c>
      <c r="B8139" s="2">
        <v>12698.0</v>
      </c>
      <c r="C8139" s="1" t="s">
        <v>5</v>
      </c>
      <c r="D8139" s="1" t="s">
        <v>6756</v>
      </c>
      <c r="E8139" s="1" t="s">
        <v>6757</v>
      </c>
    </row>
    <row r="8140">
      <c r="A8140" s="1">
        <v>4.90436694E8</v>
      </c>
      <c r="B8140" s="2">
        <v>12698.0</v>
      </c>
      <c r="C8140" s="1" t="s">
        <v>5</v>
      </c>
      <c r="D8140" s="1" t="s">
        <v>6758</v>
      </c>
      <c r="E8140" s="1" t="s">
        <v>7</v>
      </c>
    </row>
    <row r="8141">
      <c r="A8141" s="1">
        <v>4.90436708E8</v>
      </c>
      <c r="B8141" s="2">
        <v>12692.0</v>
      </c>
      <c r="C8141" s="1" t="s">
        <v>5</v>
      </c>
      <c r="D8141" s="1" t="s">
        <v>11</v>
      </c>
      <c r="E8141" s="1" t="s">
        <v>7</v>
      </c>
    </row>
    <row r="8142">
      <c r="A8142" s="1">
        <v>4.90436736E8</v>
      </c>
      <c r="B8142" s="2">
        <v>12696.0</v>
      </c>
      <c r="C8142" s="1" t="s">
        <v>5</v>
      </c>
      <c r="D8142" s="1" t="s">
        <v>6759</v>
      </c>
      <c r="E8142" s="1" t="s">
        <v>11</v>
      </c>
    </row>
    <row r="8143">
      <c r="A8143" s="1">
        <v>4.90436737E8</v>
      </c>
      <c r="B8143" s="2">
        <v>12686.0</v>
      </c>
      <c r="C8143" s="1" t="s">
        <v>5</v>
      </c>
      <c r="D8143" s="1" t="s">
        <v>11</v>
      </c>
      <c r="E8143" s="1" t="s">
        <v>7</v>
      </c>
    </row>
    <row r="8144">
      <c r="A8144" s="1">
        <v>4.90436765E8</v>
      </c>
      <c r="B8144" s="2">
        <v>12634.0</v>
      </c>
      <c r="C8144" s="1" t="s">
        <v>5</v>
      </c>
      <c r="D8144" s="1" t="s">
        <v>6760</v>
      </c>
      <c r="E8144" s="1" t="s">
        <v>11</v>
      </c>
    </row>
    <row r="8145">
      <c r="A8145" s="1">
        <v>4.90436768E8</v>
      </c>
      <c r="B8145" s="2">
        <v>12698.0</v>
      </c>
      <c r="C8145" s="1" t="s">
        <v>5</v>
      </c>
      <c r="D8145" s="1" t="s">
        <v>6761</v>
      </c>
      <c r="E8145" s="1" t="s">
        <v>7</v>
      </c>
    </row>
    <row r="8146">
      <c r="A8146" s="1">
        <v>4.90436772E8</v>
      </c>
      <c r="B8146" s="2">
        <v>12669.0</v>
      </c>
      <c r="C8146" s="1" t="s">
        <v>5</v>
      </c>
      <c r="D8146" s="1" t="s">
        <v>11</v>
      </c>
      <c r="E8146" s="1" t="s">
        <v>7</v>
      </c>
    </row>
    <row r="8147">
      <c r="A8147" s="1">
        <v>4.90436792E8</v>
      </c>
      <c r="B8147" s="2">
        <v>12695.0</v>
      </c>
      <c r="C8147" s="1" t="s">
        <v>5</v>
      </c>
      <c r="D8147" s="1" t="s">
        <v>6762</v>
      </c>
      <c r="E8147" s="1" t="s">
        <v>7</v>
      </c>
    </row>
    <row r="8148">
      <c r="A8148" s="1">
        <v>4.90436807E8</v>
      </c>
      <c r="B8148" s="2">
        <v>12696.0</v>
      </c>
      <c r="C8148" s="1" t="s">
        <v>5</v>
      </c>
      <c r="D8148" s="1" t="s">
        <v>6763</v>
      </c>
      <c r="E8148" s="1" t="s">
        <v>7</v>
      </c>
    </row>
    <row r="8149">
      <c r="A8149" s="1">
        <v>4.90436815E8</v>
      </c>
      <c r="B8149" s="2">
        <v>12636.0</v>
      </c>
      <c r="C8149" s="1" t="s">
        <v>5</v>
      </c>
      <c r="D8149" s="1" t="s">
        <v>6764</v>
      </c>
      <c r="E8149" s="1" t="s">
        <v>11</v>
      </c>
    </row>
    <row r="8150">
      <c r="A8150" s="1">
        <v>4.90436827E8</v>
      </c>
      <c r="B8150" s="2">
        <v>12632.0</v>
      </c>
      <c r="C8150" s="1" t="s">
        <v>5</v>
      </c>
      <c r="D8150" s="1" t="s">
        <v>6765</v>
      </c>
      <c r="E8150" s="1" t="s">
        <v>11</v>
      </c>
    </row>
    <row r="8151">
      <c r="A8151" s="1">
        <v>4.90436828E8</v>
      </c>
      <c r="B8151" s="2">
        <v>12589.0</v>
      </c>
      <c r="C8151" s="1" t="s">
        <v>5</v>
      </c>
      <c r="D8151" s="1" t="s">
        <v>6766</v>
      </c>
      <c r="E8151" s="1" t="s">
        <v>11</v>
      </c>
    </row>
    <row r="8152">
      <c r="A8152" s="1">
        <v>4.90436835E8</v>
      </c>
      <c r="B8152" s="2">
        <v>12686.0</v>
      </c>
      <c r="C8152" s="1" t="s">
        <v>5</v>
      </c>
      <c r="D8152" s="1" t="s">
        <v>6767</v>
      </c>
      <c r="E8152" s="1" t="s">
        <v>7</v>
      </c>
    </row>
    <row r="8153">
      <c r="A8153" s="1">
        <v>4.90436866E8</v>
      </c>
      <c r="B8153" s="2">
        <v>12689.0</v>
      </c>
      <c r="C8153" s="1" t="s">
        <v>5</v>
      </c>
      <c r="D8153" s="1" t="s">
        <v>6768</v>
      </c>
      <c r="E8153" s="1" t="s">
        <v>7</v>
      </c>
    </row>
    <row r="8154">
      <c r="A8154" s="1">
        <v>4.90436874E8</v>
      </c>
      <c r="B8154" s="2">
        <v>12671.0</v>
      </c>
      <c r="C8154" s="1" t="s">
        <v>5</v>
      </c>
      <c r="D8154" s="1" t="s">
        <v>6769</v>
      </c>
      <c r="E8154" s="1" t="s">
        <v>7</v>
      </c>
    </row>
    <row r="8155">
      <c r="A8155" s="1">
        <v>4.90436877E8</v>
      </c>
      <c r="B8155" s="2">
        <v>12667.0</v>
      </c>
      <c r="C8155" s="1" t="s">
        <v>5</v>
      </c>
      <c r="D8155" s="1" t="s">
        <v>11</v>
      </c>
      <c r="E8155" s="1" t="s">
        <v>7</v>
      </c>
    </row>
    <row r="8156">
      <c r="A8156" s="1">
        <v>4.90436937E8</v>
      </c>
      <c r="B8156" s="2">
        <v>12685.0</v>
      </c>
      <c r="C8156" s="1" t="s">
        <v>5</v>
      </c>
      <c r="D8156" s="1" t="s">
        <v>6770</v>
      </c>
      <c r="E8156" s="1" t="s">
        <v>7</v>
      </c>
    </row>
    <row r="8157">
      <c r="A8157" s="1">
        <v>4.90436952E8</v>
      </c>
      <c r="B8157" s="2">
        <v>12588.0</v>
      </c>
      <c r="C8157" s="1" t="s">
        <v>5</v>
      </c>
      <c r="D8157" s="1" t="s">
        <v>6771</v>
      </c>
      <c r="E8157" s="1" t="s">
        <v>6772</v>
      </c>
    </row>
    <row r="8158">
      <c r="A8158" s="1">
        <v>4.90436968E8</v>
      </c>
      <c r="B8158" s="2">
        <v>12638.0</v>
      </c>
      <c r="C8158" s="1" t="s">
        <v>5</v>
      </c>
      <c r="D8158" s="1" t="s">
        <v>6773</v>
      </c>
      <c r="E8158" s="1" t="s">
        <v>7</v>
      </c>
    </row>
    <row r="8159">
      <c r="A8159" s="1">
        <v>4.90436979E8</v>
      </c>
      <c r="B8159" s="2">
        <v>12751.0</v>
      </c>
      <c r="C8159" s="1" t="s">
        <v>5</v>
      </c>
      <c r="D8159" s="1" t="s">
        <v>6774</v>
      </c>
      <c r="E8159" s="1" t="s">
        <v>11</v>
      </c>
    </row>
    <row r="8160">
      <c r="A8160" s="1">
        <v>4.90436985E8</v>
      </c>
      <c r="B8160" s="2">
        <v>12621.0</v>
      </c>
      <c r="C8160" s="1" t="s">
        <v>5</v>
      </c>
      <c r="D8160" s="1" t="s">
        <v>6775</v>
      </c>
      <c r="E8160" s="1" t="s">
        <v>7</v>
      </c>
    </row>
    <row r="8161">
      <c r="A8161" s="1">
        <v>4.90436987E8</v>
      </c>
      <c r="B8161" s="2">
        <v>12685.0</v>
      </c>
      <c r="C8161" s="1" t="s">
        <v>5</v>
      </c>
      <c r="D8161" s="1" t="s">
        <v>6776</v>
      </c>
      <c r="E8161" s="1" t="s">
        <v>6777</v>
      </c>
    </row>
    <row r="8162">
      <c r="A8162" s="1">
        <v>4.90436992E8</v>
      </c>
      <c r="B8162" s="2">
        <v>12645.0</v>
      </c>
      <c r="C8162" s="1" t="s">
        <v>5</v>
      </c>
      <c r="D8162" s="1" t="s">
        <v>6778</v>
      </c>
      <c r="E8162" s="1" t="s">
        <v>7</v>
      </c>
    </row>
    <row r="8163">
      <c r="A8163" s="1">
        <v>4.90436997E8</v>
      </c>
      <c r="B8163" s="2">
        <v>12713.0</v>
      </c>
      <c r="C8163" s="1" t="s">
        <v>5</v>
      </c>
      <c r="D8163" s="1" t="s">
        <v>6779</v>
      </c>
      <c r="E8163" s="1" t="s">
        <v>7</v>
      </c>
    </row>
    <row r="8164">
      <c r="A8164" s="1">
        <v>4.90437004E8</v>
      </c>
      <c r="B8164" s="2">
        <v>12726.0</v>
      </c>
      <c r="C8164" s="1" t="s">
        <v>5</v>
      </c>
      <c r="D8164" s="1" t="s">
        <v>6780</v>
      </c>
      <c r="E8164" s="1" t="s">
        <v>7</v>
      </c>
    </row>
    <row r="8165">
      <c r="A8165" s="1">
        <v>4.90437022E8</v>
      </c>
      <c r="B8165" s="2">
        <v>12704.0</v>
      </c>
      <c r="C8165" s="1" t="s">
        <v>5</v>
      </c>
      <c r="D8165" s="1" t="s">
        <v>6781</v>
      </c>
      <c r="E8165" s="1" t="s">
        <v>11</v>
      </c>
    </row>
    <row r="8166">
      <c r="A8166" s="1">
        <v>4.90437024E8</v>
      </c>
      <c r="B8166" s="2">
        <v>12751.0</v>
      </c>
      <c r="C8166" s="1" t="s">
        <v>5</v>
      </c>
      <c r="D8166" s="1" t="s">
        <v>6782</v>
      </c>
      <c r="E8166" s="1" t="s">
        <v>7</v>
      </c>
    </row>
    <row r="8167">
      <c r="A8167" s="1">
        <v>4.90437032E8</v>
      </c>
      <c r="B8167" s="2">
        <v>12666.0</v>
      </c>
      <c r="C8167" s="1" t="s">
        <v>5</v>
      </c>
      <c r="D8167" s="1" t="s">
        <v>11</v>
      </c>
      <c r="E8167" s="1" t="s">
        <v>7</v>
      </c>
    </row>
    <row r="8168">
      <c r="A8168" s="1">
        <v>4.90437036E8</v>
      </c>
      <c r="B8168" s="2">
        <v>12593.0</v>
      </c>
      <c r="C8168" s="1" t="s">
        <v>5</v>
      </c>
      <c r="D8168" s="1" t="s">
        <v>6783</v>
      </c>
      <c r="E8168" s="1" t="s">
        <v>7</v>
      </c>
    </row>
    <row r="8169">
      <c r="A8169" s="1">
        <v>4.90437059E8</v>
      </c>
      <c r="B8169" s="2">
        <v>12619.0</v>
      </c>
      <c r="C8169" s="1" t="s">
        <v>5</v>
      </c>
      <c r="D8169" s="1" t="s">
        <v>6784</v>
      </c>
      <c r="E8169" s="1" t="s">
        <v>7</v>
      </c>
    </row>
    <row r="8170">
      <c r="A8170" s="1">
        <v>4.90437064E8</v>
      </c>
      <c r="B8170" s="2">
        <v>12686.0</v>
      </c>
      <c r="C8170" s="1" t="s">
        <v>5</v>
      </c>
      <c r="D8170" s="1" t="s">
        <v>6785</v>
      </c>
      <c r="E8170" s="1" t="s">
        <v>7</v>
      </c>
    </row>
    <row r="8171">
      <c r="A8171" s="1">
        <v>4.90437077E8</v>
      </c>
      <c r="B8171" s="2">
        <v>12587.0</v>
      </c>
      <c r="C8171" s="1" t="s">
        <v>5</v>
      </c>
      <c r="D8171" s="1" t="s">
        <v>6786</v>
      </c>
      <c r="E8171" s="1" t="s">
        <v>6787</v>
      </c>
    </row>
    <row r="8172">
      <c r="A8172" s="1">
        <v>4.90437083E8</v>
      </c>
      <c r="B8172" s="2">
        <v>12594.0</v>
      </c>
      <c r="C8172" s="1" t="s">
        <v>5</v>
      </c>
      <c r="D8172" s="1" t="s">
        <v>6788</v>
      </c>
      <c r="E8172" s="1" t="s">
        <v>7</v>
      </c>
    </row>
    <row r="8173">
      <c r="A8173" s="1">
        <v>4.90437107E8</v>
      </c>
      <c r="B8173" s="2">
        <v>12637.0</v>
      </c>
      <c r="C8173" s="1" t="s">
        <v>5</v>
      </c>
      <c r="D8173" s="1" t="s">
        <v>11</v>
      </c>
      <c r="E8173" s="1" t="s">
        <v>7</v>
      </c>
    </row>
    <row r="8174">
      <c r="A8174" s="1">
        <v>4.90437133E8</v>
      </c>
      <c r="B8174" s="2">
        <v>12593.0</v>
      </c>
      <c r="C8174" s="1" t="s">
        <v>5</v>
      </c>
      <c r="D8174" s="1" t="s">
        <v>6789</v>
      </c>
      <c r="E8174" s="1" t="s">
        <v>11</v>
      </c>
    </row>
    <row r="8175">
      <c r="A8175" s="1">
        <v>4.90437218E8</v>
      </c>
      <c r="B8175" s="2">
        <v>12693.0</v>
      </c>
      <c r="C8175" s="1" t="s">
        <v>5</v>
      </c>
      <c r="D8175" s="1" t="s">
        <v>6790</v>
      </c>
      <c r="E8175" s="1" t="s">
        <v>6791</v>
      </c>
    </row>
    <row r="8176">
      <c r="A8176" s="1">
        <v>4.90437225E8</v>
      </c>
      <c r="B8176" s="2">
        <v>12693.0</v>
      </c>
      <c r="C8176" s="1" t="s">
        <v>5</v>
      </c>
      <c r="D8176" s="1" t="s">
        <v>11</v>
      </c>
      <c r="E8176" s="1" t="s">
        <v>7</v>
      </c>
    </row>
    <row r="8177">
      <c r="A8177" s="1">
        <v>4.90437259E8</v>
      </c>
      <c r="B8177" s="2">
        <v>12693.0</v>
      </c>
      <c r="C8177" s="1" t="s">
        <v>5</v>
      </c>
      <c r="D8177" s="1" t="s">
        <v>6792</v>
      </c>
      <c r="E8177" s="1" t="s">
        <v>7</v>
      </c>
    </row>
    <row r="8178">
      <c r="A8178" s="1">
        <v>4.90437266E8</v>
      </c>
      <c r="B8178" s="2">
        <v>12685.0</v>
      </c>
      <c r="C8178" s="1" t="s">
        <v>5</v>
      </c>
      <c r="D8178" s="1" t="s">
        <v>6793</v>
      </c>
      <c r="E8178" s="1" t="s">
        <v>7</v>
      </c>
    </row>
    <row r="8179">
      <c r="A8179" s="1">
        <v>4.9043727E8</v>
      </c>
      <c r="B8179" s="2">
        <v>12674.0</v>
      </c>
      <c r="C8179" s="1" t="s">
        <v>5</v>
      </c>
      <c r="D8179" s="1" t="s">
        <v>6794</v>
      </c>
      <c r="E8179" s="1" t="s">
        <v>11</v>
      </c>
    </row>
    <row r="8180">
      <c r="A8180" s="1">
        <v>4.90437279E8</v>
      </c>
      <c r="B8180" s="2">
        <v>12707.0</v>
      </c>
      <c r="C8180" s="1" t="s">
        <v>5</v>
      </c>
      <c r="D8180" s="1" t="s">
        <v>6795</v>
      </c>
      <c r="E8180" s="1" t="s">
        <v>7</v>
      </c>
    </row>
    <row r="8181">
      <c r="A8181" s="1">
        <v>4.90437301E8</v>
      </c>
      <c r="B8181" s="2">
        <v>12669.0</v>
      </c>
      <c r="C8181" s="1" t="s">
        <v>5</v>
      </c>
      <c r="D8181" s="1" t="s">
        <v>11</v>
      </c>
      <c r="E8181" s="1" t="s">
        <v>7</v>
      </c>
    </row>
    <row r="8182">
      <c r="A8182" s="1">
        <v>4.90437309E8</v>
      </c>
      <c r="B8182" s="2">
        <v>12750.0</v>
      </c>
      <c r="C8182" s="1" t="s">
        <v>5</v>
      </c>
      <c r="D8182" s="1" t="s">
        <v>6796</v>
      </c>
      <c r="E8182" s="1" t="s">
        <v>7</v>
      </c>
    </row>
    <row r="8183">
      <c r="A8183" s="1">
        <v>4.9043732E8</v>
      </c>
      <c r="B8183" s="2">
        <v>12684.0</v>
      </c>
      <c r="C8183" s="1" t="s">
        <v>5</v>
      </c>
      <c r="D8183" s="1" t="s">
        <v>6797</v>
      </c>
      <c r="E8183" s="1" t="s">
        <v>7</v>
      </c>
    </row>
    <row r="8184">
      <c r="A8184" s="1">
        <v>4.90437357E8</v>
      </c>
      <c r="B8184" s="2">
        <v>12639.0</v>
      </c>
      <c r="C8184" s="1" t="s">
        <v>5</v>
      </c>
      <c r="D8184" s="1" t="s">
        <v>6798</v>
      </c>
      <c r="E8184" s="1" t="s">
        <v>7</v>
      </c>
    </row>
    <row r="8185">
      <c r="A8185" s="1">
        <v>4.90437396E8</v>
      </c>
      <c r="B8185" s="2">
        <v>12740.0</v>
      </c>
      <c r="C8185" s="1" t="s">
        <v>5</v>
      </c>
      <c r="D8185" s="1" t="s">
        <v>6799</v>
      </c>
      <c r="E8185" s="1" t="s">
        <v>7</v>
      </c>
    </row>
    <row r="8186">
      <c r="A8186" s="1">
        <v>4.90437398E8</v>
      </c>
      <c r="B8186" s="2">
        <v>12591.0</v>
      </c>
      <c r="C8186" s="1" t="s">
        <v>5</v>
      </c>
      <c r="D8186" s="1" t="s">
        <v>11</v>
      </c>
      <c r="E8186" s="1" t="s">
        <v>7</v>
      </c>
    </row>
    <row r="8187">
      <c r="A8187" s="1">
        <v>4.90437416E8</v>
      </c>
      <c r="B8187" s="2">
        <v>12587.0</v>
      </c>
      <c r="C8187" s="1" t="s">
        <v>5</v>
      </c>
      <c r="D8187" s="1" t="s">
        <v>6800</v>
      </c>
      <c r="E8187" s="1" t="s">
        <v>7</v>
      </c>
    </row>
    <row r="8188">
      <c r="A8188" s="1">
        <v>4.90437418E8</v>
      </c>
      <c r="B8188" s="2">
        <v>12639.0</v>
      </c>
      <c r="C8188" s="1" t="s">
        <v>5</v>
      </c>
      <c r="D8188" s="1" t="s">
        <v>11</v>
      </c>
      <c r="E8188" s="1" t="s">
        <v>7</v>
      </c>
    </row>
    <row r="8189">
      <c r="A8189" s="1">
        <v>4.90437427E8</v>
      </c>
      <c r="B8189" s="2">
        <v>12616.0</v>
      </c>
      <c r="C8189" s="1" t="s">
        <v>5</v>
      </c>
      <c r="D8189" s="1" t="s">
        <v>6801</v>
      </c>
      <c r="E8189" s="1" t="s">
        <v>7</v>
      </c>
    </row>
    <row r="8190">
      <c r="A8190" s="1">
        <v>4.90437432E8</v>
      </c>
      <c r="B8190" s="2">
        <v>12740.0</v>
      </c>
      <c r="C8190" s="1" t="s">
        <v>5</v>
      </c>
      <c r="D8190" s="1" t="s">
        <v>6802</v>
      </c>
      <c r="E8190" s="1" t="s">
        <v>7</v>
      </c>
    </row>
    <row r="8191">
      <c r="A8191" s="1">
        <v>4.90437445E8</v>
      </c>
      <c r="B8191" s="2">
        <v>12748.0</v>
      </c>
      <c r="C8191" s="1" t="s">
        <v>5</v>
      </c>
      <c r="D8191" s="1" t="s">
        <v>6803</v>
      </c>
      <c r="E8191" s="1" t="s">
        <v>7</v>
      </c>
    </row>
    <row r="8192">
      <c r="A8192" s="1">
        <v>4.90437453E8</v>
      </c>
      <c r="B8192" s="2">
        <v>12700.0</v>
      </c>
      <c r="C8192" s="1" t="s">
        <v>5</v>
      </c>
      <c r="D8192" s="1" t="s">
        <v>11</v>
      </c>
      <c r="E8192" s="1" t="s">
        <v>7</v>
      </c>
    </row>
    <row r="8193">
      <c r="A8193" s="1">
        <v>4.90437458E8</v>
      </c>
      <c r="B8193" s="2">
        <v>12634.0</v>
      </c>
      <c r="C8193" s="1" t="s">
        <v>5</v>
      </c>
      <c r="D8193" s="1" t="s">
        <v>6804</v>
      </c>
      <c r="E8193" s="1" t="s">
        <v>7</v>
      </c>
    </row>
    <row r="8194">
      <c r="A8194" s="1">
        <v>4.90437478E8</v>
      </c>
      <c r="B8194" s="2">
        <v>12663.0</v>
      </c>
      <c r="C8194" s="1" t="s">
        <v>5</v>
      </c>
      <c r="D8194" s="1" t="s">
        <v>6805</v>
      </c>
      <c r="E8194" s="1" t="s">
        <v>7</v>
      </c>
    </row>
    <row r="8195">
      <c r="A8195" s="1">
        <v>4.90437492E8</v>
      </c>
      <c r="B8195" s="2">
        <v>12706.0</v>
      </c>
      <c r="C8195" s="1" t="s">
        <v>5</v>
      </c>
      <c r="D8195" s="1" t="s">
        <v>6806</v>
      </c>
      <c r="E8195" s="1" t="s">
        <v>7</v>
      </c>
    </row>
    <row r="8196">
      <c r="A8196" s="1">
        <v>4.90437496E8</v>
      </c>
      <c r="B8196" s="2">
        <v>12663.0</v>
      </c>
      <c r="C8196" s="1" t="s">
        <v>5</v>
      </c>
      <c r="D8196" s="1" t="s">
        <v>6807</v>
      </c>
      <c r="E8196" s="1" t="s">
        <v>7</v>
      </c>
    </row>
    <row r="8197">
      <c r="A8197" s="1">
        <v>4.90437502E8</v>
      </c>
      <c r="B8197" s="2">
        <v>12751.0</v>
      </c>
      <c r="C8197" s="1" t="s">
        <v>5</v>
      </c>
      <c r="D8197" s="1" t="s">
        <v>11</v>
      </c>
      <c r="E8197" s="1" t="s">
        <v>7</v>
      </c>
    </row>
    <row r="8198">
      <c r="A8198" s="1">
        <v>4.90437517E8</v>
      </c>
      <c r="B8198" s="2">
        <v>12643.0</v>
      </c>
      <c r="C8198" s="1" t="s">
        <v>5</v>
      </c>
      <c r="D8198" s="1" t="s">
        <v>6808</v>
      </c>
      <c r="E8198" s="1" t="s">
        <v>7</v>
      </c>
    </row>
    <row r="8199">
      <c r="A8199" s="1">
        <v>4.90437524E8</v>
      </c>
      <c r="B8199" s="2">
        <v>12683.0</v>
      </c>
      <c r="C8199" s="1" t="s">
        <v>5</v>
      </c>
      <c r="D8199" s="1" t="s">
        <v>6809</v>
      </c>
      <c r="E8199" s="1" t="s">
        <v>7</v>
      </c>
    </row>
    <row r="8200">
      <c r="A8200" s="1">
        <v>4.90437525E8</v>
      </c>
      <c r="B8200" s="2">
        <v>12586.0</v>
      </c>
      <c r="C8200" s="1" t="s">
        <v>5</v>
      </c>
      <c r="D8200" s="1" t="s">
        <v>6810</v>
      </c>
      <c r="E8200" s="1" t="s">
        <v>6811</v>
      </c>
    </row>
    <row r="8201">
      <c r="A8201" s="1">
        <v>4.90437531E8</v>
      </c>
      <c r="B8201" s="2">
        <v>12587.0</v>
      </c>
      <c r="C8201" s="1" t="s">
        <v>5</v>
      </c>
      <c r="D8201" s="1" t="s">
        <v>6812</v>
      </c>
      <c r="E8201" s="1" t="s">
        <v>7</v>
      </c>
    </row>
    <row r="8202">
      <c r="A8202" s="1">
        <v>4.90437533E8</v>
      </c>
      <c r="B8202" s="2">
        <v>12592.0</v>
      </c>
      <c r="C8202" s="1" t="s">
        <v>5</v>
      </c>
      <c r="D8202" s="1" t="s">
        <v>6813</v>
      </c>
      <c r="E8202" s="1" t="s">
        <v>7</v>
      </c>
    </row>
    <row r="8203">
      <c r="A8203" s="1">
        <v>4.90437554E8</v>
      </c>
      <c r="B8203" s="2">
        <v>12591.0</v>
      </c>
      <c r="C8203" s="1" t="s">
        <v>5</v>
      </c>
      <c r="D8203" s="1" t="s">
        <v>6814</v>
      </c>
      <c r="E8203" s="1" t="s">
        <v>7</v>
      </c>
    </row>
    <row r="8204">
      <c r="A8204" s="1">
        <v>4.90437591E8</v>
      </c>
      <c r="B8204" s="2">
        <v>12593.0</v>
      </c>
      <c r="C8204" s="1" t="s">
        <v>5</v>
      </c>
      <c r="D8204" s="1" t="s">
        <v>6815</v>
      </c>
      <c r="E8204" s="1" t="s">
        <v>7</v>
      </c>
    </row>
    <row r="8205">
      <c r="A8205" s="1">
        <v>4.90437642E8</v>
      </c>
      <c r="B8205" s="2">
        <v>12720.0</v>
      </c>
      <c r="C8205" s="1" t="s">
        <v>5</v>
      </c>
      <c r="D8205" s="1" t="s">
        <v>6816</v>
      </c>
      <c r="E8205" s="1" t="s">
        <v>7</v>
      </c>
    </row>
    <row r="8206">
      <c r="A8206" s="1">
        <v>4.90437686E8</v>
      </c>
      <c r="B8206" s="2">
        <v>12751.0</v>
      </c>
      <c r="C8206" s="1" t="s">
        <v>5</v>
      </c>
      <c r="D8206" s="1" t="s">
        <v>6817</v>
      </c>
      <c r="E8206" s="1" t="s">
        <v>11</v>
      </c>
    </row>
    <row r="8207">
      <c r="A8207" s="1">
        <v>4.90437707E8</v>
      </c>
      <c r="B8207" s="2">
        <v>12753.0</v>
      </c>
      <c r="C8207" s="1" t="s">
        <v>5</v>
      </c>
      <c r="D8207" s="1" t="s">
        <v>6818</v>
      </c>
      <c r="E8207" s="1" t="s">
        <v>7</v>
      </c>
    </row>
    <row r="8208">
      <c r="A8208" s="1">
        <v>4.90437736E8</v>
      </c>
      <c r="B8208" s="2">
        <v>12586.0</v>
      </c>
      <c r="C8208" s="1" t="s">
        <v>5</v>
      </c>
      <c r="D8208" s="1" t="s">
        <v>6819</v>
      </c>
      <c r="E8208" s="1" t="s">
        <v>11</v>
      </c>
    </row>
    <row r="8209">
      <c r="A8209" s="1">
        <v>4.90437753E8</v>
      </c>
      <c r="B8209" s="2">
        <v>12704.0</v>
      </c>
      <c r="C8209" s="1" t="s">
        <v>5</v>
      </c>
      <c r="D8209" s="1" t="s">
        <v>11</v>
      </c>
      <c r="E8209" s="1" t="s">
        <v>7</v>
      </c>
    </row>
    <row r="8210">
      <c r="A8210" s="1">
        <v>4.90437763E8</v>
      </c>
      <c r="B8210" s="2">
        <v>12590.0</v>
      </c>
      <c r="C8210" s="1" t="s">
        <v>5</v>
      </c>
      <c r="D8210" s="1" t="s">
        <v>5243</v>
      </c>
      <c r="E8210" s="1" t="s">
        <v>7</v>
      </c>
    </row>
    <row r="8211">
      <c r="A8211" s="1">
        <v>4.90437765E8</v>
      </c>
      <c r="B8211" s="2">
        <v>12580.0</v>
      </c>
      <c r="C8211" s="1" t="s">
        <v>5</v>
      </c>
      <c r="D8211" s="1" t="s">
        <v>11</v>
      </c>
      <c r="E8211" s="1" t="s">
        <v>7</v>
      </c>
    </row>
    <row r="8212">
      <c r="A8212" s="1">
        <v>4.90437807E8</v>
      </c>
      <c r="B8212" s="2">
        <v>12750.0</v>
      </c>
      <c r="C8212" s="1" t="s">
        <v>5</v>
      </c>
      <c r="D8212" s="1" t="s">
        <v>6820</v>
      </c>
      <c r="E8212" s="1" t="s">
        <v>6821</v>
      </c>
    </row>
    <row r="8213">
      <c r="A8213" s="1">
        <v>4.90437849E8</v>
      </c>
      <c r="B8213" s="2">
        <v>12726.0</v>
      </c>
      <c r="C8213" s="1" t="s">
        <v>5</v>
      </c>
      <c r="D8213" s="1" t="s">
        <v>6822</v>
      </c>
      <c r="E8213" s="1" t="s">
        <v>11</v>
      </c>
    </row>
    <row r="8214">
      <c r="A8214" s="1">
        <v>4.9043785E8</v>
      </c>
      <c r="B8214" s="2">
        <v>12633.0</v>
      </c>
      <c r="C8214" s="1" t="s">
        <v>5</v>
      </c>
      <c r="D8214" s="1" t="s">
        <v>6823</v>
      </c>
      <c r="E8214" s="1" t="s">
        <v>11</v>
      </c>
    </row>
    <row r="8215">
      <c r="A8215" s="1">
        <v>4.90437864E8</v>
      </c>
      <c r="B8215" s="2">
        <v>12751.0</v>
      </c>
      <c r="C8215" s="1" t="s">
        <v>5</v>
      </c>
      <c r="D8215" s="1" t="s">
        <v>6824</v>
      </c>
      <c r="E8215" s="1" t="s">
        <v>7</v>
      </c>
    </row>
    <row r="8216">
      <c r="A8216" s="1">
        <v>4.90437872E8</v>
      </c>
      <c r="B8216" s="2">
        <v>12672.0</v>
      </c>
      <c r="C8216" s="1" t="s">
        <v>5</v>
      </c>
      <c r="D8216" s="1" t="s">
        <v>6825</v>
      </c>
      <c r="E8216" s="1" t="s">
        <v>11</v>
      </c>
    </row>
    <row r="8217">
      <c r="A8217" s="1">
        <v>4.90437884E8</v>
      </c>
      <c r="B8217" s="2">
        <v>12585.0</v>
      </c>
      <c r="C8217" s="1" t="s">
        <v>5</v>
      </c>
      <c r="D8217" s="1" t="s">
        <v>6826</v>
      </c>
      <c r="E8217" s="1" t="s">
        <v>7</v>
      </c>
    </row>
    <row r="8218">
      <c r="A8218" s="1">
        <v>4.90437893E8</v>
      </c>
      <c r="B8218" s="2">
        <v>12702.0</v>
      </c>
      <c r="C8218" s="1" t="s">
        <v>5</v>
      </c>
      <c r="D8218" s="1" t="s">
        <v>6827</v>
      </c>
      <c r="E8218" s="1" t="s">
        <v>7</v>
      </c>
    </row>
    <row r="8219">
      <c r="A8219" s="1">
        <v>4.90437898E8</v>
      </c>
      <c r="B8219" s="2">
        <v>12695.0</v>
      </c>
      <c r="C8219" s="1" t="s">
        <v>5</v>
      </c>
      <c r="D8219" s="1" t="s">
        <v>6828</v>
      </c>
      <c r="E8219" s="1" t="s">
        <v>7</v>
      </c>
    </row>
    <row r="8220">
      <c r="A8220" s="1">
        <v>4.90437899E8</v>
      </c>
      <c r="B8220" s="2">
        <v>12633.0</v>
      </c>
      <c r="C8220" s="1" t="s">
        <v>5</v>
      </c>
      <c r="D8220" s="1" t="s">
        <v>6829</v>
      </c>
      <c r="E8220" s="1" t="s">
        <v>7</v>
      </c>
    </row>
    <row r="8221">
      <c r="A8221" s="1">
        <v>4.90437904E8</v>
      </c>
      <c r="B8221" s="2">
        <v>12746.0</v>
      </c>
      <c r="C8221" s="1" t="s">
        <v>5</v>
      </c>
      <c r="D8221" s="1" t="s">
        <v>6830</v>
      </c>
      <c r="E8221" s="1" t="s">
        <v>7</v>
      </c>
    </row>
    <row r="8222">
      <c r="A8222" s="1">
        <v>4.90437941E8</v>
      </c>
      <c r="B8222" s="2">
        <v>12683.0</v>
      </c>
      <c r="C8222" s="1" t="s">
        <v>5</v>
      </c>
      <c r="D8222" s="1" t="s">
        <v>6831</v>
      </c>
      <c r="E8222" s="1" t="s">
        <v>11</v>
      </c>
    </row>
    <row r="8223">
      <c r="A8223" s="1">
        <v>4.90437945E8</v>
      </c>
      <c r="B8223" s="2">
        <v>12592.0</v>
      </c>
      <c r="C8223" s="1" t="s">
        <v>5</v>
      </c>
      <c r="D8223" s="1" t="s">
        <v>11</v>
      </c>
      <c r="E8223" s="1" t="s">
        <v>7</v>
      </c>
    </row>
    <row r="8224">
      <c r="A8224" s="1">
        <v>4.90437965E8</v>
      </c>
      <c r="B8224" s="2">
        <v>12682.0</v>
      </c>
      <c r="C8224" s="1" t="s">
        <v>5</v>
      </c>
      <c r="D8224" s="1" t="s">
        <v>6832</v>
      </c>
      <c r="E8224" s="1" t="s">
        <v>7</v>
      </c>
    </row>
    <row r="8225">
      <c r="A8225" s="1">
        <v>4.90437971E8</v>
      </c>
      <c r="B8225" s="2">
        <v>12669.0</v>
      </c>
      <c r="C8225" s="1" t="s">
        <v>5</v>
      </c>
      <c r="D8225" s="1" t="s">
        <v>11</v>
      </c>
      <c r="E8225" s="1" t="s">
        <v>7</v>
      </c>
    </row>
    <row r="8226">
      <c r="A8226" s="1">
        <v>4.90438015E8</v>
      </c>
      <c r="B8226" s="2">
        <v>12747.0</v>
      </c>
      <c r="C8226" s="1" t="s">
        <v>5</v>
      </c>
      <c r="D8226" s="1" t="s">
        <v>6833</v>
      </c>
      <c r="E8226" s="1" t="s">
        <v>11</v>
      </c>
    </row>
    <row r="8227">
      <c r="A8227" s="1">
        <v>4.90438026E8</v>
      </c>
      <c r="B8227" s="2">
        <v>12681.0</v>
      </c>
      <c r="C8227" s="1" t="s">
        <v>5</v>
      </c>
      <c r="D8227" s="1" t="s">
        <v>6834</v>
      </c>
      <c r="E8227" s="1" t="s">
        <v>7</v>
      </c>
    </row>
    <row r="8228">
      <c r="A8228" s="1">
        <v>4.90438036E8</v>
      </c>
      <c r="B8228" s="2">
        <v>12694.0</v>
      </c>
      <c r="C8228" s="1" t="s">
        <v>5</v>
      </c>
      <c r="D8228" s="1" t="s">
        <v>6835</v>
      </c>
      <c r="E8228" s="1" t="s">
        <v>11</v>
      </c>
    </row>
    <row r="8229">
      <c r="A8229" s="1">
        <v>4.90438082E8</v>
      </c>
      <c r="B8229" s="2">
        <v>12745.0</v>
      </c>
      <c r="C8229" s="1" t="s">
        <v>5</v>
      </c>
      <c r="D8229" s="1" t="s">
        <v>6836</v>
      </c>
      <c r="E8229" s="1" t="s">
        <v>7</v>
      </c>
    </row>
    <row r="8230">
      <c r="A8230" s="1">
        <v>4.90438111E8</v>
      </c>
      <c r="B8230" s="2">
        <v>12746.0</v>
      </c>
      <c r="C8230" s="1" t="s">
        <v>5</v>
      </c>
      <c r="D8230" s="1" t="s">
        <v>6837</v>
      </c>
      <c r="E8230" s="1" t="s">
        <v>6838</v>
      </c>
    </row>
    <row r="8231">
      <c r="A8231" s="1">
        <v>4.90438129E8</v>
      </c>
      <c r="B8231" s="2">
        <v>12584.0</v>
      </c>
      <c r="C8231" s="1" t="s">
        <v>5</v>
      </c>
      <c r="D8231" s="1" t="s">
        <v>6839</v>
      </c>
      <c r="E8231" s="1" t="s">
        <v>11</v>
      </c>
    </row>
    <row r="8232">
      <c r="A8232" s="1">
        <v>4.90438136E8</v>
      </c>
      <c r="B8232" s="2">
        <v>12746.0</v>
      </c>
      <c r="C8232" s="1" t="s">
        <v>5</v>
      </c>
      <c r="D8232" s="1" t="s">
        <v>6840</v>
      </c>
      <c r="E8232" s="1" t="s">
        <v>11</v>
      </c>
    </row>
    <row r="8233">
      <c r="A8233" s="1">
        <v>4.90438139E8</v>
      </c>
      <c r="B8233" s="2">
        <v>12720.0</v>
      </c>
      <c r="C8233" s="1" t="s">
        <v>5</v>
      </c>
      <c r="D8233" s="1" t="s">
        <v>6841</v>
      </c>
      <c r="E8233" s="1" t="s">
        <v>7</v>
      </c>
    </row>
    <row r="8234">
      <c r="A8234" s="1">
        <v>4.90438156E8</v>
      </c>
      <c r="B8234" s="2">
        <v>12664.0</v>
      </c>
      <c r="C8234" s="1" t="s">
        <v>5</v>
      </c>
      <c r="D8234" s="1" t="s">
        <v>11</v>
      </c>
      <c r="E8234" s="1" t="s">
        <v>7</v>
      </c>
    </row>
    <row r="8235">
      <c r="A8235" s="1">
        <v>4.90438159E8</v>
      </c>
      <c r="B8235" s="2">
        <v>12584.0</v>
      </c>
      <c r="C8235" s="1" t="s">
        <v>5</v>
      </c>
      <c r="D8235" s="1" t="s">
        <v>6842</v>
      </c>
      <c r="E8235" s="1" t="s">
        <v>11</v>
      </c>
    </row>
    <row r="8236">
      <c r="A8236" s="1">
        <v>4.90438166E8</v>
      </c>
      <c r="B8236" s="2">
        <v>12632.0</v>
      </c>
      <c r="C8236" s="1" t="s">
        <v>5</v>
      </c>
      <c r="D8236" s="1" t="s">
        <v>6843</v>
      </c>
      <c r="E8236" s="1" t="s">
        <v>6844</v>
      </c>
    </row>
    <row r="8237">
      <c r="A8237" s="1">
        <v>4.90438173E8</v>
      </c>
      <c r="B8237" s="2">
        <v>12584.0</v>
      </c>
      <c r="C8237" s="1" t="s">
        <v>5</v>
      </c>
      <c r="D8237" s="1" t="s">
        <v>6845</v>
      </c>
      <c r="E8237" s="1" t="s">
        <v>7</v>
      </c>
    </row>
    <row r="8238">
      <c r="A8238" s="1">
        <v>4.90438199E8</v>
      </c>
      <c r="B8238" s="2">
        <v>12579.0</v>
      </c>
      <c r="C8238" s="1" t="s">
        <v>5</v>
      </c>
      <c r="D8238" s="1" t="s">
        <v>6846</v>
      </c>
      <c r="E8238" s="1" t="s">
        <v>11</v>
      </c>
    </row>
    <row r="8239">
      <c r="A8239" s="1">
        <v>4.904382E8</v>
      </c>
      <c r="B8239" s="2">
        <v>12679.0</v>
      </c>
      <c r="C8239" s="1" t="s">
        <v>5</v>
      </c>
      <c r="D8239" s="1" t="s">
        <v>6847</v>
      </c>
      <c r="E8239" s="1" t="s">
        <v>11</v>
      </c>
    </row>
    <row r="8240">
      <c r="A8240" s="1">
        <v>4.90438202E8</v>
      </c>
      <c r="B8240" s="2">
        <v>12708.0</v>
      </c>
      <c r="C8240" s="1" t="s">
        <v>5</v>
      </c>
      <c r="D8240" s="1" t="s">
        <v>6848</v>
      </c>
      <c r="E8240" s="1" t="s">
        <v>7</v>
      </c>
    </row>
    <row r="8241">
      <c r="A8241" s="1">
        <v>4.90438218E8</v>
      </c>
      <c r="B8241" s="2">
        <v>12584.0</v>
      </c>
      <c r="C8241" s="1" t="s">
        <v>5</v>
      </c>
      <c r="D8241" s="1" t="s">
        <v>6849</v>
      </c>
      <c r="E8241" s="1" t="s">
        <v>11</v>
      </c>
    </row>
    <row r="8242">
      <c r="A8242" s="1">
        <v>4.90438233E8</v>
      </c>
      <c r="B8242" s="2">
        <v>12579.0</v>
      </c>
      <c r="C8242" s="1" t="s">
        <v>5</v>
      </c>
      <c r="D8242" s="1" t="s">
        <v>6850</v>
      </c>
      <c r="E8242" s="1" t="s">
        <v>7</v>
      </c>
    </row>
    <row r="8243">
      <c r="A8243" s="1">
        <v>4.90438238E8</v>
      </c>
      <c r="B8243" s="2">
        <v>12752.0</v>
      </c>
      <c r="C8243" s="1" t="s">
        <v>5</v>
      </c>
      <c r="D8243" s="1" t="s">
        <v>6851</v>
      </c>
      <c r="E8243" s="1" t="s">
        <v>11</v>
      </c>
    </row>
    <row r="8244">
      <c r="A8244" s="1">
        <v>4.90438239E8</v>
      </c>
      <c r="B8244" s="2">
        <v>12584.0</v>
      </c>
      <c r="C8244" s="1" t="s">
        <v>5</v>
      </c>
      <c r="D8244" s="1" t="s">
        <v>6852</v>
      </c>
      <c r="E8244" s="1" t="s">
        <v>11</v>
      </c>
    </row>
    <row r="8245">
      <c r="A8245" s="1">
        <v>4.9043824E8</v>
      </c>
      <c r="B8245" s="2">
        <v>12672.0</v>
      </c>
      <c r="C8245" s="1" t="s">
        <v>5</v>
      </c>
      <c r="D8245" s="1" t="s">
        <v>6853</v>
      </c>
      <c r="E8245" s="1" t="s">
        <v>11</v>
      </c>
    </row>
    <row r="8246">
      <c r="A8246" s="1">
        <v>4.90438269E8</v>
      </c>
      <c r="B8246" s="2">
        <v>12678.0</v>
      </c>
      <c r="C8246" s="1" t="s">
        <v>5</v>
      </c>
      <c r="D8246" s="1" t="s">
        <v>11</v>
      </c>
      <c r="E8246" s="1" t="s">
        <v>7</v>
      </c>
    </row>
    <row r="8247">
      <c r="A8247" s="1">
        <v>4.90438304E8</v>
      </c>
      <c r="B8247" s="2">
        <v>12636.0</v>
      </c>
      <c r="C8247" s="1" t="s">
        <v>5</v>
      </c>
      <c r="D8247" s="1" t="s">
        <v>6854</v>
      </c>
      <c r="E8247" s="1" t="s">
        <v>7</v>
      </c>
    </row>
    <row r="8248">
      <c r="A8248" s="1">
        <v>4.90438323E8</v>
      </c>
      <c r="B8248" s="2">
        <v>12692.0</v>
      </c>
      <c r="C8248" s="1" t="s">
        <v>5</v>
      </c>
      <c r="D8248" s="1" t="s">
        <v>6855</v>
      </c>
      <c r="E8248" s="1" t="s">
        <v>7</v>
      </c>
    </row>
    <row r="8249">
      <c r="A8249" s="1">
        <v>4.90438324E8</v>
      </c>
      <c r="B8249" s="2">
        <v>12748.0</v>
      </c>
      <c r="C8249" s="1" t="s">
        <v>5</v>
      </c>
      <c r="D8249" s="1" t="s">
        <v>6856</v>
      </c>
      <c r="E8249" s="1" t="s">
        <v>11</v>
      </c>
    </row>
    <row r="8250">
      <c r="A8250" s="1">
        <v>4.90438326E8</v>
      </c>
      <c r="B8250" s="2">
        <v>12751.0</v>
      </c>
      <c r="C8250" s="1" t="s">
        <v>5</v>
      </c>
      <c r="D8250" s="1" t="s">
        <v>6857</v>
      </c>
      <c r="E8250" s="1" t="s">
        <v>11</v>
      </c>
    </row>
    <row r="8251">
      <c r="A8251" s="1">
        <v>4.90438337E8</v>
      </c>
      <c r="B8251" s="2">
        <v>12679.0</v>
      </c>
      <c r="C8251" s="1" t="s">
        <v>5</v>
      </c>
      <c r="D8251" s="1" t="s">
        <v>6858</v>
      </c>
      <c r="E8251" s="1" t="s">
        <v>7</v>
      </c>
    </row>
    <row r="8252">
      <c r="A8252" s="1">
        <v>4.90438349E8</v>
      </c>
      <c r="B8252" s="2">
        <v>12753.0</v>
      </c>
      <c r="C8252" s="1" t="s">
        <v>5</v>
      </c>
      <c r="D8252" s="1" t="s">
        <v>6859</v>
      </c>
      <c r="E8252" s="1" t="s">
        <v>7</v>
      </c>
    </row>
    <row r="8253">
      <c r="A8253" s="1">
        <v>4.90438374E8</v>
      </c>
      <c r="B8253" s="2">
        <v>12636.0</v>
      </c>
      <c r="C8253" s="1" t="s">
        <v>5</v>
      </c>
      <c r="D8253" s="1" t="s">
        <v>6860</v>
      </c>
      <c r="E8253" s="1" t="s">
        <v>11</v>
      </c>
    </row>
    <row r="8254">
      <c r="A8254" s="1">
        <v>4.90438379E8</v>
      </c>
      <c r="B8254" s="2">
        <v>12583.0</v>
      </c>
      <c r="C8254" s="1" t="s">
        <v>5</v>
      </c>
      <c r="D8254" s="1" t="s">
        <v>6861</v>
      </c>
      <c r="E8254" s="1" t="s">
        <v>6862</v>
      </c>
    </row>
    <row r="8255">
      <c r="A8255" s="1">
        <v>4.90438442E8</v>
      </c>
      <c r="B8255" s="2">
        <v>12678.0</v>
      </c>
      <c r="C8255" s="1" t="s">
        <v>5</v>
      </c>
      <c r="D8255" s="1" t="s">
        <v>6863</v>
      </c>
      <c r="E8255" s="1" t="s">
        <v>7</v>
      </c>
    </row>
    <row r="8256">
      <c r="A8256" s="1">
        <v>4.90438445E8</v>
      </c>
      <c r="B8256" s="2">
        <v>12744.0</v>
      </c>
      <c r="C8256" s="1" t="s">
        <v>5</v>
      </c>
      <c r="D8256" s="1" t="s">
        <v>6864</v>
      </c>
      <c r="E8256" s="1" t="s">
        <v>7</v>
      </c>
    </row>
    <row r="8257">
      <c r="A8257" s="1">
        <v>4.90438461E8</v>
      </c>
      <c r="B8257" s="2">
        <v>12578.0</v>
      </c>
      <c r="C8257" s="1" t="s">
        <v>5</v>
      </c>
      <c r="D8257" s="1" t="s">
        <v>6865</v>
      </c>
      <c r="E8257" s="1" t="s">
        <v>11</v>
      </c>
    </row>
    <row r="8258">
      <c r="A8258" s="1">
        <v>4.90438502E8</v>
      </c>
      <c r="B8258" s="2">
        <v>12744.0</v>
      </c>
      <c r="C8258" s="1" t="s">
        <v>5</v>
      </c>
      <c r="D8258" s="1" t="s">
        <v>6866</v>
      </c>
      <c r="E8258" s="1" t="s">
        <v>7</v>
      </c>
    </row>
    <row r="8259">
      <c r="A8259" s="1">
        <v>4.90438511E8</v>
      </c>
      <c r="B8259" s="2">
        <v>12590.0</v>
      </c>
      <c r="C8259" s="1" t="s">
        <v>5</v>
      </c>
      <c r="D8259" s="1" t="s">
        <v>6867</v>
      </c>
      <c r="E8259" s="1" t="s">
        <v>11</v>
      </c>
    </row>
    <row r="8260">
      <c r="A8260" s="1">
        <v>4.90438517E8</v>
      </c>
      <c r="B8260" s="2">
        <v>12699.0</v>
      </c>
      <c r="C8260" s="1" t="s">
        <v>5</v>
      </c>
      <c r="D8260" s="1" t="s">
        <v>6868</v>
      </c>
      <c r="E8260" s="1" t="s">
        <v>11</v>
      </c>
    </row>
    <row r="8261">
      <c r="A8261" s="1">
        <v>4.9043853E8</v>
      </c>
      <c r="B8261" s="2">
        <v>12695.0</v>
      </c>
      <c r="C8261" s="1" t="s">
        <v>5</v>
      </c>
      <c r="D8261" s="1" t="s">
        <v>6869</v>
      </c>
      <c r="E8261" s="1" t="s">
        <v>6870</v>
      </c>
    </row>
    <row r="8262">
      <c r="A8262" s="1">
        <v>4.90438533E8</v>
      </c>
      <c r="B8262" s="2">
        <v>12583.0</v>
      </c>
      <c r="C8262" s="1" t="s">
        <v>5</v>
      </c>
      <c r="D8262" s="1" t="s">
        <v>6871</v>
      </c>
      <c r="E8262" s="1" t="s">
        <v>11</v>
      </c>
    </row>
    <row r="8263">
      <c r="A8263" s="1">
        <v>4.90438536E8</v>
      </c>
      <c r="B8263" s="2">
        <v>12743.0</v>
      </c>
      <c r="C8263" s="1" t="s">
        <v>5</v>
      </c>
      <c r="D8263" s="1" t="s">
        <v>6872</v>
      </c>
      <c r="E8263" s="1" t="s">
        <v>7</v>
      </c>
    </row>
    <row r="8264">
      <c r="A8264" s="1">
        <v>4.90438547E8</v>
      </c>
      <c r="B8264" s="2">
        <v>12753.0</v>
      </c>
      <c r="C8264" s="1" t="s">
        <v>5</v>
      </c>
      <c r="D8264" s="1" t="s">
        <v>6873</v>
      </c>
      <c r="E8264" s="1" t="s">
        <v>11</v>
      </c>
    </row>
    <row r="8265">
      <c r="A8265" s="1">
        <v>4.90438563E8</v>
      </c>
      <c r="B8265" s="2">
        <v>12752.0</v>
      </c>
      <c r="C8265" s="1" t="s">
        <v>5</v>
      </c>
      <c r="D8265" s="1" t="s">
        <v>6874</v>
      </c>
      <c r="E8265" s="1" t="s">
        <v>11</v>
      </c>
    </row>
    <row r="8266">
      <c r="A8266" s="1">
        <v>4.90438576E8</v>
      </c>
      <c r="B8266" s="2">
        <v>12676.0</v>
      </c>
      <c r="C8266" s="1" t="s">
        <v>5</v>
      </c>
      <c r="D8266" s="1" t="s">
        <v>6875</v>
      </c>
      <c r="E8266" s="1" t="s">
        <v>7</v>
      </c>
    </row>
    <row r="8267">
      <c r="A8267" s="1">
        <v>4.90438583E8</v>
      </c>
      <c r="B8267" s="2">
        <v>12753.0</v>
      </c>
      <c r="C8267" s="1" t="s">
        <v>5</v>
      </c>
      <c r="D8267" s="1" t="s">
        <v>6876</v>
      </c>
      <c r="E8267" s="1" t="s">
        <v>7</v>
      </c>
    </row>
    <row r="8268">
      <c r="A8268" s="1">
        <v>4.90438599E8</v>
      </c>
      <c r="B8268" s="2">
        <v>12749.0</v>
      </c>
      <c r="C8268" s="1" t="s">
        <v>5</v>
      </c>
      <c r="D8268" s="1" t="s">
        <v>6877</v>
      </c>
      <c r="E8268" s="1" t="s">
        <v>11</v>
      </c>
    </row>
    <row r="8269">
      <c r="A8269" s="1">
        <v>4.90438629E8</v>
      </c>
      <c r="B8269" s="2">
        <v>12578.0</v>
      </c>
      <c r="C8269" s="1" t="s">
        <v>5</v>
      </c>
      <c r="D8269" s="1" t="s">
        <v>6878</v>
      </c>
      <c r="E8269" s="1" t="s">
        <v>11</v>
      </c>
    </row>
    <row r="8270">
      <c r="A8270" s="1">
        <v>4.9043864E8</v>
      </c>
      <c r="B8270" s="2">
        <v>12753.0</v>
      </c>
      <c r="C8270" s="1" t="s">
        <v>5</v>
      </c>
      <c r="D8270" s="1" t="s">
        <v>6879</v>
      </c>
      <c r="E8270" s="1" t="s">
        <v>7</v>
      </c>
    </row>
    <row r="8271">
      <c r="A8271" s="1">
        <v>4.90438642E8</v>
      </c>
      <c r="B8271" s="2">
        <v>12589.0</v>
      </c>
      <c r="C8271" s="1" t="s">
        <v>5</v>
      </c>
      <c r="D8271" s="1" t="s">
        <v>6880</v>
      </c>
      <c r="E8271" s="1" t="s">
        <v>6881</v>
      </c>
    </row>
    <row r="8272">
      <c r="A8272" s="1">
        <v>4.90438645E8</v>
      </c>
      <c r="B8272" s="2">
        <v>12592.0</v>
      </c>
      <c r="C8272" s="1" t="s">
        <v>5</v>
      </c>
      <c r="D8272" s="1" t="s">
        <v>6882</v>
      </c>
      <c r="E8272" s="1" t="s">
        <v>6883</v>
      </c>
    </row>
    <row r="8273">
      <c r="A8273" s="1">
        <v>4.90438651E8</v>
      </c>
      <c r="B8273" s="2">
        <v>12668.0</v>
      </c>
      <c r="C8273" s="1" t="s">
        <v>5</v>
      </c>
      <c r="D8273" s="1" t="s">
        <v>6884</v>
      </c>
      <c r="E8273" s="1" t="s">
        <v>7</v>
      </c>
    </row>
    <row r="8274">
      <c r="A8274" s="1">
        <v>4.90438656E8</v>
      </c>
      <c r="B8274" s="2">
        <v>12663.0</v>
      </c>
      <c r="C8274" s="1" t="s">
        <v>5</v>
      </c>
      <c r="D8274" s="1" t="s">
        <v>6885</v>
      </c>
      <c r="E8274" s="1" t="s">
        <v>11</v>
      </c>
    </row>
    <row r="8275">
      <c r="A8275" s="1">
        <v>4.90438658E8</v>
      </c>
      <c r="B8275" s="2">
        <v>12578.0</v>
      </c>
      <c r="C8275" s="1" t="s">
        <v>5</v>
      </c>
      <c r="D8275" s="1" t="s">
        <v>11</v>
      </c>
      <c r="E8275" s="1" t="s">
        <v>7</v>
      </c>
    </row>
    <row r="8276">
      <c r="A8276" s="1">
        <v>4.90438664E8</v>
      </c>
      <c r="B8276" s="2">
        <v>12751.0</v>
      </c>
      <c r="C8276" s="1" t="s">
        <v>5</v>
      </c>
      <c r="D8276" s="1" t="s">
        <v>6886</v>
      </c>
      <c r="E8276" s="1" t="s">
        <v>7</v>
      </c>
    </row>
    <row r="8277">
      <c r="A8277" s="1">
        <v>4.90438678E8</v>
      </c>
      <c r="B8277" s="2">
        <v>12699.0</v>
      </c>
      <c r="C8277" s="1" t="s">
        <v>5</v>
      </c>
      <c r="D8277" s="1" t="s">
        <v>6887</v>
      </c>
      <c r="E8277" s="1" t="s">
        <v>7</v>
      </c>
    </row>
    <row r="8278">
      <c r="A8278" s="1">
        <v>4.90438696E8</v>
      </c>
      <c r="B8278" s="2">
        <v>12582.0</v>
      </c>
      <c r="C8278" s="1" t="s">
        <v>5</v>
      </c>
      <c r="D8278" s="1" t="s">
        <v>11</v>
      </c>
      <c r="E8278" s="1" t="s">
        <v>7</v>
      </c>
    </row>
    <row r="8279">
      <c r="A8279" s="1">
        <v>4.90438698E8</v>
      </c>
      <c r="B8279" s="2">
        <v>12691.0</v>
      </c>
      <c r="C8279" s="1" t="s">
        <v>5</v>
      </c>
      <c r="D8279" s="1" t="s">
        <v>6888</v>
      </c>
      <c r="E8279" s="1" t="s">
        <v>7</v>
      </c>
    </row>
    <row r="8280">
      <c r="A8280" s="1">
        <v>4.90438702E8</v>
      </c>
      <c r="B8280" s="2">
        <v>12664.0</v>
      </c>
      <c r="C8280" s="1" t="s">
        <v>5</v>
      </c>
      <c r="D8280" s="1" t="s">
        <v>11</v>
      </c>
      <c r="E8280" s="1" t="s">
        <v>7</v>
      </c>
    </row>
    <row r="8281">
      <c r="A8281" s="1">
        <v>4.90438721E8</v>
      </c>
      <c r="B8281" s="2">
        <v>12741.0</v>
      </c>
      <c r="C8281" s="1" t="s">
        <v>5</v>
      </c>
      <c r="D8281" s="1" t="s">
        <v>6889</v>
      </c>
      <c r="E8281" s="1" t="s">
        <v>7</v>
      </c>
    </row>
    <row r="8282">
      <c r="A8282" s="1">
        <v>4.90438733E8</v>
      </c>
      <c r="B8282" s="2">
        <v>12678.0</v>
      </c>
      <c r="C8282" s="1" t="s">
        <v>5</v>
      </c>
      <c r="D8282" s="1" t="s">
        <v>6890</v>
      </c>
      <c r="E8282" s="1" t="s">
        <v>7</v>
      </c>
    </row>
    <row r="8283">
      <c r="A8283" s="1">
        <v>4.90438762E8</v>
      </c>
      <c r="B8283" s="2">
        <v>12582.0</v>
      </c>
      <c r="C8283" s="1" t="s">
        <v>5</v>
      </c>
      <c r="D8283" s="1" t="s">
        <v>6891</v>
      </c>
      <c r="E8283" s="1" t="s">
        <v>7</v>
      </c>
    </row>
    <row r="8284">
      <c r="A8284" s="1">
        <v>4.90438765E8</v>
      </c>
      <c r="B8284" s="2">
        <v>12678.0</v>
      </c>
      <c r="C8284" s="1" t="s">
        <v>5</v>
      </c>
      <c r="D8284" s="1" t="s">
        <v>6892</v>
      </c>
      <c r="E8284" s="1" t="s">
        <v>7</v>
      </c>
    </row>
    <row r="8285">
      <c r="A8285" s="1">
        <v>4.90438773E8</v>
      </c>
      <c r="B8285" s="2">
        <v>12749.0</v>
      </c>
      <c r="C8285" s="1" t="s">
        <v>5</v>
      </c>
      <c r="D8285" s="1" t="s">
        <v>6893</v>
      </c>
      <c r="E8285" s="1" t="s">
        <v>7</v>
      </c>
    </row>
    <row r="8286">
      <c r="A8286" s="1">
        <v>4.90438776E8</v>
      </c>
      <c r="B8286" s="2">
        <v>12588.0</v>
      </c>
      <c r="C8286" s="1" t="s">
        <v>5</v>
      </c>
      <c r="D8286" s="1" t="s">
        <v>6894</v>
      </c>
      <c r="E8286" s="1" t="s">
        <v>7</v>
      </c>
    </row>
    <row r="8287">
      <c r="A8287" s="1">
        <v>4.90438787E8</v>
      </c>
      <c r="B8287" s="2">
        <v>12581.0</v>
      </c>
      <c r="C8287" s="1" t="s">
        <v>5</v>
      </c>
      <c r="D8287" s="1" t="s">
        <v>6895</v>
      </c>
      <c r="E8287" s="1" t="s">
        <v>7</v>
      </c>
    </row>
    <row r="8288">
      <c r="A8288" s="1">
        <v>4.90438788E8</v>
      </c>
      <c r="B8288" s="2">
        <v>12581.0</v>
      </c>
      <c r="C8288" s="1" t="s">
        <v>5</v>
      </c>
      <c r="D8288" s="1" t="s">
        <v>11</v>
      </c>
      <c r="E8288" s="1" t="s">
        <v>7</v>
      </c>
    </row>
    <row r="8289">
      <c r="A8289" s="1">
        <v>4.90438794E8</v>
      </c>
      <c r="B8289" s="2">
        <v>12745.0</v>
      </c>
      <c r="C8289" s="1" t="s">
        <v>5</v>
      </c>
      <c r="D8289" s="1" t="s">
        <v>6896</v>
      </c>
      <c r="E8289" s="1" t="s">
        <v>7</v>
      </c>
    </row>
    <row r="8290">
      <c r="A8290" s="1">
        <v>4.90438812E8</v>
      </c>
      <c r="B8290" s="2">
        <v>12675.0</v>
      </c>
      <c r="C8290" s="1" t="s">
        <v>5</v>
      </c>
      <c r="D8290" s="1" t="s">
        <v>6897</v>
      </c>
      <c r="E8290" s="1" t="s">
        <v>7</v>
      </c>
    </row>
    <row r="8291">
      <c r="A8291" s="1">
        <v>4.90438825E8</v>
      </c>
      <c r="B8291" s="2">
        <v>12745.0</v>
      </c>
      <c r="C8291" s="1" t="s">
        <v>5</v>
      </c>
      <c r="D8291" s="1" t="s">
        <v>6898</v>
      </c>
      <c r="E8291" s="1" t="s">
        <v>11</v>
      </c>
    </row>
    <row r="8292">
      <c r="A8292" s="1">
        <v>4.9043885E8</v>
      </c>
      <c r="B8292" s="2">
        <v>12749.0</v>
      </c>
      <c r="C8292" s="1" t="s">
        <v>5</v>
      </c>
      <c r="D8292" s="1" t="s">
        <v>6899</v>
      </c>
      <c r="E8292" s="1" t="s">
        <v>7</v>
      </c>
    </row>
    <row r="8293">
      <c r="A8293" s="1">
        <v>4.90438853E8</v>
      </c>
      <c r="B8293" s="2">
        <v>12694.0</v>
      </c>
      <c r="C8293" s="1" t="s">
        <v>5</v>
      </c>
      <c r="D8293" s="1" t="s">
        <v>11</v>
      </c>
      <c r="E8293" s="1" t="s">
        <v>7</v>
      </c>
    </row>
    <row r="8294">
      <c r="A8294" s="1">
        <v>4.90438856E8</v>
      </c>
      <c r="B8294" s="2">
        <v>12739.0</v>
      </c>
      <c r="C8294" s="1" t="s">
        <v>5</v>
      </c>
      <c r="D8294" s="1" t="s">
        <v>6900</v>
      </c>
      <c r="E8294" s="1" t="s">
        <v>7</v>
      </c>
    </row>
    <row r="8295">
      <c r="A8295" s="1">
        <v>4.90438862E8</v>
      </c>
      <c r="B8295" s="2">
        <v>12741.0</v>
      </c>
      <c r="C8295" s="1" t="s">
        <v>5</v>
      </c>
      <c r="D8295" s="1" t="s">
        <v>11</v>
      </c>
      <c r="E8295" s="1" t="s">
        <v>7</v>
      </c>
    </row>
    <row r="8296">
      <c r="A8296" s="1">
        <v>4.90438885E8</v>
      </c>
      <c r="B8296" s="2">
        <v>12690.0</v>
      </c>
      <c r="C8296" s="1" t="s">
        <v>5</v>
      </c>
      <c r="D8296" s="1" t="s">
        <v>6901</v>
      </c>
      <c r="E8296" s="1" t="s">
        <v>7</v>
      </c>
    </row>
    <row r="8297">
      <c r="A8297" s="1">
        <v>4.90438903E8</v>
      </c>
      <c r="B8297" s="2">
        <v>12749.0</v>
      </c>
      <c r="C8297" s="1" t="s">
        <v>5</v>
      </c>
      <c r="D8297" s="1" t="s">
        <v>6902</v>
      </c>
      <c r="E8297" s="1" t="s">
        <v>7</v>
      </c>
    </row>
    <row r="8298">
      <c r="A8298" s="1">
        <v>4.90438904E8</v>
      </c>
      <c r="B8298" s="2">
        <v>12694.0</v>
      </c>
      <c r="C8298" s="1" t="s">
        <v>5</v>
      </c>
      <c r="D8298" s="1" t="s">
        <v>11</v>
      </c>
      <c r="E8298" s="1" t="s">
        <v>7</v>
      </c>
    </row>
    <row r="8299">
      <c r="A8299" s="1">
        <v>4.90438906E8</v>
      </c>
      <c r="B8299" s="2">
        <v>12676.0</v>
      </c>
      <c r="C8299" s="1" t="s">
        <v>5</v>
      </c>
      <c r="D8299" s="1" t="s">
        <v>6903</v>
      </c>
      <c r="E8299" s="1" t="s">
        <v>11</v>
      </c>
    </row>
    <row r="8300">
      <c r="A8300" s="1">
        <v>4.90438907E8</v>
      </c>
      <c r="B8300" s="2">
        <v>12745.0</v>
      </c>
      <c r="C8300" s="1" t="s">
        <v>5</v>
      </c>
      <c r="D8300" s="1" t="s">
        <v>6904</v>
      </c>
      <c r="E8300" s="1" t="s">
        <v>11</v>
      </c>
    </row>
    <row r="8301">
      <c r="A8301" s="1">
        <v>4.90438908E8</v>
      </c>
      <c r="B8301" s="2">
        <v>12751.0</v>
      </c>
      <c r="C8301" s="1" t="s">
        <v>5</v>
      </c>
      <c r="D8301" s="1" t="s">
        <v>6905</v>
      </c>
      <c r="E8301" s="1" t="s">
        <v>7</v>
      </c>
    </row>
    <row r="8302">
      <c r="A8302" s="1">
        <v>4.90438909E8</v>
      </c>
      <c r="B8302" s="2">
        <v>12720.0</v>
      </c>
      <c r="C8302" s="1" t="s">
        <v>5</v>
      </c>
      <c r="D8302" s="1" t="s">
        <v>6906</v>
      </c>
      <c r="E8302" s="1" t="s">
        <v>11</v>
      </c>
    </row>
    <row r="8303">
      <c r="A8303" s="1">
        <v>4.90438914E8</v>
      </c>
      <c r="B8303" s="2">
        <v>12586.0</v>
      </c>
      <c r="C8303" s="1" t="s">
        <v>5</v>
      </c>
      <c r="D8303" s="1" t="s">
        <v>6907</v>
      </c>
      <c r="E8303" s="1" t="s">
        <v>7</v>
      </c>
    </row>
    <row r="8304">
      <c r="A8304" s="1">
        <v>4.90438936E8</v>
      </c>
      <c r="B8304" s="2">
        <v>12720.0</v>
      </c>
      <c r="C8304" s="1" t="s">
        <v>5</v>
      </c>
      <c r="D8304" s="1" t="s">
        <v>6908</v>
      </c>
      <c r="E8304" s="1" t="s">
        <v>7</v>
      </c>
    </row>
    <row r="8305">
      <c r="A8305" s="1">
        <v>4.90438949E8</v>
      </c>
      <c r="B8305" s="2">
        <v>12580.0</v>
      </c>
      <c r="C8305" s="1" t="s">
        <v>5</v>
      </c>
      <c r="D8305" s="1" t="s">
        <v>6909</v>
      </c>
      <c r="E8305" s="1" t="s">
        <v>7</v>
      </c>
    </row>
    <row r="8306">
      <c r="A8306" s="1">
        <v>4.9043895E8</v>
      </c>
      <c r="B8306" s="2">
        <v>12676.0</v>
      </c>
      <c r="C8306" s="1" t="s">
        <v>5</v>
      </c>
      <c r="D8306" s="1" t="s">
        <v>6910</v>
      </c>
      <c r="E8306" s="1" t="s">
        <v>7</v>
      </c>
    </row>
    <row r="8307">
      <c r="A8307" s="1">
        <v>4.90438957E8</v>
      </c>
      <c r="B8307" s="2">
        <v>12749.0</v>
      </c>
      <c r="C8307" s="1" t="s">
        <v>5</v>
      </c>
      <c r="D8307" s="1" t="s">
        <v>11</v>
      </c>
      <c r="E8307" s="1" t="s">
        <v>7</v>
      </c>
    </row>
    <row r="8308">
      <c r="A8308" s="1">
        <v>4.90438964E8</v>
      </c>
      <c r="B8308" s="2">
        <v>12748.0</v>
      </c>
      <c r="C8308" s="1" t="s">
        <v>5</v>
      </c>
      <c r="D8308" s="1" t="s">
        <v>6911</v>
      </c>
      <c r="E8308" s="1" t="s">
        <v>6912</v>
      </c>
    </row>
    <row r="8309">
      <c r="A8309" s="1">
        <v>4.90438973E8</v>
      </c>
      <c r="B8309" s="2">
        <v>12720.0</v>
      </c>
      <c r="C8309" s="1" t="s">
        <v>5</v>
      </c>
      <c r="D8309" s="1" t="s">
        <v>6913</v>
      </c>
      <c r="E8309" s="1" t="s">
        <v>11</v>
      </c>
    </row>
    <row r="8310">
      <c r="A8310" s="1">
        <v>4.90439013E8</v>
      </c>
      <c r="B8310" s="2">
        <v>12591.0</v>
      </c>
      <c r="C8310" s="1" t="s">
        <v>5</v>
      </c>
      <c r="D8310" s="1" t="s">
        <v>11</v>
      </c>
      <c r="E8310" s="1" t="s">
        <v>7</v>
      </c>
    </row>
    <row r="8311">
      <c r="A8311" s="1">
        <v>4.90439051E8</v>
      </c>
      <c r="B8311" s="2">
        <v>12745.0</v>
      </c>
      <c r="C8311" s="1" t="s">
        <v>5</v>
      </c>
      <c r="D8311" s="1" t="s">
        <v>6914</v>
      </c>
      <c r="E8311" s="1" t="s">
        <v>11</v>
      </c>
    </row>
    <row r="8312">
      <c r="A8312" s="1">
        <v>4.90439061E8</v>
      </c>
      <c r="B8312" s="2">
        <v>12674.0</v>
      </c>
      <c r="C8312" s="1" t="s">
        <v>5</v>
      </c>
      <c r="D8312" s="1" t="s">
        <v>11</v>
      </c>
      <c r="E8312" s="1" t="s">
        <v>7</v>
      </c>
    </row>
    <row r="8313">
      <c r="A8313" s="1">
        <v>4.90439062E8</v>
      </c>
      <c r="B8313" s="2">
        <v>12664.0</v>
      </c>
      <c r="C8313" s="1" t="s">
        <v>5</v>
      </c>
      <c r="D8313" s="1" t="s">
        <v>6915</v>
      </c>
      <c r="E8313" s="1" t="s">
        <v>7</v>
      </c>
    </row>
    <row r="8314">
      <c r="A8314" s="1">
        <v>4.90439087E8</v>
      </c>
      <c r="B8314" s="2">
        <v>12749.0</v>
      </c>
      <c r="C8314" s="1" t="s">
        <v>5</v>
      </c>
      <c r="D8314" s="1" t="s">
        <v>6916</v>
      </c>
      <c r="E8314" s="1" t="s">
        <v>6917</v>
      </c>
    </row>
    <row r="8315">
      <c r="A8315" s="1">
        <v>4.90439102E8</v>
      </c>
      <c r="B8315" s="2">
        <v>12672.0</v>
      </c>
      <c r="C8315" s="1" t="s">
        <v>5</v>
      </c>
      <c r="D8315" s="1" t="s">
        <v>6918</v>
      </c>
      <c r="E8315" s="1" t="s">
        <v>11</v>
      </c>
    </row>
    <row r="8316">
      <c r="A8316" s="1">
        <v>4.90439111E8</v>
      </c>
      <c r="B8316" s="2">
        <v>12720.0</v>
      </c>
      <c r="C8316" s="1" t="s">
        <v>5</v>
      </c>
      <c r="D8316" s="1" t="s">
        <v>6919</v>
      </c>
      <c r="E8316" s="1" t="s">
        <v>6920</v>
      </c>
    </row>
    <row r="8317">
      <c r="A8317" s="1">
        <v>4.90439113E8</v>
      </c>
      <c r="B8317" s="2">
        <v>12636.0</v>
      </c>
      <c r="C8317" s="1" t="s">
        <v>5</v>
      </c>
      <c r="D8317" s="1" t="s">
        <v>6921</v>
      </c>
      <c r="E8317" s="1" t="s">
        <v>7</v>
      </c>
    </row>
    <row r="8318">
      <c r="A8318" s="1">
        <v>4.90439146E8</v>
      </c>
      <c r="B8318" s="2">
        <v>12748.0</v>
      </c>
      <c r="C8318" s="1" t="s">
        <v>5</v>
      </c>
      <c r="D8318" s="1" t="s">
        <v>6922</v>
      </c>
      <c r="E8318" s="1" t="s">
        <v>7</v>
      </c>
    </row>
    <row r="8319">
      <c r="A8319" s="1">
        <v>4.90439153E8</v>
      </c>
      <c r="B8319" s="2">
        <v>12748.0</v>
      </c>
      <c r="C8319" s="1" t="s">
        <v>5</v>
      </c>
      <c r="D8319" s="1" t="s">
        <v>6923</v>
      </c>
      <c r="E8319" s="1" t="s">
        <v>7</v>
      </c>
    </row>
    <row r="8320">
      <c r="A8320" s="1">
        <v>4.9043916E8</v>
      </c>
      <c r="B8320" s="2">
        <v>12690.0</v>
      </c>
      <c r="C8320" s="1" t="s">
        <v>5</v>
      </c>
      <c r="D8320" s="1" t="s">
        <v>6924</v>
      </c>
      <c r="E8320" s="1" t="s">
        <v>7</v>
      </c>
    </row>
    <row r="8321">
      <c r="A8321" s="1">
        <v>4.90439189E8</v>
      </c>
      <c r="B8321" s="2">
        <v>12674.0</v>
      </c>
      <c r="C8321" s="1" t="s">
        <v>5</v>
      </c>
      <c r="D8321" s="1" t="s">
        <v>6925</v>
      </c>
      <c r="E8321" s="1" t="s">
        <v>7</v>
      </c>
    </row>
    <row r="8322">
      <c r="A8322" s="1">
        <v>4.90439245E8</v>
      </c>
      <c r="B8322" s="2">
        <v>12741.0</v>
      </c>
      <c r="C8322" s="1" t="s">
        <v>5</v>
      </c>
      <c r="D8322" s="1" t="s">
        <v>11</v>
      </c>
      <c r="E8322" s="1" t="s">
        <v>7</v>
      </c>
    </row>
    <row r="8323">
      <c r="A8323" s="1">
        <v>4.90439282E8</v>
      </c>
      <c r="B8323" s="2">
        <v>12719.0</v>
      </c>
      <c r="C8323" s="1" t="s">
        <v>5</v>
      </c>
      <c r="D8323" s="1" t="s">
        <v>6926</v>
      </c>
      <c r="E8323" s="1" t="s">
        <v>7</v>
      </c>
    </row>
    <row r="8324">
      <c r="A8324" s="1">
        <v>4.90439299E8</v>
      </c>
      <c r="B8324" s="2">
        <v>12746.0</v>
      </c>
      <c r="C8324" s="1" t="s">
        <v>5</v>
      </c>
      <c r="D8324" s="1" t="s">
        <v>11</v>
      </c>
      <c r="E8324" s="1" t="s">
        <v>7</v>
      </c>
    </row>
    <row r="8325">
      <c r="A8325" s="1">
        <v>4.90439311E8</v>
      </c>
      <c r="B8325" s="2">
        <v>12726.0</v>
      </c>
      <c r="C8325" s="1" t="s">
        <v>5</v>
      </c>
      <c r="D8325" s="1" t="s">
        <v>6927</v>
      </c>
      <c r="E8325" s="1" t="s">
        <v>6928</v>
      </c>
    </row>
    <row r="8326">
      <c r="A8326" s="1">
        <v>4.90439322E8</v>
      </c>
      <c r="B8326" s="2">
        <v>12690.0</v>
      </c>
      <c r="C8326" s="1" t="s">
        <v>5</v>
      </c>
      <c r="D8326" s="1" t="s">
        <v>11</v>
      </c>
      <c r="E8326" s="1" t="s">
        <v>7</v>
      </c>
    </row>
    <row r="8327">
      <c r="A8327" s="1">
        <v>4.90439324E8</v>
      </c>
      <c r="B8327" s="2">
        <v>12723.0</v>
      </c>
      <c r="C8327" s="1" t="s">
        <v>5</v>
      </c>
      <c r="D8327" s="1" t="s">
        <v>6929</v>
      </c>
      <c r="E8327" s="1" t="s">
        <v>11</v>
      </c>
    </row>
    <row r="8328">
      <c r="A8328" s="1">
        <v>4.90439328E8</v>
      </c>
      <c r="B8328" s="2">
        <v>12585.0</v>
      </c>
      <c r="C8328" s="1" t="s">
        <v>5</v>
      </c>
      <c r="D8328" s="1" t="s">
        <v>6930</v>
      </c>
      <c r="E8328" s="1" t="s">
        <v>7</v>
      </c>
    </row>
    <row r="8329">
      <c r="A8329" s="1">
        <v>4.90439332E8</v>
      </c>
      <c r="B8329" s="2">
        <v>12636.0</v>
      </c>
      <c r="C8329" s="1" t="s">
        <v>5</v>
      </c>
      <c r="D8329" s="1" t="s">
        <v>11</v>
      </c>
      <c r="E8329" s="1" t="s">
        <v>7</v>
      </c>
    </row>
    <row r="8330">
      <c r="A8330" s="1">
        <v>4.90439344E8</v>
      </c>
      <c r="B8330" s="2">
        <v>12585.0</v>
      </c>
      <c r="C8330" s="1" t="s">
        <v>5</v>
      </c>
      <c r="D8330" s="1" t="s">
        <v>6931</v>
      </c>
      <c r="E8330" s="1" t="s">
        <v>7</v>
      </c>
    </row>
    <row r="8331">
      <c r="A8331" s="1">
        <v>4.90439371E8</v>
      </c>
      <c r="B8331" s="2">
        <v>12690.0</v>
      </c>
      <c r="C8331" s="1" t="s">
        <v>5</v>
      </c>
      <c r="D8331" s="1" t="s">
        <v>6932</v>
      </c>
      <c r="E8331" s="1" t="s">
        <v>11</v>
      </c>
    </row>
    <row r="8332">
      <c r="A8332" s="1">
        <v>4.90439382E8</v>
      </c>
      <c r="B8332" s="2">
        <v>12723.0</v>
      </c>
      <c r="C8332" s="1" t="s">
        <v>5</v>
      </c>
      <c r="D8332" s="1" t="s">
        <v>6933</v>
      </c>
      <c r="E8332" s="1" t="s">
        <v>7</v>
      </c>
    </row>
    <row r="8333">
      <c r="A8333" s="1">
        <v>4.904394E8</v>
      </c>
      <c r="B8333" s="2">
        <v>12585.0</v>
      </c>
      <c r="C8333" s="1" t="s">
        <v>5</v>
      </c>
      <c r="D8333" s="1" t="s">
        <v>6934</v>
      </c>
      <c r="E8333" s="1" t="s">
        <v>6935</v>
      </c>
    </row>
    <row r="8334">
      <c r="A8334" s="1">
        <v>4.90439402E8</v>
      </c>
      <c r="B8334" s="2">
        <v>12745.0</v>
      </c>
      <c r="C8334" s="1" t="s">
        <v>5</v>
      </c>
      <c r="D8334" s="1" t="s">
        <v>6936</v>
      </c>
      <c r="E8334" s="1" t="s">
        <v>7</v>
      </c>
    </row>
    <row r="8335">
      <c r="A8335" s="1">
        <v>4.90439427E8</v>
      </c>
      <c r="B8335" s="2">
        <v>12664.0</v>
      </c>
      <c r="C8335" s="1" t="s">
        <v>5</v>
      </c>
      <c r="D8335" s="1" t="s">
        <v>6937</v>
      </c>
      <c r="E8335" s="1" t="s">
        <v>6938</v>
      </c>
    </row>
    <row r="8336">
      <c r="A8336" s="1">
        <v>4.90439435E8</v>
      </c>
      <c r="B8336" s="2">
        <v>12585.0</v>
      </c>
      <c r="C8336" s="1" t="s">
        <v>5</v>
      </c>
      <c r="D8336" s="1" t="s">
        <v>6939</v>
      </c>
      <c r="E8336" s="1" t="s">
        <v>6940</v>
      </c>
    </row>
    <row r="8337">
      <c r="A8337" s="1">
        <v>4.9043944E8</v>
      </c>
      <c r="B8337" s="2">
        <v>12670.0</v>
      </c>
      <c r="C8337" s="1" t="s">
        <v>5</v>
      </c>
      <c r="D8337" s="1" t="s">
        <v>11</v>
      </c>
      <c r="E8337" s="1" t="s">
        <v>7</v>
      </c>
    </row>
    <row r="8338">
      <c r="A8338" s="1">
        <v>4.90439446E8</v>
      </c>
      <c r="B8338" s="2">
        <v>12736.0</v>
      </c>
      <c r="C8338" s="1" t="s">
        <v>5</v>
      </c>
      <c r="D8338" s="1" t="s">
        <v>6941</v>
      </c>
      <c r="E8338" s="1" t="s">
        <v>11</v>
      </c>
    </row>
    <row r="8339">
      <c r="A8339" s="1">
        <v>4.90439453E8</v>
      </c>
      <c r="B8339" s="2">
        <v>12739.0</v>
      </c>
      <c r="C8339" s="1" t="s">
        <v>5</v>
      </c>
      <c r="D8339" s="1" t="s">
        <v>6942</v>
      </c>
      <c r="E8339" s="1" t="s">
        <v>7</v>
      </c>
    </row>
    <row r="8340">
      <c r="A8340" s="1">
        <v>4.90439468E8</v>
      </c>
      <c r="B8340" s="2">
        <v>12579.0</v>
      </c>
      <c r="C8340" s="1" t="s">
        <v>5</v>
      </c>
      <c r="D8340" s="1" t="s">
        <v>6943</v>
      </c>
      <c r="E8340" s="1" t="s">
        <v>7</v>
      </c>
    </row>
    <row r="8341">
      <c r="A8341" s="1">
        <v>4.90439473E8</v>
      </c>
      <c r="B8341" s="2">
        <v>12589.0</v>
      </c>
      <c r="C8341" s="1" t="s">
        <v>5</v>
      </c>
      <c r="D8341" s="1" t="s">
        <v>6944</v>
      </c>
      <c r="E8341" s="1" t="s">
        <v>7</v>
      </c>
    </row>
    <row r="8342">
      <c r="A8342" s="1">
        <v>4.9043949E8</v>
      </c>
      <c r="B8342" s="2">
        <v>12671.0</v>
      </c>
      <c r="C8342" s="1" t="s">
        <v>5</v>
      </c>
      <c r="D8342" s="1" t="s">
        <v>6945</v>
      </c>
      <c r="E8342" s="1" t="s">
        <v>7</v>
      </c>
    </row>
    <row r="8343">
      <c r="A8343" s="1">
        <v>4.90439513E8</v>
      </c>
      <c r="B8343" s="2">
        <v>12636.0</v>
      </c>
      <c r="C8343" s="1" t="s">
        <v>5</v>
      </c>
      <c r="D8343" s="1" t="s">
        <v>6946</v>
      </c>
      <c r="E8343" s="1" t="s">
        <v>7</v>
      </c>
    </row>
    <row r="8344">
      <c r="A8344" s="1">
        <v>4.90439518E8</v>
      </c>
      <c r="B8344" s="2">
        <v>12671.0</v>
      </c>
      <c r="C8344" s="1" t="s">
        <v>5</v>
      </c>
      <c r="D8344" s="1" t="s">
        <v>6947</v>
      </c>
      <c r="E8344" s="1" t="s">
        <v>7</v>
      </c>
    </row>
    <row r="8345">
      <c r="A8345" s="1">
        <v>4.9043952E8</v>
      </c>
      <c r="B8345" s="2">
        <v>12692.0</v>
      </c>
      <c r="C8345" s="1" t="s">
        <v>5</v>
      </c>
      <c r="D8345" s="1" t="s">
        <v>11</v>
      </c>
      <c r="E8345" s="1" t="s">
        <v>7</v>
      </c>
    </row>
    <row r="8346">
      <c r="A8346" s="1">
        <v>4.90439525E8</v>
      </c>
      <c r="B8346" s="2">
        <v>12669.0</v>
      </c>
      <c r="C8346" s="1" t="s">
        <v>5</v>
      </c>
      <c r="D8346" s="1" t="s">
        <v>6948</v>
      </c>
      <c r="E8346" s="1" t="s">
        <v>7</v>
      </c>
    </row>
    <row r="8347">
      <c r="A8347" s="1">
        <v>4.90439529E8</v>
      </c>
      <c r="B8347" s="2">
        <v>12742.0</v>
      </c>
      <c r="C8347" s="1" t="s">
        <v>5</v>
      </c>
      <c r="D8347" s="1" t="s">
        <v>6949</v>
      </c>
      <c r="E8347" s="1" t="s">
        <v>11</v>
      </c>
    </row>
    <row r="8348">
      <c r="A8348" s="1">
        <v>4.90439578E8</v>
      </c>
      <c r="B8348" s="2">
        <v>12690.0</v>
      </c>
      <c r="C8348" s="1" t="s">
        <v>5</v>
      </c>
      <c r="D8348" s="1" t="s">
        <v>6950</v>
      </c>
      <c r="E8348" s="1" t="s">
        <v>11</v>
      </c>
    </row>
    <row r="8349">
      <c r="A8349" s="1">
        <v>4.90439594E8</v>
      </c>
      <c r="B8349" s="2">
        <v>12741.0</v>
      </c>
      <c r="C8349" s="1" t="s">
        <v>5</v>
      </c>
      <c r="D8349" s="1" t="s">
        <v>6951</v>
      </c>
      <c r="E8349" s="1" t="s">
        <v>7</v>
      </c>
    </row>
    <row r="8350">
      <c r="A8350" s="1">
        <v>4.90439655E8</v>
      </c>
      <c r="B8350" s="2">
        <v>12744.0</v>
      </c>
      <c r="C8350" s="1" t="s">
        <v>5</v>
      </c>
      <c r="D8350" s="1" t="s">
        <v>6952</v>
      </c>
      <c r="E8350" s="1" t="s">
        <v>11</v>
      </c>
    </row>
    <row r="8351">
      <c r="A8351" s="1">
        <v>4.90439666E8</v>
      </c>
      <c r="B8351" s="2">
        <v>12746.0</v>
      </c>
      <c r="C8351" s="1" t="s">
        <v>5</v>
      </c>
      <c r="D8351" s="1" t="s">
        <v>7</v>
      </c>
      <c r="E8351" s="1" t="s">
        <v>7</v>
      </c>
    </row>
    <row r="8352">
      <c r="A8352" s="1">
        <v>4.90439683E8</v>
      </c>
      <c r="B8352" s="2">
        <v>12692.0</v>
      </c>
      <c r="C8352" s="1" t="s">
        <v>5</v>
      </c>
      <c r="D8352" s="1" t="s">
        <v>6953</v>
      </c>
      <c r="E8352" s="1" t="s">
        <v>7</v>
      </c>
    </row>
    <row r="8353">
      <c r="A8353" s="1">
        <v>4.90439723E8</v>
      </c>
      <c r="B8353" s="2">
        <v>12671.0</v>
      </c>
      <c r="C8353" s="1" t="s">
        <v>5</v>
      </c>
      <c r="D8353" s="1" t="s">
        <v>6954</v>
      </c>
      <c r="E8353" s="1" t="s">
        <v>7</v>
      </c>
    </row>
    <row r="8354">
      <c r="A8354" s="1">
        <v>4.90439735E8</v>
      </c>
      <c r="B8354" s="2">
        <v>12748.0</v>
      </c>
      <c r="C8354" s="1" t="s">
        <v>5</v>
      </c>
      <c r="D8354" s="1" t="s">
        <v>11</v>
      </c>
      <c r="E8354" s="1" t="s">
        <v>7</v>
      </c>
    </row>
    <row r="8355">
      <c r="A8355" s="1">
        <v>4.90439738E8</v>
      </c>
      <c r="B8355" s="2">
        <v>12743.0</v>
      </c>
      <c r="C8355" s="1" t="s">
        <v>5</v>
      </c>
      <c r="D8355" s="1" t="s">
        <v>6955</v>
      </c>
      <c r="E8355" s="1" t="s">
        <v>7</v>
      </c>
    </row>
    <row r="8356">
      <c r="A8356" s="1">
        <v>4.90439741E8</v>
      </c>
      <c r="B8356" s="2">
        <v>12668.0</v>
      </c>
      <c r="C8356" s="1" t="s">
        <v>5</v>
      </c>
      <c r="D8356" s="1" t="s">
        <v>6956</v>
      </c>
      <c r="E8356" s="1" t="s">
        <v>7</v>
      </c>
    </row>
    <row r="8357">
      <c r="A8357" s="1">
        <v>4.90439787E8</v>
      </c>
      <c r="B8357" s="2">
        <v>12688.0</v>
      </c>
      <c r="C8357" s="1" t="s">
        <v>5</v>
      </c>
      <c r="D8357" s="1" t="s">
        <v>6957</v>
      </c>
      <c r="E8357" s="1" t="s">
        <v>11</v>
      </c>
    </row>
    <row r="8358">
      <c r="A8358" s="1">
        <v>4.90439831E8</v>
      </c>
      <c r="B8358" s="2">
        <v>12743.0</v>
      </c>
      <c r="C8358" s="1" t="s">
        <v>5</v>
      </c>
      <c r="D8358" s="1" t="s">
        <v>6958</v>
      </c>
      <c r="E8358" s="1" t="s">
        <v>7</v>
      </c>
    </row>
    <row r="8359">
      <c r="A8359" s="1">
        <v>4.90439834E8</v>
      </c>
      <c r="B8359" s="2">
        <v>12583.0</v>
      </c>
      <c r="C8359" s="1" t="s">
        <v>5</v>
      </c>
      <c r="D8359" s="1" t="s">
        <v>11</v>
      </c>
      <c r="E8359" s="1" t="s">
        <v>7</v>
      </c>
    </row>
    <row r="8360">
      <c r="A8360" s="1">
        <v>4.90439842E8</v>
      </c>
      <c r="B8360" s="2">
        <v>12635.0</v>
      </c>
      <c r="C8360" s="1" t="s">
        <v>5</v>
      </c>
      <c r="D8360" s="1" t="s">
        <v>11</v>
      </c>
      <c r="E8360" s="1" t="s">
        <v>7</v>
      </c>
    </row>
    <row r="8361">
      <c r="A8361" s="1">
        <v>4.9043986E8</v>
      </c>
      <c r="B8361" s="2">
        <v>12685.0</v>
      </c>
      <c r="C8361" s="1" t="s">
        <v>5</v>
      </c>
      <c r="D8361" s="1" t="s">
        <v>6959</v>
      </c>
      <c r="E8361" s="1" t="s">
        <v>11</v>
      </c>
    </row>
    <row r="8362">
      <c r="A8362" s="1">
        <v>4.90439867E8</v>
      </c>
      <c r="B8362" s="2">
        <v>12690.0</v>
      </c>
      <c r="C8362" s="1" t="s">
        <v>5</v>
      </c>
      <c r="D8362" s="1" t="s">
        <v>6960</v>
      </c>
      <c r="E8362" s="1" t="s">
        <v>7</v>
      </c>
    </row>
    <row r="8363">
      <c r="A8363" s="1">
        <v>4.90439873E8</v>
      </c>
      <c r="B8363" s="2">
        <v>12670.0</v>
      </c>
      <c r="C8363" s="1" t="s">
        <v>5</v>
      </c>
      <c r="D8363" s="1" t="s">
        <v>6961</v>
      </c>
      <c r="E8363" s="1" t="s">
        <v>11</v>
      </c>
    </row>
    <row r="8364">
      <c r="A8364" s="1">
        <v>4.90439907E8</v>
      </c>
      <c r="B8364" s="2">
        <v>12741.0</v>
      </c>
      <c r="C8364" s="1" t="s">
        <v>5</v>
      </c>
      <c r="D8364" s="1" t="s">
        <v>6962</v>
      </c>
      <c r="E8364" s="1" t="s">
        <v>7</v>
      </c>
    </row>
    <row r="8365">
      <c r="A8365" s="1">
        <v>4.90439908E8</v>
      </c>
      <c r="B8365" s="2">
        <v>12583.0</v>
      </c>
      <c r="C8365" s="1" t="s">
        <v>5</v>
      </c>
      <c r="D8365" s="1" t="s">
        <v>11</v>
      </c>
      <c r="E8365" s="1" t="s">
        <v>7</v>
      </c>
    </row>
    <row r="8366">
      <c r="A8366" s="1">
        <v>4.90439934E8</v>
      </c>
      <c r="B8366" s="2">
        <v>12733.0</v>
      </c>
      <c r="C8366" s="1" t="s">
        <v>5</v>
      </c>
      <c r="D8366" s="1" t="s">
        <v>6963</v>
      </c>
      <c r="E8366" s="1" t="s">
        <v>11</v>
      </c>
    </row>
    <row r="8367">
      <c r="A8367" s="1">
        <v>4.90439965E8</v>
      </c>
      <c r="B8367" s="2">
        <v>12574.0</v>
      </c>
      <c r="C8367" s="1" t="s">
        <v>5</v>
      </c>
      <c r="D8367" s="1" t="s">
        <v>6964</v>
      </c>
      <c r="E8367" s="1" t="s">
        <v>7</v>
      </c>
    </row>
    <row r="8368">
      <c r="A8368" s="1">
        <v>4.90439984E8</v>
      </c>
      <c r="B8368" s="2">
        <v>12742.0</v>
      </c>
      <c r="C8368" s="1" t="s">
        <v>5</v>
      </c>
      <c r="D8368" s="1" t="s">
        <v>6965</v>
      </c>
      <c r="E8368" s="1" t="s">
        <v>11</v>
      </c>
    </row>
    <row r="8369">
      <c r="A8369" s="1">
        <v>4.9043999E8</v>
      </c>
      <c r="B8369" s="2">
        <v>12742.0</v>
      </c>
      <c r="C8369" s="1" t="s">
        <v>5</v>
      </c>
      <c r="D8369" s="1" t="s">
        <v>6966</v>
      </c>
      <c r="E8369" s="1" t="s">
        <v>7</v>
      </c>
    </row>
    <row r="8370">
      <c r="A8370" s="1">
        <v>4.90440027E8</v>
      </c>
      <c r="B8370" s="2">
        <v>12743.0</v>
      </c>
      <c r="C8370" s="1" t="s">
        <v>5</v>
      </c>
      <c r="D8370" s="1" t="s">
        <v>6967</v>
      </c>
      <c r="E8370" s="1" t="s">
        <v>7</v>
      </c>
    </row>
    <row r="8371">
      <c r="A8371" s="1">
        <v>4.90440028E8</v>
      </c>
      <c r="B8371" s="2">
        <v>12634.0</v>
      </c>
      <c r="C8371" s="1" t="s">
        <v>5</v>
      </c>
      <c r="D8371" s="1" t="s">
        <v>6968</v>
      </c>
      <c r="E8371" s="1" t="s">
        <v>6969</v>
      </c>
    </row>
    <row r="8372">
      <c r="A8372" s="1">
        <v>4.9044004E8</v>
      </c>
      <c r="B8372" s="2">
        <v>12669.0</v>
      </c>
      <c r="C8372" s="1" t="s">
        <v>5</v>
      </c>
      <c r="D8372" s="1" t="s">
        <v>6970</v>
      </c>
      <c r="E8372" s="1" t="s">
        <v>7</v>
      </c>
    </row>
    <row r="8373">
      <c r="A8373" s="1">
        <v>4.90440048E8</v>
      </c>
      <c r="B8373" s="2">
        <v>12718.0</v>
      </c>
      <c r="C8373" s="1" t="s">
        <v>5</v>
      </c>
      <c r="D8373" s="1" t="s">
        <v>6971</v>
      </c>
      <c r="E8373" s="1" t="s">
        <v>7</v>
      </c>
    </row>
    <row r="8374">
      <c r="A8374" s="1">
        <v>4.90440049E8</v>
      </c>
      <c r="B8374" s="2">
        <v>12742.0</v>
      </c>
      <c r="C8374" s="1" t="s">
        <v>5</v>
      </c>
      <c r="D8374" s="1" t="s">
        <v>11</v>
      </c>
      <c r="E8374" s="1" t="s">
        <v>7</v>
      </c>
    </row>
    <row r="8375">
      <c r="A8375" s="1">
        <v>4.9044005E8</v>
      </c>
      <c r="B8375" s="2">
        <v>12685.0</v>
      </c>
      <c r="C8375" s="1" t="s">
        <v>5</v>
      </c>
      <c r="D8375" s="1" t="s">
        <v>6972</v>
      </c>
      <c r="E8375" s="1" t="s">
        <v>7</v>
      </c>
    </row>
    <row r="8376">
      <c r="A8376" s="1">
        <v>4.9044009E8</v>
      </c>
      <c r="B8376" s="2">
        <v>12577.0</v>
      </c>
      <c r="C8376" s="1" t="s">
        <v>5</v>
      </c>
      <c r="D8376" s="1" t="s">
        <v>11</v>
      </c>
      <c r="E8376" s="1" t="s">
        <v>7</v>
      </c>
    </row>
    <row r="8377">
      <c r="A8377" s="1">
        <v>4.90440096E8</v>
      </c>
      <c r="B8377" s="2">
        <v>12745.0</v>
      </c>
      <c r="C8377" s="1" t="s">
        <v>5</v>
      </c>
      <c r="D8377" s="1" t="s">
        <v>6973</v>
      </c>
      <c r="E8377" s="1" t="s">
        <v>11</v>
      </c>
    </row>
    <row r="8378">
      <c r="A8378" s="1">
        <v>4.90440101E8</v>
      </c>
      <c r="B8378" s="2">
        <v>12741.0</v>
      </c>
      <c r="C8378" s="1" t="s">
        <v>5</v>
      </c>
      <c r="D8378" s="1" t="s">
        <v>6974</v>
      </c>
      <c r="E8378" s="1" t="s">
        <v>6975</v>
      </c>
    </row>
    <row r="8379">
      <c r="A8379" s="1">
        <v>4.90440102E8</v>
      </c>
      <c r="B8379" s="2">
        <v>12722.0</v>
      </c>
      <c r="C8379" s="1" t="s">
        <v>5</v>
      </c>
      <c r="D8379" s="1" t="s">
        <v>6976</v>
      </c>
      <c r="E8379" s="1" t="s">
        <v>6977</v>
      </c>
    </row>
    <row r="8380">
      <c r="A8380" s="1">
        <v>4.90440141E8</v>
      </c>
      <c r="B8380" s="2">
        <v>12749.0</v>
      </c>
      <c r="C8380" s="1" t="s">
        <v>5</v>
      </c>
      <c r="D8380" s="1" t="s">
        <v>7</v>
      </c>
      <c r="E8380" s="1" t="s">
        <v>7</v>
      </c>
    </row>
    <row r="8381">
      <c r="A8381" s="1">
        <v>4.90440144E8</v>
      </c>
      <c r="B8381" s="2">
        <v>12739.0</v>
      </c>
      <c r="C8381" s="1" t="s">
        <v>5</v>
      </c>
      <c r="D8381" s="1" t="s">
        <v>6978</v>
      </c>
      <c r="E8381" s="1" t="s">
        <v>7</v>
      </c>
    </row>
    <row r="8382">
      <c r="A8382" s="1">
        <v>4.90440175E8</v>
      </c>
      <c r="B8382" s="2">
        <v>12743.0</v>
      </c>
      <c r="C8382" s="1" t="s">
        <v>5</v>
      </c>
      <c r="D8382" s="1" t="s">
        <v>6979</v>
      </c>
      <c r="E8382" s="1" t="s">
        <v>7</v>
      </c>
    </row>
    <row r="8383">
      <c r="A8383" s="1">
        <v>4.90440179E8</v>
      </c>
      <c r="B8383" s="2">
        <v>12573.0</v>
      </c>
      <c r="C8383" s="1" t="s">
        <v>5</v>
      </c>
      <c r="D8383" s="1" t="s">
        <v>11</v>
      </c>
      <c r="E8383" s="1" t="s">
        <v>7</v>
      </c>
    </row>
    <row r="8384">
      <c r="A8384" s="1">
        <v>4.904402E8</v>
      </c>
      <c r="B8384" s="2">
        <v>12582.0</v>
      </c>
      <c r="C8384" s="1" t="s">
        <v>5</v>
      </c>
      <c r="D8384" s="1" t="s">
        <v>6980</v>
      </c>
      <c r="E8384" s="1" t="s">
        <v>6981</v>
      </c>
    </row>
    <row r="8385">
      <c r="A8385" s="1">
        <v>4.90440211E8</v>
      </c>
      <c r="B8385" s="2">
        <v>12583.0</v>
      </c>
      <c r="C8385" s="1" t="s">
        <v>5</v>
      </c>
      <c r="D8385" s="1" t="s">
        <v>6982</v>
      </c>
      <c r="E8385" s="1" t="s">
        <v>7</v>
      </c>
    </row>
    <row r="8386">
      <c r="A8386" s="1">
        <v>4.90440233E8</v>
      </c>
      <c r="B8386" s="2">
        <v>12576.0</v>
      </c>
      <c r="C8386" s="1" t="s">
        <v>5</v>
      </c>
      <c r="D8386" s="1" t="s">
        <v>6983</v>
      </c>
      <c r="E8386" s="1" t="s">
        <v>7</v>
      </c>
    </row>
    <row r="8387">
      <c r="A8387" s="1">
        <v>4.90440247E8</v>
      </c>
      <c r="B8387" s="2">
        <v>12738.0</v>
      </c>
      <c r="C8387" s="1" t="s">
        <v>5</v>
      </c>
      <c r="D8387" s="1" t="s">
        <v>6984</v>
      </c>
      <c r="E8387" s="1" t="s">
        <v>7</v>
      </c>
    </row>
    <row r="8388">
      <c r="A8388" s="1">
        <v>4.9044025E8</v>
      </c>
      <c r="B8388" s="2">
        <v>12687.0</v>
      </c>
      <c r="C8388" s="1" t="s">
        <v>5</v>
      </c>
      <c r="D8388" s="1" t="s">
        <v>6985</v>
      </c>
      <c r="E8388" s="1" t="s">
        <v>7</v>
      </c>
    </row>
    <row r="8389">
      <c r="A8389" s="1">
        <v>4.90440264E8</v>
      </c>
      <c r="B8389" s="2">
        <v>12742.0</v>
      </c>
      <c r="C8389" s="1" t="s">
        <v>5</v>
      </c>
      <c r="D8389" s="1" t="s">
        <v>6986</v>
      </c>
      <c r="E8389" s="1" t="s">
        <v>6987</v>
      </c>
    </row>
    <row r="8390">
      <c r="A8390" s="1">
        <v>4.90440274E8</v>
      </c>
      <c r="B8390" s="2">
        <v>12743.0</v>
      </c>
      <c r="C8390" s="1" t="s">
        <v>5</v>
      </c>
      <c r="D8390" s="1" t="s">
        <v>6988</v>
      </c>
      <c r="E8390" s="1" t="s">
        <v>7</v>
      </c>
    </row>
    <row r="8391">
      <c r="A8391" s="1">
        <v>4.90440283E8</v>
      </c>
      <c r="B8391" s="2">
        <v>12576.0</v>
      </c>
      <c r="C8391" s="1" t="s">
        <v>5</v>
      </c>
      <c r="D8391" s="1" t="s">
        <v>6989</v>
      </c>
      <c r="E8391" s="1" t="s">
        <v>7</v>
      </c>
    </row>
    <row r="8392">
      <c r="A8392" s="1">
        <v>4.90440297E8</v>
      </c>
      <c r="B8392" s="2">
        <v>12718.0</v>
      </c>
      <c r="C8392" s="1" t="s">
        <v>5</v>
      </c>
      <c r="D8392" s="1" t="s">
        <v>6990</v>
      </c>
      <c r="E8392" s="1" t="s">
        <v>7</v>
      </c>
    </row>
    <row r="8393">
      <c r="A8393" s="1">
        <v>4.90440319E8</v>
      </c>
      <c r="B8393" s="2">
        <v>12734.0</v>
      </c>
      <c r="C8393" s="1" t="s">
        <v>5</v>
      </c>
      <c r="D8393" s="1" t="s">
        <v>11</v>
      </c>
      <c r="E8393" s="1" t="s">
        <v>7</v>
      </c>
    </row>
    <row r="8394">
      <c r="A8394" s="1">
        <v>4.90440328E8</v>
      </c>
      <c r="B8394" s="2">
        <v>12743.0</v>
      </c>
      <c r="C8394" s="1" t="s">
        <v>5</v>
      </c>
      <c r="D8394" s="1" t="s">
        <v>6991</v>
      </c>
      <c r="E8394" s="1" t="s">
        <v>6992</v>
      </c>
    </row>
    <row r="8395">
      <c r="A8395" s="1">
        <v>4.90440406E8</v>
      </c>
      <c r="B8395" s="2">
        <v>12687.0</v>
      </c>
      <c r="C8395" s="1" t="s">
        <v>5</v>
      </c>
      <c r="D8395" s="1" t="s">
        <v>6993</v>
      </c>
      <c r="E8395" s="1" t="s">
        <v>6994</v>
      </c>
    </row>
    <row r="8396">
      <c r="A8396" s="1">
        <v>4.90440413E8</v>
      </c>
      <c r="B8396" s="2">
        <v>12739.0</v>
      </c>
      <c r="C8396" s="1" t="s">
        <v>5</v>
      </c>
      <c r="D8396" s="1" t="s">
        <v>6995</v>
      </c>
      <c r="E8396" s="1" t="s">
        <v>7</v>
      </c>
    </row>
    <row r="8397">
      <c r="A8397" s="1">
        <v>4.90440419E8</v>
      </c>
      <c r="B8397" s="2">
        <v>12688.0</v>
      </c>
      <c r="C8397" s="1" t="s">
        <v>5</v>
      </c>
      <c r="D8397" s="1" t="s">
        <v>7</v>
      </c>
      <c r="E8397" s="1" t="s">
        <v>7</v>
      </c>
    </row>
    <row r="8398">
      <c r="A8398" s="1">
        <v>4.90440433E8</v>
      </c>
      <c r="B8398" s="2">
        <v>12748.0</v>
      </c>
      <c r="C8398" s="1" t="s">
        <v>5</v>
      </c>
      <c r="D8398" s="1" t="s">
        <v>11</v>
      </c>
      <c r="E8398" s="1" t="s">
        <v>7</v>
      </c>
    </row>
    <row r="8399">
      <c r="A8399" s="1">
        <v>4.90440435E8</v>
      </c>
      <c r="B8399" s="2">
        <v>12687.0</v>
      </c>
      <c r="C8399" s="1" t="s">
        <v>5</v>
      </c>
      <c r="D8399" s="1" t="s">
        <v>6996</v>
      </c>
      <c r="E8399" s="1" t="s">
        <v>6997</v>
      </c>
    </row>
    <row r="8400">
      <c r="A8400" s="1">
        <v>4.9044044E8</v>
      </c>
      <c r="B8400" s="2">
        <v>12741.0</v>
      </c>
      <c r="C8400" s="1" t="s">
        <v>5</v>
      </c>
      <c r="D8400" s="1" t="s">
        <v>11</v>
      </c>
      <c r="E8400" s="1" t="s">
        <v>7</v>
      </c>
    </row>
    <row r="8401">
      <c r="A8401" s="1">
        <v>4.90440444E8</v>
      </c>
      <c r="B8401" s="2">
        <v>12586.0</v>
      </c>
      <c r="C8401" s="1" t="s">
        <v>5</v>
      </c>
      <c r="D8401" s="1" t="s">
        <v>6998</v>
      </c>
      <c r="E8401" s="1" t="s">
        <v>11</v>
      </c>
    </row>
    <row r="8402">
      <c r="A8402" s="1">
        <v>4.9044045E8</v>
      </c>
      <c r="B8402" s="2">
        <v>12734.0</v>
      </c>
      <c r="C8402" s="1" t="s">
        <v>5</v>
      </c>
      <c r="D8402" s="1" t="s">
        <v>6999</v>
      </c>
      <c r="E8402" s="1" t="s">
        <v>11</v>
      </c>
    </row>
    <row r="8403">
      <c r="A8403" s="1">
        <v>4.90440475E8</v>
      </c>
      <c r="B8403" s="2">
        <v>12632.0</v>
      </c>
      <c r="C8403" s="1" t="s">
        <v>5</v>
      </c>
      <c r="D8403" s="1" t="s">
        <v>7000</v>
      </c>
      <c r="E8403" s="1" t="s">
        <v>7</v>
      </c>
    </row>
    <row r="8404">
      <c r="A8404" s="1">
        <v>4.9044048E8</v>
      </c>
      <c r="B8404" s="2">
        <v>12731.0</v>
      </c>
      <c r="C8404" s="1" t="s">
        <v>5</v>
      </c>
      <c r="D8404" s="1" t="s">
        <v>7001</v>
      </c>
      <c r="E8404" s="1" t="s">
        <v>7002</v>
      </c>
    </row>
    <row r="8405">
      <c r="A8405" s="1">
        <v>4.90440494E8</v>
      </c>
      <c r="B8405" s="2">
        <v>12741.0</v>
      </c>
      <c r="C8405" s="1" t="s">
        <v>5</v>
      </c>
      <c r="D8405" s="1" t="s">
        <v>7003</v>
      </c>
      <c r="E8405" s="1" t="s">
        <v>7</v>
      </c>
    </row>
    <row r="8406">
      <c r="A8406" s="1">
        <v>4.9044052E8</v>
      </c>
      <c r="B8406" s="2">
        <v>12632.0</v>
      </c>
      <c r="C8406" s="1" t="s">
        <v>5</v>
      </c>
      <c r="D8406" s="1" t="s">
        <v>11</v>
      </c>
      <c r="E8406" s="1" t="s">
        <v>7</v>
      </c>
    </row>
    <row r="8407">
      <c r="A8407" s="1">
        <v>4.90440527E8</v>
      </c>
      <c r="B8407" s="2">
        <v>12573.0</v>
      </c>
      <c r="C8407" s="1" t="s">
        <v>5</v>
      </c>
      <c r="D8407" s="1" t="s">
        <v>7004</v>
      </c>
      <c r="E8407" s="1" t="s">
        <v>7</v>
      </c>
    </row>
    <row r="8408">
      <c r="A8408" s="1">
        <v>4.90440533E8</v>
      </c>
      <c r="B8408" s="2">
        <v>12582.0</v>
      </c>
      <c r="C8408" s="1" t="s">
        <v>5</v>
      </c>
      <c r="D8408" s="1" t="s">
        <v>7005</v>
      </c>
      <c r="E8408" s="1" t="s">
        <v>7006</v>
      </c>
    </row>
    <row r="8409">
      <c r="A8409" s="1">
        <v>4.90440538E8</v>
      </c>
      <c r="B8409" s="2">
        <v>12731.0</v>
      </c>
      <c r="C8409" s="1" t="s">
        <v>5</v>
      </c>
      <c r="D8409" s="1" t="s">
        <v>7007</v>
      </c>
      <c r="E8409" s="1" t="s">
        <v>7</v>
      </c>
    </row>
    <row r="8410">
      <c r="A8410" s="1">
        <v>4.90440547E8</v>
      </c>
      <c r="B8410" s="2">
        <v>12736.0</v>
      </c>
      <c r="C8410" s="1" t="s">
        <v>5</v>
      </c>
      <c r="D8410" s="1" t="s">
        <v>7008</v>
      </c>
      <c r="E8410" s="1" t="s">
        <v>7</v>
      </c>
    </row>
    <row r="8411">
      <c r="A8411" s="1">
        <v>4.90440552E8</v>
      </c>
      <c r="B8411" s="2">
        <v>12672.0</v>
      </c>
      <c r="C8411" s="1" t="s">
        <v>5</v>
      </c>
      <c r="D8411" s="1" t="s">
        <v>7009</v>
      </c>
      <c r="E8411" s="1" t="s">
        <v>11</v>
      </c>
    </row>
    <row r="8412">
      <c r="A8412" s="1">
        <v>4.9044059E8</v>
      </c>
      <c r="B8412" s="2">
        <v>12580.0</v>
      </c>
      <c r="C8412" s="1" t="s">
        <v>5</v>
      </c>
      <c r="D8412" s="1" t="s">
        <v>7010</v>
      </c>
      <c r="E8412" s="1" t="s">
        <v>7</v>
      </c>
    </row>
    <row r="8413">
      <c r="A8413" s="1">
        <v>4.90440626E8</v>
      </c>
      <c r="B8413" s="2">
        <v>12574.0</v>
      </c>
      <c r="C8413" s="1" t="s">
        <v>5</v>
      </c>
      <c r="D8413" s="1" t="s">
        <v>7011</v>
      </c>
      <c r="E8413" s="1" t="s">
        <v>7</v>
      </c>
    </row>
    <row r="8414">
      <c r="A8414" s="1">
        <v>4.90440637E8</v>
      </c>
      <c r="B8414" s="2">
        <v>12712.0</v>
      </c>
      <c r="C8414" s="1" t="s">
        <v>5</v>
      </c>
      <c r="D8414" s="1" t="s">
        <v>7012</v>
      </c>
      <c r="E8414" s="1" t="s">
        <v>7</v>
      </c>
    </row>
    <row r="8415">
      <c r="A8415" s="1">
        <v>4.90440652E8</v>
      </c>
      <c r="B8415" s="2">
        <v>12580.0</v>
      </c>
      <c r="C8415" s="1" t="s">
        <v>5</v>
      </c>
      <c r="D8415" s="1" t="s">
        <v>11</v>
      </c>
      <c r="E8415" s="1" t="s">
        <v>7</v>
      </c>
    </row>
    <row r="8416">
      <c r="A8416" s="1">
        <v>4.90440653E8</v>
      </c>
      <c r="B8416" s="2">
        <v>12716.0</v>
      </c>
      <c r="C8416" s="1" t="s">
        <v>5</v>
      </c>
      <c r="D8416" s="1" t="s">
        <v>7013</v>
      </c>
      <c r="E8416" s="1" t="s">
        <v>7</v>
      </c>
    </row>
    <row r="8417">
      <c r="A8417" s="1">
        <v>4.90440655E8</v>
      </c>
      <c r="B8417" s="2">
        <v>12690.0</v>
      </c>
      <c r="C8417" s="1" t="s">
        <v>5</v>
      </c>
      <c r="D8417" s="1" t="s">
        <v>7014</v>
      </c>
      <c r="E8417" s="1" t="s">
        <v>7015</v>
      </c>
    </row>
    <row r="8418">
      <c r="A8418" s="1">
        <v>4.90440658E8</v>
      </c>
      <c r="B8418" s="2">
        <v>12574.0</v>
      </c>
      <c r="C8418" s="1" t="s">
        <v>5</v>
      </c>
      <c r="D8418" s="1" t="s">
        <v>11</v>
      </c>
      <c r="E8418" s="1" t="s">
        <v>7</v>
      </c>
    </row>
    <row r="8419">
      <c r="A8419" s="1">
        <v>4.90440673E8</v>
      </c>
      <c r="B8419" s="2">
        <v>12739.0</v>
      </c>
      <c r="C8419" s="1" t="s">
        <v>5</v>
      </c>
      <c r="D8419" s="1" t="s">
        <v>7016</v>
      </c>
      <c r="E8419" s="1" t="s">
        <v>7</v>
      </c>
    </row>
    <row r="8420">
      <c r="A8420" s="1">
        <v>4.90440676E8</v>
      </c>
      <c r="B8420" s="2">
        <v>12735.0</v>
      </c>
      <c r="C8420" s="1" t="s">
        <v>5</v>
      </c>
      <c r="D8420" s="1" t="s">
        <v>7017</v>
      </c>
      <c r="E8420" s="1" t="s">
        <v>7018</v>
      </c>
    </row>
    <row r="8421">
      <c r="A8421" s="1">
        <v>4.90440708E8</v>
      </c>
      <c r="B8421" s="2">
        <v>12748.0</v>
      </c>
      <c r="C8421" s="1" t="s">
        <v>5</v>
      </c>
      <c r="D8421" s="1" t="s">
        <v>7019</v>
      </c>
      <c r="E8421" s="1" t="s">
        <v>11</v>
      </c>
    </row>
    <row r="8422">
      <c r="A8422" s="1">
        <v>4.90440715E8</v>
      </c>
      <c r="B8422" s="2">
        <v>12580.0</v>
      </c>
      <c r="C8422" s="1" t="s">
        <v>5</v>
      </c>
      <c r="D8422" s="1" t="s">
        <v>7020</v>
      </c>
      <c r="E8422" s="1" t="s">
        <v>7</v>
      </c>
    </row>
    <row r="8423">
      <c r="A8423" s="1">
        <v>4.90440734E8</v>
      </c>
      <c r="B8423" s="2">
        <v>12580.0</v>
      </c>
      <c r="C8423" s="1" t="s">
        <v>5</v>
      </c>
      <c r="D8423" s="1" t="s">
        <v>7021</v>
      </c>
      <c r="E8423" s="1" t="s">
        <v>7</v>
      </c>
    </row>
    <row r="8424">
      <c r="A8424" s="1">
        <v>4.90440739E8</v>
      </c>
      <c r="B8424" s="2">
        <v>12720.0</v>
      </c>
      <c r="C8424" s="1" t="s">
        <v>5</v>
      </c>
      <c r="D8424" s="1" t="s">
        <v>11</v>
      </c>
      <c r="E8424" s="1" t="s">
        <v>7</v>
      </c>
    </row>
    <row r="8425">
      <c r="A8425" s="1">
        <v>4.90440767E8</v>
      </c>
      <c r="B8425" s="2">
        <v>12690.0</v>
      </c>
      <c r="C8425" s="1" t="s">
        <v>5</v>
      </c>
      <c r="D8425" s="1" t="s">
        <v>7022</v>
      </c>
      <c r="E8425" s="1" t="s">
        <v>7</v>
      </c>
    </row>
    <row r="8426">
      <c r="A8426" s="1">
        <v>4.904408E8</v>
      </c>
      <c r="B8426" s="2">
        <v>12585.0</v>
      </c>
      <c r="C8426" s="1" t="s">
        <v>5</v>
      </c>
      <c r="D8426" s="1" t="s">
        <v>7023</v>
      </c>
      <c r="E8426" s="1" t="s">
        <v>7</v>
      </c>
    </row>
    <row r="8427">
      <c r="A8427" s="1">
        <v>4.90440805E8</v>
      </c>
      <c r="B8427" s="2">
        <v>12579.0</v>
      </c>
      <c r="C8427" s="1" t="s">
        <v>5</v>
      </c>
      <c r="D8427" s="1" t="s">
        <v>7024</v>
      </c>
      <c r="E8427" s="1" t="s">
        <v>7025</v>
      </c>
    </row>
    <row r="8428">
      <c r="A8428" s="1">
        <v>4.9044081E8</v>
      </c>
      <c r="B8428" s="2">
        <v>12738.0</v>
      </c>
      <c r="C8428" s="1" t="s">
        <v>5</v>
      </c>
      <c r="D8428" s="1" t="s">
        <v>7026</v>
      </c>
      <c r="E8428" s="1" t="s">
        <v>7</v>
      </c>
    </row>
    <row r="8429">
      <c r="A8429" s="1">
        <v>4.90440824E8</v>
      </c>
      <c r="B8429" s="2">
        <v>12666.0</v>
      </c>
      <c r="C8429" s="1" t="s">
        <v>5</v>
      </c>
      <c r="D8429" s="1" t="s">
        <v>7027</v>
      </c>
      <c r="E8429" s="1" t="s">
        <v>7</v>
      </c>
    </row>
    <row r="8430">
      <c r="A8430" s="1">
        <v>4.90440886E8</v>
      </c>
      <c r="B8430" s="2">
        <v>12573.0</v>
      </c>
      <c r="C8430" s="1" t="s">
        <v>5</v>
      </c>
      <c r="D8430" s="1" t="s">
        <v>7028</v>
      </c>
      <c r="E8430" s="1" t="s">
        <v>7</v>
      </c>
    </row>
    <row r="8431">
      <c r="A8431" s="1">
        <v>4.90440909E8</v>
      </c>
      <c r="B8431" s="2">
        <v>12572.0</v>
      </c>
      <c r="C8431" s="1" t="s">
        <v>5</v>
      </c>
      <c r="D8431" s="1" t="s">
        <v>7029</v>
      </c>
      <c r="E8431" s="1" t="s">
        <v>7</v>
      </c>
    </row>
    <row r="8432">
      <c r="A8432" s="1">
        <v>4.90440923E8</v>
      </c>
      <c r="B8432" s="2">
        <v>12685.0</v>
      </c>
      <c r="C8432" s="1" t="s">
        <v>5</v>
      </c>
      <c r="D8432" s="1" t="s">
        <v>7030</v>
      </c>
      <c r="E8432" s="1" t="s">
        <v>7</v>
      </c>
    </row>
    <row r="8433">
      <c r="A8433" s="1">
        <v>4.90440927E8</v>
      </c>
      <c r="B8433" s="2">
        <v>12745.0</v>
      </c>
      <c r="C8433" s="1" t="s">
        <v>5</v>
      </c>
      <c r="D8433" s="1" t="s">
        <v>7031</v>
      </c>
      <c r="E8433" s="1" t="s">
        <v>7</v>
      </c>
    </row>
    <row r="8434">
      <c r="A8434" s="1">
        <v>4.90440933E8</v>
      </c>
      <c r="B8434" s="2">
        <v>12731.0</v>
      </c>
      <c r="C8434" s="1" t="s">
        <v>5</v>
      </c>
      <c r="D8434" s="1" t="s">
        <v>11</v>
      </c>
      <c r="E8434" s="1" t="s">
        <v>7</v>
      </c>
    </row>
    <row r="8435">
      <c r="A8435" s="1">
        <v>4.90440939E8</v>
      </c>
      <c r="B8435" s="2">
        <v>12747.0</v>
      </c>
      <c r="C8435" s="1" t="s">
        <v>5</v>
      </c>
      <c r="D8435" s="1" t="s">
        <v>7032</v>
      </c>
      <c r="E8435" s="1" t="s">
        <v>11</v>
      </c>
    </row>
    <row r="8436">
      <c r="A8436" s="1">
        <v>4.90440942E8</v>
      </c>
      <c r="B8436" s="2">
        <v>12733.0</v>
      </c>
      <c r="C8436" s="1" t="s">
        <v>5</v>
      </c>
      <c r="D8436" s="1" t="s">
        <v>7033</v>
      </c>
      <c r="E8436" s="1" t="s">
        <v>7</v>
      </c>
    </row>
    <row r="8437">
      <c r="A8437" s="1">
        <v>4.90440947E8</v>
      </c>
      <c r="B8437" s="2">
        <v>12718.0</v>
      </c>
      <c r="C8437" s="1" t="s">
        <v>5</v>
      </c>
      <c r="D8437" s="1" t="s">
        <v>7034</v>
      </c>
      <c r="E8437" s="1" t="s">
        <v>7</v>
      </c>
    </row>
    <row r="8438">
      <c r="A8438" s="1">
        <v>4.9044095E8</v>
      </c>
      <c r="B8438" s="2">
        <v>12739.0</v>
      </c>
      <c r="C8438" s="1" t="s">
        <v>5</v>
      </c>
      <c r="D8438" s="1" t="s">
        <v>7035</v>
      </c>
      <c r="E8438" s="1" t="s">
        <v>7</v>
      </c>
    </row>
    <row r="8439">
      <c r="A8439" s="1">
        <v>4.90440988E8</v>
      </c>
      <c r="B8439" s="2">
        <v>12720.0</v>
      </c>
      <c r="C8439" s="1" t="s">
        <v>5</v>
      </c>
      <c r="D8439" s="1" t="s">
        <v>7036</v>
      </c>
      <c r="E8439" s="1" t="s">
        <v>7</v>
      </c>
    </row>
    <row r="8440">
      <c r="A8440" s="1">
        <v>4.90441E8</v>
      </c>
      <c r="B8440" s="2">
        <v>12720.0</v>
      </c>
      <c r="C8440" s="1" t="s">
        <v>5</v>
      </c>
      <c r="D8440" s="1" t="s">
        <v>7037</v>
      </c>
      <c r="E8440" s="1" t="s">
        <v>7</v>
      </c>
    </row>
    <row r="8441">
      <c r="A8441" s="1">
        <v>4.90441016E8</v>
      </c>
      <c r="B8441" s="2">
        <v>12578.0</v>
      </c>
      <c r="C8441" s="1" t="s">
        <v>5</v>
      </c>
      <c r="D8441" s="1" t="s">
        <v>7038</v>
      </c>
      <c r="E8441" s="1" t="s">
        <v>7039</v>
      </c>
    </row>
    <row r="8442">
      <c r="A8442" s="1">
        <v>4.90441019E8</v>
      </c>
      <c r="B8442" s="2">
        <v>12686.0</v>
      </c>
      <c r="C8442" s="1" t="s">
        <v>5</v>
      </c>
      <c r="D8442" s="1" t="s">
        <v>7040</v>
      </c>
      <c r="E8442" s="1" t="s">
        <v>7</v>
      </c>
    </row>
    <row r="8443">
      <c r="A8443" s="1">
        <v>4.90441038E8</v>
      </c>
      <c r="B8443" s="2">
        <v>12731.0</v>
      </c>
      <c r="C8443" s="1" t="s">
        <v>5</v>
      </c>
      <c r="D8443" s="1" t="s">
        <v>7041</v>
      </c>
      <c r="E8443" s="1" t="s">
        <v>7</v>
      </c>
    </row>
    <row r="8444">
      <c r="A8444" s="1">
        <v>4.90441054E8</v>
      </c>
      <c r="B8444" s="2">
        <v>12711.0</v>
      </c>
      <c r="C8444" s="1" t="s">
        <v>5</v>
      </c>
      <c r="D8444" s="1" t="s">
        <v>11</v>
      </c>
      <c r="E8444" s="1" t="s">
        <v>7</v>
      </c>
    </row>
    <row r="8445">
      <c r="A8445" s="1">
        <v>4.90441061E8</v>
      </c>
      <c r="B8445" s="2">
        <v>12739.0</v>
      </c>
      <c r="C8445" s="1" t="s">
        <v>5</v>
      </c>
      <c r="D8445" s="1" t="s">
        <v>7042</v>
      </c>
      <c r="E8445" s="1" t="s">
        <v>7</v>
      </c>
    </row>
    <row r="8446">
      <c r="A8446" s="1">
        <v>4.90441062E8</v>
      </c>
      <c r="B8446" s="2">
        <v>12729.0</v>
      </c>
      <c r="C8446" s="1" t="s">
        <v>5</v>
      </c>
      <c r="D8446" s="1" t="s">
        <v>7043</v>
      </c>
      <c r="E8446" s="1" t="s">
        <v>11</v>
      </c>
    </row>
    <row r="8447">
      <c r="A8447" s="1">
        <v>4.90441076E8</v>
      </c>
      <c r="B8447" s="2">
        <v>12717.0</v>
      </c>
      <c r="C8447" s="1" t="s">
        <v>5</v>
      </c>
      <c r="D8447" s="1" t="s">
        <v>7044</v>
      </c>
      <c r="E8447" s="1" t="s">
        <v>7</v>
      </c>
    </row>
    <row r="8448">
      <c r="A8448" s="1">
        <v>4.90441094E8</v>
      </c>
      <c r="B8448" s="2">
        <v>12734.0</v>
      </c>
      <c r="C8448" s="1" t="s">
        <v>5</v>
      </c>
      <c r="D8448" s="1" t="s">
        <v>7045</v>
      </c>
      <c r="E8448" s="1" t="s">
        <v>7046</v>
      </c>
    </row>
    <row r="8449">
      <c r="A8449" s="1">
        <v>4.90441102E8</v>
      </c>
      <c r="B8449" s="2">
        <v>12736.0</v>
      </c>
      <c r="C8449" s="1" t="s">
        <v>5</v>
      </c>
      <c r="D8449" s="1" t="s">
        <v>7047</v>
      </c>
      <c r="E8449" s="1" t="s">
        <v>7</v>
      </c>
    </row>
    <row r="8450">
      <c r="A8450" s="1">
        <v>4.90441105E8</v>
      </c>
      <c r="B8450" s="2">
        <v>12684.0</v>
      </c>
      <c r="C8450" s="1" t="s">
        <v>5</v>
      </c>
      <c r="D8450" s="1" t="s">
        <v>7048</v>
      </c>
      <c r="E8450" s="1" t="s">
        <v>7</v>
      </c>
    </row>
    <row r="8451">
      <c r="A8451" s="1">
        <v>4.90441127E8</v>
      </c>
      <c r="B8451" s="2">
        <v>12571.0</v>
      </c>
      <c r="C8451" s="1" t="s">
        <v>5</v>
      </c>
      <c r="D8451" s="1" t="s">
        <v>7049</v>
      </c>
      <c r="E8451" s="1" t="s">
        <v>7</v>
      </c>
    </row>
    <row r="8452">
      <c r="A8452" s="1">
        <v>4.90441129E8</v>
      </c>
      <c r="B8452" s="2">
        <v>12711.0</v>
      </c>
      <c r="C8452" s="1" t="s">
        <v>5</v>
      </c>
      <c r="D8452" s="1" t="s">
        <v>7050</v>
      </c>
      <c r="E8452" s="1" t="s">
        <v>7</v>
      </c>
    </row>
    <row r="8453">
      <c r="A8453" s="1">
        <v>4.90441133E8</v>
      </c>
      <c r="B8453" s="2">
        <v>12717.0</v>
      </c>
      <c r="C8453" s="1" t="s">
        <v>5</v>
      </c>
      <c r="D8453" s="1" t="s">
        <v>7051</v>
      </c>
      <c r="E8453" s="1" t="s">
        <v>11</v>
      </c>
    </row>
    <row r="8454">
      <c r="A8454" s="1">
        <v>4.90441142E8</v>
      </c>
      <c r="B8454" s="2">
        <v>12684.0</v>
      </c>
      <c r="C8454" s="1" t="s">
        <v>5</v>
      </c>
      <c r="D8454" s="1" t="s">
        <v>7052</v>
      </c>
      <c r="E8454" s="1" t="s">
        <v>7</v>
      </c>
    </row>
    <row r="8455">
      <c r="A8455" s="1">
        <v>4.90441167E8</v>
      </c>
      <c r="B8455" s="2">
        <v>12583.0</v>
      </c>
      <c r="C8455" s="1" t="s">
        <v>5</v>
      </c>
      <c r="D8455" s="1" t="s">
        <v>7053</v>
      </c>
      <c r="E8455" s="1" t="s">
        <v>7</v>
      </c>
    </row>
    <row r="8456">
      <c r="A8456" s="1">
        <v>4.90441179E8</v>
      </c>
      <c r="B8456" s="2">
        <v>12736.0</v>
      </c>
      <c r="C8456" s="1" t="s">
        <v>5</v>
      </c>
      <c r="D8456" s="1" t="s">
        <v>7054</v>
      </c>
      <c r="E8456" s="1" t="s">
        <v>7</v>
      </c>
    </row>
    <row r="8457">
      <c r="A8457" s="1">
        <v>4.90441219E8</v>
      </c>
      <c r="B8457" s="2">
        <v>12573.0</v>
      </c>
      <c r="C8457" s="1" t="s">
        <v>5</v>
      </c>
      <c r="D8457" s="1" t="s">
        <v>7055</v>
      </c>
      <c r="E8457" s="1" t="s">
        <v>7</v>
      </c>
    </row>
    <row r="8458">
      <c r="A8458" s="1">
        <v>4.90441233E8</v>
      </c>
      <c r="B8458" s="2">
        <v>12734.0</v>
      </c>
      <c r="C8458" s="1" t="s">
        <v>5</v>
      </c>
      <c r="D8458" s="1" t="s">
        <v>11</v>
      </c>
      <c r="E8458" s="1" t="s">
        <v>7</v>
      </c>
    </row>
    <row r="8459">
      <c r="A8459" s="1">
        <v>4.90441281E8</v>
      </c>
      <c r="B8459" s="2">
        <v>12737.0</v>
      </c>
      <c r="C8459" s="1" t="s">
        <v>5</v>
      </c>
      <c r="D8459" s="1" t="s">
        <v>7056</v>
      </c>
      <c r="E8459" s="1" t="s">
        <v>7057</v>
      </c>
    </row>
    <row r="8460">
      <c r="A8460" s="1">
        <v>4.90441293E8</v>
      </c>
      <c r="B8460" s="2">
        <v>12738.0</v>
      </c>
      <c r="C8460" s="1" t="s">
        <v>5</v>
      </c>
      <c r="D8460" s="1" t="s">
        <v>7058</v>
      </c>
      <c r="E8460" s="1" t="s">
        <v>11</v>
      </c>
    </row>
    <row r="8461">
      <c r="A8461" s="1">
        <v>4.90441297E8</v>
      </c>
      <c r="B8461" s="2">
        <v>12716.0</v>
      </c>
      <c r="C8461" s="1" t="s">
        <v>5</v>
      </c>
      <c r="D8461" s="1" t="s">
        <v>7059</v>
      </c>
      <c r="E8461" s="1" t="s">
        <v>7060</v>
      </c>
    </row>
    <row r="8462">
      <c r="A8462" s="1">
        <v>4.90441326E8</v>
      </c>
      <c r="B8462" s="2">
        <v>12573.0</v>
      </c>
      <c r="C8462" s="1" t="s">
        <v>5</v>
      </c>
      <c r="D8462" s="1" t="s">
        <v>7061</v>
      </c>
      <c r="E8462" s="1" t="s">
        <v>7</v>
      </c>
    </row>
    <row r="8463">
      <c r="A8463" s="1">
        <v>4.90441327E8</v>
      </c>
      <c r="B8463" s="2">
        <v>12737.0</v>
      </c>
      <c r="C8463" s="1" t="s">
        <v>5</v>
      </c>
      <c r="D8463" s="1" t="s">
        <v>7062</v>
      </c>
      <c r="E8463" s="1" t="s">
        <v>7</v>
      </c>
    </row>
    <row r="8464">
      <c r="A8464" s="1">
        <v>4.90441345E8</v>
      </c>
      <c r="B8464" s="2">
        <v>12573.0</v>
      </c>
      <c r="C8464" s="1" t="s">
        <v>5</v>
      </c>
      <c r="D8464" s="1" t="s">
        <v>7063</v>
      </c>
      <c r="E8464" s="1" t="s">
        <v>7</v>
      </c>
    </row>
    <row r="8465">
      <c r="A8465" s="1">
        <v>4.90441358E8</v>
      </c>
      <c r="B8465" s="2">
        <v>12739.0</v>
      </c>
      <c r="C8465" s="1" t="s">
        <v>5</v>
      </c>
      <c r="D8465" s="1" t="s">
        <v>7064</v>
      </c>
      <c r="E8465" s="1" t="s">
        <v>11</v>
      </c>
    </row>
    <row r="8466">
      <c r="A8466" s="1">
        <v>4.90441368E8</v>
      </c>
      <c r="B8466" s="2">
        <v>12678.0</v>
      </c>
      <c r="C8466" s="1" t="s">
        <v>5</v>
      </c>
      <c r="D8466" s="1" t="s">
        <v>7065</v>
      </c>
      <c r="E8466" s="1" t="s">
        <v>7</v>
      </c>
    </row>
    <row r="8467">
      <c r="A8467" s="1">
        <v>4.90441375E8</v>
      </c>
      <c r="B8467" s="2">
        <v>12728.0</v>
      </c>
      <c r="C8467" s="1" t="s">
        <v>5</v>
      </c>
      <c r="D8467" s="1" t="s">
        <v>7066</v>
      </c>
      <c r="E8467" s="1" t="s">
        <v>7067</v>
      </c>
    </row>
    <row r="8468">
      <c r="A8468" s="1">
        <v>4.90441394E8</v>
      </c>
      <c r="B8468" s="2">
        <v>12666.0</v>
      </c>
      <c r="C8468" s="1" t="s">
        <v>5</v>
      </c>
      <c r="D8468" s="1" t="s">
        <v>7068</v>
      </c>
      <c r="E8468" s="1" t="s">
        <v>7</v>
      </c>
    </row>
    <row r="8469">
      <c r="A8469" s="1">
        <v>4.904414E8</v>
      </c>
      <c r="B8469" s="2">
        <v>12727.0</v>
      </c>
      <c r="C8469" s="1" t="s">
        <v>5</v>
      </c>
      <c r="D8469" s="1" t="s">
        <v>7069</v>
      </c>
      <c r="E8469" s="1" t="s">
        <v>7</v>
      </c>
    </row>
    <row r="8470">
      <c r="A8470" s="1">
        <v>4.90441401E8</v>
      </c>
      <c r="B8470" s="2">
        <v>12730.0</v>
      </c>
      <c r="C8470" s="1" t="s">
        <v>5</v>
      </c>
      <c r="D8470" s="1" t="s">
        <v>11</v>
      </c>
      <c r="E8470" s="1" t="s">
        <v>7</v>
      </c>
    </row>
    <row r="8471">
      <c r="A8471" s="1">
        <v>4.90441411E8</v>
      </c>
      <c r="B8471" s="2">
        <v>12578.0</v>
      </c>
      <c r="C8471" s="1" t="s">
        <v>5</v>
      </c>
      <c r="D8471" s="1" t="s">
        <v>11</v>
      </c>
      <c r="E8471" s="1" t="s">
        <v>7</v>
      </c>
    </row>
    <row r="8472">
      <c r="A8472" s="1">
        <v>4.90441413E8</v>
      </c>
      <c r="B8472" s="2">
        <v>12734.0</v>
      </c>
      <c r="C8472" s="1" t="s">
        <v>5</v>
      </c>
      <c r="D8472" s="1" t="s">
        <v>7070</v>
      </c>
      <c r="E8472" s="1" t="s">
        <v>11</v>
      </c>
    </row>
    <row r="8473">
      <c r="A8473" s="1">
        <v>4.90441417E8</v>
      </c>
      <c r="B8473" s="2">
        <v>12699.0</v>
      </c>
      <c r="C8473" s="1" t="s">
        <v>5</v>
      </c>
      <c r="D8473" s="1" t="s">
        <v>7071</v>
      </c>
      <c r="E8473" s="1" t="s">
        <v>7</v>
      </c>
    </row>
    <row r="8474">
      <c r="A8474" s="1">
        <v>4.90441466E8</v>
      </c>
      <c r="B8474" s="2">
        <v>12736.0</v>
      </c>
      <c r="C8474" s="1" t="s">
        <v>5</v>
      </c>
      <c r="D8474" s="1" t="s">
        <v>11</v>
      </c>
      <c r="E8474" s="1" t="s">
        <v>7</v>
      </c>
    </row>
    <row r="8475">
      <c r="A8475" s="1">
        <v>4.90441479E8</v>
      </c>
      <c r="B8475" s="2">
        <v>12730.0</v>
      </c>
      <c r="C8475" s="1" t="s">
        <v>5</v>
      </c>
      <c r="D8475" s="1" t="s">
        <v>7072</v>
      </c>
      <c r="E8475" s="1" t="s">
        <v>7</v>
      </c>
    </row>
    <row r="8476">
      <c r="A8476" s="1">
        <v>4.90441498E8</v>
      </c>
      <c r="B8476" s="2">
        <v>12730.0</v>
      </c>
      <c r="C8476" s="1" t="s">
        <v>5</v>
      </c>
      <c r="D8476" s="1" t="s">
        <v>7073</v>
      </c>
      <c r="E8476" s="1" t="s">
        <v>11</v>
      </c>
    </row>
    <row r="8477">
      <c r="A8477" s="1">
        <v>4.90441582E8</v>
      </c>
      <c r="B8477" s="2">
        <v>12743.0</v>
      </c>
      <c r="C8477" s="1" t="s">
        <v>5</v>
      </c>
      <c r="D8477" s="1" t="s">
        <v>7074</v>
      </c>
      <c r="E8477" s="1" t="s">
        <v>11</v>
      </c>
    </row>
    <row r="8478">
      <c r="A8478" s="1">
        <v>4.90441616E8</v>
      </c>
      <c r="B8478" s="2">
        <v>12712.0</v>
      </c>
      <c r="C8478" s="1" t="s">
        <v>5</v>
      </c>
      <c r="D8478" s="1" t="s">
        <v>7075</v>
      </c>
      <c r="E8478" s="1" t="s">
        <v>7</v>
      </c>
    </row>
    <row r="8479">
      <c r="A8479" s="1">
        <v>4.90441621E8</v>
      </c>
      <c r="B8479" s="2">
        <v>12576.0</v>
      </c>
      <c r="C8479" s="1" t="s">
        <v>5</v>
      </c>
      <c r="D8479" s="1" t="s">
        <v>7076</v>
      </c>
      <c r="E8479" s="1" t="s">
        <v>7077</v>
      </c>
    </row>
    <row r="8480">
      <c r="A8480" s="1">
        <v>4.90441626E8</v>
      </c>
      <c r="B8480" s="2">
        <v>12705.0</v>
      </c>
      <c r="C8480" s="1" t="s">
        <v>5</v>
      </c>
      <c r="D8480" s="1" t="s">
        <v>7078</v>
      </c>
      <c r="E8480" s="1" t="s">
        <v>7</v>
      </c>
    </row>
    <row r="8481">
      <c r="A8481" s="1">
        <v>4.90441633E8</v>
      </c>
      <c r="B8481" s="2">
        <v>12690.0</v>
      </c>
      <c r="C8481" s="1" t="s">
        <v>5</v>
      </c>
      <c r="D8481" s="1" t="s">
        <v>7079</v>
      </c>
      <c r="E8481" s="1" t="s">
        <v>7</v>
      </c>
    </row>
    <row r="8482">
      <c r="A8482" s="1">
        <v>4.90441643E8</v>
      </c>
      <c r="B8482" s="2">
        <v>12684.0</v>
      </c>
      <c r="C8482" s="1" t="s">
        <v>5</v>
      </c>
      <c r="D8482" s="1" t="s">
        <v>11</v>
      </c>
      <c r="E8482" s="1" t="s">
        <v>7</v>
      </c>
    </row>
    <row r="8483">
      <c r="A8483" s="1">
        <v>4.9044167E8</v>
      </c>
      <c r="B8483" s="2">
        <v>12571.0</v>
      </c>
      <c r="C8483" s="1" t="s">
        <v>5</v>
      </c>
      <c r="D8483" s="1" t="s">
        <v>11</v>
      </c>
      <c r="E8483" s="1" t="s">
        <v>7</v>
      </c>
    </row>
    <row r="8484">
      <c r="A8484" s="1">
        <v>4.90441672E8</v>
      </c>
      <c r="B8484" s="2">
        <v>12733.0</v>
      </c>
      <c r="C8484" s="1" t="s">
        <v>5</v>
      </c>
      <c r="D8484" s="1" t="s">
        <v>7080</v>
      </c>
      <c r="E8484" s="1" t="s">
        <v>11</v>
      </c>
    </row>
    <row r="8485">
      <c r="A8485" s="1">
        <v>4.90441683E8</v>
      </c>
      <c r="B8485" s="2">
        <v>12737.0</v>
      </c>
      <c r="C8485" s="1" t="s">
        <v>5</v>
      </c>
      <c r="D8485" s="1" t="s">
        <v>7081</v>
      </c>
      <c r="E8485" s="1" t="s">
        <v>7</v>
      </c>
    </row>
    <row r="8486">
      <c r="A8486" s="1">
        <v>4.90441684E8</v>
      </c>
      <c r="B8486" s="2">
        <v>12729.0</v>
      </c>
      <c r="C8486" s="1" t="s">
        <v>5</v>
      </c>
      <c r="D8486" s="1" t="s">
        <v>7082</v>
      </c>
      <c r="E8486" s="1" t="s">
        <v>7</v>
      </c>
    </row>
    <row r="8487">
      <c r="A8487" s="1">
        <v>4.90441694E8</v>
      </c>
      <c r="B8487" s="2">
        <v>12705.0</v>
      </c>
      <c r="C8487" s="1" t="s">
        <v>5</v>
      </c>
      <c r="D8487" s="1" t="s">
        <v>7083</v>
      </c>
      <c r="E8487" s="1" t="s">
        <v>7</v>
      </c>
    </row>
    <row r="8488">
      <c r="A8488" s="1">
        <v>4.90441701E8</v>
      </c>
      <c r="B8488" s="2">
        <v>12714.0</v>
      </c>
      <c r="C8488" s="1" t="s">
        <v>5</v>
      </c>
      <c r="D8488" s="1" t="s">
        <v>7084</v>
      </c>
      <c r="E8488" s="1" t="s">
        <v>7</v>
      </c>
    </row>
    <row r="8489">
      <c r="A8489" s="1">
        <v>4.90441714E8</v>
      </c>
      <c r="B8489" s="2">
        <v>12714.0</v>
      </c>
      <c r="C8489" s="1" t="s">
        <v>5</v>
      </c>
      <c r="D8489" s="1" t="s">
        <v>11</v>
      </c>
      <c r="E8489" s="1" t="s">
        <v>7</v>
      </c>
    </row>
    <row r="8490">
      <c r="A8490" s="1">
        <v>4.90441715E8</v>
      </c>
      <c r="B8490" s="2">
        <v>12681.0</v>
      </c>
      <c r="C8490" s="1" t="s">
        <v>5</v>
      </c>
      <c r="D8490" s="1" t="s">
        <v>7085</v>
      </c>
      <c r="E8490" s="1" t="s">
        <v>7086</v>
      </c>
    </row>
    <row r="8491">
      <c r="A8491" s="1">
        <v>4.90441718E8</v>
      </c>
      <c r="B8491" s="2">
        <v>12682.0</v>
      </c>
      <c r="C8491" s="1" t="s">
        <v>5</v>
      </c>
      <c r="D8491" s="1" t="s">
        <v>7087</v>
      </c>
      <c r="E8491" s="1" t="s">
        <v>7</v>
      </c>
    </row>
    <row r="8492">
      <c r="A8492" s="1">
        <v>4.9044172E8</v>
      </c>
      <c r="B8492" s="2">
        <v>12674.0</v>
      </c>
      <c r="C8492" s="1" t="s">
        <v>5</v>
      </c>
      <c r="D8492" s="1" t="s">
        <v>7088</v>
      </c>
      <c r="E8492" s="1" t="s">
        <v>7</v>
      </c>
    </row>
    <row r="8493">
      <c r="A8493" s="1">
        <v>4.90441741E8</v>
      </c>
      <c r="B8493" s="2">
        <v>12723.0</v>
      </c>
      <c r="C8493" s="1" t="s">
        <v>5</v>
      </c>
      <c r="D8493" s="1" t="s">
        <v>7089</v>
      </c>
      <c r="E8493" s="1" t="s">
        <v>7090</v>
      </c>
    </row>
    <row r="8494">
      <c r="A8494" s="1">
        <v>4.90441753E8</v>
      </c>
      <c r="B8494" s="2">
        <v>12704.0</v>
      </c>
      <c r="C8494" s="1" t="s">
        <v>5</v>
      </c>
      <c r="D8494" s="1" t="s">
        <v>7091</v>
      </c>
      <c r="E8494" s="1" t="s">
        <v>7</v>
      </c>
    </row>
    <row r="8495">
      <c r="A8495" s="1">
        <v>4.90441754E8</v>
      </c>
      <c r="B8495" s="2">
        <v>12724.0</v>
      </c>
      <c r="C8495" s="1" t="s">
        <v>5</v>
      </c>
      <c r="D8495" s="1" t="s">
        <v>7092</v>
      </c>
      <c r="E8495" s="1" t="s">
        <v>11</v>
      </c>
    </row>
    <row r="8496">
      <c r="A8496" s="1">
        <v>4.90441765E8</v>
      </c>
      <c r="B8496" s="2">
        <v>12727.0</v>
      </c>
      <c r="C8496" s="1" t="s">
        <v>5</v>
      </c>
      <c r="D8496" s="1" t="s">
        <v>7093</v>
      </c>
      <c r="E8496" s="1" t="s">
        <v>7</v>
      </c>
    </row>
    <row r="8497">
      <c r="A8497" s="1">
        <v>4.9044177E8</v>
      </c>
      <c r="B8497" s="2">
        <v>12690.0</v>
      </c>
      <c r="C8497" s="1" t="s">
        <v>5</v>
      </c>
      <c r="D8497" s="1" t="s">
        <v>7094</v>
      </c>
      <c r="E8497" s="1" t="s">
        <v>7</v>
      </c>
    </row>
    <row r="8498">
      <c r="A8498" s="1">
        <v>4.90441807E8</v>
      </c>
      <c r="B8498" s="2">
        <v>12629.0</v>
      </c>
      <c r="C8498" s="1" t="s">
        <v>5</v>
      </c>
      <c r="D8498" s="1" t="s">
        <v>7095</v>
      </c>
      <c r="E8498" s="1" t="s">
        <v>7</v>
      </c>
    </row>
    <row r="8499">
      <c r="A8499" s="1">
        <v>4.90441832E8</v>
      </c>
      <c r="B8499" s="2">
        <v>12629.0</v>
      </c>
      <c r="C8499" s="1" t="s">
        <v>5</v>
      </c>
      <c r="D8499" s="1" t="s">
        <v>7096</v>
      </c>
      <c r="E8499" s="1" t="s">
        <v>7</v>
      </c>
    </row>
    <row r="8500">
      <c r="A8500" s="1">
        <v>4.90441837E8</v>
      </c>
      <c r="B8500" s="2">
        <v>12690.0</v>
      </c>
      <c r="C8500" s="1" t="s">
        <v>5</v>
      </c>
      <c r="D8500" s="1" t="s">
        <v>7097</v>
      </c>
      <c r="E8500" s="1" t="s">
        <v>7</v>
      </c>
    </row>
    <row r="8501">
      <c r="A8501" s="1">
        <v>4.90441853E8</v>
      </c>
      <c r="B8501" s="2">
        <v>12710.0</v>
      </c>
      <c r="C8501" s="1" t="s">
        <v>5</v>
      </c>
      <c r="D8501" s="1" t="s">
        <v>7098</v>
      </c>
      <c r="E8501" s="1" t="s">
        <v>11</v>
      </c>
    </row>
    <row r="8502">
      <c r="A8502" s="1">
        <v>4.90441878E8</v>
      </c>
      <c r="B8502" s="2">
        <v>12673.0</v>
      </c>
      <c r="C8502" s="1" t="s">
        <v>5</v>
      </c>
      <c r="D8502" s="1" t="s">
        <v>7099</v>
      </c>
      <c r="E8502" s="1" t="s">
        <v>7</v>
      </c>
    </row>
    <row r="8503">
      <c r="A8503" s="1">
        <v>4.9044188E8</v>
      </c>
      <c r="B8503" s="2">
        <v>12734.0</v>
      </c>
      <c r="C8503" s="1" t="s">
        <v>5</v>
      </c>
      <c r="D8503" s="1" t="s">
        <v>7100</v>
      </c>
      <c r="E8503" s="1" t="s">
        <v>7</v>
      </c>
    </row>
    <row r="8504">
      <c r="A8504" s="1">
        <v>4.90441888E8</v>
      </c>
      <c r="B8504" s="2">
        <v>12743.0</v>
      </c>
      <c r="C8504" s="1" t="s">
        <v>5</v>
      </c>
      <c r="D8504" s="1" t="s">
        <v>7101</v>
      </c>
      <c r="E8504" s="1" t="s">
        <v>7</v>
      </c>
    </row>
    <row r="8505">
      <c r="A8505" s="1">
        <v>4.90441891E8</v>
      </c>
      <c r="B8505" s="2">
        <v>12663.0</v>
      </c>
      <c r="C8505" s="1" t="s">
        <v>5</v>
      </c>
      <c r="D8505" s="1" t="s">
        <v>7102</v>
      </c>
      <c r="E8505" s="1" t="s">
        <v>11</v>
      </c>
    </row>
    <row r="8506">
      <c r="A8506" s="1">
        <v>4.90441903E8</v>
      </c>
      <c r="B8506" s="2">
        <v>12722.0</v>
      </c>
      <c r="C8506" s="1" t="s">
        <v>5</v>
      </c>
      <c r="D8506" s="1" t="s">
        <v>7103</v>
      </c>
      <c r="E8506" s="1" t="s">
        <v>11</v>
      </c>
    </row>
    <row r="8507">
      <c r="A8507" s="1">
        <v>4.90441904E8</v>
      </c>
      <c r="B8507" s="2">
        <v>12690.0</v>
      </c>
      <c r="C8507" s="1" t="s">
        <v>5</v>
      </c>
      <c r="D8507" s="1" t="s">
        <v>7104</v>
      </c>
      <c r="E8507" s="1" t="s">
        <v>11</v>
      </c>
    </row>
    <row r="8508">
      <c r="A8508" s="1">
        <v>4.90441925E8</v>
      </c>
      <c r="B8508" s="2">
        <v>12724.0</v>
      </c>
      <c r="C8508" s="1" t="s">
        <v>5</v>
      </c>
      <c r="D8508" s="1" t="s">
        <v>7105</v>
      </c>
      <c r="E8508" s="1" t="s">
        <v>7</v>
      </c>
    </row>
    <row r="8509">
      <c r="A8509" s="1">
        <v>4.90441944E8</v>
      </c>
      <c r="B8509" s="2">
        <v>12576.0</v>
      </c>
      <c r="C8509" s="1" t="s">
        <v>5</v>
      </c>
      <c r="D8509" s="1" t="s">
        <v>7106</v>
      </c>
      <c r="E8509" s="1" t="s">
        <v>7</v>
      </c>
    </row>
    <row r="8510">
      <c r="A8510" s="1">
        <v>4.90441963E8</v>
      </c>
      <c r="B8510" s="2">
        <v>12743.0</v>
      </c>
      <c r="C8510" s="1" t="s">
        <v>5</v>
      </c>
      <c r="D8510" s="1" t="s">
        <v>7107</v>
      </c>
      <c r="E8510" s="1" t="s">
        <v>7</v>
      </c>
    </row>
    <row r="8511">
      <c r="A8511" s="1">
        <v>4.90441974E8</v>
      </c>
      <c r="B8511" s="2">
        <v>12736.0</v>
      </c>
      <c r="C8511" s="1" t="s">
        <v>5</v>
      </c>
      <c r="D8511" s="1" t="s">
        <v>7108</v>
      </c>
      <c r="E8511" s="1" t="s">
        <v>7</v>
      </c>
    </row>
    <row r="8512">
      <c r="A8512" s="1">
        <v>4.90442013E8</v>
      </c>
      <c r="B8512" s="2">
        <v>12709.0</v>
      </c>
      <c r="C8512" s="1" t="s">
        <v>5</v>
      </c>
      <c r="D8512" s="1" t="s">
        <v>11</v>
      </c>
      <c r="E8512" s="1" t="s">
        <v>7</v>
      </c>
    </row>
    <row r="8513">
      <c r="A8513" s="1">
        <v>4.90442021E8</v>
      </c>
      <c r="B8513" s="2">
        <v>12720.0</v>
      </c>
      <c r="C8513" s="1" t="s">
        <v>5</v>
      </c>
      <c r="D8513" s="1" t="s">
        <v>7109</v>
      </c>
      <c r="E8513" s="1" t="s">
        <v>11</v>
      </c>
    </row>
    <row r="8514">
      <c r="A8514" s="1">
        <v>4.90442048E8</v>
      </c>
      <c r="B8514" s="2">
        <v>12671.0</v>
      </c>
      <c r="C8514" s="1" t="s">
        <v>5</v>
      </c>
      <c r="D8514" s="1" t="s">
        <v>7110</v>
      </c>
      <c r="E8514" s="1" t="s">
        <v>7</v>
      </c>
    </row>
    <row r="8515">
      <c r="A8515" s="1">
        <v>4.90442052E8</v>
      </c>
      <c r="B8515" s="2">
        <v>12582.0</v>
      </c>
      <c r="C8515" s="1" t="s">
        <v>5</v>
      </c>
      <c r="D8515" s="1" t="s">
        <v>7111</v>
      </c>
      <c r="E8515" s="1" t="s">
        <v>7</v>
      </c>
    </row>
    <row r="8516">
      <c r="A8516" s="1">
        <v>4.90442069E8</v>
      </c>
      <c r="B8516" s="2">
        <v>12702.0</v>
      </c>
      <c r="C8516" s="1" t="s">
        <v>5</v>
      </c>
      <c r="D8516" s="1" t="s">
        <v>11</v>
      </c>
      <c r="E8516" s="1" t="s">
        <v>7</v>
      </c>
    </row>
    <row r="8517">
      <c r="A8517" s="1">
        <v>4.90442076E8</v>
      </c>
      <c r="B8517" s="2">
        <v>12689.0</v>
      </c>
      <c r="C8517" s="1" t="s">
        <v>5</v>
      </c>
      <c r="D8517" s="1" t="s">
        <v>7112</v>
      </c>
      <c r="E8517" s="1" t="s">
        <v>7</v>
      </c>
    </row>
    <row r="8518">
      <c r="A8518" s="1">
        <v>4.90442082E8</v>
      </c>
      <c r="B8518" s="2">
        <v>12627.0</v>
      </c>
      <c r="C8518" s="1" t="s">
        <v>5</v>
      </c>
      <c r="D8518" s="1" t="s">
        <v>7113</v>
      </c>
      <c r="E8518" s="1" t="s">
        <v>7</v>
      </c>
    </row>
    <row r="8519">
      <c r="A8519" s="1">
        <v>4.90442095E8</v>
      </c>
      <c r="B8519" s="2">
        <v>12626.0</v>
      </c>
      <c r="C8519" s="1" t="s">
        <v>5</v>
      </c>
      <c r="D8519" s="1" t="s">
        <v>7114</v>
      </c>
      <c r="E8519" s="1" t="s">
        <v>11</v>
      </c>
    </row>
    <row r="8520">
      <c r="A8520" s="1">
        <v>4.90442101E8</v>
      </c>
      <c r="B8520" s="2">
        <v>12733.0</v>
      </c>
      <c r="C8520" s="1" t="s">
        <v>5</v>
      </c>
      <c r="D8520" s="1" t="s">
        <v>7115</v>
      </c>
      <c r="E8520" s="1" t="s">
        <v>7</v>
      </c>
    </row>
    <row r="8521">
      <c r="A8521" s="1">
        <v>4.90442114E8</v>
      </c>
      <c r="B8521" s="2">
        <v>12687.0</v>
      </c>
      <c r="C8521" s="1" t="s">
        <v>5</v>
      </c>
      <c r="D8521" s="1" t="s">
        <v>7116</v>
      </c>
      <c r="E8521" s="1" t="s">
        <v>7</v>
      </c>
    </row>
    <row r="8522">
      <c r="A8522" s="1">
        <v>4.9044212E8</v>
      </c>
      <c r="B8522" s="2">
        <v>12670.0</v>
      </c>
      <c r="C8522" s="1" t="s">
        <v>5</v>
      </c>
      <c r="D8522" s="1" t="s">
        <v>11</v>
      </c>
      <c r="E8522" s="1" t="s">
        <v>7</v>
      </c>
    </row>
    <row r="8523">
      <c r="A8523" s="1">
        <v>4.90442125E8</v>
      </c>
      <c r="B8523" s="2">
        <v>12722.0</v>
      </c>
      <c r="C8523" s="1" t="s">
        <v>5</v>
      </c>
      <c r="D8523" s="1" t="s">
        <v>7117</v>
      </c>
      <c r="E8523" s="1" t="s">
        <v>7</v>
      </c>
    </row>
    <row r="8524">
      <c r="A8524" s="1">
        <v>4.9044213E8</v>
      </c>
      <c r="B8524" s="2">
        <v>12627.0</v>
      </c>
      <c r="C8524" s="1" t="s">
        <v>5</v>
      </c>
      <c r="D8524" s="1" t="s">
        <v>7118</v>
      </c>
      <c r="E8524" s="1" t="s">
        <v>7</v>
      </c>
    </row>
    <row r="8525">
      <c r="A8525" s="1">
        <v>4.90442141E8</v>
      </c>
      <c r="B8525" s="2">
        <v>12732.0</v>
      </c>
      <c r="C8525" s="1" t="s">
        <v>5</v>
      </c>
      <c r="D8525" s="1" t="s">
        <v>7119</v>
      </c>
      <c r="E8525" s="1" t="s">
        <v>7</v>
      </c>
    </row>
    <row r="8526">
      <c r="A8526" s="1">
        <v>4.90442156E8</v>
      </c>
      <c r="B8526" s="2">
        <v>12727.0</v>
      </c>
      <c r="C8526" s="1" t="s">
        <v>5</v>
      </c>
      <c r="D8526" s="1" t="s">
        <v>11</v>
      </c>
      <c r="E8526" s="1" t="s">
        <v>7</v>
      </c>
    </row>
    <row r="8527">
      <c r="A8527" s="1">
        <v>4.90442164E8</v>
      </c>
      <c r="B8527" s="2">
        <v>12701.0</v>
      </c>
      <c r="C8527" s="1" t="s">
        <v>5</v>
      </c>
      <c r="D8527" s="1" t="s">
        <v>7120</v>
      </c>
      <c r="E8527" s="1" t="s">
        <v>11</v>
      </c>
    </row>
    <row r="8528">
      <c r="A8528" s="1">
        <v>4.90442173E8</v>
      </c>
      <c r="B8528" s="2">
        <v>12784.0</v>
      </c>
      <c r="C8528" s="1" t="s">
        <v>5</v>
      </c>
      <c r="D8528" s="1" t="s">
        <v>7121</v>
      </c>
      <c r="E8528" s="1" t="s">
        <v>11</v>
      </c>
    </row>
    <row r="8529">
      <c r="A8529" s="1">
        <v>4.904422E8</v>
      </c>
      <c r="B8529" s="2">
        <v>12712.0</v>
      </c>
      <c r="C8529" s="1" t="s">
        <v>5</v>
      </c>
      <c r="D8529" s="1" t="s">
        <v>7122</v>
      </c>
      <c r="E8529" s="1" t="s">
        <v>7</v>
      </c>
    </row>
    <row r="8530">
      <c r="A8530" s="1">
        <v>4.90442226E8</v>
      </c>
      <c r="B8530" s="2">
        <v>12720.0</v>
      </c>
      <c r="C8530" s="1" t="s">
        <v>5</v>
      </c>
      <c r="D8530" s="1" t="s">
        <v>7123</v>
      </c>
      <c r="E8530" s="1" t="s">
        <v>7</v>
      </c>
    </row>
    <row r="8531">
      <c r="A8531" s="1">
        <v>4.90442236E8</v>
      </c>
      <c r="B8531" s="2">
        <v>12739.0</v>
      </c>
      <c r="C8531" s="1" t="s">
        <v>5</v>
      </c>
      <c r="D8531" s="1" t="s">
        <v>7124</v>
      </c>
      <c r="E8531" s="1" t="s">
        <v>7</v>
      </c>
    </row>
    <row r="8532">
      <c r="A8532" s="1">
        <v>4.90442253E8</v>
      </c>
      <c r="B8532" s="2">
        <v>12739.0</v>
      </c>
      <c r="C8532" s="1" t="s">
        <v>5</v>
      </c>
      <c r="D8532" s="1" t="s">
        <v>7125</v>
      </c>
      <c r="E8532" s="1" t="s">
        <v>7</v>
      </c>
    </row>
    <row r="8533">
      <c r="A8533" s="1">
        <v>4.9044227E8</v>
      </c>
      <c r="B8533" s="2">
        <v>12575.0</v>
      </c>
      <c r="C8533" s="1" t="s">
        <v>5</v>
      </c>
      <c r="D8533" s="1" t="s">
        <v>7126</v>
      </c>
      <c r="E8533" s="1" t="s">
        <v>11</v>
      </c>
    </row>
    <row r="8534">
      <c r="A8534" s="1">
        <v>4.90442292E8</v>
      </c>
      <c r="B8534" s="2">
        <v>12719.0</v>
      </c>
      <c r="C8534" s="1" t="s">
        <v>5</v>
      </c>
      <c r="D8534" s="1" t="s">
        <v>7127</v>
      </c>
      <c r="E8534" s="1" t="s">
        <v>7</v>
      </c>
    </row>
    <row r="8535">
      <c r="A8535" s="1">
        <v>4.90442296E8</v>
      </c>
      <c r="B8535" s="2">
        <v>12575.0</v>
      </c>
      <c r="C8535" s="1" t="s">
        <v>5</v>
      </c>
      <c r="D8535" s="1" t="s">
        <v>7128</v>
      </c>
      <c r="E8535" s="1" t="s">
        <v>11</v>
      </c>
    </row>
    <row r="8536">
      <c r="A8536" s="1">
        <v>4.90442334E8</v>
      </c>
      <c r="B8536" s="2">
        <v>12669.0</v>
      </c>
      <c r="C8536" s="1" t="s">
        <v>5</v>
      </c>
      <c r="D8536" s="1" t="s">
        <v>7129</v>
      </c>
      <c r="E8536" s="1" t="s">
        <v>7</v>
      </c>
    </row>
    <row r="8537">
      <c r="A8537" s="1">
        <v>4.90442389E8</v>
      </c>
      <c r="B8537" s="2">
        <v>12742.0</v>
      </c>
      <c r="C8537" s="1" t="s">
        <v>5</v>
      </c>
      <c r="D8537" s="1" t="s">
        <v>7130</v>
      </c>
      <c r="E8537" s="1" t="s">
        <v>11</v>
      </c>
    </row>
    <row r="8538">
      <c r="A8538" s="1">
        <v>4.90442399E8</v>
      </c>
      <c r="B8538" s="2">
        <v>12624.0</v>
      </c>
      <c r="C8538" s="1" t="s">
        <v>5</v>
      </c>
      <c r="D8538" s="1" t="s">
        <v>7131</v>
      </c>
      <c r="E8538" s="1" t="s">
        <v>7</v>
      </c>
    </row>
    <row r="8539">
      <c r="A8539" s="1">
        <v>4.904424E8</v>
      </c>
      <c r="B8539" s="2">
        <v>12626.0</v>
      </c>
      <c r="C8539" s="1" t="s">
        <v>5</v>
      </c>
      <c r="D8539" s="1" t="s">
        <v>7132</v>
      </c>
      <c r="E8539" s="1" t="s">
        <v>7</v>
      </c>
    </row>
    <row r="8540">
      <c r="A8540" s="1">
        <v>4.90442405E8</v>
      </c>
      <c r="B8540" s="2">
        <v>12667.0</v>
      </c>
      <c r="C8540" s="1" t="s">
        <v>5</v>
      </c>
      <c r="D8540" s="1" t="s">
        <v>7133</v>
      </c>
      <c r="E8540" s="1" t="s">
        <v>11</v>
      </c>
    </row>
    <row r="8541">
      <c r="A8541" s="1">
        <v>4.90442468E8</v>
      </c>
      <c r="B8541" s="2">
        <v>12574.0</v>
      </c>
      <c r="C8541" s="1" t="s">
        <v>5</v>
      </c>
      <c r="D8541" s="1" t="s">
        <v>11</v>
      </c>
      <c r="E8541" s="1" t="s">
        <v>7</v>
      </c>
    </row>
    <row r="8542">
      <c r="A8542" s="1">
        <v>4.90442499E8</v>
      </c>
      <c r="B8542" s="2">
        <v>12736.0</v>
      </c>
      <c r="C8542" s="1" t="s">
        <v>5</v>
      </c>
      <c r="D8542" s="1" t="s">
        <v>7134</v>
      </c>
      <c r="E8542" s="1" t="s">
        <v>7135</v>
      </c>
    </row>
    <row r="8543">
      <c r="A8543" s="1">
        <v>4.90442501E8</v>
      </c>
      <c r="B8543" s="2">
        <v>12709.0</v>
      </c>
      <c r="C8543" s="1" t="s">
        <v>5</v>
      </c>
      <c r="D8543" s="1" t="s">
        <v>7136</v>
      </c>
      <c r="E8543" s="1" t="s">
        <v>7</v>
      </c>
    </row>
    <row r="8544">
      <c r="A8544" s="1">
        <v>4.90442507E8</v>
      </c>
      <c r="B8544" s="2">
        <v>12699.0</v>
      </c>
      <c r="C8544" s="1" t="s">
        <v>5</v>
      </c>
      <c r="D8544" s="1" t="s">
        <v>7137</v>
      </c>
      <c r="E8544" s="1" t="s">
        <v>7</v>
      </c>
    </row>
    <row r="8545">
      <c r="A8545" s="1">
        <v>4.90442545E8</v>
      </c>
      <c r="B8545" s="2">
        <v>12782.0</v>
      </c>
      <c r="C8545" s="1" t="s">
        <v>5</v>
      </c>
      <c r="D8545" s="1" t="s">
        <v>7138</v>
      </c>
      <c r="E8545" s="1" t="s">
        <v>7</v>
      </c>
    </row>
    <row r="8546">
      <c r="A8546" s="1">
        <v>4.90442581E8</v>
      </c>
      <c r="B8546" s="2">
        <v>12699.0</v>
      </c>
      <c r="C8546" s="1" t="s">
        <v>5</v>
      </c>
      <c r="D8546" s="1" t="s">
        <v>7139</v>
      </c>
      <c r="E8546" s="1" t="s">
        <v>11</v>
      </c>
    </row>
    <row r="8547">
      <c r="A8547" s="1">
        <v>4.904426E8</v>
      </c>
      <c r="B8547" s="2">
        <v>12725.0</v>
      </c>
      <c r="C8547" s="1" t="s">
        <v>5</v>
      </c>
      <c r="D8547" s="1" t="s">
        <v>11</v>
      </c>
      <c r="E8547" s="1" t="s">
        <v>7</v>
      </c>
    </row>
    <row r="8548">
      <c r="A8548" s="1">
        <v>4.90442601E8</v>
      </c>
      <c r="B8548" s="2">
        <v>12782.0</v>
      </c>
      <c r="C8548" s="1" t="s">
        <v>5</v>
      </c>
      <c r="D8548" s="1" t="s">
        <v>7140</v>
      </c>
      <c r="E8548" s="1" t="s">
        <v>7</v>
      </c>
    </row>
    <row r="8549">
      <c r="A8549" s="1">
        <v>4.9044265E8</v>
      </c>
      <c r="B8549" s="2">
        <v>12717.0</v>
      </c>
      <c r="C8549" s="1" t="s">
        <v>5</v>
      </c>
      <c r="D8549" s="1" t="s">
        <v>7141</v>
      </c>
      <c r="E8549" s="1" t="s">
        <v>11</v>
      </c>
    </row>
    <row r="8550">
      <c r="A8550" s="1">
        <v>4.90442651E8</v>
      </c>
      <c r="B8550" s="2">
        <v>12730.0</v>
      </c>
      <c r="C8550" s="1" t="s">
        <v>5</v>
      </c>
      <c r="D8550" s="1" t="s">
        <v>7142</v>
      </c>
      <c r="E8550" s="1" t="s">
        <v>7</v>
      </c>
    </row>
    <row r="8551">
      <c r="A8551" s="1">
        <v>4.90442663E8</v>
      </c>
      <c r="B8551" s="2">
        <v>12665.0</v>
      </c>
      <c r="C8551" s="1" t="s">
        <v>5</v>
      </c>
      <c r="D8551" s="1" t="s">
        <v>11</v>
      </c>
      <c r="E8551" s="1" t="s">
        <v>7</v>
      </c>
    </row>
    <row r="8552">
      <c r="A8552" s="1">
        <v>4.90442669E8</v>
      </c>
      <c r="B8552" s="2">
        <v>12581.0</v>
      </c>
      <c r="C8552" s="1" t="s">
        <v>5</v>
      </c>
      <c r="D8552" s="1" t="s">
        <v>7143</v>
      </c>
      <c r="E8552" s="1" t="s">
        <v>7144</v>
      </c>
    </row>
    <row r="8553">
      <c r="A8553" s="1">
        <v>4.90442679E8</v>
      </c>
      <c r="B8553" s="2">
        <v>12725.0</v>
      </c>
      <c r="C8553" s="1" t="s">
        <v>5</v>
      </c>
      <c r="D8553" s="1" t="s">
        <v>7145</v>
      </c>
      <c r="E8553" s="1" t="s">
        <v>7</v>
      </c>
    </row>
    <row r="8554">
      <c r="A8554" s="1">
        <v>4.90442693E8</v>
      </c>
      <c r="B8554" s="2">
        <v>12680.0</v>
      </c>
      <c r="C8554" s="1" t="s">
        <v>5</v>
      </c>
      <c r="D8554" s="1" t="s">
        <v>7146</v>
      </c>
      <c r="E8554" s="1" t="s">
        <v>7147</v>
      </c>
    </row>
    <row r="8555">
      <c r="A8555" s="1">
        <v>4.90442696E8</v>
      </c>
      <c r="B8555" s="2">
        <v>12688.0</v>
      </c>
      <c r="C8555" s="1" t="s">
        <v>5</v>
      </c>
      <c r="D8555" s="1" t="s">
        <v>7148</v>
      </c>
      <c r="E8555" s="1" t="s">
        <v>7</v>
      </c>
    </row>
    <row r="8556">
      <c r="A8556" s="1">
        <v>4.90442702E8</v>
      </c>
      <c r="B8556" s="2">
        <v>12573.0</v>
      </c>
      <c r="C8556" s="1" t="s">
        <v>5</v>
      </c>
      <c r="D8556" s="1" t="s">
        <v>7149</v>
      </c>
      <c r="E8556" s="1" t="s">
        <v>11</v>
      </c>
    </row>
    <row r="8557">
      <c r="A8557" s="1">
        <v>4.90442704E8</v>
      </c>
      <c r="B8557" s="2">
        <v>12730.0</v>
      </c>
      <c r="C8557" s="1" t="s">
        <v>5</v>
      </c>
      <c r="D8557" s="1" t="s">
        <v>7150</v>
      </c>
      <c r="E8557" s="1" t="s">
        <v>7</v>
      </c>
    </row>
    <row r="8558">
      <c r="A8558" s="1">
        <v>4.90442737E8</v>
      </c>
      <c r="B8558" s="2">
        <v>12780.0</v>
      </c>
      <c r="C8558" s="1" t="s">
        <v>5</v>
      </c>
      <c r="D8558" s="1" t="s">
        <v>7151</v>
      </c>
      <c r="E8558" s="1" t="s">
        <v>11</v>
      </c>
    </row>
    <row r="8559">
      <c r="A8559" s="1">
        <v>4.9044274E8</v>
      </c>
      <c r="B8559" s="2">
        <v>12723.0</v>
      </c>
      <c r="C8559" s="1" t="s">
        <v>5</v>
      </c>
      <c r="D8559" s="1" t="s">
        <v>7152</v>
      </c>
      <c r="E8559" s="1" t="s">
        <v>7</v>
      </c>
    </row>
    <row r="8560">
      <c r="A8560" s="1">
        <v>4.90442747E8</v>
      </c>
      <c r="B8560" s="2">
        <v>12716.0</v>
      </c>
      <c r="C8560" s="1" t="s">
        <v>5</v>
      </c>
      <c r="D8560" s="1" t="s">
        <v>7153</v>
      </c>
      <c r="E8560" s="1" t="s">
        <v>7</v>
      </c>
    </row>
    <row r="8561">
      <c r="A8561" s="1">
        <v>4.90442762E8</v>
      </c>
      <c r="B8561" s="2">
        <v>12573.0</v>
      </c>
      <c r="C8561" s="1" t="s">
        <v>5</v>
      </c>
      <c r="D8561" s="1" t="s">
        <v>7154</v>
      </c>
      <c r="E8561" s="1" t="s">
        <v>7</v>
      </c>
    </row>
    <row r="8562">
      <c r="A8562" s="1">
        <v>4.90442768E8</v>
      </c>
      <c r="B8562" s="2">
        <v>12573.0</v>
      </c>
      <c r="C8562" s="1" t="s">
        <v>5</v>
      </c>
      <c r="D8562" s="1" t="s">
        <v>7155</v>
      </c>
      <c r="E8562" s="1" t="s">
        <v>7</v>
      </c>
    </row>
    <row r="8563">
      <c r="A8563" s="1">
        <v>4.90442781E8</v>
      </c>
      <c r="B8563" s="2">
        <v>12573.0</v>
      </c>
      <c r="C8563" s="1" t="s">
        <v>5</v>
      </c>
      <c r="D8563" s="1" t="s">
        <v>7156</v>
      </c>
      <c r="E8563" s="1" t="s">
        <v>7</v>
      </c>
    </row>
    <row r="8564">
      <c r="A8564" s="1">
        <v>4.90442802E8</v>
      </c>
      <c r="B8564" s="2">
        <v>12730.0</v>
      </c>
      <c r="C8564" s="1" t="s">
        <v>5</v>
      </c>
      <c r="D8564" s="1" t="s">
        <v>7157</v>
      </c>
      <c r="E8564" s="1" t="s">
        <v>11</v>
      </c>
    </row>
    <row r="8565">
      <c r="A8565" s="1">
        <v>4.90442803E8</v>
      </c>
      <c r="B8565" s="2">
        <v>12754.0</v>
      </c>
      <c r="C8565" s="1" t="s">
        <v>5</v>
      </c>
      <c r="D8565" s="1" t="s">
        <v>11</v>
      </c>
      <c r="E8565" s="1" t="s">
        <v>7</v>
      </c>
    </row>
    <row r="8566">
      <c r="A8566" s="1">
        <v>4.90442837E8</v>
      </c>
      <c r="B8566" s="2">
        <v>12681.0</v>
      </c>
      <c r="C8566" s="1" t="s">
        <v>5</v>
      </c>
      <c r="D8566" s="1" t="s">
        <v>7158</v>
      </c>
      <c r="E8566" s="1" t="s">
        <v>7</v>
      </c>
    </row>
    <row r="8567">
      <c r="A8567" s="1">
        <v>4.90442849E8</v>
      </c>
      <c r="B8567" s="2">
        <v>12724.0</v>
      </c>
      <c r="C8567" s="1" t="s">
        <v>5</v>
      </c>
      <c r="D8567" s="1" t="s">
        <v>7159</v>
      </c>
      <c r="E8567" s="1" t="s">
        <v>11</v>
      </c>
    </row>
    <row r="8568">
      <c r="A8568" s="1">
        <v>4.90442851E8</v>
      </c>
      <c r="B8568" s="2">
        <v>12754.0</v>
      </c>
      <c r="C8568" s="1" t="s">
        <v>5</v>
      </c>
      <c r="D8568" s="1" t="s">
        <v>7160</v>
      </c>
      <c r="E8568" s="1" t="s">
        <v>7</v>
      </c>
    </row>
    <row r="8569">
      <c r="A8569" s="1">
        <v>4.90442853E8</v>
      </c>
      <c r="B8569" s="2">
        <v>12624.0</v>
      </c>
      <c r="C8569" s="1" t="s">
        <v>5</v>
      </c>
      <c r="D8569" s="1" t="s">
        <v>11</v>
      </c>
      <c r="E8569" s="1" t="s">
        <v>7</v>
      </c>
    </row>
    <row r="8570">
      <c r="A8570" s="1">
        <v>4.90442866E8</v>
      </c>
      <c r="B8570" s="2">
        <v>12704.0</v>
      </c>
      <c r="C8570" s="1" t="s">
        <v>5</v>
      </c>
      <c r="D8570" s="1" t="s">
        <v>7161</v>
      </c>
      <c r="E8570" s="1" t="s">
        <v>7</v>
      </c>
    </row>
    <row r="8571">
      <c r="A8571" s="1">
        <v>4.90442882E8</v>
      </c>
      <c r="B8571" s="2">
        <v>12664.0</v>
      </c>
      <c r="C8571" s="1" t="s">
        <v>5</v>
      </c>
      <c r="D8571" s="1" t="s">
        <v>11</v>
      </c>
      <c r="E8571" s="1" t="s">
        <v>7</v>
      </c>
    </row>
    <row r="8572">
      <c r="A8572" s="1">
        <v>4.90442928E8</v>
      </c>
      <c r="B8572" s="2">
        <v>12778.0</v>
      </c>
      <c r="C8572" s="1" t="s">
        <v>5</v>
      </c>
      <c r="D8572" s="1" t="s">
        <v>11</v>
      </c>
      <c r="E8572" s="1" t="s">
        <v>7</v>
      </c>
    </row>
    <row r="8573">
      <c r="A8573" s="1">
        <v>4.90442932E8</v>
      </c>
      <c r="B8573" s="2">
        <v>12664.0</v>
      </c>
      <c r="C8573" s="1" t="s">
        <v>5</v>
      </c>
      <c r="D8573" s="1" t="s">
        <v>7162</v>
      </c>
      <c r="E8573" s="1" t="s">
        <v>7</v>
      </c>
    </row>
    <row r="8574">
      <c r="A8574" s="1">
        <v>4.90442958E8</v>
      </c>
      <c r="B8574" s="2">
        <v>12730.0</v>
      </c>
      <c r="C8574" s="1" t="s">
        <v>5</v>
      </c>
      <c r="D8574" s="1" t="s">
        <v>7163</v>
      </c>
      <c r="E8574" s="1" t="s">
        <v>7</v>
      </c>
    </row>
    <row r="8575">
      <c r="A8575" s="1">
        <v>4.9044296E8</v>
      </c>
      <c r="B8575" s="2">
        <v>12681.0</v>
      </c>
      <c r="C8575" s="1" t="s">
        <v>5</v>
      </c>
      <c r="D8575" s="1" t="s">
        <v>7164</v>
      </c>
      <c r="E8575" s="1" t="s">
        <v>11</v>
      </c>
    </row>
    <row r="8576">
      <c r="A8576" s="1">
        <v>4.90442974E8</v>
      </c>
      <c r="B8576" s="2">
        <v>12683.0</v>
      </c>
      <c r="C8576" s="1" t="s">
        <v>5</v>
      </c>
      <c r="D8576" s="1" t="s">
        <v>7165</v>
      </c>
      <c r="E8576" s="1" t="s">
        <v>7</v>
      </c>
    </row>
    <row r="8577">
      <c r="A8577" s="1">
        <v>4.90443002E8</v>
      </c>
      <c r="B8577" s="2">
        <v>12681.0</v>
      </c>
      <c r="C8577" s="1" t="s">
        <v>5</v>
      </c>
      <c r="D8577" s="1" t="s">
        <v>7166</v>
      </c>
      <c r="E8577" s="1" t="s">
        <v>7</v>
      </c>
    </row>
    <row r="8578">
      <c r="A8578" s="1">
        <v>4.90443007E8</v>
      </c>
      <c r="B8578" s="2">
        <v>12572.0</v>
      </c>
      <c r="C8578" s="1" t="s">
        <v>5</v>
      </c>
      <c r="D8578" s="1" t="s">
        <v>7167</v>
      </c>
      <c r="E8578" s="1" t="s">
        <v>7</v>
      </c>
    </row>
    <row r="8579">
      <c r="A8579" s="1">
        <v>4.90443052E8</v>
      </c>
      <c r="B8579" s="2">
        <v>12714.0</v>
      </c>
      <c r="C8579" s="1" t="s">
        <v>5</v>
      </c>
      <c r="D8579" s="1" t="s">
        <v>7168</v>
      </c>
      <c r="E8579" s="1" t="s">
        <v>7</v>
      </c>
    </row>
    <row r="8580">
      <c r="A8580" s="1">
        <v>4.90443054E8</v>
      </c>
      <c r="B8580" s="2">
        <v>12571.0</v>
      </c>
      <c r="C8580" s="1" t="s">
        <v>5</v>
      </c>
      <c r="D8580" s="1" t="s">
        <v>7169</v>
      </c>
      <c r="E8580" s="1" t="s">
        <v>7</v>
      </c>
    </row>
    <row r="8581">
      <c r="A8581" s="1">
        <v>4.90443069E8</v>
      </c>
      <c r="B8581" s="2">
        <v>12727.0</v>
      </c>
      <c r="C8581" s="1" t="s">
        <v>5</v>
      </c>
      <c r="D8581" s="1" t="s">
        <v>7170</v>
      </c>
      <c r="E8581" s="1" t="s">
        <v>7</v>
      </c>
    </row>
    <row r="8582">
      <c r="A8582" s="1">
        <v>4.90443083E8</v>
      </c>
      <c r="B8582" s="2">
        <v>12623.0</v>
      </c>
      <c r="C8582" s="1" t="s">
        <v>5</v>
      </c>
      <c r="D8582" s="1" t="s">
        <v>7171</v>
      </c>
      <c r="E8582" s="1" t="s">
        <v>7</v>
      </c>
    </row>
    <row r="8583">
      <c r="A8583" s="1">
        <v>4.90443095E8</v>
      </c>
      <c r="B8583" s="2">
        <v>12728.0</v>
      </c>
      <c r="C8583" s="1" t="s">
        <v>5</v>
      </c>
      <c r="D8583" s="1" t="s">
        <v>7172</v>
      </c>
      <c r="E8583" s="1" t="s">
        <v>7</v>
      </c>
    </row>
    <row r="8584">
      <c r="A8584" s="1">
        <v>4.90443143E8</v>
      </c>
      <c r="B8584" s="2">
        <v>12729.0</v>
      </c>
      <c r="C8584" s="1" t="s">
        <v>5</v>
      </c>
      <c r="D8584" s="1" t="s">
        <v>7173</v>
      </c>
      <c r="E8584" s="1" t="s">
        <v>7</v>
      </c>
    </row>
    <row r="8585">
      <c r="A8585" s="1">
        <v>4.90443159E8</v>
      </c>
      <c r="B8585" s="2">
        <v>12664.0</v>
      </c>
      <c r="C8585" s="1" t="s">
        <v>5</v>
      </c>
      <c r="D8585" s="1" t="s">
        <v>7174</v>
      </c>
      <c r="E8585" s="1" t="s">
        <v>7</v>
      </c>
    </row>
    <row r="8586">
      <c r="A8586" s="1">
        <v>4.9044316E8</v>
      </c>
      <c r="B8586" s="2">
        <v>12713.0</v>
      </c>
      <c r="C8586" s="1" t="s">
        <v>5</v>
      </c>
      <c r="D8586" s="1" t="s">
        <v>11</v>
      </c>
      <c r="E8586" s="1" t="s">
        <v>7</v>
      </c>
    </row>
    <row r="8587">
      <c r="A8587" s="1">
        <v>4.90443162E8</v>
      </c>
      <c r="B8587" s="2">
        <v>12682.0</v>
      </c>
      <c r="C8587" s="1" t="s">
        <v>5</v>
      </c>
      <c r="D8587" s="1" t="s">
        <v>11</v>
      </c>
      <c r="E8587" s="1" t="s">
        <v>7</v>
      </c>
    </row>
    <row r="8588">
      <c r="A8588" s="1">
        <v>4.90443219E8</v>
      </c>
      <c r="B8588" s="2">
        <v>12678.0</v>
      </c>
      <c r="C8588" s="1" t="s">
        <v>5</v>
      </c>
      <c r="D8588" s="1" t="s">
        <v>7175</v>
      </c>
      <c r="E8588" s="1" t="s">
        <v>7</v>
      </c>
    </row>
    <row r="8589">
      <c r="A8589" s="1">
        <v>4.9044323E8</v>
      </c>
      <c r="B8589" s="2">
        <v>12727.0</v>
      </c>
      <c r="C8589" s="1" t="s">
        <v>5</v>
      </c>
      <c r="D8589" s="1" t="s">
        <v>7176</v>
      </c>
      <c r="E8589" s="1" t="s">
        <v>7177</v>
      </c>
    </row>
    <row r="8590">
      <c r="A8590" s="1">
        <v>4.90443234E8</v>
      </c>
      <c r="B8590" s="2">
        <v>12701.0</v>
      </c>
      <c r="C8590" s="1" t="s">
        <v>5</v>
      </c>
      <c r="D8590" s="1" t="s">
        <v>11</v>
      </c>
      <c r="E8590" s="1" t="s">
        <v>7</v>
      </c>
    </row>
    <row r="8591">
      <c r="A8591" s="1">
        <v>4.90443257E8</v>
      </c>
      <c r="B8591" s="2">
        <v>12721.0</v>
      </c>
      <c r="C8591" s="1" t="s">
        <v>5</v>
      </c>
      <c r="D8591" s="1" t="s">
        <v>7178</v>
      </c>
      <c r="E8591" s="1" t="s">
        <v>11</v>
      </c>
    </row>
    <row r="8592">
      <c r="A8592" s="1">
        <v>4.90443278E8</v>
      </c>
      <c r="B8592" s="2">
        <v>12617.0</v>
      </c>
      <c r="C8592" s="1" t="s">
        <v>5</v>
      </c>
      <c r="D8592" s="1" t="s">
        <v>7179</v>
      </c>
      <c r="E8592" s="1" t="s">
        <v>11</v>
      </c>
    </row>
    <row r="8593">
      <c r="A8593" s="1">
        <v>4.9044328E8</v>
      </c>
      <c r="B8593" s="2">
        <v>12621.0</v>
      </c>
      <c r="C8593" s="1" t="s">
        <v>5</v>
      </c>
      <c r="D8593" s="1" t="s">
        <v>7180</v>
      </c>
      <c r="E8593" s="1" t="s">
        <v>7</v>
      </c>
    </row>
    <row r="8594">
      <c r="A8594" s="1">
        <v>4.90443307E8</v>
      </c>
      <c r="B8594" s="2">
        <v>12720.0</v>
      </c>
      <c r="C8594" s="1" t="s">
        <v>5</v>
      </c>
      <c r="D8594" s="1" t="s">
        <v>7181</v>
      </c>
      <c r="E8594" s="1" t="s">
        <v>7</v>
      </c>
    </row>
    <row r="8595">
      <c r="A8595" s="1">
        <v>4.90443308E8</v>
      </c>
      <c r="B8595" s="2">
        <v>12729.0</v>
      </c>
      <c r="C8595" s="1" t="s">
        <v>5</v>
      </c>
      <c r="D8595" s="1" t="s">
        <v>7182</v>
      </c>
      <c r="E8595" s="1" t="s">
        <v>7</v>
      </c>
    </row>
    <row r="8596">
      <c r="A8596" s="1">
        <v>4.90443346E8</v>
      </c>
      <c r="B8596" s="2">
        <v>12721.0</v>
      </c>
      <c r="C8596" s="1" t="s">
        <v>5</v>
      </c>
      <c r="D8596" s="1" t="s">
        <v>7183</v>
      </c>
      <c r="E8596" s="1" t="s">
        <v>7</v>
      </c>
    </row>
    <row r="8597">
      <c r="A8597" s="1">
        <v>4.9044335E8</v>
      </c>
      <c r="B8597" s="2">
        <v>12725.0</v>
      </c>
      <c r="C8597" s="1" t="s">
        <v>5</v>
      </c>
      <c r="D8597" s="1" t="s">
        <v>7184</v>
      </c>
      <c r="E8597" s="1" t="s">
        <v>11</v>
      </c>
    </row>
    <row r="8598">
      <c r="A8598" s="1">
        <v>4.90443358E8</v>
      </c>
      <c r="B8598" s="2">
        <v>12571.0</v>
      </c>
      <c r="C8598" s="1" t="s">
        <v>5</v>
      </c>
      <c r="D8598" s="1" t="s">
        <v>11</v>
      </c>
      <c r="E8598" s="1" t="s">
        <v>7</v>
      </c>
    </row>
    <row r="8599">
      <c r="A8599" s="1">
        <v>4.90443367E8</v>
      </c>
      <c r="B8599" s="2">
        <v>12682.0</v>
      </c>
      <c r="C8599" s="1" t="s">
        <v>5</v>
      </c>
      <c r="D8599" s="1" t="s">
        <v>7185</v>
      </c>
      <c r="E8599" s="1" t="s">
        <v>11</v>
      </c>
    </row>
    <row r="8600">
      <c r="A8600" s="1">
        <v>4.90443376E8</v>
      </c>
      <c r="B8600" s="2">
        <v>12617.0</v>
      </c>
      <c r="C8600" s="1" t="s">
        <v>5</v>
      </c>
      <c r="D8600" s="1" t="s">
        <v>7186</v>
      </c>
      <c r="E8600" s="1" t="s">
        <v>11</v>
      </c>
    </row>
    <row r="8601">
      <c r="A8601" s="1">
        <v>4.90443382E8</v>
      </c>
      <c r="B8601" s="2">
        <v>12629.0</v>
      </c>
      <c r="C8601" s="1" t="s">
        <v>5</v>
      </c>
      <c r="D8601" s="1" t="s">
        <v>7187</v>
      </c>
      <c r="E8601" s="1" t="s">
        <v>7</v>
      </c>
    </row>
    <row r="8602">
      <c r="A8602" s="1">
        <v>4.90443408E8</v>
      </c>
      <c r="B8602" s="2">
        <v>12629.0</v>
      </c>
      <c r="C8602" s="1" t="s">
        <v>5</v>
      </c>
      <c r="D8602" s="1" t="s">
        <v>7188</v>
      </c>
      <c r="E8602" s="1" t="s">
        <v>11</v>
      </c>
    </row>
    <row r="8603">
      <c r="A8603" s="1">
        <v>4.90443429E8</v>
      </c>
      <c r="B8603" s="2">
        <v>12691.0</v>
      </c>
      <c r="C8603" s="1" t="s">
        <v>5</v>
      </c>
      <c r="D8603" s="1" t="s">
        <v>7189</v>
      </c>
      <c r="E8603" s="1" t="s">
        <v>7</v>
      </c>
    </row>
    <row r="8604">
      <c r="A8604" s="1">
        <v>4.90443433E8</v>
      </c>
      <c r="B8604" s="2">
        <v>12727.0</v>
      </c>
      <c r="C8604" s="1" t="s">
        <v>5</v>
      </c>
      <c r="D8604" s="1" t="s">
        <v>7190</v>
      </c>
      <c r="E8604" s="1" t="s">
        <v>7</v>
      </c>
    </row>
    <row r="8605">
      <c r="A8605" s="1">
        <v>4.90443444E8</v>
      </c>
      <c r="B8605" s="2">
        <v>12708.0</v>
      </c>
      <c r="C8605" s="1" t="s">
        <v>5</v>
      </c>
      <c r="D8605" s="1" t="s">
        <v>7191</v>
      </c>
      <c r="E8605" s="1" t="s">
        <v>7</v>
      </c>
    </row>
    <row r="8606">
      <c r="A8606" s="1">
        <v>4.90443445E8</v>
      </c>
      <c r="B8606" s="2">
        <v>12695.0</v>
      </c>
      <c r="C8606" s="1" t="s">
        <v>5</v>
      </c>
      <c r="D8606" s="1" t="s">
        <v>11</v>
      </c>
      <c r="E8606" s="1" t="s">
        <v>7</v>
      </c>
    </row>
    <row r="8607">
      <c r="A8607" s="1">
        <v>4.9044345E8</v>
      </c>
      <c r="B8607" s="2">
        <v>12728.0</v>
      </c>
      <c r="C8607" s="1" t="s">
        <v>5</v>
      </c>
      <c r="D8607" s="1" t="s">
        <v>7192</v>
      </c>
      <c r="E8607" s="1" t="s">
        <v>7</v>
      </c>
    </row>
    <row r="8608">
      <c r="A8608" s="1">
        <v>4.90443462E8</v>
      </c>
      <c r="B8608" s="2">
        <v>12733.0</v>
      </c>
      <c r="C8608" s="1" t="s">
        <v>5</v>
      </c>
      <c r="D8608" s="1" t="s">
        <v>11</v>
      </c>
      <c r="E8608" s="1" t="s">
        <v>7</v>
      </c>
    </row>
    <row r="8609">
      <c r="A8609" s="1">
        <v>4.90443477E8</v>
      </c>
      <c r="B8609" s="2">
        <v>12728.0</v>
      </c>
      <c r="C8609" s="1" t="s">
        <v>5</v>
      </c>
      <c r="D8609" s="1" t="s">
        <v>7193</v>
      </c>
      <c r="E8609" s="1" t="s">
        <v>7</v>
      </c>
    </row>
    <row r="8610">
      <c r="A8610" s="1">
        <v>4.90443478E8</v>
      </c>
      <c r="B8610" s="2">
        <v>12708.0</v>
      </c>
      <c r="C8610" s="1" t="s">
        <v>5</v>
      </c>
      <c r="D8610" s="1" t="s">
        <v>7194</v>
      </c>
      <c r="E8610" s="1" t="s">
        <v>7</v>
      </c>
    </row>
    <row r="8611">
      <c r="A8611" s="1">
        <v>4.9044349E8</v>
      </c>
      <c r="B8611" s="2">
        <v>12740.0</v>
      </c>
      <c r="C8611" s="1" t="s">
        <v>5</v>
      </c>
      <c r="D8611" s="1" t="s">
        <v>7</v>
      </c>
      <c r="E8611" s="1" t="s">
        <v>7</v>
      </c>
    </row>
    <row r="8612">
      <c r="A8612" s="1">
        <v>4.90443539E8</v>
      </c>
      <c r="B8612" s="2">
        <v>12727.0</v>
      </c>
      <c r="C8612" s="1" t="s">
        <v>5</v>
      </c>
      <c r="D8612" s="1" t="s">
        <v>7195</v>
      </c>
      <c r="E8612" s="1" t="s">
        <v>7</v>
      </c>
    </row>
    <row r="8613">
      <c r="A8613" s="1">
        <v>4.90443545E8</v>
      </c>
      <c r="B8613" s="2">
        <v>12718.0</v>
      </c>
      <c r="C8613" s="1" t="s">
        <v>5</v>
      </c>
      <c r="D8613" s="1" t="s">
        <v>7196</v>
      </c>
      <c r="E8613" s="1" t="s">
        <v>7</v>
      </c>
    </row>
    <row r="8614">
      <c r="A8614" s="1">
        <v>4.90443552E8</v>
      </c>
      <c r="B8614" s="2">
        <v>12679.0</v>
      </c>
      <c r="C8614" s="1" t="s">
        <v>5</v>
      </c>
      <c r="D8614" s="1" t="s">
        <v>7197</v>
      </c>
      <c r="E8614" s="1" t="s">
        <v>7</v>
      </c>
    </row>
    <row r="8615">
      <c r="A8615" s="1">
        <v>4.90443612E8</v>
      </c>
      <c r="B8615" s="2">
        <v>12754.0</v>
      </c>
      <c r="C8615" s="1" t="s">
        <v>5</v>
      </c>
      <c r="D8615" s="1" t="s">
        <v>11</v>
      </c>
      <c r="E8615" s="1" t="s">
        <v>7</v>
      </c>
    </row>
    <row r="8616">
      <c r="A8616" s="1">
        <v>4.90443614E8</v>
      </c>
      <c r="B8616" s="2">
        <v>12685.0</v>
      </c>
      <c r="C8616" s="1" t="s">
        <v>5</v>
      </c>
      <c r="D8616" s="1" t="s">
        <v>7198</v>
      </c>
      <c r="E8616" s="1" t="s">
        <v>7199</v>
      </c>
    </row>
    <row r="8617">
      <c r="A8617" s="1">
        <v>4.90443627E8</v>
      </c>
      <c r="B8617" s="2">
        <v>12581.0</v>
      </c>
      <c r="C8617" s="1" t="s">
        <v>5</v>
      </c>
      <c r="D8617" s="1" t="s">
        <v>7200</v>
      </c>
      <c r="E8617" s="1" t="s">
        <v>11</v>
      </c>
    </row>
    <row r="8618">
      <c r="A8618" s="1">
        <v>4.90443632E8</v>
      </c>
      <c r="B8618" s="2">
        <v>12725.0</v>
      </c>
      <c r="C8618" s="1" t="s">
        <v>5</v>
      </c>
      <c r="D8618" s="1" t="s">
        <v>11</v>
      </c>
      <c r="E8618" s="1" t="s">
        <v>7</v>
      </c>
    </row>
    <row r="8619">
      <c r="A8619" s="1">
        <v>4.90443648E8</v>
      </c>
      <c r="B8619" s="2">
        <v>12783.0</v>
      </c>
      <c r="C8619" s="1" t="s">
        <v>5</v>
      </c>
      <c r="D8619" s="1" t="s">
        <v>7201</v>
      </c>
      <c r="E8619" s="1" t="s">
        <v>11</v>
      </c>
    </row>
    <row r="8620">
      <c r="A8620" s="1">
        <v>4.90443668E8</v>
      </c>
      <c r="B8620" s="2">
        <v>12581.0</v>
      </c>
      <c r="C8620" s="1" t="s">
        <v>5</v>
      </c>
      <c r="D8620" s="1" t="s">
        <v>7202</v>
      </c>
      <c r="E8620" s="1" t="s">
        <v>7</v>
      </c>
    </row>
    <row r="8621">
      <c r="A8621" s="1">
        <v>4.90443674E8</v>
      </c>
      <c r="B8621" s="2">
        <v>12727.0</v>
      </c>
      <c r="C8621" s="1" t="s">
        <v>5</v>
      </c>
      <c r="D8621" s="1" t="s">
        <v>7203</v>
      </c>
      <c r="E8621" s="1" t="s">
        <v>7</v>
      </c>
    </row>
    <row r="8622">
      <c r="A8622" s="1">
        <v>4.90443727E8</v>
      </c>
      <c r="B8622" s="2">
        <v>12711.0</v>
      </c>
      <c r="C8622" s="1" t="s">
        <v>5</v>
      </c>
      <c r="D8622" s="1" t="s">
        <v>7204</v>
      </c>
      <c r="E8622" s="1" t="s">
        <v>7205</v>
      </c>
    </row>
    <row r="8623">
      <c r="A8623" s="1">
        <v>4.90443737E8</v>
      </c>
      <c r="B8623" s="2">
        <v>12615.0</v>
      </c>
      <c r="C8623" s="1" t="s">
        <v>5</v>
      </c>
      <c r="D8623" s="1" t="s">
        <v>7206</v>
      </c>
      <c r="E8623" s="1" t="s">
        <v>7</v>
      </c>
    </row>
    <row r="8624">
      <c r="A8624" s="1">
        <v>4.9044376E8</v>
      </c>
      <c r="B8624" s="2">
        <v>12724.0</v>
      </c>
      <c r="C8624" s="1" t="s">
        <v>5</v>
      </c>
      <c r="D8624" s="1" t="s">
        <v>7207</v>
      </c>
      <c r="E8624" s="1" t="s">
        <v>11</v>
      </c>
    </row>
    <row r="8625">
      <c r="A8625" s="1">
        <v>4.90443776E8</v>
      </c>
      <c r="B8625" s="2">
        <v>12723.0</v>
      </c>
      <c r="C8625" s="1" t="s">
        <v>5</v>
      </c>
      <c r="D8625" s="1" t="s">
        <v>7208</v>
      </c>
      <c r="E8625" s="1" t="s">
        <v>7</v>
      </c>
    </row>
    <row r="8626">
      <c r="A8626" s="1">
        <v>4.90443797E8</v>
      </c>
      <c r="B8626" s="2">
        <v>12772.0</v>
      </c>
      <c r="C8626" s="1" t="s">
        <v>5</v>
      </c>
      <c r="D8626" s="1" t="s">
        <v>7209</v>
      </c>
      <c r="E8626" s="1" t="s">
        <v>11</v>
      </c>
    </row>
    <row r="8627">
      <c r="A8627" s="1">
        <v>4.90443803E8</v>
      </c>
      <c r="B8627" s="2">
        <v>12627.0</v>
      </c>
      <c r="C8627" s="1" t="s">
        <v>5</v>
      </c>
      <c r="D8627" s="1" t="s">
        <v>7210</v>
      </c>
      <c r="E8627" s="1" t="s">
        <v>7</v>
      </c>
    </row>
    <row r="8628">
      <c r="A8628" s="1">
        <v>4.90443844E8</v>
      </c>
      <c r="B8628" s="2">
        <v>12581.0</v>
      </c>
      <c r="C8628" s="1" t="s">
        <v>5</v>
      </c>
      <c r="D8628" s="1" t="s">
        <v>7211</v>
      </c>
      <c r="E8628" s="1" t="s">
        <v>11</v>
      </c>
    </row>
    <row r="8629">
      <c r="A8629" s="1">
        <v>4.90443847E8</v>
      </c>
      <c r="B8629" s="2">
        <v>12711.0</v>
      </c>
      <c r="C8629" s="1" t="s">
        <v>5</v>
      </c>
      <c r="D8629" s="1" t="s">
        <v>7212</v>
      </c>
      <c r="E8629" s="1" t="s">
        <v>7</v>
      </c>
    </row>
    <row r="8630">
      <c r="A8630" s="1">
        <v>4.90443869E8</v>
      </c>
      <c r="B8630" s="2">
        <v>12716.0</v>
      </c>
      <c r="C8630" s="1" t="s">
        <v>5</v>
      </c>
      <c r="D8630" s="1" t="s">
        <v>7213</v>
      </c>
      <c r="E8630" s="1" t="s">
        <v>7</v>
      </c>
    </row>
    <row r="8631">
      <c r="A8631" s="1">
        <v>4.9044388E8</v>
      </c>
      <c r="B8631" s="2">
        <v>12615.0</v>
      </c>
      <c r="C8631" s="1" t="s">
        <v>5</v>
      </c>
      <c r="D8631" s="1" t="s">
        <v>7214</v>
      </c>
      <c r="E8631" s="1" t="s">
        <v>11</v>
      </c>
    </row>
    <row r="8632">
      <c r="A8632" s="1">
        <v>4.90443898E8</v>
      </c>
      <c r="B8632" s="2">
        <v>12581.0</v>
      </c>
      <c r="C8632" s="1" t="s">
        <v>5</v>
      </c>
      <c r="D8632" s="1" t="s">
        <v>7215</v>
      </c>
      <c r="E8632" s="1" t="s">
        <v>7216</v>
      </c>
    </row>
    <row r="8633">
      <c r="A8633" s="1">
        <v>4.90443907E8</v>
      </c>
      <c r="B8633" s="2">
        <v>12779.0</v>
      </c>
      <c r="C8633" s="1" t="s">
        <v>5</v>
      </c>
      <c r="D8633" s="1" t="s">
        <v>7217</v>
      </c>
      <c r="E8633" s="1" t="s">
        <v>7</v>
      </c>
    </row>
    <row r="8634">
      <c r="A8634" s="1">
        <v>4.90443928E8</v>
      </c>
      <c r="B8634" s="2">
        <v>12710.0</v>
      </c>
      <c r="C8634" s="1" t="s">
        <v>5</v>
      </c>
      <c r="D8634" s="1" t="s">
        <v>7218</v>
      </c>
      <c r="E8634" s="1" t="s">
        <v>7</v>
      </c>
    </row>
    <row r="8635">
      <c r="A8635" s="1">
        <v>4.9044395E8</v>
      </c>
      <c r="B8635" s="2">
        <v>12730.0</v>
      </c>
      <c r="C8635" s="1" t="s">
        <v>5</v>
      </c>
      <c r="D8635" s="1" t="s">
        <v>7219</v>
      </c>
      <c r="E8635" s="1" t="s">
        <v>7</v>
      </c>
    </row>
    <row r="8636">
      <c r="A8636" s="1">
        <v>4.90443958E8</v>
      </c>
      <c r="B8636" s="2">
        <v>12706.0</v>
      </c>
      <c r="C8636" s="1" t="s">
        <v>5</v>
      </c>
      <c r="D8636" s="1" t="s">
        <v>7220</v>
      </c>
      <c r="E8636" s="1" t="s">
        <v>7</v>
      </c>
    </row>
    <row r="8637">
      <c r="A8637" s="1">
        <v>4.9044396E8</v>
      </c>
      <c r="B8637" s="2">
        <v>12771.0</v>
      </c>
      <c r="C8637" s="1" t="s">
        <v>5</v>
      </c>
      <c r="D8637" s="1" t="s">
        <v>7221</v>
      </c>
      <c r="E8637" s="1" t="s">
        <v>7</v>
      </c>
    </row>
    <row r="8638">
      <c r="A8638" s="1">
        <v>4.90443983E8</v>
      </c>
      <c r="B8638" s="2">
        <v>12724.0</v>
      </c>
      <c r="C8638" s="1" t="s">
        <v>5</v>
      </c>
      <c r="D8638" s="1" t="s">
        <v>7222</v>
      </c>
      <c r="E8638" s="1" t="s">
        <v>7</v>
      </c>
    </row>
    <row r="8639">
      <c r="A8639" s="1">
        <v>4.90443992E8</v>
      </c>
      <c r="B8639" s="2">
        <v>12783.0</v>
      </c>
      <c r="C8639" s="1" t="s">
        <v>5</v>
      </c>
      <c r="D8639" s="1" t="s">
        <v>7223</v>
      </c>
      <c r="E8639" s="1" t="s">
        <v>7</v>
      </c>
    </row>
    <row r="8640">
      <c r="A8640" s="1">
        <v>4.90443996E8</v>
      </c>
      <c r="B8640" s="2">
        <v>12715.0</v>
      </c>
      <c r="C8640" s="1" t="s">
        <v>5</v>
      </c>
      <c r="D8640" s="1" t="s">
        <v>7224</v>
      </c>
      <c r="E8640" s="1" t="s">
        <v>7</v>
      </c>
    </row>
    <row r="8641">
      <c r="A8641" s="1">
        <v>4.90443999E8</v>
      </c>
      <c r="B8641" s="2">
        <v>12725.0</v>
      </c>
      <c r="C8641" s="1" t="s">
        <v>5</v>
      </c>
      <c r="D8641" s="1" t="s">
        <v>7225</v>
      </c>
      <c r="E8641" s="1" t="s">
        <v>11</v>
      </c>
    </row>
    <row r="8642">
      <c r="A8642" s="1">
        <v>4.90444002E8</v>
      </c>
      <c r="B8642" s="2">
        <v>12581.0</v>
      </c>
      <c r="C8642" s="1" t="s">
        <v>5</v>
      </c>
      <c r="D8642" s="1" t="s">
        <v>7226</v>
      </c>
      <c r="E8642" s="1" t="s">
        <v>11</v>
      </c>
    </row>
    <row r="8643">
      <c r="A8643" s="1">
        <v>4.90444033E8</v>
      </c>
      <c r="B8643" s="2">
        <v>12581.0</v>
      </c>
      <c r="C8643" s="1" t="s">
        <v>5</v>
      </c>
      <c r="D8643" s="1" t="s">
        <v>7227</v>
      </c>
      <c r="E8643" s="1" t="s">
        <v>7</v>
      </c>
    </row>
    <row r="8644">
      <c r="A8644" s="1">
        <v>4.90444061E8</v>
      </c>
      <c r="B8644" s="2">
        <v>12673.0</v>
      </c>
      <c r="C8644" s="1" t="s">
        <v>5</v>
      </c>
      <c r="D8644" s="1" t="s">
        <v>11</v>
      </c>
      <c r="E8644" s="1" t="s">
        <v>7</v>
      </c>
    </row>
    <row r="8645">
      <c r="A8645" s="1">
        <v>4.90444064E8</v>
      </c>
      <c r="B8645" s="2">
        <v>12674.0</v>
      </c>
      <c r="C8645" s="1" t="s">
        <v>5</v>
      </c>
      <c r="D8645" s="1" t="s">
        <v>11</v>
      </c>
      <c r="E8645" s="1" t="s">
        <v>7</v>
      </c>
    </row>
    <row r="8646">
      <c r="A8646" s="1">
        <v>4.90444077E8</v>
      </c>
      <c r="B8646" s="2">
        <v>12627.0</v>
      </c>
      <c r="C8646" s="1" t="s">
        <v>5</v>
      </c>
      <c r="D8646" s="1" t="s">
        <v>7228</v>
      </c>
      <c r="E8646" s="1" t="s">
        <v>7</v>
      </c>
    </row>
    <row r="8647">
      <c r="A8647" s="1">
        <v>4.90444107E8</v>
      </c>
      <c r="B8647" s="2">
        <v>12777.0</v>
      </c>
      <c r="C8647" s="1" t="s">
        <v>5</v>
      </c>
      <c r="D8647" s="1" t="s">
        <v>7229</v>
      </c>
      <c r="E8647" s="1" t="s">
        <v>7</v>
      </c>
    </row>
    <row r="8648">
      <c r="A8648" s="1">
        <v>4.9044412E8</v>
      </c>
      <c r="B8648" s="2">
        <v>12671.0</v>
      </c>
      <c r="C8648" s="1" t="s">
        <v>5</v>
      </c>
      <c r="D8648" s="1" t="s">
        <v>7230</v>
      </c>
      <c r="E8648" s="1" t="s">
        <v>11</v>
      </c>
    </row>
    <row r="8649">
      <c r="A8649" s="1">
        <v>4.90444162E8</v>
      </c>
      <c r="B8649" s="2">
        <v>12729.0</v>
      </c>
      <c r="C8649" s="1" t="s">
        <v>5</v>
      </c>
      <c r="D8649" s="1" t="s">
        <v>7231</v>
      </c>
      <c r="E8649" s="1" t="s">
        <v>7</v>
      </c>
    </row>
    <row r="8650">
      <c r="A8650" s="1">
        <v>4.9044419E8</v>
      </c>
      <c r="B8650" s="2">
        <v>12626.0</v>
      </c>
      <c r="C8650" s="1" t="s">
        <v>5</v>
      </c>
      <c r="D8650" s="1" t="s">
        <v>7232</v>
      </c>
      <c r="E8650" s="1" t="s">
        <v>7</v>
      </c>
    </row>
    <row r="8651">
      <c r="A8651" s="1">
        <v>4.90444238E8</v>
      </c>
      <c r="B8651" s="2">
        <v>12783.0</v>
      </c>
      <c r="C8651" s="1" t="s">
        <v>5</v>
      </c>
      <c r="D8651" s="1" t="s">
        <v>7233</v>
      </c>
      <c r="E8651" s="1" t="s">
        <v>7</v>
      </c>
    </row>
    <row r="8652">
      <c r="A8652" s="1">
        <v>4.90444242E8</v>
      </c>
      <c r="B8652" s="2">
        <v>12714.0</v>
      </c>
      <c r="C8652" s="1" t="s">
        <v>5</v>
      </c>
      <c r="D8652" s="1" t="s">
        <v>7234</v>
      </c>
      <c r="E8652" s="1" t="s">
        <v>7</v>
      </c>
    </row>
    <row r="8653">
      <c r="A8653" s="1">
        <v>4.90444258E8</v>
      </c>
      <c r="B8653" s="2">
        <v>12777.0</v>
      </c>
      <c r="C8653" s="1" t="s">
        <v>5</v>
      </c>
      <c r="D8653" s="1" t="s">
        <v>7235</v>
      </c>
      <c r="E8653" s="1" t="s">
        <v>7</v>
      </c>
    </row>
    <row r="8654">
      <c r="A8654" s="1">
        <v>4.90444266E8</v>
      </c>
      <c r="B8654" s="2">
        <v>12624.0</v>
      </c>
      <c r="C8654" s="1" t="s">
        <v>5</v>
      </c>
      <c r="D8654" s="1" t="s">
        <v>11</v>
      </c>
      <c r="E8654" s="1" t="s">
        <v>7</v>
      </c>
    </row>
    <row r="8655">
      <c r="A8655" s="1">
        <v>4.90444267E8</v>
      </c>
      <c r="B8655" s="2">
        <v>12781.0</v>
      </c>
      <c r="C8655" s="1" t="s">
        <v>5</v>
      </c>
      <c r="D8655" s="1" t="s">
        <v>7236</v>
      </c>
      <c r="E8655" s="1" t="s">
        <v>11</v>
      </c>
    </row>
    <row r="8656">
      <c r="A8656" s="1">
        <v>4.90444269E8</v>
      </c>
      <c r="B8656" s="2">
        <v>12779.0</v>
      </c>
      <c r="C8656" s="1" t="s">
        <v>5</v>
      </c>
      <c r="D8656" s="1" t="s">
        <v>7237</v>
      </c>
      <c r="E8656" s="1" t="s">
        <v>7</v>
      </c>
    </row>
    <row r="8657">
      <c r="A8657" s="1">
        <v>4.90444276E8</v>
      </c>
      <c r="B8657" s="2">
        <v>12783.0</v>
      </c>
      <c r="C8657" s="1" t="s">
        <v>5</v>
      </c>
      <c r="D8657" s="1" t="s">
        <v>7238</v>
      </c>
      <c r="E8657" s="1" t="s">
        <v>7</v>
      </c>
    </row>
    <row r="8658">
      <c r="A8658" s="1">
        <v>4.90444314E8</v>
      </c>
      <c r="B8658" s="2">
        <v>12625.0</v>
      </c>
      <c r="C8658" s="1" t="s">
        <v>5</v>
      </c>
      <c r="D8658" s="1" t="s">
        <v>7239</v>
      </c>
      <c r="E8658" s="1" t="s">
        <v>11</v>
      </c>
    </row>
    <row r="8659">
      <c r="A8659" s="1">
        <v>4.9044432E8</v>
      </c>
      <c r="B8659" s="2">
        <v>12705.0</v>
      </c>
      <c r="C8659" s="1" t="s">
        <v>5</v>
      </c>
      <c r="D8659" s="1" t="s">
        <v>7240</v>
      </c>
      <c r="E8659" s="1" t="s">
        <v>7</v>
      </c>
    </row>
    <row r="8660">
      <c r="A8660" s="1">
        <v>4.90444335E8</v>
      </c>
      <c r="B8660" s="2">
        <v>12713.0</v>
      </c>
      <c r="C8660" s="1" t="s">
        <v>5</v>
      </c>
      <c r="D8660" s="1" t="s">
        <v>7241</v>
      </c>
      <c r="E8660" s="1" t="s">
        <v>11</v>
      </c>
    </row>
    <row r="8661">
      <c r="A8661" s="1">
        <v>4.90444368E8</v>
      </c>
      <c r="B8661" s="2">
        <v>12624.0</v>
      </c>
      <c r="C8661" s="1" t="s">
        <v>5</v>
      </c>
      <c r="D8661" s="1" t="s">
        <v>7242</v>
      </c>
      <c r="E8661" s="1" t="s">
        <v>7</v>
      </c>
    </row>
    <row r="8662">
      <c r="A8662" s="1">
        <v>4.9044441E8</v>
      </c>
      <c r="B8662" s="2">
        <v>12776.0</v>
      </c>
      <c r="C8662" s="1" t="s">
        <v>5</v>
      </c>
      <c r="D8662" s="1" t="s">
        <v>7243</v>
      </c>
      <c r="E8662" s="1" t="s">
        <v>7</v>
      </c>
    </row>
    <row r="8663">
      <c r="A8663" s="1">
        <v>4.90444413E8</v>
      </c>
      <c r="B8663" s="2">
        <v>12625.0</v>
      </c>
      <c r="C8663" s="1" t="s">
        <v>5</v>
      </c>
      <c r="D8663" s="1" t="s">
        <v>7244</v>
      </c>
      <c r="E8663" s="1" t="s">
        <v>11</v>
      </c>
    </row>
    <row r="8664">
      <c r="A8664" s="1">
        <v>4.9044443E8</v>
      </c>
      <c r="B8664" s="2">
        <v>12840.0</v>
      </c>
      <c r="C8664" s="1" t="s">
        <v>5</v>
      </c>
      <c r="D8664" s="1" t="s">
        <v>7245</v>
      </c>
      <c r="E8664" s="1" t="s">
        <v>11</v>
      </c>
    </row>
    <row r="8665">
      <c r="A8665" s="1">
        <v>4.90444459E8</v>
      </c>
      <c r="B8665" s="2">
        <v>12687.0</v>
      </c>
      <c r="C8665" s="1" t="s">
        <v>5</v>
      </c>
      <c r="D8665" s="1" t="s">
        <v>11</v>
      </c>
      <c r="E8665" s="1" t="s">
        <v>7</v>
      </c>
    </row>
    <row r="8666">
      <c r="A8666" s="1">
        <v>4.90444461E8</v>
      </c>
      <c r="B8666" s="2">
        <v>12624.0</v>
      </c>
      <c r="C8666" s="1" t="s">
        <v>5</v>
      </c>
      <c r="D8666" s="1" t="s">
        <v>7246</v>
      </c>
      <c r="E8666" s="1" t="s">
        <v>11</v>
      </c>
    </row>
    <row r="8667">
      <c r="A8667" s="1">
        <v>4.90444484E8</v>
      </c>
      <c r="B8667" s="2">
        <v>12718.0</v>
      </c>
      <c r="C8667" s="1" t="s">
        <v>5</v>
      </c>
      <c r="D8667" s="1" t="s">
        <v>7247</v>
      </c>
      <c r="E8667" s="1" t="s">
        <v>7</v>
      </c>
    </row>
    <row r="8668">
      <c r="A8668" s="1">
        <v>4.90444509E8</v>
      </c>
      <c r="B8668" s="2">
        <v>12779.0</v>
      </c>
      <c r="C8668" s="1" t="s">
        <v>5</v>
      </c>
      <c r="D8668" s="1" t="s">
        <v>7248</v>
      </c>
      <c r="E8668" s="1" t="s">
        <v>11</v>
      </c>
    </row>
    <row r="8669">
      <c r="A8669" s="1">
        <v>4.90444513E8</v>
      </c>
      <c r="B8669" s="2">
        <v>12775.0</v>
      </c>
      <c r="C8669" s="1" t="s">
        <v>5</v>
      </c>
      <c r="D8669" s="1" t="s">
        <v>7249</v>
      </c>
      <c r="E8669" s="1" t="s">
        <v>7250</v>
      </c>
    </row>
    <row r="8670">
      <c r="A8670" s="1">
        <v>4.90444522E8</v>
      </c>
      <c r="B8670" s="2">
        <v>12681.0</v>
      </c>
      <c r="C8670" s="1" t="s">
        <v>5</v>
      </c>
      <c r="D8670" s="1" t="s">
        <v>11</v>
      </c>
      <c r="E8670" s="1" t="s">
        <v>7</v>
      </c>
    </row>
    <row r="8671">
      <c r="A8671" s="1">
        <v>4.90444538E8</v>
      </c>
      <c r="B8671" s="2">
        <v>12754.0</v>
      </c>
      <c r="C8671" s="1" t="s">
        <v>5</v>
      </c>
      <c r="D8671" s="1" t="s">
        <v>7251</v>
      </c>
      <c r="E8671" s="1" t="s">
        <v>7</v>
      </c>
    </row>
    <row r="8672">
      <c r="A8672" s="1">
        <v>4.90444539E8</v>
      </c>
      <c r="B8672" s="2">
        <v>12702.0</v>
      </c>
      <c r="C8672" s="1" t="s">
        <v>5</v>
      </c>
      <c r="D8672" s="1" t="s">
        <v>7252</v>
      </c>
      <c r="E8672" s="1" t="s">
        <v>7</v>
      </c>
    </row>
    <row r="8673">
      <c r="A8673" s="1">
        <v>4.90444545E8</v>
      </c>
      <c r="B8673" s="2">
        <v>12681.0</v>
      </c>
      <c r="C8673" s="1" t="s">
        <v>5</v>
      </c>
      <c r="D8673" s="1" t="s">
        <v>7253</v>
      </c>
      <c r="E8673" s="1" t="s">
        <v>7</v>
      </c>
    </row>
    <row r="8674">
      <c r="A8674" s="1">
        <v>4.90444548E8</v>
      </c>
      <c r="B8674" s="2">
        <v>12679.0</v>
      </c>
      <c r="C8674" s="1" t="s">
        <v>5</v>
      </c>
      <c r="D8674" s="1" t="s">
        <v>7254</v>
      </c>
      <c r="E8674" s="1" t="s">
        <v>7</v>
      </c>
    </row>
    <row r="8675">
      <c r="A8675" s="1">
        <v>4.90444555E8</v>
      </c>
      <c r="B8675" s="2">
        <v>12717.0</v>
      </c>
      <c r="C8675" s="1" t="s">
        <v>5</v>
      </c>
      <c r="D8675" s="1" t="s">
        <v>7255</v>
      </c>
      <c r="E8675" s="1" t="s">
        <v>7256</v>
      </c>
    </row>
    <row r="8676">
      <c r="A8676" s="1">
        <v>4.90444582E8</v>
      </c>
      <c r="B8676" s="2">
        <v>12766.0</v>
      </c>
      <c r="C8676" s="1" t="s">
        <v>5</v>
      </c>
      <c r="D8676" s="1" t="s">
        <v>7257</v>
      </c>
      <c r="E8676" s="1" t="s">
        <v>7</v>
      </c>
    </row>
    <row r="8677">
      <c r="A8677" s="1">
        <v>4.90444589E8</v>
      </c>
      <c r="B8677" s="2">
        <v>12739.0</v>
      </c>
      <c r="C8677" s="1" t="s">
        <v>5</v>
      </c>
      <c r="D8677" s="1" t="s">
        <v>7258</v>
      </c>
      <c r="E8677" s="1" t="s">
        <v>11</v>
      </c>
    </row>
    <row r="8678">
      <c r="A8678" s="1">
        <v>4.90444592E8</v>
      </c>
      <c r="B8678" s="2">
        <v>12667.0</v>
      </c>
      <c r="C8678" s="1" t="s">
        <v>5</v>
      </c>
      <c r="D8678" s="1" t="s">
        <v>7259</v>
      </c>
      <c r="E8678" s="1" t="s">
        <v>7260</v>
      </c>
    </row>
    <row r="8679">
      <c r="A8679" s="1">
        <v>4.90444596E8</v>
      </c>
      <c r="B8679" s="2">
        <v>12775.0</v>
      </c>
      <c r="C8679" s="1" t="s">
        <v>5</v>
      </c>
      <c r="D8679" s="1" t="s">
        <v>7261</v>
      </c>
      <c r="E8679" s="1" t="s">
        <v>7</v>
      </c>
    </row>
    <row r="8680">
      <c r="A8680" s="1">
        <v>4.90444601E8</v>
      </c>
      <c r="B8680" s="2">
        <v>12754.0</v>
      </c>
      <c r="C8680" s="1" t="s">
        <v>5</v>
      </c>
      <c r="D8680" s="1" t="s">
        <v>7262</v>
      </c>
      <c r="E8680" s="1" t="s">
        <v>11</v>
      </c>
    </row>
    <row r="8681">
      <c r="A8681" s="1">
        <v>4.90444605E8</v>
      </c>
      <c r="B8681" s="2">
        <v>12712.0</v>
      </c>
      <c r="C8681" s="1" t="s">
        <v>5</v>
      </c>
      <c r="D8681" s="1" t="s">
        <v>11</v>
      </c>
      <c r="E8681" s="1" t="s">
        <v>7</v>
      </c>
    </row>
    <row r="8682">
      <c r="A8682" s="1">
        <v>4.90444622E8</v>
      </c>
      <c r="B8682" s="2">
        <v>12776.0</v>
      </c>
      <c r="C8682" s="1" t="s">
        <v>5</v>
      </c>
      <c r="D8682" s="1" t="s">
        <v>7263</v>
      </c>
      <c r="E8682" s="1" t="s">
        <v>7</v>
      </c>
    </row>
    <row r="8683">
      <c r="A8683" s="1">
        <v>4.90444644E8</v>
      </c>
      <c r="B8683" s="2">
        <v>12725.0</v>
      </c>
      <c r="C8683" s="1" t="s">
        <v>5</v>
      </c>
      <c r="D8683" s="1" t="s">
        <v>11</v>
      </c>
      <c r="E8683" s="4" t="s">
        <v>7264</v>
      </c>
    </row>
    <row r="8684">
      <c r="A8684" s="1">
        <v>4.90444657E8</v>
      </c>
      <c r="B8684" s="2">
        <v>12701.0</v>
      </c>
      <c r="C8684" s="1" t="s">
        <v>5</v>
      </c>
      <c r="D8684" s="1" t="s">
        <v>11</v>
      </c>
      <c r="E8684" s="1" t="s">
        <v>7</v>
      </c>
    </row>
    <row r="8685">
      <c r="A8685" s="1">
        <v>4.90444688E8</v>
      </c>
      <c r="B8685" s="2">
        <v>12680.0</v>
      </c>
      <c r="C8685" s="1" t="s">
        <v>5</v>
      </c>
      <c r="D8685" s="1" t="s">
        <v>11</v>
      </c>
      <c r="E8685" s="1" t="s">
        <v>7</v>
      </c>
    </row>
    <row r="8686">
      <c r="A8686" s="1">
        <v>4.90444692E8</v>
      </c>
      <c r="B8686" s="2">
        <v>12686.0</v>
      </c>
      <c r="C8686" s="1" t="s">
        <v>5</v>
      </c>
      <c r="D8686" s="1" t="s">
        <v>11</v>
      </c>
      <c r="E8686" s="1" t="s">
        <v>7</v>
      </c>
    </row>
    <row r="8687">
      <c r="A8687" s="1">
        <v>4.90444698E8</v>
      </c>
      <c r="B8687" s="2">
        <v>12700.0</v>
      </c>
      <c r="C8687" s="1" t="s">
        <v>5</v>
      </c>
      <c r="D8687" s="1" t="s">
        <v>7265</v>
      </c>
      <c r="E8687" s="1" t="s">
        <v>11</v>
      </c>
    </row>
    <row r="8688">
      <c r="A8688" s="1">
        <v>4.90444703E8</v>
      </c>
      <c r="B8688" s="2">
        <v>12775.0</v>
      </c>
      <c r="C8688" s="1" t="s">
        <v>5</v>
      </c>
      <c r="D8688" s="1" t="s">
        <v>11</v>
      </c>
      <c r="E8688" s="1" t="s">
        <v>7</v>
      </c>
    </row>
    <row r="8689">
      <c r="A8689" s="1">
        <v>4.90444727E8</v>
      </c>
      <c r="B8689" s="2">
        <v>12773.0</v>
      </c>
      <c r="C8689" s="1" t="s">
        <v>5</v>
      </c>
      <c r="D8689" s="1" t="s">
        <v>11</v>
      </c>
      <c r="E8689" s="1" t="s">
        <v>7</v>
      </c>
    </row>
    <row r="8690">
      <c r="A8690" s="1">
        <v>4.90444737E8</v>
      </c>
      <c r="B8690" s="2">
        <v>12783.0</v>
      </c>
      <c r="C8690" s="1" t="s">
        <v>5</v>
      </c>
      <c r="D8690" s="1" t="s">
        <v>7266</v>
      </c>
      <c r="E8690" s="1" t="s">
        <v>7</v>
      </c>
    </row>
    <row r="8691">
      <c r="A8691" s="1">
        <v>4.90444754E8</v>
      </c>
      <c r="B8691" s="2">
        <v>12700.0</v>
      </c>
      <c r="C8691" s="1" t="s">
        <v>5</v>
      </c>
      <c r="D8691" s="1" t="s">
        <v>7267</v>
      </c>
      <c r="E8691" s="1" t="s">
        <v>11</v>
      </c>
    </row>
    <row r="8692">
      <c r="A8692" s="1">
        <v>4.9044476E8</v>
      </c>
      <c r="B8692" s="2">
        <v>12667.0</v>
      </c>
      <c r="C8692" s="1" t="s">
        <v>5</v>
      </c>
      <c r="D8692" s="1" t="s">
        <v>7</v>
      </c>
      <c r="E8692" s="1" t="s">
        <v>7</v>
      </c>
    </row>
    <row r="8693">
      <c r="A8693" s="1">
        <v>4.90444784E8</v>
      </c>
      <c r="B8693" s="2">
        <v>12702.0</v>
      </c>
      <c r="C8693" s="1" t="s">
        <v>5</v>
      </c>
      <c r="D8693" s="1" t="s">
        <v>7268</v>
      </c>
      <c r="E8693" s="1" t="s">
        <v>11</v>
      </c>
    </row>
    <row r="8694">
      <c r="A8694" s="1">
        <v>4.90444824E8</v>
      </c>
      <c r="B8694" s="2">
        <v>12669.0</v>
      </c>
      <c r="C8694" s="1" t="s">
        <v>5</v>
      </c>
      <c r="D8694" s="1" t="s">
        <v>7269</v>
      </c>
      <c r="E8694" s="1" t="s">
        <v>11</v>
      </c>
    </row>
    <row r="8695">
      <c r="A8695" s="1">
        <v>4.90444827E8</v>
      </c>
      <c r="B8695" s="2">
        <v>12782.0</v>
      </c>
      <c r="C8695" s="1" t="s">
        <v>5</v>
      </c>
      <c r="D8695" s="1" t="s">
        <v>7270</v>
      </c>
      <c r="E8695" s="1" t="s">
        <v>7</v>
      </c>
    </row>
    <row r="8696">
      <c r="A8696" s="1">
        <v>4.9044483E8</v>
      </c>
      <c r="B8696" s="2">
        <v>12666.0</v>
      </c>
      <c r="C8696" s="1" t="s">
        <v>5</v>
      </c>
      <c r="D8696" s="1" t="s">
        <v>7271</v>
      </c>
      <c r="E8696" s="1" t="s">
        <v>7</v>
      </c>
    </row>
    <row r="8697">
      <c r="A8697" s="1">
        <v>4.90444856E8</v>
      </c>
      <c r="B8697" s="2">
        <v>12622.0</v>
      </c>
      <c r="C8697" s="1" t="s">
        <v>5</v>
      </c>
      <c r="D8697" s="1" t="s">
        <v>7272</v>
      </c>
      <c r="E8697" s="1" t="s">
        <v>11</v>
      </c>
    </row>
    <row r="8698">
      <c r="A8698" s="1">
        <v>4.90444873E8</v>
      </c>
      <c r="B8698" s="2">
        <v>12773.0</v>
      </c>
      <c r="C8698" s="1" t="s">
        <v>5</v>
      </c>
      <c r="D8698" s="1" t="s">
        <v>7273</v>
      </c>
      <c r="E8698" s="1" t="s">
        <v>7</v>
      </c>
    </row>
    <row r="8699">
      <c r="A8699" s="1">
        <v>4.90444876E8</v>
      </c>
      <c r="B8699" s="2">
        <v>12830.0</v>
      </c>
      <c r="C8699" s="1" t="s">
        <v>5</v>
      </c>
      <c r="D8699" s="1" t="s">
        <v>11</v>
      </c>
      <c r="E8699" s="1" t="s">
        <v>7</v>
      </c>
    </row>
    <row r="8700">
      <c r="A8700" s="1">
        <v>4.90444896E8</v>
      </c>
      <c r="B8700" s="2">
        <v>12622.0</v>
      </c>
      <c r="C8700" s="1" t="s">
        <v>5</v>
      </c>
      <c r="D8700" s="1" t="s">
        <v>7274</v>
      </c>
      <c r="E8700" s="1" t="s">
        <v>11</v>
      </c>
    </row>
    <row r="8701">
      <c r="A8701" s="1">
        <v>4.90444899E8</v>
      </c>
      <c r="B8701" s="2">
        <v>12774.0</v>
      </c>
      <c r="C8701" s="1" t="s">
        <v>5</v>
      </c>
      <c r="D8701" s="1" t="s">
        <v>7275</v>
      </c>
      <c r="E8701" s="1" t="s">
        <v>7</v>
      </c>
    </row>
    <row r="8702">
      <c r="A8702" s="1">
        <v>4.90444905E8</v>
      </c>
      <c r="B8702" s="2">
        <v>12776.0</v>
      </c>
      <c r="C8702" s="1" t="s">
        <v>5</v>
      </c>
      <c r="D8702" s="1" t="s">
        <v>7276</v>
      </c>
      <c r="E8702" s="1" t="s">
        <v>7</v>
      </c>
    </row>
    <row r="8703">
      <c r="A8703" s="1">
        <v>4.90444909E8</v>
      </c>
      <c r="B8703" s="2">
        <v>12740.0</v>
      </c>
      <c r="C8703" s="1" t="s">
        <v>5</v>
      </c>
      <c r="D8703" s="1" t="s">
        <v>7277</v>
      </c>
      <c r="E8703" s="1" t="s">
        <v>7</v>
      </c>
    </row>
    <row r="8704">
      <c r="A8704" s="1">
        <v>4.90444948E8</v>
      </c>
      <c r="B8704" s="2">
        <v>12777.0</v>
      </c>
      <c r="C8704" s="1" t="s">
        <v>5</v>
      </c>
      <c r="D8704" s="1" t="s">
        <v>11</v>
      </c>
      <c r="E8704" s="1" t="s">
        <v>7</v>
      </c>
    </row>
    <row r="8705">
      <c r="A8705" s="1">
        <v>4.9044495E8</v>
      </c>
      <c r="B8705" s="2">
        <v>12715.0</v>
      </c>
      <c r="C8705" s="1" t="s">
        <v>5</v>
      </c>
      <c r="D8705" s="1" t="s">
        <v>11</v>
      </c>
      <c r="E8705" s="1" t="s">
        <v>7</v>
      </c>
    </row>
    <row r="8706">
      <c r="A8706" s="1">
        <v>4.90444953E8</v>
      </c>
      <c r="B8706" s="2">
        <v>12578.0</v>
      </c>
      <c r="C8706" s="1" t="s">
        <v>5</v>
      </c>
      <c r="D8706" s="1" t="s">
        <v>7278</v>
      </c>
      <c r="E8706" s="1" t="s">
        <v>7</v>
      </c>
    </row>
    <row r="8707">
      <c r="A8707" s="1">
        <v>4.90444961E8</v>
      </c>
      <c r="B8707" s="2">
        <v>12724.0</v>
      </c>
      <c r="C8707" s="1" t="s">
        <v>5</v>
      </c>
      <c r="D8707" s="1" t="s">
        <v>11</v>
      </c>
      <c r="E8707" s="1" t="s">
        <v>7</v>
      </c>
    </row>
    <row r="8708">
      <c r="A8708" s="1">
        <v>4.90444998E8</v>
      </c>
      <c r="B8708" s="2">
        <v>12780.0</v>
      </c>
      <c r="C8708" s="1" t="s">
        <v>5</v>
      </c>
      <c r="D8708" s="1" t="s">
        <v>7279</v>
      </c>
      <c r="E8708" s="1" t="s">
        <v>7</v>
      </c>
    </row>
    <row r="8709">
      <c r="A8709" s="1">
        <v>4.90445007E8</v>
      </c>
      <c r="B8709" s="2">
        <v>12695.0</v>
      </c>
      <c r="C8709" s="1" t="s">
        <v>5</v>
      </c>
      <c r="D8709" s="1" t="s">
        <v>7</v>
      </c>
      <c r="E8709" s="1" t="s">
        <v>7</v>
      </c>
    </row>
    <row r="8710">
      <c r="A8710" s="1">
        <v>4.9044505E8</v>
      </c>
      <c r="B8710" s="2">
        <v>12754.0</v>
      </c>
      <c r="C8710" s="1" t="s">
        <v>5</v>
      </c>
      <c r="D8710" s="1" t="s">
        <v>7280</v>
      </c>
      <c r="E8710" s="1" t="s">
        <v>7</v>
      </c>
    </row>
    <row r="8711">
      <c r="A8711" s="1">
        <v>4.90445067E8</v>
      </c>
      <c r="B8711" s="2">
        <v>12832.0</v>
      </c>
      <c r="C8711" s="1" t="s">
        <v>5</v>
      </c>
      <c r="D8711" s="1" t="s">
        <v>7281</v>
      </c>
      <c r="E8711" s="1" t="s">
        <v>7</v>
      </c>
    </row>
    <row r="8712">
      <c r="A8712" s="1">
        <v>4.90445079E8</v>
      </c>
      <c r="B8712" s="2">
        <v>12665.0</v>
      </c>
      <c r="C8712" s="1" t="s">
        <v>5</v>
      </c>
      <c r="D8712" s="1" t="s">
        <v>11</v>
      </c>
      <c r="E8712" s="1" t="s">
        <v>7</v>
      </c>
    </row>
    <row r="8713">
      <c r="A8713" s="1">
        <v>4.9044508E8</v>
      </c>
      <c r="B8713" s="2">
        <v>12715.0</v>
      </c>
      <c r="C8713" s="1" t="s">
        <v>5</v>
      </c>
      <c r="D8713" s="1" t="s">
        <v>7282</v>
      </c>
      <c r="E8713" s="1" t="s">
        <v>7</v>
      </c>
    </row>
    <row r="8714">
      <c r="A8714" s="1">
        <v>4.9044512E8</v>
      </c>
      <c r="B8714" s="2">
        <v>12738.0</v>
      </c>
      <c r="C8714" s="1" t="s">
        <v>5</v>
      </c>
      <c r="D8714" s="1" t="s">
        <v>11</v>
      </c>
      <c r="E8714" s="1" t="s">
        <v>7</v>
      </c>
    </row>
    <row r="8715">
      <c r="A8715" s="1">
        <v>4.90445121E8</v>
      </c>
      <c r="B8715" s="2">
        <v>12762.0</v>
      </c>
      <c r="C8715" s="1" t="s">
        <v>5</v>
      </c>
      <c r="D8715" s="1" t="s">
        <v>7283</v>
      </c>
      <c r="E8715" s="1" t="s">
        <v>7</v>
      </c>
    </row>
    <row r="8716">
      <c r="A8716" s="1">
        <v>4.90445152E8</v>
      </c>
      <c r="B8716" s="2">
        <v>12779.0</v>
      </c>
      <c r="C8716" s="1" t="s">
        <v>5</v>
      </c>
      <c r="D8716" s="1" t="s">
        <v>7284</v>
      </c>
      <c r="E8716" s="1" t="s">
        <v>7</v>
      </c>
    </row>
    <row r="8717">
      <c r="A8717" s="1">
        <v>4.90445161E8</v>
      </c>
      <c r="B8717" s="2">
        <v>12775.0</v>
      </c>
      <c r="C8717" s="1" t="s">
        <v>5</v>
      </c>
      <c r="D8717" s="1" t="s">
        <v>7285</v>
      </c>
      <c r="E8717" s="1" t="s">
        <v>7286</v>
      </c>
    </row>
    <row r="8718">
      <c r="A8718" s="1">
        <v>4.90445172E8</v>
      </c>
      <c r="B8718" s="2">
        <v>12714.0</v>
      </c>
      <c r="C8718" s="1" t="s">
        <v>5</v>
      </c>
      <c r="D8718" s="1" t="s">
        <v>7287</v>
      </c>
      <c r="E8718" s="1" t="s">
        <v>7288</v>
      </c>
    </row>
    <row r="8719">
      <c r="A8719" s="1">
        <v>4.90445173E8</v>
      </c>
      <c r="B8719" s="2">
        <v>12665.0</v>
      </c>
      <c r="C8719" s="1" t="s">
        <v>5</v>
      </c>
      <c r="D8719" s="1" t="s">
        <v>7289</v>
      </c>
      <c r="E8719" s="1" t="s">
        <v>7</v>
      </c>
    </row>
    <row r="8720">
      <c r="A8720" s="1">
        <v>4.90445202E8</v>
      </c>
      <c r="B8720" s="2">
        <v>12828.0</v>
      </c>
      <c r="C8720" s="1" t="s">
        <v>5</v>
      </c>
      <c r="D8720" s="1" t="s">
        <v>7290</v>
      </c>
      <c r="E8720" s="1" t="s">
        <v>11</v>
      </c>
    </row>
    <row r="8721">
      <c r="A8721" s="1">
        <v>4.90445219E8</v>
      </c>
      <c r="B8721" s="2">
        <v>12616.0</v>
      </c>
      <c r="C8721" s="1" t="s">
        <v>5</v>
      </c>
      <c r="D8721" s="1" t="s">
        <v>7291</v>
      </c>
      <c r="E8721" s="1" t="s">
        <v>7292</v>
      </c>
    </row>
    <row r="8722">
      <c r="A8722" s="1">
        <v>4.90445224E8</v>
      </c>
      <c r="B8722" s="2">
        <v>12770.0</v>
      </c>
      <c r="C8722" s="1" t="s">
        <v>5</v>
      </c>
      <c r="D8722" s="1" t="s">
        <v>7293</v>
      </c>
      <c r="E8722" s="1" t="s">
        <v>7</v>
      </c>
    </row>
    <row r="8723">
      <c r="A8723" s="1">
        <v>4.90445229E8</v>
      </c>
      <c r="B8723" s="2">
        <v>12679.0</v>
      </c>
      <c r="C8723" s="1" t="s">
        <v>5</v>
      </c>
      <c r="D8723" s="1" t="s">
        <v>7294</v>
      </c>
      <c r="E8723" s="1" t="s">
        <v>7</v>
      </c>
    </row>
    <row r="8724">
      <c r="A8724" s="1">
        <v>4.90445231E8</v>
      </c>
      <c r="B8724" s="2">
        <v>12762.0</v>
      </c>
      <c r="C8724" s="1" t="s">
        <v>5</v>
      </c>
      <c r="D8724" s="1" t="s">
        <v>7295</v>
      </c>
      <c r="E8724" s="1" t="s">
        <v>11</v>
      </c>
    </row>
    <row r="8725">
      <c r="A8725" s="1">
        <v>4.90445288E8</v>
      </c>
      <c r="B8725" s="2">
        <v>12684.0</v>
      </c>
      <c r="C8725" s="1" t="s">
        <v>5</v>
      </c>
      <c r="D8725" s="1" t="s">
        <v>7296</v>
      </c>
      <c r="E8725" s="1" t="s">
        <v>7</v>
      </c>
    </row>
    <row r="8726">
      <c r="A8726" s="1">
        <v>4.90445307E8</v>
      </c>
      <c r="B8726" s="2">
        <v>12772.0</v>
      </c>
      <c r="C8726" s="1" t="s">
        <v>5</v>
      </c>
      <c r="D8726" s="1" t="s">
        <v>7297</v>
      </c>
      <c r="E8726" s="1" t="s">
        <v>7</v>
      </c>
    </row>
    <row r="8727">
      <c r="A8727" s="1">
        <v>4.90445309E8</v>
      </c>
      <c r="B8727" s="2">
        <v>12783.0</v>
      </c>
      <c r="C8727" s="1" t="s">
        <v>5</v>
      </c>
      <c r="D8727" s="1" t="s">
        <v>7298</v>
      </c>
      <c r="E8727" s="1" t="s">
        <v>11</v>
      </c>
    </row>
    <row r="8728">
      <c r="A8728" s="1">
        <v>4.90445324E8</v>
      </c>
      <c r="B8728" s="2">
        <v>12827.0</v>
      </c>
      <c r="C8728" s="1" t="s">
        <v>5</v>
      </c>
      <c r="D8728" s="1" t="s">
        <v>7299</v>
      </c>
      <c r="E8728" s="1" t="s">
        <v>7300</v>
      </c>
    </row>
    <row r="8729">
      <c r="A8729" s="1">
        <v>4.90445339E8</v>
      </c>
      <c r="B8729" s="2">
        <v>12769.0</v>
      </c>
      <c r="C8729" s="1" t="s">
        <v>5</v>
      </c>
      <c r="D8729" s="1" t="s">
        <v>7301</v>
      </c>
      <c r="E8729" s="1" t="s">
        <v>7</v>
      </c>
    </row>
    <row r="8730">
      <c r="A8730" s="1">
        <v>4.90445351E8</v>
      </c>
      <c r="B8730" s="2">
        <v>12781.0</v>
      </c>
      <c r="C8730" s="1" t="s">
        <v>5</v>
      </c>
      <c r="D8730" s="1" t="s">
        <v>7</v>
      </c>
      <c r="E8730" s="1" t="s">
        <v>7</v>
      </c>
    </row>
    <row r="8731">
      <c r="A8731" s="1">
        <v>4.90445367E8</v>
      </c>
      <c r="B8731" s="2">
        <v>12779.0</v>
      </c>
      <c r="C8731" s="1" t="s">
        <v>5</v>
      </c>
      <c r="D8731" s="1" t="s">
        <v>7302</v>
      </c>
      <c r="E8731" s="1" t="s">
        <v>7</v>
      </c>
    </row>
    <row r="8732">
      <c r="A8732" s="1">
        <v>4.90445385E8</v>
      </c>
      <c r="B8732" s="2">
        <v>12738.0</v>
      </c>
      <c r="C8732" s="1" t="s">
        <v>5</v>
      </c>
      <c r="D8732" s="1" t="s">
        <v>7303</v>
      </c>
      <c r="E8732" s="1" t="s">
        <v>11</v>
      </c>
    </row>
    <row r="8733">
      <c r="A8733" s="1">
        <v>4.90445405E8</v>
      </c>
      <c r="B8733" s="2">
        <v>12769.0</v>
      </c>
      <c r="C8733" s="1" t="s">
        <v>5</v>
      </c>
      <c r="D8733" s="1" t="s">
        <v>7304</v>
      </c>
      <c r="E8733" s="1" t="s">
        <v>7</v>
      </c>
    </row>
    <row r="8734">
      <c r="A8734" s="1">
        <v>4.90445436E8</v>
      </c>
      <c r="B8734" s="2">
        <v>12663.0</v>
      </c>
      <c r="C8734" s="1" t="s">
        <v>5</v>
      </c>
      <c r="D8734" s="1" t="s">
        <v>7305</v>
      </c>
      <c r="E8734" s="1" t="s">
        <v>7306</v>
      </c>
    </row>
    <row r="8735">
      <c r="A8735" s="1">
        <v>4.90445473E8</v>
      </c>
      <c r="B8735" s="2">
        <v>12777.0</v>
      </c>
      <c r="C8735" s="1" t="s">
        <v>5</v>
      </c>
      <c r="D8735" s="1" t="s">
        <v>11</v>
      </c>
      <c r="E8735" s="1" t="s">
        <v>7</v>
      </c>
    </row>
    <row r="8736">
      <c r="A8736" s="1">
        <v>4.90445506E8</v>
      </c>
      <c r="B8736" s="2">
        <v>12738.0</v>
      </c>
      <c r="C8736" s="1" t="s">
        <v>5</v>
      </c>
      <c r="D8736" s="1" t="s">
        <v>7307</v>
      </c>
      <c r="E8736" s="1" t="s">
        <v>11</v>
      </c>
    </row>
    <row r="8737">
      <c r="A8737" s="1">
        <v>4.90445509E8</v>
      </c>
      <c r="B8737" s="2">
        <v>12701.0</v>
      </c>
      <c r="C8737" s="1" t="s">
        <v>5</v>
      </c>
      <c r="D8737" s="1" t="s">
        <v>11</v>
      </c>
      <c r="E8737" s="1" t="s">
        <v>7</v>
      </c>
    </row>
    <row r="8738">
      <c r="A8738" s="1">
        <v>4.9044551E8</v>
      </c>
      <c r="B8738" s="2">
        <v>12671.0</v>
      </c>
      <c r="C8738" s="1" t="s">
        <v>5</v>
      </c>
      <c r="D8738" s="1" t="s">
        <v>11</v>
      </c>
      <c r="E8738" s="1" t="s">
        <v>7</v>
      </c>
    </row>
    <row r="8739">
      <c r="A8739" s="1">
        <v>4.90445555E8</v>
      </c>
      <c r="B8739" s="2">
        <v>12708.0</v>
      </c>
      <c r="C8739" s="1" t="s">
        <v>5</v>
      </c>
      <c r="D8739" s="1" t="s">
        <v>7308</v>
      </c>
      <c r="E8739" s="1" t="s">
        <v>11</v>
      </c>
    </row>
    <row r="8740">
      <c r="A8740" s="1">
        <v>4.90445565E8</v>
      </c>
      <c r="B8740" s="2">
        <v>12774.0</v>
      </c>
      <c r="C8740" s="1" t="s">
        <v>5</v>
      </c>
      <c r="D8740" s="1" t="s">
        <v>7309</v>
      </c>
      <c r="E8740" s="1" t="s">
        <v>7</v>
      </c>
    </row>
    <row r="8741">
      <c r="A8741" s="1">
        <v>4.90445584E8</v>
      </c>
      <c r="B8741" s="2">
        <v>12782.0</v>
      </c>
      <c r="C8741" s="1" t="s">
        <v>5</v>
      </c>
      <c r="D8741" s="1" t="s">
        <v>7310</v>
      </c>
      <c r="E8741" s="1" t="s">
        <v>7</v>
      </c>
    </row>
    <row r="8742">
      <c r="A8742" s="1">
        <v>4.90445604E8</v>
      </c>
      <c r="B8742" s="2">
        <v>12775.0</v>
      </c>
      <c r="C8742" s="1" t="s">
        <v>5</v>
      </c>
      <c r="D8742" s="1" t="s">
        <v>7311</v>
      </c>
      <c r="E8742" s="1" t="s">
        <v>11</v>
      </c>
    </row>
    <row r="8743">
      <c r="A8743" s="1">
        <v>4.90445605E8</v>
      </c>
      <c r="B8743" s="2">
        <v>12712.0</v>
      </c>
      <c r="C8743" s="1" t="s">
        <v>5</v>
      </c>
      <c r="D8743" s="1" t="s">
        <v>11</v>
      </c>
      <c r="E8743" s="1" t="s">
        <v>7</v>
      </c>
    </row>
    <row r="8744">
      <c r="A8744" s="1">
        <v>4.90445608E8</v>
      </c>
      <c r="B8744" s="2">
        <v>12832.0</v>
      </c>
      <c r="C8744" s="1" t="s">
        <v>5</v>
      </c>
      <c r="D8744" s="1" t="s">
        <v>7312</v>
      </c>
      <c r="E8744" s="1" t="s">
        <v>7</v>
      </c>
    </row>
    <row r="8745">
      <c r="A8745" s="1">
        <v>4.90445626E8</v>
      </c>
      <c r="B8745" s="2">
        <v>12695.0</v>
      </c>
      <c r="C8745" s="1" t="s">
        <v>5</v>
      </c>
      <c r="D8745" s="1" t="s">
        <v>11</v>
      </c>
      <c r="E8745" s="1" t="s">
        <v>7</v>
      </c>
    </row>
    <row r="8746">
      <c r="A8746" s="1">
        <v>4.90445627E8</v>
      </c>
      <c r="B8746" s="2">
        <v>12671.0</v>
      </c>
      <c r="C8746" s="1" t="s">
        <v>5</v>
      </c>
      <c r="D8746" s="1" t="s">
        <v>7313</v>
      </c>
      <c r="E8746" s="1" t="s">
        <v>7</v>
      </c>
    </row>
    <row r="8747">
      <c r="A8747" s="1">
        <v>4.90445667E8</v>
      </c>
      <c r="B8747" s="2">
        <v>12574.0</v>
      </c>
      <c r="C8747" s="1" t="s">
        <v>5</v>
      </c>
      <c r="D8747" s="1" t="s">
        <v>7314</v>
      </c>
      <c r="E8747" s="1" t="s">
        <v>7</v>
      </c>
    </row>
    <row r="8748">
      <c r="A8748" s="1">
        <v>4.9044567E8</v>
      </c>
      <c r="B8748" s="2">
        <v>12771.0</v>
      </c>
      <c r="C8748" s="1" t="s">
        <v>5</v>
      </c>
      <c r="D8748" s="1" t="s">
        <v>7315</v>
      </c>
      <c r="E8748" s="1" t="s">
        <v>7</v>
      </c>
    </row>
    <row r="8749">
      <c r="A8749" s="1">
        <v>4.90445697E8</v>
      </c>
      <c r="B8749" s="2">
        <v>12825.0</v>
      </c>
      <c r="C8749" s="1" t="s">
        <v>5</v>
      </c>
      <c r="D8749" s="1" t="s">
        <v>11</v>
      </c>
      <c r="E8749" s="1" t="s">
        <v>7</v>
      </c>
    </row>
    <row r="8750">
      <c r="A8750" s="1">
        <v>4.90445706E8</v>
      </c>
      <c r="B8750" s="2">
        <v>12833.0</v>
      </c>
      <c r="C8750" s="1" t="s">
        <v>5</v>
      </c>
      <c r="D8750" s="1" t="s">
        <v>7316</v>
      </c>
      <c r="E8750" s="1" t="s">
        <v>7</v>
      </c>
    </row>
    <row r="8751">
      <c r="A8751" s="1">
        <v>4.90445708E8</v>
      </c>
      <c r="B8751" s="2">
        <v>12663.0</v>
      </c>
      <c r="C8751" s="1" t="s">
        <v>5</v>
      </c>
      <c r="D8751" s="1" t="s">
        <v>7317</v>
      </c>
      <c r="E8751" s="1" t="s">
        <v>11</v>
      </c>
    </row>
    <row r="8752">
      <c r="A8752" s="1">
        <v>4.90445713E8</v>
      </c>
      <c r="B8752" s="2">
        <v>12841.0</v>
      </c>
      <c r="C8752" s="1" t="s">
        <v>5</v>
      </c>
      <c r="D8752" s="1" t="s">
        <v>7318</v>
      </c>
      <c r="E8752" s="1" t="s">
        <v>11</v>
      </c>
    </row>
    <row r="8753">
      <c r="A8753" s="1">
        <v>4.90445717E8</v>
      </c>
      <c r="B8753" s="2">
        <v>12682.0</v>
      </c>
      <c r="C8753" s="1" t="s">
        <v>5</v>
      </c>
      <c r="D8753" s="1" t="s">
        <v>7319</v>
      </c>
      <c r="E8753" s="1" t="s">
        <v>7</v>
      </c>
    </row>
    <row r="8754">
      <c r="A8754" s="1">
        <v>4.90445733E8</v>
      </c>
      <c r="B8754" s="2">
        <v>12779.0</v>
      </c>
      <c r="C8754" s="1" t="s">
        <v>5</v>
      </c>
      <c r="D8754" s="1" t="s">
        <v>7320</v>
      </c>
      <c r="E8754" s="1" t="s">
        <v>7321</v>
      </c>
    </row>
    <row r="8755">
      <c r="A8755" s="1">
        <v>4.90445735E8</v>
      </c>
      <c r="B8755" s="2">
        <v>12754.0</v>
      </c>
      <c r="C8755" s="1" t="s">
        <v>5</v>
      </c>
      <c r="D8755" s="1" t="s">
        <v>7322</v>
      </c>
      <c r="E8755" s="1" t="s">
        <v>7</v>
      </c>
    </row>
    <row r="8756">
      <c r="A8756" s="1">
        <v>4.90445762E8</v>
      </c>
      <c r="B8756" s="2">
        <v>12821.0</v>
      </c>
      <c r="C8756" s="1" t="s">
        <v>5</v>
      </c>
      <c r="D8756" s="1" t="s">
        <v>7323</v>
      </c>
      <c r="E8756" s="1" t="s">
        <v>7</v>
      </c>
    </row>
    <row r="8757">
      <c r="A8757" s="1">
        <v>4.90445794E8</v>
      </c>
      <c r="B8757" s="2">
        <v>12674.0</v>
      </c>
      <c r="C8757" s="1" t="s">
        <v>5</v>
      </c>
      <c r="D8757" s="1" t="s">
        <v>11</v>
      </c>
      <c r="E8757" s="1" t="s">
        <v>7</v>
      </c>
    </row>
    <row r="8758">
      <c r="A8758" s="1">
        <v>4.904458E8</v>
      </c>
      <c r="B8758" s="2">
        <v>12780.0</v>
      </c>
      <c r="C8758" s="1" t="s">
        <v>5</v>
      </c>
      <c r="D8758" s="1" t="s">
        <v>7324</v>
      </c>
      <c r="E8758" s="1" t="s">
        <v>11</v>
      </c>
    </row>
    <row r="8759">
      <c r="A8759" s="1">
        <v>4.90445816E8</v>
      </c>
      <c r="B8759" s="2">
        <v>12823.0</v>
      </c>
      <c r="C8759" s="1" t="s">
        <v>5</v>
      </c>
      <c r="D8759" s="1" t="s">
        <v>7325</v>
      </c>
      <c r="E8759" s="1" t="s">
        <v>7</v>
      </c>
    </row>
    <row r="8760">
      <c r="A8760" s="1">
        <v>4.90445819E8</v>
      </c>
      <c r="B8760" s="2">
        <v>12720.0</v>
      </c>
      <c r="C8760" s="1" t="s">
        <v>5</v>
      </c>
      <c r="D8760" s="1" t="s">
        <v>7326</v>
      </c>
      <c r="E8760" s="1" t="s">
        <v>7</v>
      </c>
    </row>
    <row r="8761">
      <c r="A8761" s="1">
        <v>4.9044585E8</v>
      </c>
      <c r="B8761" s="2">
        <v>12780.0</v>
      </c>
      <c r="C8761" s="1" t="s">
        <v>5</v>
      </c>
      <c r="D8761" s="1" t="s">
        <v>11</v>
      </c>
      <c r="E8761" s="1" t="s">
        <v>7</v>
      </c>
    </row>
    <row r="8762">
      <c r="A8762" s="1">
        <v>4.90445879E8</v>
      </c>
      <c r="B8762" s="2">
        <v>12820.0</v>
      </c>
      <c r="C8762" s="1" t="s">
        <v>5</v>
      </c>
      <c r="D8762" s="1" t="s">
        <v>7327</v>
      </c>
      <c r="E8762" s="1" t="s">
        <v>7</v>
      </c>
    </row>
    <row r="8763">
      <c r="A8763" s="1">
        <v>4.9044589E8</v>
      </c>
      <c r="B8763" s="2">
        <v>12830.0</v>
      </c>
      <c r="C8763" s="1" t="s">
        <v>5</v>
      </c>
      <c r="D8763" s="1" t="s">
        <v>11</v>
      </c>
      <c r="E8763" s="1" t="s">
        <v>7</v>
      </c>
    </row>
    <row r="8764">
      <c r="A8764" s="1">
        <v>4.90445904E8</v>
      </c>
      <c r="B8764" s="2">
        <v>12771.0</v>
      </c>
      <c r="C8764" s="1" t="s">
        <v>5</v>
      </c>
      <c r="D8764" s="1" t="s">
        <v>11</v>
      </c>
      <c r="E8764" s="1" t="s">
        <v>7</v>
      </c>
    </row>
    <row r="8765">
      <c r="A8765" s="1">
        <v>4.90445922E8</v>
      </c>
      <c r="B8765" s="2">
        <v>12821.0</v>
      </c>
      <c r="C8765" s="1" t="s">
        <v>5</v>
      </c>
      <c r="D8765" s="1" t="s">
        <v>11</v>
      </c>
      <c r="E8765" s="1" t="s">
        <v>7</v>
      </c>
    </row>
    <row r="8766">
      <c r="A8766" s="1">
        <v>4.90445923E8</v>
      </c>
      <c r="B8766" s="2">
        <v>12709.0</v>
      </c>
      <c r="C8766" s="1" t="s">
        <v>5</v>
      </c>
      <c r="D8766" s="1" t="s">
        <v>7328</v>
      </c>
      <c r="E8766" s="1" t="s">
        <v>7329</v>
      </c>
    </row>
    <row r="8767">
      <c r="A8767" s="1">
        <v>4.90445928E8</v>
      </c>
      <c r="B8767" s="2">
        <v>12674.0</v>
      </c>
      <c r="C8767" s="1" t="s">
        <v>5</v>
      </c>
      <c r="D8767" s="1" t="s">
        <v>7330</v>
      </c>
      <c r="E8767" s="1" t="s">
        <v>7</v>
      </c>
    </row>
    <row r="8768">
      <c r="A8768" s="1">
        <v>4.9044593E8</v>
      </c>
      <c r="B8768" s="2">
        <v>12573.0</v>
      </c>
      <c r="C8768" s="1" t="s">
        <v>5</v>
      </c>
      <c r="D8768" s="1" t="s">
        <v>7331</v>
      </c>
      <c r="E8768" s="1" t="s">
        <v>7</v>
      </c>
    </row>
    <row r="8769">
      <c r="A8769" s="1">
        <v>4.90445955E8</v>
      </c>
      <c r="B8769" s="2">
        <v>12774.0</v>
      </c>
      <c r="C8769" s="1" t="s">
        <v>5</v>
      </c>
      <c r="D8769" s="1" t="s">
        <v>7332</v>
      </c>
      <c r="E8769" s="1" t="s">
        <v>7</v>
      </c>
    </row>
    <row r="8770">
      <c r="A8770" s="1">
        <v>4.90446005E8</v>
      </c>
      <c r="B8770" s="2">
        <v>12673.0</v>
      </c>
      <c r="C8770" s="1" t="s">
        <v>5</v>
      </c>
      <c r="D8770" s="1" t="s">
        <v>7333</v>
      </c>
      <c r="E8770" s="1" t="s">
        <v>11</v>
      </c>
    </row>
    <row r="8771">
      <c r="A8771" s="1">
        <v>4.90446006E8</v>
      </c>
      <c r="B8771" s="2">
        <v>12840.0</v>
      </c>
      <c r="C8771" s="1" t="s">
        <v>5</v>
      </c>
      <c r="D8771" s="1" t="s">
        <v>7334</v>
      </c>
      <c r="E8771" s="1" t="s">
        <v>7</v>
      </c>
    </row>
    <row r="8772">
      <c r="A8772" s="1">
        <v>4.90446017E8</v>
      </c>
      <c r="B8772" s="2">
        <v>12779.0</v>
      </c>
      <c r="C8772" s="1" t="s">
        <v>5</v>
      </c>
      <c r="D8772" s="1" t="s">
        <v>11</v>
      </c>
      <c r="E8772" s="1" t="s">
        <v>7</v>
      </c>
    </row>
    <row r="8773">
      <c r="A8773" s="1">
        <v>4.90446039E8</v>
      </c>
      <c r="B8773" s="2">
        <v>12830.0</v>
      </c>
      <c r="C8773" s="1" t="s">
        <v>5</v>
      </c>
      <c r="D8773" s="1" t="s">
        <v>7335</v>
      </c>
      <c r="E8773" s="1" t="s">
        <v>11</v>
      </c>
    </row>
    <row r="8774">
      <c r="A8774" s="1">
        <v>4.90446042E8</v>
      </c>
      <c r="B8774" s="2">
        <v>12706.0</v>
      </c>
      <c r="C8774" s="1" t="s">
        <v>5</v>
      </c>
      <c r="D8774" s="1" t="s">
        <v>7336</v>
      </c>
      <c r="E8774" s="1" t="s">
        <v>7</v>
      </c>
    </row>
    <row r="8775">
      <c r="A8775" s="1">
        <v>4.9044607E8</v>
      </c>
      <c r="B8775" s="2">
        <v>12823.0</v>
      </c>
      <c r="C8775" s="1" t="s">
        <v>5</v>
      </c>
      <c r="D8775" s="1" t="s">
        <v>7337</v>
      </c>
      <c r="E8775" s="1" t="s">
        <v>7</v>
      </c>
    </row>
    <row r="8776">
      <c r="A8776" s="1">
        <v>4.90446075E8</v>
      </c>
      <c r="B8776" s="2">
        <v>12720.0</v>
      </c>
      <c r="C8776" s="1" t="s">
        <v>5</v>
      </c>
      <c r="D8776" s="1" t="s">
        <v>7338</v>
      </c>
      <c r="E8776" s="1" t="s">
        <v>7</v>
      </c>
    </row>
    <row r="8777">
      <c r="A8777" s="1">
        <v>4.90446097E8</v>
      </c>
      <c r="B8777" s="2">
        <v>12818.0</v>
      </c>
      <c r="C8777" s="1" t="s">
        <v>5</v>
      </c>
      <c r="D8777" s="1" t="s">
        <v>7339</v>
      </c>
      <c r="E8777" s="1" t="s">
        <v>11</v>
      </c>
    </row>
    <row r="8778">
      <c r="A8778" s="1">
        <v>4.90446122E8</v>
      </c>
      <c r="B8778" s="2">
        <v>12828.0</v>
      </c>
      <c r="C8778" s="1" t="s">
        <v>5</v>
      </c>
      <c r="D8778" s="1" t="s">
        <v>7340</v>
      </c>
      <c r="E8778" s="1" t="s">
        <v>11</v>
      </c>
    </row>
    <row r="8779">
      <c r="A8779" s="1">
        <v>4.90446124E8</v>
      </c>
      <c r="B8779" s="2">
        <v>12759.0</v>
      </c>
      <c r="C8779" s="1" t="s">
        <v>5</v>
      </c>
      <c r="D8779" s="1" t="s">
        <v>7341</v>
      </c>
      <c r="E8779" s="1" t="s">
        <v>7</v>
      </c>
    </row>
    <row r="8780">
      <c r="A8780" s="1">
        <v>4.90446129E8</v>
      </c>
      <c r="B8780" s="2">
        <v>12769.0</v>
      </c>
      <c r="C8780" s="1" t="s">
        <v>5</v>
      </c>
      <c r="D8780" s="1" t="s">
        <v>7342</v>
      </c>
      <c r="E8780" s="1" t="s">
        <v>7</v>
      </c>
    </row>
    <row r="8781">
      <c r="A8781" s="1">
        <v>4.9044613E8</v>
      </c>
      <c r="B8781" s="2">
        <v>12840.0</v>
      </c>
      <c r="C8781" s="1" t="s">
        <v>5</v>
      </c>
      <c r="D8781" s="1" t="s">
        <v>7343</v>
      </c>
      <c r="E8781" s="1" t="s">
        <v>11</v>
      </c>
    </row>
    <row r="8782">
      <c r="A8782" s="1">
        <v>4.90446154E8</v>
      </c>
      <c r="B8782" s="2">
        <v>12819.0</v>
      </c>
      <c r="C8782" s="1" t="s">
        <v>5</v>
      </c>
      <c r="D8782" s="1" t="s">
        <v>7344</v>
      </c>
      <c r="E8782" s="1" t="s">
        <v>7345</v>
      </c>
    </row>
    <row r="8783">
      <c r="A8783" s="1">
        <v>4.90446161E8</v>
      </c>
      <c r="B8783" s="2">
        <v>12764.0</v>
      </c>
      <c r="C8783" s="1" t="s">
        <v>5</v>
      </c>
      <c r="D8783" s="1" t="s">
        <v>7346</v>
      </c>
      <c r="E8783" s="1" t="s">
        <v>7</v>
      </c>
    </row>
    <row r="8784">
      <c r="A8784" s="1">
        <v>4.90446176E8</v>
      </c>
      <c r="B8784" s="2">
        <v>12830.0</v>
      </c>
      <c r="C8784" s="1" t="s">
        <v>5</v>
      </c>
      <c r="D8784" s="1" t="s">
        <v>7347</v>
      </c>
      <c r="E8784" s="1" t="s">
        <v>11</v>
      </c>
    </row>
    <row r="8785">
      <c r="A8785" s="1">
        <v>4.90446182E8</v>
      </c>
      <c r="B8785" s="2">
        <v>12828.0</v>
      </c>
      <c r="C8785" s="1" t="s">
        <v>5</v>
      </c>
      <c r="D8785" s="1" t="s">
        <v>11</v>
      </c>
      <c r="E8785" s="1" t="s">
        <v>7</v>
      </c>
    </row>
    <row r="8786">
      <c r="A8786" s="1">
        <v>4.90446201E8</v>
      </c>
      <c r="B8786" s="2">
        <v>12772.0</v>
      </c>
      <c r="C8786" s="1" t="s">
        <v>5</v>
      </c>
      <c r="D8786" s="1" t="s">
        <v>7348</v>
      </c>
      <c r="E8786" s="1" t="s">
        <v>11</v>
      </c>
    </row>
    <row r="8787">
      <c r="A8787" s="1">
        <v>4.90446221E8</v>
      </c>
      <c r="B8787" s="2">
        <v>12769.0</v>
      </c>
      <c r="C8787" s="1" t="s">
        <v>5</v>
      </c>
      <c r="D8787" s="1" t="s">
        <v>11</v>
      </c>
      <c r="E8787" s="1" t="s">
        <v>7</v>
      </c>
    </row>
    <row r="8788">
      <c r="A8788" s="1">
        <v>4.90446224E8</v>
      </c>
      <c r="B8788" s="2">
        <v>12821.0</v>
      </c>
      <c r="C8788" s="1" t="s">
        <v>5</v>
      </c>
      <c r="D8788" s="1" t="s">
        <v>7349</v>
      </c>
      <c r="E8788" s="1" t="s">
        <v>11</v>
      </c>
    </row>
    <row r="8789">
      <c r="A8789" s="1">
        <v>4.90446257E8</v>
      </c>
      <c r="B8789" s="2">
        <v>12705.0</v>
      </c>
      <c r="C8789" s="1" t="s">
        <v>5</v>
      </c>
      <c r="D8789" s="1" t="s">
        <v>7350</v>
      </c>
      <c r="E8789" s="1" t="s">
        <v>11</v>
      </c>
    </row>
    <row r="8790">
      <c r="A8790" s="1">
        <v>4.90446265E8</v>
      </c>
      <c r="B8790" s="2">
        <v>12777.0</v>
      </c>
      <c r="C8790" s="1" t="s">
        <v>5</v>
      </c>
      <c r="D8790" s="1" t="s">
        <v>7351</v>
      </c>
      <c r="E8790" s="1" t="s">
        <v>7</v>
      </c>
    </row>
    <row r="8791">
      <c r="A8791" s="1">
        <v>4.90446285E8</v>
      </c>
      <c r="B8791" s="2">
        <v>12827.0</v>
      </c>
      <c r="C8791" s="1" t="s">
        <v>5</v>
      </c>
      <c r="D8791" s="1" t="s">
        <v>7352</v>
      </c>
      <c r="E8791" s="1" t="s">
        <v>7</v>
      </c>
    </row>
    <row r="8792">
      <c r="A8792" s="1">
        <v>4.90446287E8</v>
      </c>
      <c r="B8792" s="2">
        <v>12723.0</v>
      </c>
      <c r="C8792" s="1" t="s">
        <v>5</v>
      </c>
      <c r="D8792" s="1" t="s">
        <v>7353</v>
      </c>
      <c r="E8792" s="1" t="s">
        <v>7</v>
      </c>
    </row>
    <row r="8793">
      <c r="A8793" s="1">
        <v>4.90446292E8</v>
      </c>
      <c r="B8793" s="2">
        <v>12827.0</v>
      </c>
      <c r="C8793" s="1" t="s">
        <v>5</v>
      </c>
      <c r="D8793" s="1" t="s">
        <v>7354</v>
      </c>
      <c r="E8793" s="1" t="s">
        <v>7</v>
      </c>
    </row>
    <row r="8794">
      <c r="A8794" s="1">
        <v>4.9044631E8</v>
      </c>
      <c r="B8794" s="2">
        <v>12723.0</v>
      </c>
      <c r="C8794" s="1" t="s">
        <v>5</v>
      </c>
      <c r="D8794" s="1" t="s">
        <v>11</v>
      </c>
      <c r="E8794" s="1" t="s">
        <v>7</v>
      </c>
    </row>
    <row r="8795">
      <c r="A8795" s="1">
        <v>4.90446315E8</v>
      </c>
      <c r="B8795" s="2">
        <v>12699.0</v>
      </c>
      <c r="C8795" s="1" t="s">
        <v>5</v>
      </c>
      <c r="D8795" s="1" t="s">
        <v>7355</v>
      </c>
      <c r="E8795" s="1" t="s">
        <v>7</v>
      </c>
    </row>
    <row r="8796">
      <c r="A8796" s="1">
        <v>4.90446365E8</v>
      </c>
      <c r="B8796" s="2">
        <v>12766.0</v>
      </c>
      <c r="C8796" s="1" t="s">
        <v>5</v>
      </c>
      <c r="D8796" s="1" t="s">
        <v>7356</v>
      </c>
      <c r="E8796" s="1" t="s">
        <v>7</v>
      </c>
    </row>
    <row r="8797">
      <c r="A8797" s="1">
        <v>4.90446375E8</v>
      </c>
      <c r="B8797" s="2">
        <v>12827.0</v>
      </c>
      <c r="C8797" s="1" t="s">
        <v>5</v>
      </c>
      <c r="D8797" s="1" t="s">
        <v>7357</v>
      </c>
      <c r="E8797" s="1" t="s">
        <v>7</v>
      </c>
    </row>
    <row r="8798">
      <c r="A8798" s="1">
        <v>4.90446381E8</v>
      </c>
      <c r="B8798" s="2">
        <v>12826.0</v>
      </c>
      <c r="C8798" s="1" t="s">
        <v>5</v>
      </c>
      <c r="D8798" s="1" t="s">
        <v>11</v>
      </c>
      <c r="E8798" s="1" t="s">
        <v>7</v>
      </c>
    </row>
    <row r="8799">
      <c r="A8799" s="1">
        <v>4.9044641E8</v>
      </c>
      <c r="B8799" s="2">
        <v>12770.0</v>
      </c>
      <c r="C8799" s="1" t="s">
        <v>5</v>
      </c>
      <c r="D8799" s="1" t="s">
        <v>7358</v>
      </c>
      <c r="E8799" s="1" t="s">
        <v>7</v>
      </c>
    </row>
    <row r="8800">
      <c r="A8800" s="1">
        <v>4.90446421E8</v>
      </c>
      <c r="B8800" s="2">
        <v>12704.0</v>
      </c>
      <c r="C8800" s="1" t="s">
        <v>5</v>
      </c>
      <c r="D8800" s="1" t="s">
        <v>7359</v>
      </c>
      <c r="E8800" s="1" t="s">
        <v>11</v>
      </c>
    </row>
    <row r="8801">
      <c r="A8801" s="1">
        <v>4.9044644E8</v>
      </c>
      <c r="B8801" s="2">
        <v>12820.0</v>
      </c>
      <c r="C8801" s="1" t="s">
        <v>5</v>
      </c>
      <c r="D8801" s="1" t="s">
        <v>7360</v>
      </c>
      <c r="E8801" s="1" t="s">
        <v>11</v>
      </c>
    </row>
    <row r="8802">
      <c r="A8802" s="1">
        <v>4.90446455E8</v>
      </c>
      <c r="B8802" s="2">
        <v>12768.0</v>
      </c>
      <c r="C8802" s="1" t="s">
        <v>5</v>
      </c>
      <c r="D8802" s="1" t="s">
        <v>7361</v>
      </c>
      <c r="E8802" s="1" t="s">
        <v>11</v>
      </c>
    </row>
    <row r="8803">
      <c r="A8803" s="1">
        <v>4.90446459E8</v>
      </c>
      <c r="B8803" s="2">
        <v>12770.0</v>
      </c>
      <c r="C8803" s="1" t="s">
        <v>5</v>
      </c>
      <c r="D8803" s="1" t="s">
        <v>7362</v>
      </c>
      <c r="E8803" s="1" t="s">
        <v>7</v>
      </c>
    </row>
    <row r="8804">
      <c r="A8804" s="1">
        <v>4.90446461E8</v>
      </c>
      <c r="B8804" s="2">
        <v>12762.0</v>
      </c>
      <c r="C8804" s="1" t="s">
        <v>5</v>
      </c>
      <c r="D8804" s="1" t="s">
        <v>7363</v>
      </c>
      <c r="E8804" s="1" t="s">
        <v>11</v>
      </c>
    </row>
    <row r="8805">
      <c r="A8805" s="1">
        <v>4.90446465E8</v>
      </c>
      <c r="B8805" s="2">
        <v>12722.0</v>
      </c>
      <c r="C8805" s="1" t="s">
        <v>5</v>
      </c>
      <c r="D8805" s="1" t="s">
        <v>7364</v>
      </c>
      <c r="E8805" s="1" t="s">
        <v>7</v>
      </c>
    </row>
    <row r="8806">
      <c r="A8806" s="1">
        <v>4.90446466E8</v>
      </c>
      <c r="B8806" s="2">
        <v>12819.0</v>
      </c>
      <c r="C8806" s="1" t="s">
        <v>5</v>
      </c>
      <c r="D8806" s="1" t="s">
        <v>7365</v>
      </c>
      <c r="E8806" s="1" t="s">
        <v>7</v>
      </c>
    </row>
    <row r="8807">
      <c r="A8807" s="1">
        <v>4.90446502E8</v>
      </c>
      <c r="B8807" s="2">
        <v>12840.0</v>
      </c>
      <c r="C8807" s="1" t="s">
        <v>5</v>
      </c>
      <c r="D8807" s="1" t="s">
        <v>7366</v>
      </c>
      <c r="E8807" s="1" t="s">
        <v>7</v>
      </c>
    </row>
    <row r="8808">
      <c r="A8808" s="1">
        <v>4.90446505E8</v>
      </c>
      <c r="B8808" s="2">
        <v>12783.0</v>
      </c>
      <c r="C8808" s="1" t="s">
        <v>5</v>
      </c>
      <c r="D8808" s="1" t="s">
        <v>7367</v>
      </c>
      <c r="E8808" s="1" t="s">
        <v>7</v>
      </c>
    </row>
    <row r="8809">
      <c r="A8809" s="1">
        <v>4.90446506E8</v>
      </c>
      <c r="B8809" s="2">
        <v>12680.0</v>
      </c>
      <c r="C8809" s="1" t="s">
        <v>5</v>
      </c>
      <c r="D8809" s="1" t="s">
        <v>7368</v>
      </c>
      <c r="E8809" s="1" t="s">
        <v>7</v>
      </c>
    </row>
    <row r="8810">
      <c r="A8810" s="1">
        <v>4.90446509E8</v>
      </c>
      <c r="B8810" s="2">
        <v>12767.0</v>
      </c>
      <c r="C8810" s="1" t="s">
        <v>5</v>
      </c>
      <c r="D8810" s="1" t="s">
        <v>7369</v>
      </c>
      <c r="E8810" s="1" t="s">
        <v>11</v>
      </c>
    </row>
    <row r="8811">
      <c r="A8811" s="1">
        <v>4.9044651E8</v>
      </c>
      <c r="B8811" s="2">
        <v>12766.0</v>
      </c>
      <c r="C8811" s="1" t="s">
        <v>5</v>
      </c>
      <c r="D8811" s="1" t="s">
        <v>7370</v>
      </c>
      <c r="E8811" s="1" t="s">
        <v>11</v>
      </c>
    </row>
    <row r="8812">
      <c r="A8812" s="1">
        <v>4.9044652E8</v>
      </c>
      <c r="B8812" s="2">
        <v>12830.0</v>
      </c>
      <c r="C8812" s="1" t="s">
        <v>5</v>
      </c>
      <c r="D8812" s="1" t="s">
        <v>7371</v>
      </c>
      <c r="E8812" s="1" t="s">
        <v>7</v>
      </c>
    </row>
    <row r="8813">
      <c r="A8813" s="1">
        <v>4.90446524E8</v>
      </c>
      <c r="B8813" s="2">
        <v>12844.0</v>
      </c>
      <c r="C8813" s="1" t="s">
        <v>5</v>
      </c>
      <c r="D8813" s="1" t="s">
        <v>7372</v>
      </c>
      <c r="E8813" s="1" t="s">
        <v>7</v>
      </c>
    </row>
    <row r="8814">
      <c r="A8814" s="1">
        <v>4.90446543E8</v>
      </c>
      <c r="B8814" s="2">
        <v>12722.0</v>
      </c>
      <c r="C8814" s="1" t="s">
        <v>5</v>
      </c>
      <c r="D8814" s="1" t="s">
        <v>11</v>
      </c>
      <c r="E8814" s="1" t="s">
        <v>7</v>
      </c>
    </row>
    <row r="8815">
      <c r="A8815" s="1">
        <v>4.90446552E8</v>
      </c>
      <c r="B8815" s="2">
        <v>12702.0</v>
      </c>
      <c r="C8815" s="1" t="s">
        <v>5</v>
      </c>
      <c r="D8815" s="1" t="s">
        <v>11</v>
      </c>
      <c r="E8815" s="1" t="s">
        <v>7</v>
      </c>
    </row>
    <row r="8816">
      <c r="A8816" s="1">
        <v>4.90446556E8</v>
      </c>
      <c r="B8816" s="2">
        <v>12827.0</v>
      </c>
      <c r="C8816" s="1" t="s">
        <v>5</v>
      </c>
      <c r="D8816" s="1" t="s">
        <v>7373</v>
      </c>
      <c r="E8816" s="1" t="s">
        <v>11</v>
      </c>
    </row>
    <row r="8817">
      <c r="A8817" s="1">
        <v>4.90446572E8</v>
      </c>
      <c r="B8817" s="2">
        <v>12782.0</v>
      </c>
      <c r="C8817" s="1" t="s">
        <v>5</v>
      </c>
      <c r="D8817" s="1" t="s">
        <v>7374</v>
      </c>
      <c r="E8817" s="1" t="s">
        <v>7375</v>
      </c>
    </row>
    <row r="8818">
      <c r="A8818" s="1">
        <v>4.90446588E8</v>
      </c>
      <c r="B8818" s="2">
        <v>12872.0</v>
      </c>
      <c r="C8818" s="1" t="s">
        <v>5</v>
      </c>
      <c r="D8818" s="1" t="s">
        <v>7376</v>
      </c>
      <c r="E8818" s="1" t="s">
        <v>11</v>
      </c>
    </row>
    <row r="8819">
      <c r="A8819" s="1">
        <v>4.90446592E8</v>
      </c>
      <c r="B8819" s="2">
        <v>12827.0</v>
      </c>
      <c r="C8819" s="1" t="s">
        <v>5</v>
      </c>
      <c r="D8819" s="1" t="s">
        <v>7377</v>
      </c>
      <c r="E8819" s="1" t="s">
        <v>11</v>
      </c>
    </row>
    <row r="8820">
      <c r="A8820" s="1">
        <v>4.90446595E8</v>
      </c>
      <c r="B8820" s="2">
        <v>12629.0</v>
      </c>
      <c r="C8820" s="1" t="s">
        <v>5</v>
      </c>
      <c r="D8820" s="1" t="s">
        <v>7378</v>
      </c>
      <c r="E8820" s="1" t="s">
        <v>11</v>
      </c>
    </row>
    <row r="8821">
      <c r="A8821" s="1">
        <v>4.904466E8</v>
      </c>
      <c r="B8821" s="2">
        <v>12825.0</v>
      </c>
      <c r="C8821" s="1" t="s">
        <v>5</v>
      </c>
      <c r="D8821" s="1" t="s">
        <v>7379</v>
      </c>
      <c r="E8821" s="1" t="s">
        <v>7</v>
      </c>
    </row>
    <row r="8822">
      <c r="A8822" s="1">
        <v>4.90446612E8</v>
      </c>
      <c r="B8822" s="2">
        <v>12699.0</v>
      </c>
      <c r="C8822" s="1" t="s">
        <v>5</v>
      </c>
      <c r="D8822" s="1" t="s">
        <v>7380</v>
      </c>
      <c r="E8822" s="1" t="s">
        <v>7</v>
      </c>
    </row>
    <row r="8823">
      <c r="A8823" s="1">
        <v>4.90446646E8</v>
      </c>
      <c r="B8823" s="2">
        <v>12819.0</v>
      </c>
      <c r="C8823" s="1" t="s">
        <v>5</v>
      </c>
      <c r="D8823" s="1" t="s">
        <v>7381</v>
      </c>
      <c r="E8823" s="1" t="s">
        <v>11</v>
      </c>
    </row>
    <row r="8824">
      <c r="A8824" s="1">
        <v>4.90446661E8</v>
      </c>
      <c r="B8824" s="2">
        <v>12663.0</v>
      </c>
      <c r="C8824" s="1" t="s">
        <v>5</v>
      </c>
      <c r="D8824" s="1" t="s">
        <v>7382</v>
      </c>
      <c r="E8824" s="1" t="s">
        <v>11</v>
      </c>
    </row>
    <row r="8825">
      <c r="A8825" s="1">
        <v>4.90446675E8</v>
      </c>
      <c r="B8825" s="2">
        <v>12680.0</v>
      </c>
      <c r="C8825" s="1" t="s">
        <v>5</v>
      </c>
      <c r="D8825" s="1" t="s">
        <v>7383</v>
      </c>
      <c r="E8825" s="1" t="s">
        <v>11</v>
      </c>
    </row>
    <row r="8826">
      <c r="A8826" s="1">
        <v>4.90446697E8</v>
      </c>
      <c r="B8826" s="2">
        <v>12699.0</v>
      </c>
      <c r="C8826" s="1" t="s">
        <v>5</v>
      </c>
      <c r="D8826" s="1" t="s">
        <v>7384</v>
      </c>
      <c r="E8826" s="1" t="s">
        <v>7</v>
      </c>
    </row>
    <row r="8827">
      <c r="A8827" s="1">
        <v>4.90446705E8</v>
      </c>
      <c r="B8827" s="2">
        <v>12872.0</v>
      </c>
      <c r="C8827" s="1" t="s">
        <v>5</v>
      </c>
      <c r="D8827" s="1" t="s">
        <v>7385</v>
      </c>
      <c r="E8827" s="1" t="s">
        <v>11</v>
      </c>
    </row>
    <row r="8828">
      <c r="A8828" s="1">
        <v>4.90446741E8</v>
      </c>
      <c r="B8828" s="2">
        <v>12722.0</v>
      </c>
      <c r="C8828" s="1" t="s">
        <v>5</v>
      </c>
      <c r="D8828" s="1" t="s">
        <v>7386</v>
      </c>
      <c r="E8828" s="1" t="s">
        <v>7</v>
      </c>
    </row>
    <row r="8829">
      <c r="A8829" s="1">
        <v>4.90446772E8</v>
      </c>
      <c r="B8829" s="2">
        <v>12735.0</v>
      </c>
      <c r="C8829" s="1" t="s">
        <v>5</v>
      </c>
      <c r="D8829" s="1" t="s">
        <v>7387</v>
      </c>
      <c r="E8829" s="1" t="s">
        <v>11</v>
      </c>
    </row>
    <row r="8830">
      <c r="A8830" s="1">
        <v>4.90446779E8</v>
      </c>
      <c r="B8830" s="2">
        <v>12700.0</v>
      </c>
      <c r="C8830" s="1" t="s">
        <v>5</v>
      </c>
      <c r="D8830" s="1" t="s">
        <v>7388</v>
      </c>
      <c r="E8830" s="1" t="s">
        <v>7389</v>
      </c>
    </row>
    <row r="8831">
      <c r="A8831" s="1">
        <v>4.90446793E8</v>
      </c>
      <c r="B8831" s="2">
        <v>12780.0</v>
      </c>
      <c r="C8831" s="1" t="s">
        <v>5</v>
      </c>
      <c r="D8831" s="1" t="s">
        <v>7390</v>
      </c>
      <c r="E8831" s="1" t="s">
        <v>7</v>
      </c>
    </row>
    <row r="8832">
      <c r="A8832" s="1">
        <v>4.90446833E8</v>
      </c>
      <c r="B8832" s="2">
        <v>12723.0</v>
      </c>
      <c r="C8832" s="1" t="s">
        <v>5</v>
      </c>
      <c r="D8832" s="1" t="s">
        <v>11</v>
      </c>
      <c r="E8832" s="1" t="s">
        <v>7</v>
      </c>
    </row>
    <row r="8833">
      <c r="A8833" s="1">
        <v>4.90446836E8</v>
      </c>
      <c r="B8833" s="2">
        <v>12871.0</v>
      </c>
      <c r="C8833" s="1" t="s">
        <v>5</v>
      </c>
      <c r="D8833" s="1" t="s">
        <v>11</v>
      </c>
      <c r="E8833" s="1" t="s">
        <v>7</v>
      </c>
    </row>
    <row r="8834">
      <c r="A8834" s="1">
        <v>4.90446838E8</v>
      </c>
      <c r="B8834" s="2">
        <v>12817.0</v>
      </c>
      <c r="C8834" s="1" t="s">
        <v>5</v>
      </c>
      <c r="D8834" s="1" t="s">
        <v>7391</v>
      </c>
      <c r="E8834" s="1" t="s">
        <v>7392</v>
      </c>
    </row>
    <row r="8835">
      <c r="A8835" s="1">
        <v>4.90446859E8</v>
      </c>
      <c r="B8835" s="2">
        <v>12817.0</v>
      </c>
      <c r="C8835" s="1" t="s">
        <v>5</v>
      </c>
      <c r="D8835" s="1" t="s">
        <v>7393</v>
      </c>
      <c r="E8835" s="1" t="s">
        <v>11</v>
      </c>
    </row>
    <row r="8836">
      <c r="A8836" s="1">
        <v>4.90446898E8</v>
      </c>
      <c r="B8836" s="2">
        <v>12722.0</v>
      </c>
      <c r="C8836" s="1" t="s">
        <v>5</v>
      </c>
      <c r="D8836" s="1" t="s">
        <v>7394</v>
      </c>
      <c r="E8836" s="1" t="s">
        <v>11</v>
      </c>
    </row>
    <row r="8837">
      <c r="A8837" s="1">
        <v>4.90446909E8</v>
      </c>
      <c r="B8837" s="2">
        <v>12759.0</v>
      </c>
      <c r="C8837" s="1" t="s">
        <v>5</v>
      </c>
      <c r="D8837" s="1" t="s">
        <v>7395</v>
      </c>
      <c r="E8837" s="1" t="s">
        <v>11</v>
      </c>
    </row>
    <row r="8838">
      <c r="A8838" s="1">
        <v>4.90446939E8</v>
      </c>
      <c r="B8838" s="2">
        <v>12764.0</v>
      </c>
      <c r="C8838" s="1" t="s">
        <v>5</v>
      </c>
      <c r="D8838" s="1" t="s">
        <v>7396</v>
      </c>
      <c r="E8838" s="1" t="s">
        <v>11</v>
      </c>
    </row>
    <row r="8839">
      <c r="A8839" s="1">
        <v>4.90446958E8</v>
      </c>
      <c r="B8839" s="2">
        <v>12825.0</v>
      </c>
      <c r="C8839" s="1" t="s">
        <v>5</v>
      </c>
      <c r="D8839" s="1" t="s">
        <v>7397</v>
      </c>
      <c r="E8839" s="1" t="s">
        <v>7</v>
      </c>
    </row>
    <row r="8840">
      <c r="A8840" s="1">
        <v>4.9044696E8</v>
      </c>
      <c r="B8840" s="2">
        <v>12874.0</v>
      </c>
      <c r="C8840" s="1" t="s">
        <v>5</v>
      </c>
      <c r="D8840" s="1" t="s">
        <v>7398</v>
      </c>
      <c r="E8840" s="1" t="s">
        <v>7399</v>
      </c>
    </row>
    <row r="8841">
      <c r="A8841" s="1">
        <v>4.90446976E8</v>
      </c>
      <c r="B8841" s="2">
        <v>12825.0</v>
      </c>
      <c r="C8841" s="1" t="s">
        <v>5</v>
      </c>
      <c r="D8841" s="1" t="s">
        <v>7400</v>
      </c>
      <c r="E8841" s="1" t="s">
        <v>7</v>
      </c>
    </row>
    <row r="8842">
      <c r="A8842" s="1">
        <v>4.90446984E8</v>
      </c>
      <c r="B8842" s="2">
        <v>12826.0</v>
      </c>
      <c r="C8842" s="1" t="s">
        <v>5</v>
      </c>
      <c r="D8842" s="1" t="s">
        <v>7401</v>
      </c>
      <c r="E8842" s="1" t="s">
        <v>11</v>
      </c>
    </row>
    <row r="8843">
      <c r="A8843" s="1">
        <v>4.90446985E8</v>
      </c>
      <c r="B8843" s="2">
        <v>12821.0</v>
      </c>
      <c r="C8843" s="1" t="s">
        <v>5</v>
      </c>
      <c r="D8843" s="1" t="s">
        <v>7402</v>
      </c>
      <c r="E8843" s="1" t="s">
        <v>11</v>
      </c>
    </row>
    <row r="8844">
      <c r="A8844" s="1">
        <v>4.90447005E8</v>
      </c>
      <c r="B8844" s="2">
        <v>12759.0</v>
      </c>
      <c r="C8844" s="1" t="s">
        <v>5</v>
      </c>
      <c r="D8844" s="1" t="s">
        <v>11</v>
      </c>
      <c r="E8844" s="1" t="s">
        <v>7</v>
      </c>
    </row>
    <row r="8845">
      <c r="A8845" s="1">
        <v>4.90447022E8</v>
      </c>
      <c r="B8845" s="2">
        <v>12774.0</v>
      </c>
      <c r="C8845" s="1" t="s">
        <v>5</v>
      </c>
      <c r="D8845" s="1" t="s">
        <v>11</v>
      </c>
      <c r="E8845" s="1" t="s">
        <v>7</v>
      </c>
    </row>
    <row r="8846">
      <c r="A8846" s="1">
        <v>4.90447029E8</v>
      </c>
      <c r="B8846" s="2">
        <v>12718.0</v>
      </c>
      <c r="C8846" s="1" t="s">
        <v>5</v>
      </c>
      <c r="D8846" s="1" t="s">
        <v>11</v>
      </c>
      <c r="E8846" s="1" t="s">
        <v>7</v>
      </c>
    </row>
    <row r="8847">
      <c r="A8847" s="1">
        <v>4.90447064E8</v>
      </c>
      <c r="B8847" s="2">
        <v>12678.0</v>
      </c>
      <c r="C8847" s="1" t="s">
        <v>5</v>
      </c>
      <c r="D8847" s="1" t="s">
        <v>7403</v>
      </c>
      <c r="E8847" s="1" t="s">
        <v>7</v>
      </c>
    </row>
    <row r="8848">
      <c r="A8848" s="1">
        <v>4.90447087E8</v>
      </c>
      <c r="B8848" s="2">
        <v>12718.0</v>
      </c>
      <c r="C8848" s="1" t="s">
        <v>5</v>
      </c>
      <c r="D8848" s="1" t="s">
        <v>7404</v>
      </c>
      <c r="E8848" s="1" t="s">
        <v>11</v>
      </c>
    </row>
    <row r="8849">
      <c r="A8849" s="1">
        <v>4.90447117E8</v>
      </c>
      <c r="B8849" s="2">
        <v>12734.0</v>
      </c>
      <c r="C8849" s="1" t="s">
        <v>5</v>
      </c>
      <c r="D8849" s="1" t="s">
        <v>11</v>
      </c>
      <c r="E8849" s="1" t="s">
        <v>7</v>
      </c>
    </row>
    <row r="8850">
      <c r="A8850" s="1">
        <v>4.90447131E8</v>
      </c>
      <c r="B8850" s="2">
        <v>12818.0</v>
      </c>
      <c r="C8850" s="1" t="s">
        <v>5</v>
      </c>
      <c r="D8850" s="1" t="s">
        <v>11</v>
      </c>
      <c r="E8850" s="1" t="s">
        <v>7</v>
      </c>
    </row>
    <row r="8851">
      <c r="A8851" s="1">
        <v>4.90447145E8</v>
      </c>
      <c r="B8851" s="2">
        <v>12832.0</v>
      </c>
      <c r="C8851" s="1" t="s">
        <v>5</v>
      </c>
      <c r="D8851" s="1" t="s">
        <v>7405</v>
      </c>
      <c r="E8851" s="1" t="s">
        <v>7406</v>
      </c>
    </row>
    <row r="8852">
      <c r="A8852" s="1">
        <v>4.90447175E8</v>
      </c>
      <c r="B8852" s="2">
        <v>12763.0</v>
      </c>
      <c r="C8852" s="1" t="s">
        <v>5</v>
      </c>
      <c r="D8852" s="1" t="s">
        <v>11</v>
      </c>
      <c r="E8852" s="1" t="s">
        <v>7</v>
      </c>
    </row>
    <row r="8853">
      <c r="A8853" s="1">
        <v>4.90447198E8</v>
      </c>
      <c r="B8853" s="2">
        <v>12818.0</v>
      </c>
      <c r="C8853" s="1" t="s">
        <v>5</v>
      </c>
      <c r="D8853" s="1" t="s">
        <v>7407</v>
      </c>
      <c r="E8853" s="1" t="s">
        <v>7</v>
      </c>
    </row>
    <row r="8854">
      <c r="A8854" s="1">
        <v>4.90447214E8</v>
      </c>
      <c r="B8854" s="2">
        <v>12818.0</v>
      </c>
      <c r="C8854" s="1" t="s">
        <v>5</v>
      </c>
      <c r="D8854" s="1" t="s">
        <v>11</v>
      </c>
      <c r="E8854" s="1" t="s">
        <v>7</v>
      </c>
    </row>
    <row r="8855">
      <c r="A8855" s="1">
        <v>4.90447215E8</v>
      </c>
      <c r="B8855" s="2">
        <v>12828.0</v>
      </c>
      <c r="C8855" s="1" t="s">
        <v>5</v>
      </c>
      <c r="D8855" s="1" t="s">
        <v>11</v>
      </c>
      <c r="E8855" s="1" t="s">
        <v>7</v>
      </c>
    </row>
    <row r="8856">
      <c r="A8856" s="1">
        <v>4.90447219E8</v>
      </c>
      <c r="B8856" s="2">
        <v>12678.0</v>
      </c>
      <c r="C8856" s="1" t="s">
        <v>5</v>
      </c>
      <c r="D8856" s="1" t="s">
        <v>7408</v>
      </c>
      <c r="E8856" s="1" t="s">
        <v>7</v>
      </c>
    </row>
    <row r="8857">
      <c r="A8857" s="1">
        <v>4.90447245E8</v>
      </c>
      <c r="B8857" s="2">
        <v>12844.0</v>
      </c>
      <c r="C8857" s="1" t="s">
        <v>5</v>
      </c>
      <c r="D8857" s="1" t="s">
        <v>7409</v>
      </c>
      <c r="E8857" s="1" t="s">
        <v>7</v>
      </c>
    </row>
    <row r="8858">
      <c r="A8858" s="1">
        <v>4.90447264E8</v>
      </c>
      <c r="B8858" s="2">
        <v>12676.0</v>
      </c>
      <c r="C8858" s="1" t="s">
        <v>5</v>
      </c>
      <c r="D8858" s="1" t="s">
        <v>7410</v>
      </c>
      <c r="E8858" s="1" t="s">
        <v>7411</v>
      </c>
    </row>
    <row r="8859">
      <c r="A8859" s="1">
        <v>4.90447281E8</v>
      </c>
      <c r="B8859" s="2">
        <v>12820.0</v>
      </c>
      <c r="C8859" s="1" t="s">
        <v>5</v>
      </c>
      <c r="D8859" s="1" t="s">
        <v>7412</v>
      </c>
      <c r="E8859" s="1" t="s">
        <v>7</v>
      </c>
    </row>
    <row r="8860">
      <c r="A8860" s="1">
        <v>4.90447292E8</v>
      </c>
      <c r="B8860" s="2">
        <v>12667.0</v>
      </c>
      <c r="C8860" s="1" t="s">
        <v>5</v>
      </c>
      <c r="D8860" s="1" t="s">
        <v>11</v>
      </c>
      <c r="E8860" s="1" t="s">
        <v>7</v>
      </c>
    </row>
    <row r="8861">
      <c r="A8861" s="1">
        <v>4.90447297E8</v>
      </c>
      <c r="B8861" s="2">
        <v>12733.0</v>
      </c>
      <c r="C8861" s="1" t="s">
        <v>5</v>
      </c>
      <c r="D8861" s="1" t="s">
        <v>7413</v>
      </c>
      <c r="E8861" s="1" t="s">
        <v>7</v>
      </c>
    </row>
    <row r="8862">
      <c r="A8862" s="1">
        <v>4.90447328E8</v>
      </c>
      <c r="B8862" s="2">
        <v>12769.0</v>
      </c>
      <c r="C8862" s="1" t="s">
        <v>5</v>
      </c>
      <c r="D8862" s="1" t="s">
        <v>7414</v>
      </c>
      <c r="E8862" s="1" t="s">
        <v>7</v>
      </c>
    </row>
    <row r="8863">
      <c r="A8863" s="1">
        <v>4.90447337E8</v>
      </c>
      <c r="B8863" s="2">
        <v>12844.0</v>
      </c>
      <c r="C8863" s="1" t="s">
        <v>5</v>
      </c>
      <c r="D8863" s="1" t="s">
        <v>7415</v>
      </c>
      <c r="E8863" s="1" t="s">
        <v>11</v>
      </c>
    </row>
    <row r="8864">
      <c r="A8864" s="1">
        <v>4.90447362E8</v>
      </c>
      <c r="B8864" s="2">
        <v>12818.0</v>
      </c>
      <c r="C8864" s="1" t="s">
        <v>5</v>
      </c>
      <c r="D8864" s="1" t="s">
        <v>7</v>
      </c>
      <c r="E8864" s="1" t="s">
        <v>7</v>
      </c>
    </row>
    <row r="8865">
      <c r="A8865" s="1">
        <v>4.90447373E8</v>
      </c>
      <c r="B8865" s="2">
        <v>12818.0</v>
      </c>
      <c r="C8865" s="1" t="s">
        <v>5</v>
      </c>
      <c r="D8865" s="1" t="s">
        <v>11</v>
      </c>
      <c r="E8865" s="1" t="s">
        <v>7</v>
      </c>
    </row>
    <row r="8866">
      <c r="A8866" s="1">
        <v>4.90447376E8</v>
      </c>
      <c r="B8866" s="2">
        <v>12762.0</v>
      </c>
      <c r="C8866" s="1" t="s">
        <v>5</v>
      </c>
      <c r="D8866" s="1" t="s">
        <v>7416</v>
      </c>
      <c r="E8866" s="1" t="s">
        <v>7</v>
      </c>
    </row>
    <row r="8867">
      <c r="A8867" s="1">
        <v>4.90447408E8</v>
      </c>
      <c r="B8867" s="2">
        <v>12873.0</v>
      </c>
      <c r="C8867" s="1" t="s">
        <v>5</v>
      </c>
      <c r="D8867" s="1" t="s">
        <v>7417</v>
      </c>
      <c r="E8867" s="1" t="s">
        <v>7</v>
      </c>
    </row>
    <row r="8868">
      <c r="A8868" s="1">
        <v>4.90447419E8</v>
      </c>
      <c r="B8868" s="2">
        <v>12626.0</v>
      </c>
      <c r="C8868" s="1" t="s">
        <v>5</v>
      </c>
      <c r="D8868" s="1" t="s">
        <v>7418</v>
      </c>
      <c r="E8868" s="1" t="s">
        <v>7419</v>
      </c>
    </row>
    <row r="8869">
      <c r="A8869" s="1">
        <v>4.90447432E8</v>
      </c>
      <c r="B8869" s="2">
        <v>12699.0</v>
      </c>
      <c r="C8869" s="1" t="s">
        <v>5</v>
      </c>
      <c r="D8869" s="1" t="s">
        <v>7420</v>
      </c>
      <c r="E8869" s="1" t="s">
        <v>11</v>
      </c>
    </row>
    <row r="8870">
      <c r="A8870" s="1">
        <v>4.90447438E8</v>
      </c>
      <c r="B8870" s="2">
        <v>12868.0</v>
      </c>
      <c r="C8870" s="1" t="s">
        <v>5</v>
      </c>
      <c r="D8870" s="1" t="s">
        <v>11</v>
      </c>
      <c r="E8870" s="1" t="s">
        <v>7</v>
      </c>
    </row>
    <row r="8871">
      <c r="A8871" s="1">
        <v>4.90447445E8</v>
      </c>
      <c r="B8871" s="2">
        <v>12827.0</v>
      </c>
      <c r="C8871" s="1" t="s">
        <v>5</v>
      </c>
      <c r="D8871" s="1" t="s">
        <v>7421</v>
      </c>
      <c r="E8871" s="1" t="s">
        <v>7</v>
      </c>
    </row>
    <row r="8872">
      <c r="A8872" s="1">
        <v>4.90447507E8</v>
      </c>
      <c r="B8872" s="2">
        <v>12768.0</v>
      </c>
      <c r="C8872" s="1" t="s">
        <v>5</v>
      </c>
      <c r="D8872" s="1" t="s">
        <v>7422</v>
      </c>
      <c r="E8872" s="1" t="s">
        <v>7</v>
      </c>
    </row>
    <row r="8873">
      <c r="A8873" s="1">
        <v>4.90447542E8</v>
      </c>
      <c r="B8873" s="2">
        <v>12817.0</v>
      </c>
      <c r="C8873" s="1" t="s">
        <v>5</v>
      </c>
      <c r="D8873" s="1" t="s">
        <v>7423</v>
      </c>
      <c r="E8873" s="1" t="s">
        <v>7</v>
      </c>
    </row>
    <row r="8874">
      <c r="A8874" s="1">
        <v>4.90447584E8</v>
      </c>
      <c r="B8874" s="2">
        <v>12760.0</v>
      </c>
      <c r="C8874" s="1" t="s">
        <v>5</v>
      </c>
      <c r="D8874" s="1" t="s">
        <v>7424</v>
      </c>
      <c r="E8874" s="1" t="s">
        <v>7</v>
      </c>
    </row>
    <row r="8875">
      <c r="A8875" s="1">
        <v>4.90447585E8</v>
      </c>
      <c r="B8875" s="2">
        <v>12819.0</v>
      </c>
      <c r="C8875" s="1" t="s">
        <v>5</v>
      </c>
      <c r="D8875" s="1" t="s">
        <v>7425</v>
      </c>
      <c r="E8875" s="1" t="s">
        <v>11</v>
      </c>
    </row>
    <row r="8876">
      <c r="A8876" s="1">
        <v>4.90447588E8</v>
      </c>
      <c r="B8876" s="2">
        <v>12868.0</v>
      </c>
      <c r="C8876" s="1" t="s">
        <v>5</v>
      </c>
      <c r="D8876" s="1" t="s">
        <v>11</v>
      </c>
      <c r="E8876" s="1" t="s">
        <v>7</v>
      </c>
    </row>
    <row r="8877">
      <c r="A8877" s="1">
        <v>4.90447594E8</v>
      </c>
      <c r="B8877" s="2">
        <v>12626.0</v>
      </c>
      <c r="C8877" s="1" t="s">
        <v>5</v>
      </c>
      <c r="D8877" s="1" t="s">
        <v>11</v>
      </c>
      <c r="E8877" s="1" t="s">
        <v>7</v>
      </c>
    </row>
    <row r="8878">
      <c r="A8878" s="1">
        <v>4.90447596E8</v>
      </c>
      <c r="B8878" s="2">
        <v>12770.0</v>
      </c>
      <c r="C8878" s="1" t="s">
        <v>5</v>
      </c>
      <c r="D8878" s="1" t="s">
        <v>11</v>
      </c>
      <c r="E8878" s="1" t="s">
        <v>7</v>
      </c>
    </row>
    <row r="8879">
      <c r="A8879" s="1">
        <v>4.90447628E8</v>
      </c>
      <c r="B8879" s="2">
        <v>12832.0</v>
      </c>
      <c r="C8879" s="1" t="s">
        <v>5</v>
      </c>
      <c r="D8879" s="1" t="s">
        <v>7426</v>
      </c>
      <c r="E8879" s="1" t="s">
        <v>7</v>
      </c>
    </row>
    <row r="8880">
      <c r="A8880" s="1">
        <v>4.90447668E8</v>
      </c>
      <c r="B8880" s="2">
        <v>12821.0</v>
      </c>
      <c r="C8880" s="1" t="s">
        <v>5</v>
      </c>
      <c r="D8880" s="1" t="s">
        <v>7427</v>
      </c>
      <c r="E8880" s="1" t="s">
        <v>7</v>
      </c>
    </row>
    <row r="8881">
      <c r="A8881" s="1">
        <v>4.90447689E8</v>
      </c>
      <c r="B8881" s="2">
        <v>12715.0</v>
      </c>
      <c r="C8881" s="1" t="s">
        <v>5</v>
      </c>
      <c r="D8881" s="1" t="s">
        <v>11</v>
      </c>
      <c r="E8881" s="1" t="s">
        <v>7</v>
      </c>
    </row>
    <row r="8882">
      <c r="A8882" s="1">
        <v>4.90447706E8</v>
      </c>
      <c r="B8882" s="2">
        <v>12779.0</v>
      </c>
      <c r="C8882" s="1" t="s">
        <v>5</v>
      </c>
      <c r="D8882" s="1" t="s">
        <v>7428</v>
      </c>
      <c r="E8882" s="1" t="s">
        <v>11</v>
      </c>
    </row>
    <row r="8883">
      <c r="A8883" s="1">
        <v>4.90447707E8</v>
      </c>
      <c r="B8883" s="2">
        <v>12819.0</v>
      </c>
      <c r="C8883" s="1" t="s">
        <v>5</v>
      </c>
      <c r="D8883" s="1" t="s">
        <v>7</v>
      </c>
      <c r="E8883" s="1" t="s">
        <v>7</v>
      </c>
    </row>
    <row r="8884">
      <c r="A8884" s="1">
        <v>4.90447711E8</v>
      </c>
      <c r="B8884" s="2">
        <v>12731.0</v>
      </c>
      <c r="C8884" s="1" t="s">
        <v>5</v>
      </c>
      <c r="D8884" s="1" t="s">
        <v>11</v>
      </c>
      <c r="E8884" s="1" t="s">
        <v>7</v>
      </c>
    </row>
    <row r="8885">
      <c r="A8885" s="1">
        <v>4.90447712E8</v>
      </c>
      <c r="B8885" s="2">
        <v>12760.0</v>
      </c>
      <c r="C8885" s="1" t="s">
        <v>5</v>
      </c>
      <c r="D8885" s="1" t="s">
        <v>7429</v>
      </c>
      <c r="E8885" s="1" t="s">
        <v>7</v>
      </c>
    </row>
    <row r="8886">
      <c r="A8886" s="1">
        <v>4.90447714E8</v>
      </c>
      <c r="B8886" s="2">
        <v>12832.0</v>
      </c>
      <c r="C8886" s="1" t="s">
        <v>5</v>
      </c>
      <c r="D8886" s="1" t="s">
        <v>7430</v>
      </c>
      <c r="E8886" s="1" t="s">
        <v>7</v>
      </c>
    </row>
    <row r="8887">
      <c r="A8887" s="1">
        <v>4.90447743E8</v>
      </c>
      <c r="B8887" s="2">
        <v>12873.0</v>
      </c>
      <c r="C8887" s="1" t="s">
        <v>5</v>
      </c>
      <c r="D8887" s="1" t="s">
        <v>7431</v>
      </c>
      <c r="E8887" s="1" t="s">
        <v>7</v>
      </c>
    </row>
    <row r="8888">
      <c r="A8888" s="1">
        <v>4.90447749E8</v>
      </c>
      <c r="B8888" s="2">
        <v>12832.0</v>
      </c>
      <c r="C8888" s="1" t="s">
        <v>5</v>
      </c>
      <c r="D8888" s="1" t="s">
        <v>7432</v>
      </c>
      <c r="E8888" s="1" t="s">
        <v>7</v>
      </c>
    </row>
    <row r="8889">
      <c r="A8889" s="1">
        <v>4.90447765E8</v>
      </c>
      <c r="B8889" s="2">
        <v>12715.0</v>
      </c>
      <c r="C8889" s="1" t="s">
        <v>5</v>
      </c>
      <c r="D8889" s="1" t="s">
        <v>11</v>
      </c>
      <c r="E8889" s="1" t="s">
        <v>7</v>
      </c>
    </row>
    <row r="8890">
      <c r="A8890" s="1">
        <v>4.90447776E8</v>
      </c>
      <c r="B8890" s="2">
        <v>12663.0</v>
      </c>
      <c r="C8890" s="1" t="s">
        <v>5</v>
      </c>
      <c r="D8890" s="1" t="s">
        <v>11</v>
      </c>
      <c r="E8890" s="1" t="s">
        <v>7</v>
      </c>
    </row>
    <row r="8891">
      <c r="A8891" s="1">
        <v>4.90447779E8</v>
      </c>
      <c r="B8891" s="2">
        <v>12765.0</v>
      </c>
      <c r="C8891" s="1" t="s">
        <v>5</v>
      </c>
      <c r="D8891" s="1" t="s">
        <v>7433</v>
      </c>
      <c r="E8891" s="1" t="s">
        <v>7</v>
      </c>
    </row>
    <row r="8892">
      <c r="A8892" s="1">
        <v>4.90447791E8</v>
      </c>
      <c r="B8892" s="2">
        <v>12819.0</v>
      </c>
      <c r="C8892" s="1" t="s">
        <v>5</v>
      </c>
      <c r="D8892" s="1" t="s">
        <v>5243</v>
      </c>
      <c r="E8892" s="1" t="s">
        <v>7</v>
      </c>
    </row>
    <row r="8893">
      <c r="A8893" s="1">
        <v>4.904478E8</v>
      </c>
      <c r="B8893" s="2">
        <v>12873.0</v>
      </c>
      <c r="C8893" s="1" t="s">
        <v>5</v>
      </c>
      <c r="D8893" s="1" t="s">
        <v>7434</v>
      </c>
      <c r="E8893" s="1" t="s">
        <v>7</v>
      </c>
    </row>
    <row r="8894">
      <c r="A8894" s="1">
        <v>4.90447827E8</v>
      </c>
      <c r="B8894" s="2">
        <v>12871.0</v>
      </c>
      <c r="C8894" s="1" t="s">
        <v>5</v>
      </c>
      <c r="D8894" s="1" t="s">
        <v>7435</v>
      </c>
      <c r="E8894" s="1" t="s">
        <v>7436</v>
      </c>
    </row>
    <row r="8895">
      <c r="A8895" s="1">
        <v>4.9044783E8</v>
      </c>
      <c r="B8895" s="2">
        <v>12818.0</v>
      </c>
      <c r="C8895" s="1" t="s">
        <v>5</v>
      </c>
      <c r="D8895" s="1" t="s">
        <v>7437</v>
      </c>
      <c r="E8895" s="1" t="s">
        <v>7</v>
      </c>
    </row>
    <row r="8896">
      <c r="A8896" s="1">
        <v>4.90447835E8</v>
      </c>
      <c r="B8896" s="2">
        <v>12730.0</v>
      </c>
      <c r="C8896" s="1" t="s">
        <v>5</v>
      </c>
      <c r="D8896" s="1" t="s">
        <v>7</v>
      </c>
      <c r="E8896" s="1" t="s">
        <v>7</v>
      </c>
    </row>
    <row r="8897">
      <c r="A8897" s="1">
        <v>4.90447844E8</v>
      </c>
      <c r="B8897" s="2">
        <v>12760.0</v>
      </c>
      <c r="C8897" s="1" t="s">
        <v>5</v>
      </c>
      <c r="D8897" s="1" t="s">
        <v>7438</v>
      </c>
      <c r="E8897" s="1" t="s">
        <v>7</v>
      </c>
    </row>
    <row r="8898">
      <c r="A8898" s="1">
        <v>4.90447865E8</v>
      </c>
      <c r="B8898" s="2">
        <v>12765.0</v>
      </c>
      <c r="C8898" s="1" t="s">
        <v>5</v>
      </c>
      <c r="D8898" s="1" t="s">
        <v>11</v>
      </c>
      <c r="E8898" s="1" t="s">
        <v>7</v>
      </c>
    </row>
    <row r="8899">
      <c r="A8899" s="1">
        <v>4.90447868E8</v>
      </c>
      <c r="B8899" s="2">
        <v>12820.0</v>
      </c>
      <c r="C8899" s="1" t="s">
        <v>5</v>
      </c>
      <c r="D8899" s="1" t="s">
        <v>11</v>
      </c>
      <c r="E8899" s="1" t="s">
        <v>7</v>
      </c>
    </row>
    <row r="8900">
      <c r="A8900" s="1">
        <v>4.90447875E8</v>
      </c>
      <c r="B8900" s="2">
        <v>12715.0</v>
      </c>
      <c r="C8900" s="1" t="s">
        <v>5</v>
      </c>
      <c r="D8900" s="1" t="s">
        <v>7439</v>
      </c>
      <c r="E8900" s="1" t="s">
        <v>7</v>
      </c>
    </row>
    <row r="8901">
      <c r="A8901" s="1">
        <v>4.90447882E8</v>
      </c>
      <c r="B8901" s="2">
        <v>12867.0</v>
      </c>
      <c r="C8901" s="1" t="s">
        <v>5</v>
      </c>
      <c r="D8901" s="1" t="s">
        <v>7440</v>
      </c>
      <c r="E8901" s="1" t="s">
        <v>7</v>
      </c>
    </row>
    <row r="8902">
      <c r="A8902" s="1">
        <v>4.90447885E8</v>
      </c>
      <c r="B8902" s="2">
        <v>12758.0</v>
      </c>
      <c r="C8902" s="1" t="s">
        <v>5</v>
      </c>
      <c r="D8902" s="1" t="s">
        <v>7441</v>
      </c>
      <c r="E8902" s="1" t="s">
        <v>7</v>
      </c>
    </row>
    <row r="8903">
      <c r="A8903" s="1">
        <v>4.90447892E8</v>
      </c>
      <c r="B8903" s="2">
        <v>12764.0</v>
      </c>
      <c r="C8903" s="1" t="s">
        <v>5</v>
      </c>
      <c r="D8903" s="1" t="s">
        <v>7442</v>
      </c>
      <c r="E8903" s="1" t="s">
        <v>7</v>
      </c>
    </row>
    <row r="8904">
      <c r="A8904" s="1">
        <v>4.90447904E8</v>
      </c>
      <c r="B8904" s="2">
        <v>12771.0</v>
      </c>
      <c r="C8904" s="1" t="s">
        <v>5</v>
      </c>
      <c r="D8904" s="1" t="s">
        <v>11</v>
      </c>
      <c r="E8904" s="1" t="s">
        <v>7</v>
      </c>
    </row>
    <row r="8905">
      <c r="A8905" s="1">
        <v>4.90447911E8</v>
      </c>
      <c r="B8905" s="2">
        <v>12797.0</v>
      </c>
      <c r="C8905" s="1" t="s">
        <v>5</v>
      </c>
      <c r="D8905" s="1" t="s">
        <v>7443</v>
      </c>
      <c r="E8905" s="1" t="s">
        <v>7</v>
      </c>
    </row>
    <row r="8906">
      <c r="A8906" s="1">
        <v>4.9044793E8</v>
      </c>
      <c r="B8906" s="2">
        <v>12811.0</v>
      </c>
      <c r="C8906" s="1" t="s">
        <v>5</v>
      </c>
      <c r="D8906" s="1" t="s">
        <v>7444</v>
      </c>
      <c r="E8906" s="1" t="s">
        <v>7</v>
      </c>
    </row>
    <row r="8907">
      <c r="A8907" s="1">
        <v>4.90447939E8</v>
      </c>
      <c r="B8907" s="2">
        <v>12818.0</v>
      </c>
      <c r="C8907" s="1" t="s">
        <v>5</v>
      </c>
      <c r="D8907" s="1" t="s">
        <v>7445</v>
      </c>
      <c r="E8907" s="1" t="s">
        <v>7446</v>
      </c>
    </row>
    <row r="8908">
      <c r="A8908" s="1">
        <v>4.90447979E8</v>
      </c>
      <c r="B8908" s="2">
        <v>12764.0</v>
      </c>
      <c r="C8908" s="1" t="s">
        <v>5</v>
      </c>
      <c r="D8908" s="1" t="s">
        <v>7447</v>
      </c>
      <c r="E8908" s="1" t="s">
        <v>7</v>
      </c>
    </row>
    <row r="8909">
      <c r="A8909" s="1">
        <v>4.90447992E8</v>
      </c>
      <c r="B8909" s="2">
        <v>12763.0</v>
      </c>
      <c r="C8909" s="1" t="s">
        <v>5</v>
      </c>
      <c r="D8909" s="1" t="s">
        <v>7448</v>
      </c>
      <c r="E8909" s="1" t="s">
        <v>7</v>
      </c>
    </row>
    <row r="8910">
      <c r="A8910" s="1">
        <v>4.90448017E8</v>
      </c>
      <c r="B8910" s="2">
        <v>12872.0</v>
      </c>
      <c r="C8910" s="1" t="s">
        <v>5</v>
      </c>
      <c r="D8910" s="1" t="s">
        <v>7449</v>
      </c>
      <c r="E8910" s="1" t="s">
        <v>7450</v>
      </c>
    </row>
    <row r="8911">
      <c r="A8911" s="1">
        <v>4.90448041E8</v>
      </c>
      <c r="B8911" s="2">
        <v>12728.0</v>
      </c>
      <c r="C8911" s="1" t="s">
        <v>5</v>
      </c>
      <c r="D8911" s="1" t="s">
        <v>7451</v>
      </c>
      <c r="E8911" s="1" t="s">
        <v>7452</v>
      </c>
    </row>
    <row r="8912">
      <c r="A8912" s="1">
        <v>4.90448059E8</v>
      </c>
      <c r="B8912" s="2">
        <v>12759.0</v>
      </c>
      <c r="C8912" s="1" t="s">
        <v>5</v>
      </c>
      <c r="D8912" s="1" t="s">
        <v>7453</v>
      </c>
      <c r="E8912" s="1" t="s">
        <v>7</v>
      </c>
    </row>
    <row r="8913">
      <c r="A8913" s="1">
        <v>4.90448065E8</v>
      </c>
      <c r="B8913" s="2">
        <v>12771.0</v>
      </c>
      <c r="C8913" s="1" t="s">
        <v>5</v>
      </c>
      <c r="D8913" s="1" t="s">
        <v>6276</v>
      </c>
      <c r="E8913" s="1" t="s">
        <v>7</v>
      </c>
    </row>
    <row r="8914">
      <c r="A8914" s="1">
        <v>4.9044807E8</v>
      </c>
      <c r="B8914" s="2">
        <v>12844.0</v>
      </c>
      <c r="C8914" s="1" t="s">
        <v>5</v>
      </c>
      <c r="D8914" s="1" t="s">
        <v>7454</v>
      </c>
      <c r="E8914" s="1" t="s">
        <v>7</v>
      </c>
    </row>
    <row r="8915">
      <c r="A8915" s="1">
        <v>4.90448106E8</v>
      </c>
      <c r="B8915" s="2">
        <v>12713.0</v>
      </c>
      <c r="C8915" s="1" t="s">
        <v>5</v>
      </c>
      <c r="D8915" s="1" t="s">
        <v>7455</v>
      </c>
      <c r="E8915" s="1" t="s">
        <v>11</v>
      </c>
    </row>
    <row r="8916">
      <c r="A8916" s="1">
        <v>4.90448108E8</v>
      </c>
      <c r="B8916" s="2">
        <v>12759.0</v>
      </c>
      <c r="C8916" s="1" t="s">
        <v>5</v>
      </c>
      <c r="D8916" s="1" t="s">
        <v>7456</v>
      </c>
      <c r="E8916" s="1" t="s">
        <v>7</v>
      </c>
    </row>
    <row r="8917">
      <c r="A8917" s="1">
        <v>4.9044812E8</v>
      </c>
      <c r="B8917" s="2">
        <v>12713.0</v>
      </c>
      <c r="C8917" s="1" t="s">
        <v>5</v>
      </c>
      <c r="D8917" s="1" t="s">
        <v>7457</v>
      </c>
      <c r="E8917" s="1" t="s">
        <v>7</v>
      </c>
    </row>
    <row r="8918">
      <c r="A8918" s="1">
        <v>4.90448125E8</v>
      </c>
      <c r="B8918" s="2">
        <v>12817.0</v>
      </c>
      <c r="C8918" s="1" t="s">
        <v>5</v>
      </c>
      <c r="D8918" s="1" t="s">
        <v>7458</v>
      </c>
      <c r="E8918" s="1" t="s">
        <v>7</v>
      </c>
    </row>
    <row r="8919">
      <c r="A8919" s="1">
        <v>4.90448127E8</v>
      </c>
      <c r="B8919" s="2">
        <v>12763.0</v>
      </c>
      <c r="C8919" s="1" t="s">
        <v>5</v>
      </c>
      <c r="D8919" s="1" t="s">
        <v>11</v>
      </c>
      <c r="E8919" s="1" t="s">
        <v>7</v>
      </c>
    </row>
    <row r="8920">
      <c r="A8920" s="1">
        <v>4.90448141E8</v>
      </c>
      <c r="B8920" s="2">
        <v>12720.0</v>
      </c>
      <c r="C8920" s="1" t="s">
        <v>5</v>
      </c>
      <c r="D8920" s="1" t="s">
        <v>7459</v>
      </c>
      <c r="E8920" s="1" t="s">
        <v>7</v>
      </c>
    </row>
    <row r="8921">
      <c r="A8921" s="1">
        <v>4.90448166E8</v>
      </c>
      <c r="B8921" s="2">
        <v>12830.0</v>
      </c>
      <c r="C8921" s="1" t="s">
        <v>5</v>
      </c>
      <c r="D8921" s="1" t="s">
        <v>7460</v>
      </c>
      <c r="E8921" s="1" t="s">
        <v>7</v>
      </c>
    </row>
    <row r="8922">
      <c r="A8922" s="1">
        <v>4.90448175E8</v>
      </c>
      <c r="B8922" s="2">
        <v>12864.0</v>
      </c>
      <c r="C8922" s="1" t="s">
        <v>5</v>
      </c>
      <c r="D8922" s="1" t="s">
        <v>7461</v>
      </c>
      <c r="E8922" s="1" t="s">
        <v>7</v>
      </c>
    </row>
    <row r="8923">
      <c r="A8923" s="1">
        <v>4.90448192E8</v>
      </c>
      <c r="B8923" s="2">
        <v>12759.0</v>
      </c>
      <c r="C8923" s="1" t="s">
        <v>5</v>
      </c>
      <c r="D8923" s="1" t="s">
        <v>7462</v>
      </c>
      <c r="E8923" s="1" t="s">
        <v>7</v>
      </c>
    </row>
    <row r="8924">
      <c r="A8924" s="1">
        <v>4.90448195E8</v>
      </c>
      <c r="B8924" s="2">
        <v>12721.0</v>
      </c>
      <c r="C8924" s="1" t="s">
        <v>5</v>
      </c>
      <c r="D8924" s="1" t="s">
        <v>7463</v>
      </c>
      <c r="E8924" s="1" t="s">
        <v>7</v>
      </c>
    </row>
    <row r="8925">
      <c r="A8925" s="1">
        <v>4.90448196E8</v>
      </c>
      <c r="B8925" s="2">
        <v>12872.0</v>
      </c>
      <c r="C8925" s="1" t="s">
        <v>5</v>
      </c>
      <c r="D8925" s="1" t="s">
        <v>7464</v>
      </c>
      <c r="E8925" s="1" t="s">
        <v>11</v>
      </c>
    </row>
    <row r="8926">
      <c r="A8926" s="1">
        <v>4.90448226E8</v>
      </c>
      <c r="B8926" s="2">
        <v>12821.0</v>
      </c>
      <c r="C8926" s="1" t="s">
        <v>5</v>
      </c>
      <c r="D8926" s="1" t="s">
        <v>7465</v>
      </c>
      <c r="E8926" s="1" t="s">
        <v>11</v>
      </c>
    </row>
    <row r="8927">
      <c r="A8927" s="1">
        <v>4.90448229E8</v>
      </c>
      <c r="B8927" s="2">
        <v>12762.0</v>
      </c>
      <c r="C8927" s="1" t="s">
        <v>5</v>
      </c>
      <c r="D8927" s="1" t="s">
        <v>7466</v>
      </c>
      <c r="E8927" s="1" t="s">
        <v>7</v>
      </c>
    </row>
    <row r="8928">
      <c r="A8928" s="1">
        <v>4.90448249E8</v>
      </c>
      <c r="B8928" s="2">
        <v>12821.0</v>
      </c>
      <c r="C8928" s="1" t="s">
        <v>5</v>
      </c>
      <c r="D8928" s="1" t="s">
        <v>7467</v>
      </c>
      <c r="E8928" s="1" t="s">
        <v>11</v>
      </c>
    </row>
    <row r="8929">
      <c r="A8929" s="1">
        <v>4.90448281E8</v>
      </c>
      <c r="B8929" s="2">
        <v>12870.0</v>
      </c>
      <c r="C8929" s="1" t="s">
        <v>5</v>
      </c>
      <c r="D8929" s="1" t="s">
        <v>7468</v>
      </c>
      <c r="E8929" s="1" t="s">
        <v>7</v>
      </c>
    </row>
    <row r="8930">
      <c r="A8930" s="1">
        <v>4.90448297E8</v>
      </c>
      <c r="B8930" s="2">
        <v>12778.0</v>
      </c>
      <c r="C8930" s="1" t="s">
        <v>5</v>
      </c>
      <c r="D8930" s="1" t="s">
        <v>7469</v>
      </c>
      <c r="E8930" s="1" t="s">
        <v>7</v>
      </c>
    </row>
    <row r="8931">
      <c r="A8931" s="1">
        <v>4.90448301E8</v>
      </c>
      <c r="B8931" s="2">
        <v>12623.0</v>
      </c>
      <c r="C8931" s="1" t="s">
        <v>5</v>
      </c>
      <c r="D8931" s="1" t="s">
        <v>7470</v>
      </c>
      <c r="E8931" s="1" t="s">
        <v>7</v>
      </c>
    </row>
    <row r="8932">
      <c r="A8932" s="1">
        <v>4.90448308E8</v>
      </c>
      <c r="B8932" s="2">
        <v>12755.0</v>
      </c>
      <c r="C8932" s="1" t="s">
        <v>5</v>
      </c>
      <c r="D8932" s="1" t="s">
        <v>7471</v>
      </c>
      <c r="E8932" s="1" t="s">
        <v>7</v>
      </c>
    </row>
    <row r="8933">
      <c r="A8933" s="1">
        <v>4.90448337E8</v>
      </c>
      <c r="B8933" s="2">
        <v>12821.0</v>
      </c>
      <c r="C8933" s="1" t="s">
        <v>5</v>
      </c>
      <c r="D8933" s="1" t="s">
        <v>7472</v>
      </c>
      <c r="E8933" s="1" t="s">
        <v>7</v>
      </c>
    </row>
    <row r="8934">
      <c r="A8934" s="1">
        <v>4.90448375E8</v>
      </c>
      <c r="B8934" s="2">
        <v>12623.0</v>
      </c>
      <c r="C8934" s="1" t="s">
        <v>5</v>
      </c>
      <c r="D8934" s="1" t="s">
        <v>11</v>
      </c>
      <c r="E8934" s="1" t="s">
        <v>7</v>
      </c>
    </row>
    <row r="8935">
      <c r="A8935" s="1">
        <v>4.90448383E8</v>
      </c>
      <c r="B8935" s="2">
        <v>12758.0</v>
      </c>
      <c r="C8935" s="1" t="s">
        <v>5</v>
      </c>
      <c r="D8935" s="1" t="s">
        <v>7473</v>
      </c>
      <c r="E8935" s="1" t="s">
        <v>11</v>
      </c>
    </row>
    <row r="8936">
      <c r="A8936" s="1">
        <v>4.90448385E8</v>
      </c>
      <c r="B8936" s="2">
        <v>12868.0</v>
      </c>
      <c r="C8936" s="1" t="s">
        <v>5</v>
      </c>
      <c r="D8936" s="1" t="s">
        <v>7474</v>
      </c>
      <c r="E8936" s="1" t="s">
        <v>11</v>
      </c>
    </row>
    <row r="8937">
      <c r="A8937" s="1">
        <v>4.90448417E8</v>
      </c>
      <c r="B8937" s="2">
        <v>12769.0</v>
      </c>
      <c r="C8937" s="1" t="s">
        <v>5</v>
      </c>
      <c r="D8937" s="1" t="s">
        <v>7475</v>
      </c>
      <c r="E8937" s="1" t="s">
        <v>11</v>
      </c>
    </row>
    <row r="8938">
      <c r="A8938" s="1">
        <v>4.90448421E8</v>
      </c>
      <c r="B8938" s="2">
        <v>12712.0</v>
      </c>
      <c r="C8938" s="1" t="s">
        <v>5</v>
      </c>
      <c r="D8938" s="1" t="s">
        <v>7476</v>
      </c>
      <c r="E8938" s="1" t="s">
        <v>7</v>
      </c>
    </row>
    <row r="8939">
      <c r="A8939" s="1">
        <v>4.90448446E8</v>
      </c>
      <c r="B8939" s="2">
        <v>12874.0</v>
      </c>
      <c r="C8939" s="1" t="s">
        <v>5</v>
      </c>
      <c r="D8939" s="1" t="s">
        <v>7477</v>
      </c>
      <c r="E8939" s="1" t="s">
        <v>7478</v>
      </c>
    </row>
    <row r="8940">
      <c r="A8940" s="1">
        <v>4.90448492E8</v>
      </c>
      <c r="B8940" s="2">
        <v>12762.0</v>
      </c>
      <c r="C8940" s="1" t="s">
        <v>5</v>
      </c>
      <c r="D8940" s="1" t="s">
        <v>7479</v>
      </c>
      <c r="E8940" s="1" t="s">
        <v>7</v>
      </c>
    </row>
    <row r="8941">
      <c r="A8941" s="1">
        <v>4.90448501E8</v>
      </c>
      <c r="B8941" s="2">
        <v>12699.0</v>
      </c>
      <c r="C8941" s="1" t="s">
        <v>5</v>
      </c>
      <c r="D8941" s="1" t="s">
        <v>7480</v>
      </c>
      <c r="E8941" s="1" t="s">
        <v>7</v>
      </c>
    </row>
    <row r="8942">
      <c r="A8942" s="1">
        <v>4.90448509E8</v>
      </c>
      <c r="B8942" s="2">
        <v>12763.0</v>
      </c>
      <c r="C8942" s="1" t="s">
        <v>5</v>
      </c>
      <c r="D8942" s="1" t="s">
        <v>7481</v>
      </c>
      <c r="E8942" s="1" t="s">
        <v>7</v>
      </c>
    </row>
    <row r="8943">
      <c r="A8943" s="1">
        <v>4.90448517E8</v>
      </c>
      <c r="B8943" s="2">
        <v>12874.0</v>
      </c>
      <c r="C8943" s="1" t="s">
        <v>5</v>
      </c>
      <c r="D8943" s="1" t="s">
        <v>7482</v>
      </c>
      <c r="E8943" s="1" t="s">
        <v>7</v>
      </c>
    </row>
    <row r="8944">
      <c r="A8944" s="1">
        <v>4.90448539E8</v>
      </c>
      <c r="B8944" s="2">
        <v>12711.0</v>
      </c>
      <c r="C8944" s="1" t="s">
        <v>5</v>
      </c>
      <c r="D8944" s="1" t="s">
        <v>7483</v>
      </c>
      <c r="E8944" s="1" t="s">
        <v>7</v>
      </c>
    </row>
    <row r="8945">
      <c r="A8945" s="1">
        <v>4.90448544E8</v>
      </c>
      <c r="B8945" s="2">
        <v>12778.0</v>
      </c>
      <c r="C8945" s="1" t="s">
        <v>5</v>
      </c>
      <c r="D8945" s="1" t="s">
        <v>7484</v>
      </c>
      <c r="E8945" s="1" t="s">
        <v>7</v>
      </c>
    </row>
    <row r="8946">
      <c r="A8946" s="1">
        <v>4.90448551E8</v>
      </c>
      <c r="B8946" s="2">
        <v>12844.0</v>
      </c>
      <c r="C8946" s="1" t="s">
        <v>5</v>
      </c>
      <c r="D8946" s="1" t="s">
        <v>7485</v>
      </c>
      <c r="E8946" s="1" t="s">
        <v>7</v>
      </c>
    </row>
    <row r="8947">
      <c r="A8947" s="1">
        <v>4.90448555E8</v>
      </c>
      <c r="B8947" s="2">
        <v>12860.0</v>
      </c>
      <c r="C8947" s="1" t="s">
        <v>5</v>
      </c>
      <c r="D8947" s="1" t="s">
        <v>7486</v>
      </c>
      <c r="E8947" s="1" t="s">
        <v>7</v>
      </c>
    </row>
    <row r="8948">
      <c r="A8948" s="1">
        <v>4.90448566E8</v>
      </c>
      <c r="B8948" s="2">
        <v>12797.0</v>
      </c>
      <c r="C8948" s="1" t="s">
        <v>5</v>
      </c>
      <c r="D8948" s="1" t="s">
        <v>11</v>
      </c>
      <c r="E8948" s="1" t="s">
        <v>7</v>
      </c>
    </row>
    <row r="8949">
      <c r="A8949" s="1">
        <v>4.90448585E8</v>
      </c>
      <c r="B8949" s="2">
        <v>12767.0</v>
      </c>
      <c r="C8949" s="1" t="s">
        <v>5</v>
      </c>
      <c r="D8949" s="1" t="s">
        <v>11</v>
      </c>
      <c r="E8949" s="1" t="s">
        <v>7</v>
      </c>
    </row>
    <row r="8950">
      <c r="A8950" s="1">
        <v>4.90448627E8</v>
      </c>
      <c r="B8950" s="2">
        <v>12873.0</v>
      </c>
      <c r="C8950" s="1" t="s">
        <v>5</v>
      </c>
      <c r="D8950" s="1" t="s">
        <v>7487</v>
      </c>
      <c r="E8950" s="1" t="s">
        <v>7</v>
      </c>
    </row>
    <row r="8951">
      <c r="A8951" s="1">
        <v>4.90448629E8</v>
      </c>
      <c r="B8951" s="2">
        <v>12814.0</v>
      </c>
      <c r="C8951" s="1" t="s">
        <v>5</v>
      </c>
      <c r="D8951" s="1" t="s">
        <v>7488</v>
      </c>
      <c r="E8951" s="1" t="s">
        <v>7</v>
      </c>
    </row>
    <row r="8952">
      <c r="A8952" s="1">
        <v>4.90448642E8</v>
      </c>
      <c r="B8952" s="2">
        <v>12867.0</v>
      </c>
      <c r="C8952" s="1" t="s">
        <v>5</v>
      </c>
      <c r="D8952" s="1" t="s">
        <v>7489</v>
      </c>
      <c r="E8952" s="1" t="s">
        <v>7</v>
      </c>
    </row>
    <row r="8953">
      <c r="A8953" s="1">
        <v>4.90448647E8</v>
      </c>
      <c r="B8953" s="2">
        <v>12860.0</v>
      </c>
      <c r="C8953" s="1" t="s">
        <v>5</v>
      </c>
      <c r="D8953" s="1" t="s">
        <v>7490</v>
      </c>
      <c r="E8953" s="1" t="s">
        <v>7</v>
      </c>
    </row>
    <row r="8954">
      <c r="A8954" s="1">
        <v>4.90448659E8</v>
      </c>
      <c r="B8954" s="2">
        <v>12623.0</v>
      </c>
      <c r="C8954" s="1" t="s">
        <v>5</v>
      </c>
      <c r="D8954" s="1" t="s">
        <v>7491</v>
      </c>
      <c r="E8954" s="1" t="s">
        <v>7</v>
      </c>
    </row>
    <row r="8955">
      <c r="A8955" s="1">
        <v>4.90448671E8</v>
      </c>
      <c r="B8955" s="2">
        <v>12766.0</v>
      </c>
      <c r="C8955" s="1" t="s">
        <v>5</v>
      </c>
      <c r="D8955" s="1" t="s">
        <v>7492</v>
      </c>
      <c r="E8955" s="1" t="s">
        <v>7</v>
      </c>
    </row>
    <row r="8956">
      <c r="A8956" s="1">
        <v>4.90448689E8</v>
      </c>
      <c r="B8956" s="2">
        <v>12813.0</v>
      </c>
      <c r="C8956" s="1" t="s">
        <v>5</v>
      </c>
      <c r="D8956" s="1" t="s">
        <v>7493</v>
      </c>
      <c r="E8956" s="1" t="s">
        <v>11</v>
      </c>
    </row>
    <row r="8957">
      <c r="A8957" s="1">
        <v>4.90448696E8</v>
      </c>
      <c r="B8957" s="2">
        <v>12667.0</v>
      </c>
      <c r="C8957" s="1" t="s">
        <v>5</v>
      </c>
      <c r="D8957" s="1" t="s">
        <v>7494</v>
      </c>
      <c r="E8957" s="1" t="s">
        <v>11</v>
      </c>
    </row>
    <row r="8958">
      <c r="A8958" s="1">
        <v>4.904487E8</v>
      </c>
      <c r="B8958" s="2">
        <v>12710.0</v>
      </c>
      <c r="C8958" s="1" t="s">
        <v>5</v>
      </c>
      <c r="D8958" s="1" t="s">
        <v>7495</v>
      </c>
      <c r="E8958" s="1" t="s">
        <v>7</v>
      </c>
    </row>
    <row r="8959">
      <c r="A8959" s="1">
        <v>4.90448701E8</v>
      </c>
      <c r="B8959" s="2">
        <v>12762.0</v>
      </c>
      <c r="C8959" s="1" t="s">
        <v>5</v>
      </c>
      <c r="D8959" s="1" t="s">
        <v>7496</v>
      </c>
      <c r="E8959" s="1" t="s">
        <v>11</v>
      </c>
    </row>
    <row r="8960">
      <c r="A8960" s="1">
        <v>4.90448707E8</v>
      </c>
      <c r="B8960" s="2">
        <v>12778.0</v>
      </c>
      <c r="C8960" s="1" t="s">
        <v>5</v>
      </c>
      <c r="D8960" s="1" t="s">
        <v>7497</v>
      </c>
      <c r="E8960" s="1" t="s">
        <v>7</v>
      </c>
    </row>
    <row r="8961">
      <c r="A8961" s="1">
        <v>4.90448714E8</v>
      </c>
      <c r="B8961" s="2">
        <v>12623.0</v>
      </c>
      <c r="C8961" s="1" t="s">
        <v>5</v>
      </c>
      <c r="D8961" s="1" t="s">
        <v>7481</v>
      </c>
      <c r="E8961" s="1" t="s">
        <v>7</v>
      </c>
    </row>
    <row r="8962">
      <c r="A8962" s="1">
        <v>4.9044872E8</v>
      </c>
      <c r="B8962" s="2">
        <v>12869.0</v>
      </c>
      <c r="C8962" s="1" t="s">
        <v>5</v>
      </c>
      <c r="D8962" s="1" t="s">
        <v>7498</v>
      </c>
      <c r="E8962" s="1" t="s">
        <v>11</v>
      </c>
    </row>
    <row r="8963">
      <c r="A8963" s="1">
        <v>4.90448722E8</v>
      </c>
      <c r="B8963" s="2">
        <v>12873.0</v>
      </c>
      <c r="C8963" s="1" t="s">
        <v>5</v>
      </c>
      <c r="D8963" s="1" t="s">
        <v>7499</v>
      </c>
      <c r="E8963" s="1" t="s">
        <v>7</v>
      </c>
    </row>
    <row r="8964">
      <c r="A8964" s="1">
        <v>4.9044873E8</v>
      </c>
      <c r="B8964" s="2">
        <v>12778.0</v>
      </c>
      <c r="C8964" s="1" t="s">
        <v>5</v>
      </c>
      <c r="D8964" s="1" t="s">
        <v>7500</v>
      </c>
      <c r="E8964" s="1" t="s">
        <v>7</v>
      </c>
    </row>
    <row r="8965">
      <c r="A8965" s="1">
        <v>4.90448752E8</v>
      </c>
      <c r="B8965" s="2">
        <v>12869.0</v>
      </c>
      <c r="C8965" s="1" t="s">
        <v>5</v>
      </c>
      <c r="D8965" s="1" t="s">
        <v>7501</v>
      </c>
      <c r="E8965" s="1" t="s">
        <v>11</v>
      </c>
    </row>
    <row r="8966">
      <c r="A8966" s="1">
        <v>4.90448754E8</v>
      </c>
      <c r="B8966" s="2">
        <v>12874.0</v>
      </c>
      <c r="C8966" s="1" t="s">
        <v>5</v>
      </c>
      <c r="D8966" s="1" t="s">
        <v>7502</v>
      </c>
      <c r="E8966" s="1" t="s">
        <v>11</v>
      </c>
    </row>
    <row r="8967">
      <c r="A8967" s="1">
        <v>4.90448859E8</v>
      </c>
      <c r="B8967" s="2">
        <v>12819.0</v>
      </c>
      <c r="C8967" s="1" t="s">
        <v>5</v>
      </c>
      <c r="D8967" s="1" t="s">
        <v>7503</v>
      </c>
      <c r="E8967" s="1" t="s">
        <v>11</v>
      </c>
    </row>
    <row r="8968">
      <c r="A8968" s="1">
        <v>4.90448948E8</v>
      </c>
      <c r="B8968" s="2">
        <v>12797.0</v>
      </c>
      <c r="C8968" s="1" t="s">
        <v>5</v>
      </c>
      <c r="D8968" s="1" t="s">
        <v>7504</v>
      </c>
      <c r="E8968" s="1" t="s">
        <v>7</v>
      </c>
    </row>
    <row r="8969">
      <c r="A8969" s="1">
        <v>4.9044895E8</v>
      </c>
      <c r="B8969" s="2">
        <v>12844.0</v>
      </c>
      <c r="C8969" s="1" t="s">
        <v>5</v>
      </c>
      <c r="D8969" s="1" t="s">
        <v>7505</v>
      </c>
      <c r="E8969" s="1" t="s">
        <v>7</v>
      </c>
    </row>
    <row r="8970">
      <c r="A8970" s="1">
        <v>4.90448968E8</v>
      </c>
      <c r="B8970" s="2">
        <v>12867.0</v>
      </c>
      <c r="C8970" s="1" t="s">
        <v>5</v>
      </c>
      <c r="D8970" s="1" t="s">
        <v>7506</v>
      </c>
      <c r="E8970" s="1" t="s">
        <v>7</v>
      </c>
    </row>
    <row r="8971">
      <c r="A8971" s="1">
        <v>4.90448975E8</v>
      </c>
      <c r="B8971" s="2">
        <v>12859.0</v>
      </c>
      <c r="C8971" s="1" t="s">
        <v>5</v>
      </c>
      <c r="D8971" s="1" t="s">
        <v>7507</v>
      </c>
      <c r="E8971" s="1" t="s">
        <v>7</v>
      </c>
    </row>
    <row r="8972">
      <c r="A8972" s="1">
        <v>4.90449026E8</v>
      </c>
      <c r="B8972" s="2">
        <v>12778.0</v>
      </c>
      <c r="C8972" s="1" t="s">
        <v>5</v>
      </c>
      <c r="D8972" s="1" t="s">
        <v>7508</v>
      </c>
      <c r="E8972" s="1" t="s">
        <v>7</v>
      </c>
    </row>
    <row r="8973">
      <c r="A8973" s="1">
        <v>4.90449066E8</v>
      </c>
      <c r="B8973" s="2">
        <v>12844.0</v>
      </c>
      <c r="C8973" s="1" t="s">
        <v>5</v>
      </c>
      <c r="D8973" s="1" t="s">
        <v>7509</v>
      </c>
      <c r="E8973" s="1" t="s">
        <v>7</v>
      </c>
    </row>
    <row r="8974">
      <c r="A8974" s="1">
        <v>4.9044909E8</v>
      </c>
      <c r="B8974" s="2">
        <v>12763.0</v>
      </c>
      <c r="C8974" s="1" t="s">
        <v>5</v>
      </c>
      <c r="D8974" s="1" t="s">
        <v>7510</v>
      </c>
      <c r="E8974" s="1" t="s">
        <v>7511</v>
      </c>
    </row>
    <row r="8975">
      <c r="A8975" s="1">
        <v>4.90449097E8</v>
      </c>
      <c r="B8975" s="2">
        <v>12819.0</v>
      </c>
      <c r="C8975" s="1" t="s">
        <v>5</v>
      </c>
      <c r="D8975" s="1" t="s">
        <v>7512</v>
      </c>
      <c r="E8975" s="1" t="s">
        <v>7513</v>
      </c>
    </row>
    <row r="8976">
      <c r="A8976" s="1">
        <v>4.904491E8</v>
      </c>
      <c r="B8976" s="2">
        <v>12867.0</v>
      </c>
      <c r="C8976" s="1" t="s">
        <v>5</v>
      </c>
      <c r="D8976" s="1" t="s">
        <v>11</v>
      </c>
      <c r="E8976" s="1" t="s">
        <v>7</v>
      </c>
    </row>
    <row r="8977">
      <c r="A8977" s="1">
        <v>4.90449104E8</v>
      </c>
      <c r="B8977" s="2">
        <v>12871.0</v>
      </c>
      <c r="C8977" s="1" t="s">
        <v>5</v>
      </c>
      <c r="D8977" s="1" t="s">
        <v>11</v>
      </c>
      <c r="E8977" s="1" t="s">
        <v>7</v>
      </c>
    </row>
    <row r="8978">
      <c r="A8978" s="1">
        <v>4.90449116E8</v>
      </c>
      <c r="B8978" s="2">
        <v>12874.0</v>
      </c>
      <c r="C8978" s="1" t="s">
        <v>5</v>
      </c>
      <c r="D8978" s="1" t="s">
        <v>11</v>
      </c>
      <c r="E8978" s="1" t="s">
        <v>7</v>
      </c>
    </row>
    <row r="8979">
      <c r="A8979" s="1">
        <v>4.90449122E8</v>
      </c>
      <c r="B8979" s="2">
        <v>12874.0</v>
      </c>
      <c r="C8979" s="1" t="s">
        <v>5</v>
      </c>
      <c r="D8979" s="1" t="s">
        <v>7514</v>
      </c>
      <c r="E8979" s="1" t="s">
        <v>7</v>
      </c>
    </row>
    <row r="8980">
      <c r="A8980" s="1">
        <v>4.90449137E8</v>
      </c>
      <c r="B8980" s="2">
        <v>12705.0</v>
      </c>
      <c r="C8980" s="1" t="s">
        <v>5</v>
      </c>
      <c r="D8980" s="1" t="s">
        <v>7515</v>
      </c>
      <c r="E8980" s="1" t="s">
        <v>7</v>
      </c>
    </row>
    <row r="8981">
      <c r="A8981" s="1">
        <v>4.90449152E8</v>
      </c>
      <c r="B8981" s="2">
        <v>12866.0</v>
      </c>
      <c r="C8981" s="1" t="s">
        <v>5</v>
      </c>
      <c r="D8981" s="1" t="s">
        <v>7516</v>
      </c>
      <c r="E8981" s="1" t="s">
        <v>7</v>
      </c>
    </row>
    <row r="8982">
      <c r="A8982" s="1">
        <v>4.90449153E8</v>
      </c>
      <c r="B8982" s="2">
        <v>12815.0</v>
      </c>
      <c r="C8982" s="1" t="s">
        <v>5</v>
      </c>
      <c r="D8982" s="1" t="s">
        <v>7517</v>
      </c>
      <c r="E8982" s="1" t="s">
        <v>7518</v>
      </c>
    </row>
    <row r="8983">
      <c r="A8983" s="1">
        <v>4.90449163E8</v>
      </c>
      <c r="B8983" s="2">
        <v>12815.0</v>
      </c>
      <c r="C8983" s="1" t="s">
        <v>5</v>
      </c>
      <c r="D8983" s="1" t="s">
        <v>11</v>
      </c>
      <c r="E8983" s="1" t="s">
        <v>7</v>
      </c>
    </row>
    <row r="8984">
      <c r="A8984" s="1">
        <v>4.90449186E8</v>
      </c>
      <c r="B8984" s="2">
        <v>12705.0</v>
      </c>
      <c r="C8984" s="1" t="s">
        <v>5</v>
      </c>
      <c r="D8984" s="1" t="s">
        <v>7519</v>
      </c>
      <c r="E8984" s="1" t="s">
        <v>11</v>
      </c>
    </row>
    <row r="8985">
      <c r="A8985" s="1">
        <v>4.9044921E8</v>
      </c>
      <c r="B8985" s="2">
        <v>12715.0</v>
      </c>
      <c r="C8985" s="1" t="s">
        <v>5</v>
      </c>
      <c r="D8985" s="1" t="s">
        <v>7520</v>
      </c>
      <c r="E8985" s="1" t="s">
        <v>7</v>
      </c>
    </row>
    <row r="8986">
      <c r="A8986" s="1">
        <v>4.90449224E8</v>
      </c>
      <c r="B8986" s="2">
        <v>12759.0</v>
      </c>
      <c r="C8986" s="1" t="s">
        <v>5</v>
      </c>
      <c r="D8986" s="1" t="s">
        <v>7521</v>
      </c>
      <c r="E8986" s="1" t="s">
        <v>11</v>
      </c>
    </row>
    <row r="8987">
      <c r="A8987" s="1">
        <v>4.90449225E8</v>
      </c>
      <c r="B8987" s="2">
        <v>12760.0</v>
      </c>
      <c r="C8987" s="1" t="s">
        <v>5</v>
      </c>
      <c r="D8987" s="1" t="s">
        <v>7522</v>
      </c>
      <c r="E8987" s="1" t="s">
        <v>7523</v>
      </c>
    </row>
    <row r="8988">
      <c r="A8988" s="1">
        <v>4.90449241E8</v>
      </c>
      <c r="B8988" s="2">
        <v>12873.0</v>
      </c>
      <c r="C8988" s="1" t="s">
        <v>5</v>
      </c>
      <c r="D8988" s="1" t="s">
        <v>7524</v>
      </c>
      <c r="E8988" s="1" t="s">
        <v>7</v>
      </c>
    </row>
    <row r="8989">
      <c r="A8989" s="1">
        <v>4.90449261E8</v>
      </c>
      <c r="B8989" s="2">
        <v>12758.0</v>
      </c>
      <c r="C8989" s="1" t="s">
        <v>5</v>
      </c>
      <c r="D8989" s="1" t="s">
        <v>7525</v>
      </c>
      <c r="E8989" s="1" t="s">
        <v>7</v>
      </c>
    </row>
    <row r="8990">
      <c r="A8990" s="1">
        <v>4.90449286E8</v>
      </c>
      <c r="B8990" s="2">
        <v>12855.0</v>
      </c>
      <c r="C8990" s="1" t="s">
        <v>5</v>
      </c>
      <c r="D8990" s="1" t="s">
        <v>7526</v>
      </c>
      <c r="E8990" s="1" t="s">
        <v>7</v>
      </c>
    </row>
    <row r="8991">
      <c r="A8991" s="1">
        <v>4.90449317E8</v>
      </c>
      <c r="B8991" s="2">
        <v>12863.0</v>
      </c>
      <c r="C8991" s="1" t="s">
        <v>5</v>
      </c>
      <c r="D8991" s="1" t="s">
        <v>7527</v>
      </c>
      <c r="E8991" s="1" t="s">
        <v>7</v>
      </c>
    </row>
    <row r="8992">
      <c r="A8992" s="1">
        <v>4.90449321E8</v>
      </c>
      <c r="B8992" s="2">
        <v>12704.0</v>
      </c>
      <c r="C8992" s="1" t="s">
        <v>5</v>
      </c>
      <c r="D8992" s="1" t="s">
        <v>7528</v>
      </c>
      <c r="E8992" s="1" t="s">
        <v>11</v>
      </c>
    </row>
    <row r="8993">
      <c r="A8993" s="1">
        <v>4.90449325E8</v>
      </c>
      <c r="B8993" s="2">
        <v>12865.0</v>
      </c>
      <c r="C8993" s="1" t="s">
        <v>5</v>
      </c>
      <c r="D8993" s="1" t="s">
        <v>7529</v>
      </c>
      <c r="E8993" s="1" t="s">
        <v>7530</v>
      </c>
    </row>
    <row r="8994">
      <c r="A8994" s="1">
        <v>4.90449333E8</v>
      </c>
      <c r="B8994" s="2">
        <v>12778.0</v>
      </c>
      <c r="C8994" s="1" t="s">
        <v>5</v>
      </c>
      <c r="D8994" s="1" t="s">
        <v>7531</v>
      </c>
      <c r="E8994" s="1" t="s">
        <v>7</v>
      </c>
    </row>
    <row r="8995">
      <c r="A8995" s="1">
        <v>4.90449348E8</v>
      </c>
      <c r="B8995" s="2">
        <v>12812.0</v>
      </c>
      <c r="C8995" s="1" t="s">
        <v>5</v>
      </c>
      <c r="D8995" s="1" t="s">
        <v>7481</v>
      </c>
      <c r="E8995" s="1" t="s">
        <v>7</v>
      </c>
    </row>
    <row r="8996">
      <c r="A8996" s="1">
        <v>4.90449372E8</v>
      </c>
      <c r="B8996" s="2">
        <v>12719.0</v>
      </c>
      <c r="C8996" s="1" t="s">
        <v>5</v>
      </c>
      <c r="D8996" s="1" t="s">
        <v>7532</v>
      </c>
      <c r="E8996" s="1" t="s">
        <v>11</v>
      </c>
    </row>
    <row r="8997">
      <c r="A8997" s="1">
        <v>4.90449375E8</v>
      </c>
      <c r="B8997" s="2">
        <v>12863.0</v>
      </c>
      <c r="C8997" s="1" t="s">
        <v>5</v>
      </c>
      <c r="D8997" s="1" t="s">
        <v>7533</v>
      </c>
      <c r="E8997" s="1" t="s">
        <v>7</v>
      </c>
    </row>
    <row r="8998">
      <c r="A8998" s="1">
        <v>4.90449388E8</v>
      </c>
      <c r="B8998" s="2">
        <v>12762.0</v>
      </c>
      <c r="C8998" s="1" t="s">
        <v>5</v>
      </c>
      <c r="D8998" s="1" t="s">
        <v>7534</v>
      </c>
      <c r="E8998" s="1" t="s">
        <v>7</v>
      </c>
    </row>
    <row r="8999">
      <c r="A8999" s="1">
        <v>4.90449409E8</v>
      </c>
      <c r="B8999" s="2">
        <v>12719.0</v>
      </c>
      <c r="C8999" s="1" t="s">
        <v>5</v>
      </c>
      <c r="D8999" s="1" t="s">
        <v>7535</v>
      </c>
      <c r="E8999" s="1" t="s">
        <v>7</v>
      </c>
    </row>
    <row r="9000">
      <c r="A9000" s="1">
        <v>4.90449424E8</v>
      </c>
      <c r="B9000" s="2">
        <v>12810.0</v>
      </c>
      <c r="C9000" s="1" t="s">
        <v>5</v>
      </c>
      <c r="D9000" s="1" t="s">
        <v>11</v>
      </c>
      <c r="E9000" s="1" t="s">
        <v>7</v>
      </c>
    </row>
    <row r="9001">
      <c r="A9001" s="1">
        <v>4.90449425E8</v>
      </c>
      <c r="B9001" s="2">
        <v>12812.0</v>
      </c>
      <c r="C9001" s="1" t="s">
        <v>5</v>
      </c>
      <c r="D9001" s="1" t="s">
        <v>11</v>
      </c>
      <c r="E9001" s="1" t="s">
        <v>7</v>
      </c>
    </row>
    <row r="9002">
      <c r="A9002" s="1">
        <v>4.90449445E8</v>
      </c>
      <c r="B9002" s="2">
        <v>12757.0</v>
      </c>
      <c r="C9002" s="1" t="s">
        <v>5</v>
      </c>
      <c r="D9002" s="1" t="s">
        <v>7536</v>
      </c>
      <c r="E9002" s="1" t="s">
        <v>11</v>
      </c>
    </row>
    <row r="9003">
      <c r="A9003" s="1">
        <v>4.90449453E8</v>
      </c>
      <c r="B9003" s="2">
        <v>12870.0</v>
      </c>
      <c r="C9003" s="1" t="s">
        <v>5</v>
      </c>
      <c r="D9003" s="1" t="s">
        <v>7537</v>
      </c>
      <c r="E9003" s="1" t="s">
        <v>11</v>
      </c>
    </row>
    <row r="9004">
      <c r="A9004" s="1">
        <v>4.90449465E8</v>
      </c>
      <c r="B9004" s="2">
        <v>12818.0</v>
      </c>
      <c r="C9004" s="1" t="s">
        <v>5</v>
      </c>
      <c r="D9004" s="1" t="s">
        <v>7538</v>
      </c>
      <c r="E9004" s="1" t="s">
        <v>7</v>
      </c>
    </row>
    <row r="9005">
      <c r="A9005" s="1">
        <v>4.90449466E8</v>
      </c>
      <c r="B9005" s="2">
        <v>12618.0</v>
      </c>
      <c r="C9005" s="1" t="s">
        <v>5</v>
      </c>
      <c r="D9005" s="1" t="s">
        <v>7539</v>
      </c>
      <c r="E9005" s="1" t="s">
        <v>7</v>
      </c>
    </row>
    <row r="9006">
      <c r="A9006" s="1">
        <v>4.90449484E8</v>
      </c>
      <c r="B9006" s="2">
        <v>12873.0</v>
      </c>
      <c r="C9006" s="1" t="s">
        <v>5</v>
      </c>
      <c r="D9006" s="1" t="s">
        <v>7540</v>
      </c>
      <c r="E9006" s="1" t="s">
        <v>7</v>
      </c>
    </row>
    <row r="9007">
      <c r="A9007" s="1">
        <v>4.90449485E8</v>
      </c>
      <c r="B9007" s="2">
        <v>12702.0</v>
      </c>
      <c r="C9007" s="1" t="s">
        <v>5</v>
      </c>
      <c r="D9007" s="1" t="s">
        <v>7541</v>
      </c>
      <c r="E9007" s="1" t="s">
        <v>7</v>
      </c>
    </row>
    <row r="9008">
      <c r="A9008" s="1">
        <v>4.90449552E8</v>
      </c>
      <c r="B9008" s="2">
        <v>12813.0</v>
      </c>
      <c r="C9008" s="1" t="s">
        <v>5</v>
      </c>
      <c r="D9008" s="1" t="s">
        <v>7542</v>
      </c>
      <c r="E9008" s="1" t="s">
        <v>7</v>
      </c>
    </row>
    <row r="9009">
      <c r="A9009" s="1">
        <v>4.90449579E8</v>
      </c>
      <c r="B9009" s="2">
        <v>12869.0</v>
      </c>
      <c r="C9009" s="1" t="s">
        <v>5</v>
      </c>
      <c r="D9009" s="1" t="s">
        <v>11</v>
      </c>
      <c r="E9009" s="1" t="s">
        <v>7</v>
      </c>
    </row>
    <row r="9010">
      <c r="A9010" s="1">
        <v>4.90449584E8</v>
      </c>
      <c r="B9010" s="2">
        <v>12869.0</v>
      </c>
      <c r="C9010" s="1" t="s">
        <v>5</v>
      </c>
      <c r="D9010" s="1" t="s">
        <v>7543</v>
      </c>
      <c r="E9010" s="1" t="s">
        <v>11</v>
      </c>
    </row>
    <row r="9011">
      <c r="A9011" s="1">
        <v>4.90449608E8</v>
      </c>
      <c r="B9011" s="2">
        <v>12617.0</v>
      </c>
      <c r="C9011" s="1" t="s">
        <v>5</v>
      </c>
      <c r="D9011" s="1" t="s">
        <v>11</v>
      </c>
      <c r="E9011" s="4" t="s">
        <v>7544</v>
      </c>
    </row>
    <row r="9012">
      <c r="A9012" s="1">
        <v>4.90449628E8</v>
      </c>
      <c r="B9012" s="2">
        <v>12871.0</v>
      </c>
      <c r="C9012" s="1" t="s">
        <v>5</v>
      </c>
      <c r="D9012" s="1" t="s">
        <v>7545</v>
      </c>
      <c r="E9012" s="1" t="s">
        <v>11</v>
      </c>
    </row>
    <row r="9013">
      <c r="A9013" s="1">
        <v>4.90449638E8</v>
      </c>
      <c r="B9013" s="2">
        <v>12713.0</v>
      </c>
      <c r="C9013" s="1" t="s">
        <v>5</v>
      </c>
      <c r="D9013" s="1" t="s">
        <v>7546</v>
      </c>
      <c r="E9013" s="1" t="s">
        <v>7</v>
      </c>
    </row>
    <row r="9014">
      <c r="A9014" s="1">
        <v>4.90449645E8</v>
      </c>
      <c r="B9014" s="2">
        <v>12872.0</v>
      </c>
      <c r="C9014" s="1" t="s">
        <v>5</v>
      </c>
      <c r="D9014" s="1" t="s">
        <v>7547</v>
      </c>
      <c r="E9014" s="1" t="s">
        <v>11</v>
      </c>
    </row>
    <row r="9015">
      <c r="A9015" s="1">
        <v>4.90449648E8</v>
      </c>
      <c r="B9015" s="2">
        <v>12703.0</v>
      </c>
      <c r="C9015" s="1" t="s">
        <v>5</v>
      </c>
      <c r="D9015" s="1" t="s">
        <v>7548</v>
      </c>
      <c r="E9015" s="1" t="s">
        <v>7</v>
      </c>
    </row>
    <row r="9016">
      <c r="A9016" s="1">
        <v>4.90449649E8</v>
      </c>
      <c r="B9016" s="2">
        <v>12864.0</v>
      </c>
      <c r="C9016" s="1" t="s">
        <v>5</v>
      </c>
      <c r="D9016" s="1" t="s">
        <v>7549</v>
      </c>
      <c r="E9016" s="1" t="s">
        <v>7</v>
      </c>
    </row>
    <row r="9017">
      <c r="A9017" s="1">
        <v>4.90449671E8</v>
      </c>
      <c r="B9017" s="2">
        <v>12864.0</v>
      </c>
      <c r="C9017" s="1" t="s">
        <v>5</v>
      </c>
      <c r="D9017" s="1" t="s">
        <v>7550</v>
      </c>
      <c r="E9017" s="1" t="s">
        <v>7551</v>
      </c>
    </row>
    <row r="9018">
      <c r="A9018" s="1">
        <v>4.90449676E8</v>
      </c>
      <c r="B9018" s="2">
        <v>12818.0</v>
      </c>
      <c r="C9018" s="1" t="s">
        <v>5</v>
      </c>
      <c r="D9018" s="1" t="s">
        <v>11</v>
      </c>
      <c r="E9018" s="1" t="s">
        <v>7</v>
      </c>
    </row>
    <row r="9019">
      <c r="A9019" s="1">
        <v>4.90449682E8</v>
      </c>
      <c r="B9019" s="2">
        <v>12701.0</v>
      </c>
      <c r="C9019" s="1" t="s">
        <v>5</v>
      </c>
      <c r="D9019" s="1" t="s">
        <v>7552</v>
      </c>
      <c r="E9019" s="1" t="s">
        <v>7</v>
      </c>
    </row>
    <row r="9020">
      <c r="A9020" s="1">
        <v>4.90449689E8</v>
      </c>
      <c r="B9020" s="2">
        <v>12720.0</v>
      </c>
      <c r="C9020" s="1" t="s">
        <v>5</v>
      </c>
      <c r="D9020" s="1" t="s">
        <v>7553</v>
      </c>
      <c r="E9020" s="1" t="s">
        <v>11</v>
      </c>
    </row>
    <row r="9021">
      <c r="A9021" s="1">
        <v>4.90449691E8</v>
      </c>
      <c r="B9021" s="2">
        <v>12757.0</v>
      </c>
      <c r="C9021" s="1" t="s">
        <v>5</v>
      </c>
      <c r="D9021" s="1" t="s">
        <v>11</v>
      </c>
      <c r="E9021" s="1" t="s">
        <v>7</v>
      </c>
    </row>
    <row r="9022">
      <c r="A9022" s="1">
        <v>4.90449694E8</v>
      </c>
      <c r="B9022" s="2">
        <v>12873.0</v>
      </c>
      <c r="C9022" s="1" t="s">
        <v>5</v>
      </c>
      <c r="D9022" s="1" t="s">
        <v>7554</v>
      </c>
      <c r="E9022" s="1" t="s">
        <v>11</v>
      </c>
    </row>
    <row r="9023">
      <c r="A9023" s="1">
        <v>4.90449699E8</v>
      </c>
      <c r="B9023" s="2">
        <v>12755.0</v>
      </c>
      <c r="C9023" s="1" t="s">
        <v>5</v>
      </c>
      <c r="D9023" s="1" t="s">
        <v>7555</v>
      </c>
      <c r="E9023" s="1" t="s">
        <v>7</v>
      </c>
    </row>
    <row r="9024">
      <c r="A9024" s="1">
        <v>4.90449704E8</v>
      </c>
      <c r="B9024" s="2">
        <v>12808.0</v>
      </c>
      <c r="C9024" s="1" t="s">
        <v>5</v>
      </c>
      <c r="D9024" s="1" t="s">
        <v>7556</v>
      </c>
      <c r="E9024" s="1" t="s">
        <v>7</v>
      </c>
    </row>
    <row r="9025">
      <c r="A9025" s="1">
        <v>4.90449705E8</v>
      </c>
      <c r="B9025" s="2">
        <v>12812.0</v>
      </c>
      <c r="C9025" s="1" t="s">
        <v>5</v>
      </c>
      <c r="D9025" s="1" t="s">
        <v>7557</v>
      </c>
      <c r="E9025" s="1" t="s">
        <v>7</v>
      </c>
    </row>
    <row r="9026">
      <c r="A9026" s="1">
        <v>4.90449715E8</v>
      </c>
      <c r="B9026" s="2">
        <v>12813.0</v>
      </c>
      <c r="C9026" s="1" t="s">
        <v>5</v>
      </c>
      <c r="D9026" s="1" t="s">
        <v>7558</v>
      </c>
      <c r="E9026" s="1" t="s">
        <v>7559</v>
      </c>
    </row>
    <row r="9027">
      <c r="A9027" s="1">
        <v>4.90449739E8</v>
      </c>
      <c r="B9027" s="2">
        <v>12712.0</v>
      </c>
      <c r="C9027" s="1" t="s">
        <v>5</v>
      </c>
      <c r="D9027" s="1" t="s">
        <v>7560</v>
      </c>
      <c r="E9027" s="1" t="s">
        <v>11</v>
      </c>
    </row>
    <row r="9028">
      <c r="A9028" s="1">
        <v>4.90449744E8</v>
      </c>
      <c r="B9028" s="2">
        <v>12808.0</v>
      </c>
      <c r="C9028" s="1" t="s">
        <v>5</v>
      </c>
      <c r="D9028" s="1" t="s">
        <v>7561</v>
      </c>
      <c r="E9028" s="1" t="s">
        <v>7</v>
      </c>
    </row>
    <row r="9029">
      <c r="A9029" s="1">
        <v>4.90449745E8</v>
      </c>
      <c r="B9029" s="2">
        <v>12701.0</v>
      </c>
      <c r="C9029" s="1" t="s">
        <v>5</v>
      </c>
      <c r="D9029" s="1" t="s">
        <v>7562</v>
      </c>
      <c r="E9029" s="1" t="s">
        <v>7</v>
      </c>
    </row>
    <row r="9030">
      <c r="A9030" s="1">
        <v>4.90449816E8</v>
      </c>
      <c r="B9030" s="2">
        <v>12710.0</v>
      </c>
      <c r="C9030" s="1" t="s">
        <v>5</v>
      </c>
      <c r="D9030" s="1" t="s">
        <v>7563</v>
      </c>
      <c r="E9030" s="1" t="s">
        <v>11</v>
      </c>
    </row>
    <row r="9031">
      <c r="A9031" s="1">
        <v>4.90449819E8</v>
      </c>
      <c r="B9031" s="2">
        <v>12808.0</v>
      </c>
      <c r="C9031" s="1" t="s">
        <v>5</v>
      </c>
      <c r="D9031" s="1" t="s">
        <v>7564</v>
      </c>
      <c r="E9031" s="1" t="s">
        <v>11</v>
      </c>
    </row>
    <row r="9032">
      <c r="A9032" s="1">
        <v>4.90449826E8</v>
      </c>
      <c r="B9032" s="2">
        <v>12616.0</v>
      </c>
      <c r="C9032" s="1" t="s">
        <v>5</v>
      </c>
      <c r="D9032" s="1" t="s">
        <v>7565</v>
      </c>
      <c r="E9032" s="1" t="s">
        <v>7</v>
      </c>
    </row>
    <row r="9033">
      <c r="A9033" s="1">
        <v>4.90449857E8</v>
      </c>
      <c r="B9033" s="2">
        <v>12867.0</v>
      </c>
      <c r="C9033" s="1" t="s">
        <v>5</v>
      </c>
      <c r="D9033" s="1" t="s">
        <v>7566</v>
      </c>
      <c r="E9033" s="1" t="s">
        <v>7567</v>
      </c>
    </row>
    <row r="9034">
      <c r="A9034" s="1">
        <v>4.90449861E8</v>
      </c>
      <c r="B9034" s="2">
        <v>12716.0</v>
      </c>
      <c r="C9034" s="1" t="s">
        <v>5</v>
      </c>
      <c r="D9034" s="1" t="s">
        <v>11</v>
      </c>
      <c r="E9034" s="1" t="s">
        <v>7</v>
      </c>
    </row>
    <row r="9035">
      <c r="A9035" s="1">
        <v>4.90449864E8</v>
      </c>
      <c r="B9035" s="2">
        <v>12864.0</v>
      </c>
      <c r="C9035" s="1" t="s">
        <v>5</v>
      </c>
      <c r="D9035" s="1" t="s">
        <v>7568</v>
      </c>
      <c r="E9035" s="1" t="s">
        <v>7</v>
      </c>
    </row>
    <row r="9036">
      <c r="A9036" s="1">
        <v>4.90449884E8</v>
      </c>
      <c r="B9036" s="2">
        <v>12867.0</v>
      </c>
      <c r="C9036" s="1" t="s">
        <v>5</v>
      </c>
      <c r="D9036" s="1" t="s">
        <v>7569</v>
      </c>
      <c r="E9036" s="1" t="s">
        <v>11</v>
      </c>
    </row>
    <row r="9037">
      <c r="A9037" s="1">
        <v>4.90449899E8</v>
      </c>
      <c r="B9037" s="2">
        <v>12755.0</v>
      </c>
      <c r="C9037" s="1" t="s">
        <v>5</v>
      </c>
      <c r="D9037" s="1" t="s">
        <v>7570</v>
      </c>
      <c r="E9037" s="1" t="s">
        <v>11</v>
      </c>
    </row>
    <row r="9038">
      <c r="A9038" s="1">
        <v>4.90449902E8</v>
      </c>
      <c r="B9038" s="2">
        <v>12715.0</v>
      </c>
      <c r="C9038" s="1" t="s">
        <v>5</v>
      </c>
      <c r="D9038" s="1" t="s">
        <v>7571</v>
      </c>
      <c r="E9038" s="1" t="s">
        <v>7</v>
      </c>
    </row>
    <row r="9039">
      <c r="A9039" s="1">
        <v>4.90449905E8</v>
      </c>
      <c r="B9039" s="2">
        <v>12867.0</v>
      </c>
      <c r="C9039" s="1" t="s">
        <v>5</v>
      </c>
      <c r="D9039" s="1" t="s">
        <v>11</v>
      </c>
      <c r="E9039" s="1" t="s">
        <v>7</v>
      </c>
    </row>
    <row r="9040">
      <c r="A9040" s="1">
        <v>4.90449912E8</v>
      </c>
      <c r="B9040" s="2">
        <v>12854.0</v>
      </c>
      <c r="C9040" s="1" t="s">
        <v>5</v>
      </c>
      <c r="D9040" s="1" t="s">
        <v>7572</v>
      </c>
      <c r="E9040" s="1" t="s">
        <v>7</v>
      </c>
    </row>
    <row r="9041">
      <c r="A9041" s="1">
        <v>4.9044993E8</v>
      </c>
      <c r="B9041" s="2">
        <v>12872.0</v>
      </c>
      <c r="C9041" s="1" t="s">
        <v>5</v>
      </c>
      <c r="D9041" s="1" t="s">
        <v>7573</v>
      </c>
      <c r="E9041" s="1" t="s">
        <v>7</v>
      </c>
    </row>
    <row r="9042">
      <c r="A9042" s="1">
        <v>4.90450045E8</v>
      </c>
      <c r="B9042" s="2">
        <v>12755.0</v>
      </c>
      <c r="C9042" s="1" t="s">
        <v>5</v>
      </c>
      <c r="D9042" s="1" t="s">
        <v>7574</v>
      </c>
      <c r="E9042" s="1" t="s">
        <v>7</v>
      </c>
    </row>
    <row r="9043">
      <c r="A9043" s="1">
        <v>4.90450046E8</v>
      </c>
      <c r="B9043" s="2">
        <v>12854.0</v>
      </c>
      <c r="C9043" s="1" t="s">
        <v>5</v>
      </c>
      <c r="D9043" s="1" t="s">
        <v>7</v>
      </c>
      <c r="E9043" s="1" t="s">
        <v>7</v>
      </c>
    </row>
    <row r="9044">
      <c r="A9044" s="1">
        <v>4.90450053E8</v>
      </c>
      <c r="B9044" s="2">
        <v>12867.0</v>
      </c>
      <c r="C9044" s="1" t="s">
        <v>5</v>
      </c>
      <c r="D9044" s="1" t="s">
        <v>7575</v>
      </c>
      <c r="E9044" s="1" t="s">
        <v>11</v>
      </c>
    </row>
    <row r="9045">
      <c r="A9045" s="1">
        <v>4.90450105E8</v>
      </c>
      <c r="B9045" s="2">
        <v>12699.0</v>
      </c>
      <c r="C9045" s="1" t="s">
        <v>5</v>
      </c>
      <c r="D9045" s="1" t="s">
        <v>7576</v>
      </c>
      <c r="E9045" s="1" t="s">
        <v>7577</v>
      </c>
    </row>
    <row r="9046">
      <c r="A9046" s="1">
        <v>4.90450141E8</v>
      </c>
      <c r="B9046" s="2">
        <v>12714.0</v>
      </c>
      <c r="C9046" s="1" t="s">
        <v>5</v>
      </c>
      <c r="D9046" s="1" t="s">
        <v>7578</v>
      </c>
      <c r="E9046" s="1" t="s">
        <v>11</v>
      </c>
    </row>
    <row r="9047">
      <c r="A9047" s="1">
        <v>4.90450151E8</v>
      </c>
      <c r="B9047" s="2">
        <v>12759.0</v>
      </c>
      <c r="C9047" s="1" t="s">
        <v>5</v>
      </c>
      <c r="D9047" s="1" t="s">
        <v>11</v>
      </c>
      <c r="E9047" s="1" t="s">
        <v>7</v>
      </c>
    </row>
    <row r="9048">
      <c r="A9048" s="1">
        <v>4.90450159E8</v>
      </c>
      <c r="B9048" s="2">
        <v>12809.0</v>
      </c>
      <c r="C9048" s="1" t="s">
        <v>5</v>
      </c>
      <c r="D9048" s="1" t="s">
        <v>7579</v>
      </c>
      <c r="E9048" s="1" t="s">
        <v>11</v>
      </c>
    </row>
    <row r="9049">
      <c r="A9049" s="1">
        <v>4.9045018E8</v>
      </c>
      <c r="B9049" s="2">
        <v>12811.0</v>
      </c>
      <c r="C9049" s="1" t="s">
        <v>5</v>
      </c>
      <c r="D9049" s="1" t="s">
        <v>7580</v>
      </c>
      <c r="E9049" s="1" t="s">
        <v>11</v>
      </c>
    </row>
    <row r="9050">
      <c r="A9050" s="1">
        <v>4.90450202E8</v>
      </c>
      <c r="B9050" s="2">
        <v>12759.0</v>
      </c>
      <c r="C9050" s="1" t="s">
        <v>5</v>
      </c>
      <c r="D9050" s="1" t="s">
        <v>7581</v>
      </c>
      <c r="E9050" s="1" t="s">
        <v>7582</v>
      </c>
    </row>
    <row r="9051">
      <c r="A9051" s="1">
        <v>4.90450225E8</v>
      </c>
      <c r="B9051" s="2">
        <v>12759.0</v>
      </c>
      <c r="C9051" s="1" t="s">
        <v>5</v>
      </c>
      <c r="D9051" s="1" t="s">
        <v>7583</v>
      </c>
      <c r="E9051" s="1" t="s">
        <v>7</v>
      </c>
    </row>
    <row r="9052">
      <c r="A9052" s="1">
        <v>4.90450233E8</v>
      </c>
      <c r="B9052" s="2">
        <v>12871.0</v>
      </c>
      <c r="C9052" s="1" t="s">
        <v>5</v>
      </c>
      <c r="D9052" s="1" t="s">
        <v>7584</v>
      </c>
      <c r="E9052" s="1" t="s">
        <v>7</v>
      </c>
    </row>
    <row r="9053">
      <c r="A9053" s="1">
        <v>4.90450237E8</v>
      </c>
      <c r="B9053" s="2">
        <v>12865.0</v>
      </c>
      <c r="C9053" s="1" t="s">
        <v>5</v>
      </c>
      <c r="D9053" s="1" t="s">
        <v>7585</v>
      </c>
      <c r="E9053" s="1" t="s">
        <v>7</v>
      </c>
    </row>
    <row r="9054">
      <c r="A9054" s="1">
        <v>4.90450254E8</v>
      </c>
      <c r="B9054" s="2">
        <v>12852.0</v>
      </c>
      <c r="C9054" s="1" t="s">
        <v>5</v>
      </c>
      <c r="D9054" s="1" t="s">
        <v>7586</v>
      </c>
      <c r="E9054" s="1" t="s">
        <v>7</v>
      </c>
    </row>
    <row r="9055">
      <c r="A9055" s="1">
        <v>4.9045026E8</v>
      </c>
      <c r="B9055" s="2">
        <v>12759.0</v>
      </c>
      <c r="C9055" s="1" t="s">
        <v>5</v>
      </c>
      <c r="D9055" s="1" t="s">
        <v>11</v>
      </c>
      <c r="E9055" s="1" t="s">
        <v>7</v>
      </c>
    </row>
    <row r="9056">
      <c r="A9056" s="1">
        <v>4.90450272E8</v>
      </c>
      <c r="B9056" s="2">
        <v>12699.0</v>
      </c>
      <c r="C9056" s="1" t="s">
        <v>5</v>
      </c>
      <c r="D9056" s="1" t="s">
        <v>7587</v>
      </c>
      <c r="E9056" s="1" t="s">
        <v>7</v>
      </c>
    </row>
    <row r="9057">
      <c r="A9057" s="1">
        <v>4.90450313E8</v>
      </c>
      <c r="B9057" s="2">
        <v>12777.0</v>
      </c>
      <c r="C9057" s="1" t="s">
        <v>5</v>
      </c>
      <c r="D9057" s="1" t="s">
        <v>7588</v>
      </c>
      <c r="E9057" s="1" t="s">
        <v>7</v>
      </c>
    </row>
    <row r="9058">
      <c r="A9058" s="1">
        <v>4.90450319E8</v>
      </c>
      <c r="B9058" s="2">
        <v>12810.0</v>
      </c>
      <c r="C9058" s="1" t="s">
        <v>5</v>
      </c>
      <c r="D9058" s="1" t="s">
        <v>7589</v>
      </c>
      <c r="E9058" s="1" t="s">
        <v>11</v>
      </c>
    </row>
    <row r="9059">
      <c r="A9059" s="1">
        <v>4.90450361E8</v>
      </c>
      <c r="B9059" s="2">
        <v>12755.0</v>
      </c>
      <c r="C9059" s="1" t="s">
        <v>5</v>
      </c>
      <c r="D9059" s="1" t="s">
        <v>11</v>
      </c>
      <c r="E9059" s="1" t="s">
        <v>7</v>
      </c>
    </row>
    <row r="9060">
      <c r="A9060" s="1">
        <v>4.90450375E8</v>
      </c>
      <c r="B9060" s="2">
        <v>12865.0</v>
      </c>
      <c r="C9060" s="1" t="s">
        <v>5</v>
      </c>
      <c r="D9060" s="1" t="s">
        <v>7590</v>
      </c>
      <c r="E9060" s="1" t="s">
        <v>7</v>
      </c>
    </row>
    <row r="9061">
      <c r="A9061" s="1">
        <v>4.90450376E8</v>
      </c>
      <c r="B9061" s="2">
        <v>12777.0</v>
      </c>
      <c r="C9061" s="1" t="s">
        <v>5</v>
      </c>
      <c r="D9061" s="1" t="s">
        <v>11</v>
      </c>
      <c r="E9061" s="1" t="s">
        <v>7</v>
      </c>
    </row>
    <row r="9062">
      <c r="A9062" s="1">
        <v>4.90450396E8</v>
      </c>
      <c r="B9062" s="2">
        <v>12860.0</v>
      </c>
      <c r="C9062" s="1" t="s">
        <v>5</v>
      </c>
      <c r="D9062" s="1" t="s">
        <v>11</v>
      </c>
      <c r="E9062" s="1" t="s">
        <v>7</v>
      </c>
    </row>
    <row r="9063">
      <c r="A9063" s="1">
        <v>4.90450397E8</v>
      </c>
      <c r="B9063" s="2">
        <v>12867.0</v>
      </c>
      <c r="C9063" s="1" t="s">
        <v>5</v>
      </c>
      <c r="D9063" s="1" t="s">
        <v>7591</v>
      </c>
      <c r="E9063" s="1" t="s">
        <v>7</v>
      </c>
    </row>
    <row r="9064">
      <c r="A9064" s="1">
        <v>4.90450425E8</v>
      </c>
      <c r="B9064" s="2">
        <v>12703.0</v>
      </c>
      <c r="C9064" s="1" t="s">
        <v>5</v>
      </c>
      <c r="D9064" s="1" t="s">
        <v>11</v>
      </c>
      <c r="E9064" s="1" t="s">
        <v>7</v>
      </c>
    </row>
    <row r="9065">
      <c r="A9065" s="1">
        <v>4.90450441E8</v>
      </c>
      <c r="B9065" s="2">
        <v>12723.0</v>
      </c>
      <c r="C9065" s="1" t="s">
        <v>5</v>
      </c>
      <c r="D9065" s="1" t="s">
        <v>7592</v>
      </c>
      <c r="E9065" s="1" t="s">
        <v>7</v>
      </c>
    </row>
    <row r="9066">
      <c r="A9066" s="1">
        <v>4.90450442E8</v>
      </c>
      <c r="B9066" s="2">
        <v>12849.0</v>
      </c>
      <c r="C9066" s="1" t="s">
        <v>5</v>
      </c>
      <c r="D9066" s="1" t="s">
        <v>11</v>
      </c>
      <c r="E9066" s="1" t="s">
        <v>7</v>
      </c>
    </row>
    <row r="9067">
      <c r="A9067" s="1">
        <v>4.90450455E8</v>
      </c>
      <c r="B9067" s="2">
        <v>12713.0</v>
      </c>
      <c r="C9067" s="1" t="s">
        <v>5</v>
      </c>
      <c r="D9067" s="1" t="s">
        <v>7593</v>
      </c>
      <c r="E9067" s="1" t="s">
        <v>7</v>
      </c>
    </row>
    <row r="9068">
      <c r="A9068" s="1">
        <v>4.90450468E8</v>
      </c>
      <c r="B9068" s="2">
        <v>12758.0</v>
      </c>
      <c r="C9068" s="1" t="s">
        <v>5</v>
      </c>
      <c r="D9068" s="1" t="s">
        <v>7594</v>
      </c>
      <c r="E9068" s="1" t="s">
        <v>7</v>
      </c>
    </row>
    <row r="9069">
      <c r="A9069" s="1">
        <v>4.90450508E8</v>
      </c>
      <c r="B9069" s="2">
        <v>12806.0</v>
      </c>
      <c r="C9069" s="1" t="s">
        <v>5</v>
      </c>
      <c r="D9069" s="1" t="s">
        <v>7595</v>
      </c>
      <c r="E9069" s="1" t="s">
        <v>7596</v>
      </c>
    </row>
    <row r="9070">
      <c r="A9070" s="1">
        <v>4.90450537E8</v>
      </c>
      <c r="B9070" s="2">
        <v>12806.0</v>
      </c>
      <c r="C9070" s="1" t="s">
        <v>5</v>
      </c>
      <c r="D9070" s="1" t="s">
        <v>7597</v>
      </c>
      <c r="E9070" s="1" t="s">
        <v>7</v>
      </c>
    </row>
    <row r="9071">
      <c r="A9071" s="1">
        <v>4.90450545E8</v>
      </c>
      <c r="B9071" s="2">
        <v>12848.0</v>
      </c>
      <c r="C9071" s="1" t="s">
        <v>5</v>
      </c>
      <c r="D9071" s="1" t="s">
        <v>7598</v>
      </c>
      <c r="E9071" s="1" t="s">
        <v>7</v>
      </c>
    </row>
    <row r="9072">
      <c r="A9072" s="1">
        <v>4.90450569E8</v>
      </c>
      <c r="B9072" s="2">
        <v>12850.0</v>
      </c>
      <c r="C9072" s="1" t="s">
        <v>5</v>
      </c>
      <c r="D9072" s="1" t="s">
        <v>7599</v>
      </c>
      <c r="E9072" s="1" t="s">
        <v>11</v>
      </c>
    </row>
    <row r="9073">
      <c r="A9073" s="1">
        <v>4.9045062E8</v>
      </c>
      <c r="B9073" s="2">
        <v>12797.0</v>
      </c>
      <c r="C9073" s="1" t="s">
        <v>5</v>
      </c>
      <c r="D9073" s="1" t="s">
        <v>11</v>
      </c>
      <c r="E9073" s="1" t="s">
        <v>7</v>
      </c>
    </row>
    <row r="9074">
      <c r="A9074" s="1">
        <v>4.90450625E8</v>
      </c>
      <c r="B9074" s="2">
        <v>12711.0</v>
      </c>
      <c r="C9074" s="1" t="s">
        <v>5</v>
      </c>
      <c r="D9074" s="1" t="s">
        <v>7600</v>
      </c>
      <c r="E9074" s="1" t="s">
        <v>7601</v>
      </c>
    </row>
    <row r="9075">
      <c r="A9075" s="1">
        <v>4.90450628E8</v>
      </c>
      <c r="B9075" s="2">
        <v>12865.0</v>
      </c>
      <c r="C9075" s="1" t="s">
        <v>5</v>
      </c>
      <c r="D9075" s="1" t="s">
        <v>7602</v>
      </c>
      <c r="E9075" s="1" t="s">
        <v>7</v>
      </c>
    </row>
    <row r="9076">
      <c r="A9076" s="1">
        <v>4.90450657E8</v>
      </c>
      <c r="B9076" s="2">
        <v>12815.0</v>
      </c>
      <c r="C9076" s="1" t="s">
        <v>5</v>
      </c>
      <c r="D9076" s="1" t="s">
        <v>11</v>
      </c>
      <c r="E9076" s="1" t="s">
        <v>7</v>
      </c>
    </row>
    <row r="9077">
      <c r="A9077" s="1">
        <v>4.90450661E8</v>
      </c>
      <c r="B9077" s="2">
        <v>12776.0</v>
      </c>
      <c r="C9077" s="1" t="s">
        <v>5</v>
      </c>
      <c r="D9077" s="1" t="s">
        <v>11</v>
      </c>
      <c r="E9077" s="1" t="s">
        <v>7</v>
      </c>
    </row>
    <row r="9078">
      <c r="A9078" s="1">
        <v>4.90450673E8</v>
      </c>
      <c r="B9078" s="2">
        <v>12815.0</v>
      </c>
      <c r="C9078" s="1" t="s">
        <v>5</v>
      </c>
      <c r="D9078" s="1" t="s">
        <v>11</v>
      </c>
      <c r="E9078" s="1" t="s">
        <v>7</v>
      </c>
    </row>
    <row r="9079">
      <c r="A9079" s="1">
        <v>4.90450685E8</v>
      </c>
      <c r="B9079" s="2">
        <v>12866.0</v>
      </c>
      <c r="C9079" s="1" t="s">
        <v>5</v>
      </c>
      <c r="D9079" s="1" t="s">
        <v>7603</v>
      </c>
      <c r="E9079" s="1" t="s">
        <v>7</v>
      </c>
    </row>
    <row r="9080">
      <c r="A9080" s="1">
        <v>4.90450687E8</v>
      </c>
      <c r="B9080" s="2">
        <v>12807.0</v>
      </c>
      <c r="C9080" s="1" t="s">
        <v>5</v>
      </c>
      <c r="D9080" s="1" t="s">
        <v>7604</v>
      </c>
      <c r="E9080" s="1" t="s">
        <v>7605</v>
      </c>
    </row>
    <row r="9081">
      <c r="A9081" s="1">
        <v>4.90450692E8</v>
      </c>
      <c r="B9081" s="2">
        <v>12798.0</v>
      </c>
      <c r="C9081" s="1" t="s">
        <v>5</v>
      </c>
      <c r="D9081" s="1" t="s">
        <v>7606</v>
      </c>
      <c r="E9081" s="1" t="s">
        <v>11</v>
      </c>
    </row>
    <row r="9082">
      <c r="A9082" s="1">
        <v>4.90450695E8</v>
      </c>
      <c r="B9082" s="2">
        <v>12757.0</v>
      </c>
      <c r="C9082" s="1" t="s">
        <v>5</v>
      </c>
      <c r="D9082" s="1" t="s">
        <v>7607</v>
      </c>
      <c r="E9082" s="1" t="s">
        <v>11</v>
      </c>
    </row>
    <row r="9083">
      <c r="A9083" s="1">
        <v>4.90450714E8</v>
      </c>
      <c r="B9083" s="2">
        <v>12866.0</v>
      </c>
      <c r="C9083" s="1" t="s">
        <v>5</v>
      </c>
      <c r="D9083" s="1" t="s">
        <v>7608</v>
      </c>
      <c r="E9083" s="1" t="s">
        <v>11</v>
      </c>
    </row>
    <row r="9084">
      <c r="A9084" s="1">
        <v>4.90450753E8</v>
      </c>
      <c r="B9084" s="2">
        <v>12854.0</v>
      </c>
      <c r="C9084" s="1" t="s">
        <v>5</v>
      </c>
      <c r="D9084" s="1" t="s">
        <v>7609</v>
      </c>
      <c r="E9084" s="1" t="s">
        <v>7610</v>
      </c>
    </row>
    <row r="9085">
      <c r="A9085" s="1">
        <v>4.90450756E8</v>
      </c>
      <c r="B9085" s="2">
        <v>12694.0</v>
      </c>
      <c r="C9085" s="1" t="s">
        <v>5</v>
      </c>
      <c r="D9085" s="1" t="s">
        <v>7611</v>
      </c>
      <c r="E9085" s="1" t="s">
        <v>7612</v>
      </c>
    </row>
    <row r="9086">
      <c r="A9086" s="1">
        <v>4.90450757E8</v>
      </c>
      <c r="B9086" s="2">
        <v>12704.0</v>
      </c>
      <c r="C9086" s="1" t="s">
        <v>5</v>
      </c>
      <c r="D9086" s="1" t="s">
        <v>7</v>
      </c>
      <c r="E9086" s="1" t="s">
        <v>7</v>
      </c>
    </row>
    <row r="9087">
      <c r="A9087" s="1">
        <v>4.90450759E8</v>
      </c>
      <c r="B9087" s="2">
        <v>12807.0</v>
      </c>
      <c r="C9087" s="1" t="s">
        <v>5</v>
      </c>
      <c r="D9087" s="1" t="s">
        <v>7613</v>
      </c>
      <c r="E9087" s="1" t="s">
        <v>11</v>
      </c>
    </row>
    <row r="9088">
      <c r="A9088" s="1">
        <v>4.90450762E8</v>
      </c>
      <c r="B9088" s="2">
        <v>12808.0</v>
      </c>
      <c r="C9088" s="1" t="s">
        <v>5</v>
      </c>
      <c r="D9088" s="1" t="s">
        <v>7614</v>
      </c>
      <c r="E9088" s="1" t="s">
        <v>7</v>
      </c>
    </row>
    <row r="9089">
      <c r="A9089" s="1">
        <v>4.90450768E8</v>
      </c>
      <c r="B9089" s="2">
        <v>12721.0</v>
      </c>
      <c r="C9089" s="1" t="s">
        <v>5</v>
      </c>
      <c r="D9089" s="1" t="s">
        <v>11</v>
      </c>
      <c r="E9089" s="1" t="s">
        <v>7</v>
      </c>
    </row>
    <row r="9090">
      <c r="A9090" s="1">
        <v>4.90450795E8</v>
      </c>
      <c r="B9090" s="2">
        <v>12862.0</v>
      </c>
      <c r="C9090" s="1" t="s">
        <v>5</v>
      </c>
      <c r="D9090" s="1" t="s">
        <v>7615</v>
      </c>
      <c r="E9090" s="1" t="s">
        <v>7</v>
      </c>
    </row>
    <row r="9091">
      <c r="A9091" s="1">
        <v>4.90450796E8</v>
      </c>
      <c r="B9091" s="2">
        <v>12861.0</v>
      </c>
      <c r="C9091" s="1" t="s">
        <v>5</v>
      </c>
      <c r="D9091" s="1" t="s">
        <v>7616</v>
      </c>
      <c r="E9091" s="1" t="s">
        <v>11</v>
      </c>
    </row>
    <row r="9092">
      <c r="A9092" s="1">
        <v>4.90450824E8</v>
      </c>
      <c r="B9092" s="2">
        <v>12868.0</v>
      </c>
      <c r="C9092" s="1" t="s">
        <v>5</v>
      </c>
      <c r="D9092" s="1" t="s">
        <v>2384</v>
      </c>
      <c r="E9092" s="1" t="s">
        <v>11</v>
      </c>
    </row>
    <row r="9093">
      <c r="A9093" s="1">
        <v>4.90450829E8</v>
      </c>
      <c r="B9093" s="2">
        <v>12864.0</v>
      </c>
      <c r="C9093" s="1" t="s">
        <v>5</v>
      </c>
      <c r="D9093" s="1" t="s">
        <v>7617</v>
      </c>
      <c r="E9093" s="1" t="s">
        <v>11</v>
      </c>
    </row>
    <row r="9094">
      <c r="A9094" s="1">
        <v>4.9045083E8</v>
      </c>
      <c r="B9094" s="2">
        <v>12866.0</v>
      </c>
      <c r="C9094" s="1" t="s">
        <v>5</v>
      </c>
      <c r="D9094" s="1" t="s">
        <v>7618</v>
      </c>
      <c r="E9094" s="1" t="s">
        <v>7</v>
      </c>
    </row>
    <row r="9095">
      <c r="A9095" s="1">
        <v>4.90450831E8</v>
      </c>
      <c r="B9095" s="2">
        <v>12864.0</v>
      </c>
      <c r="C9095" s="1" t="s">
        <v>5</v>
      </c>
      <c r="D9095" s="1" t="s">
        <v>7619</v>
      </c>
      <c r="E9095" s="1" t="s">
        <v>7620</v>
      </c>
    </row>
    <row r="9096">
      <c r="A9096" s="1">
        <v>4.90450834E8</v>
      </c>
      <c r="B9096" s="2">
        <v>12808.0</v>
      </c>
      <c r="C9096" s="1" t="s">
        <v>5</v>
      </c>
      <c r="D9096" s="1" t="s">
        <v>7621</v>
      </c>
      <c r="E9096" s="1" t="s">
        <v>11</v>
      </c>
    </row>
    <row r="9097">
      <c r="A9097" s="1">
        <v>4.90450837E8</v>
      </c>
      <c r="B9097" s="2">
        <v>12874.0</v>
      </c>
      <c r="C9097" s="1" t="s">
        <v>5</v>
      </c>
      <c r="D9097" s="1" t="s">
        <v>7622</v>
      </c>
      <c r="E9097" s="1" t="s">
        <v>11</v>
      </c>
    </row>
    <row r="9098">
      <c r="A9098" s="1">
        <v>4.90450866E8</v>
      </c>
      <c r="B9098" s="2">
        <v>12803.0</v>
      </c>
      <c r="C9098" s="1" t="s">
        <v>5</v>
      </c>
      <c r="D9098" s="1" t="s">
        <v>7623</v>
      </c>
      <c r="E9098" s="1" t="s">
        <v>7</v>
      </c>
    </row>
    <row r="9099">
      <c r="A9099" s="1">
        <v>4.90450867E8</v>
      </c>
      <c r="B9099" s="2">
        <v>12846.0</v>
      </c>
      <c r="C9099" s="1" t="s">
        <v>5</v>
      </c>
      <c r="D9099" s="1" t="s">
        <v>7624</v>
      </c>
      <c r="E9099" s="1" t="s">
        <v>7</v>
      </c>
    </row>
    <row r="9100">
      <c r="A9100" s="1">
        <v>4.90450883E8</v>
      </c>
      <c r="B9100" s="2">
        <v>12814.0</v>
      </c>
      <c r="C9100" s="1" t="s">
        <v>5</v>
      </c>
      <c r="D9100" s="1" t="s">
        <v>7625</v>
      </c>
      <c r="E9100" s="1" t="s">
        <v>7</v>
      </c>
    </row>
    <row r="9101">
      <c r="A9101" s="1">
        <v>4.90450888E8</v>
      </c>
      <c r="B9101" s="2">
        <v>12803.0</v>
      </c>
      <c r="C9101" s="1" t="s">
        <v>5</v>
      </c>
      <c r="D9101" s="1" t="s">
        <v>7626</v>
      </c>
      <c r="E9101" s="1" t="s">
        <v>7</v>
      </c>
    </row>
    <row r="9102">
      <c r="A9102" s="1">
        <v>4.90450948E8</v>
      </c>
      <c r="B9102" s="2">
        <v>12845.0</v>
      </c>
      <c r="C9102" s="1" t="s">
        <v>5</v>
      </c>
      <c r="D9102" s="1" t="s">
        <v>7627</v>
      </c>
      <c r="E9102" s="1" t="s">
        <v>7</v>
      </c>
    </row>
    <row r="9103">
      <c r="A9103" s="1">
        <v>4.9045095E8</v>
      </c>
      <c r="B9103" s="2">
        <v>12862.0</v>
      </c>
      <c r="C9103" s="1" t="s">
        <v>5</v>
      </c>
      <c r="D9103" s="1" t="s">
        <v>11</v>
      </c>
      <c r="E9103" s="1" t="s">
        <v>7</v>
      </c>
    </row>
    <row r="9104">
      <c r="A9104" s="1">
        <v>4.90450952E8</v>
      </c>
      <c r="B9104" s="2">
        <v>12872.0</v>
      </c>
      <c r="C9104" s="1" t="s">
        <v>5</v>
      </c>
      <c r="D9104" s="1" t="s">
        <v>7628</v>
      </c>
      <c r="E9104" s="1" t="s">
        <v>7629</v>
      </c>
    </row>
    <row r="9105">
      <c r="A9105" s="1">
        <v>4.90450958E8</v>
      </c>
      <c r="B9105" s="2">
        <v>12709.0</v>
      </c>
      <c r="C9105" s="1" t="s">
        <v>5</v>
      </c>
      <c r="D9105" s="1" t="s">
        <v>7</v>
      </c>
      <c r="E9105" s="1" t="s">
        <v>7</v>
      </c>
    </row>
    <row r="9106">
      <c r="A9106" s="1">
        <v>4.9045096E8</v>
      </c>
      <c r="B9106" s="2">
        <v>12847.0</v>
      </c>
      <c r="C9106" s="1" t="s">
        <v>5</v>
      </c>
      <c r="D9106" s="1" t="s">
        <v>7630</v>
      </c>
      <c r="E9106" s="1" t="s">
        <v>7</v>
      </c>
    </row>
    <row r="9107">
      <c r="A9107" s="1">
        <v>4.90450968E8</v>
      </c>
      <c r="B9107" s="2">
        <v>12860.0</v>
      </c>
      <c r="C9107" s="1" t="s">
        <v>5</v>
      </c>
      <c r="D9107" s="1" t="s">
        <v>7631</v>
      </c>
      <c r="E9107" s="1" t="s">
        <v>11</v>
      </c>
    </row>
    <row r="9108">
      <c r="A9108" s="1">
        <v>4.9045098E8</v>
      </c>
      <c r="B9108" s="2">
        <v>12804.0</v>
      </c>
      <c r="C9108" s="1" t="s">
        <v>5</v>
      </c>
      <c r="D9108" s="1" t="s">
        <v>11</v>
      </c>
      <c r="E9108" s="1" t="s">
        <v>7</v>
      </c>
    </row>
    <row r="9109">
      <c r="A9109" s="1">
        <v>4.90450983E8</v>
      </c>
      <c r="B9109" s="2">
        <v>12795.0</v>
      </c>
      <c r="C9109" s="1" t="s">
        <v>5</v>
      </c>
      <c r="D9109" s="1" t="s">
        <v>7632</v>
      </c>
      <c r="E9109" s="1" t="s">
        <v>7</v>
      </c>
    </row>
    <row r="9110">
      <c r="A9110" s="1">
        <v>4.90451013E8</v>
      </c>
      <c r="B9110" s="2">
        <v>12864.0</v>
      </c>
      <c r="C9110" s="1" t="s">
        <v>5</v>
      </c>
      <c r="D9110" s="1" t="s">
        <v>7633</v>
      </c>
      <c r="E9110" s="1" t="s">
        <v>7</v>
      </c>
    </row>
    <row r="9111">
      <c r="A9111" s="1">
        <v>4.90451014E8</v>
      </c>
      <c r="B9111" s="2">
        <v>12807.0</v>
      </c>
      <c r="C9111" s="1" t="s">
        <v>5</v>
      </c>
      <c r="D9111" s="1" t="s">
        <v>7634</v>
      </c>
      <c r="E9111" s="1" t="s">
        <v>7</v>
      </c>
    </row>
    <row r="9112">
      <c r="A9112" s="1">
        <v>4.90451038E8</v>
      </c>
      <c r="B9112" s="2">
        <v>12814.0</v>
      </c>
      <c r="C9112" s="1" t="s">
        <v>5</v>
      </c>
      <c r="D9112" s="1" t="s">
        <v>7635</v>
      </c>
      <c r="E9112" s="1" t="s">
        <v>11</v>
      </c>
    </row>
    <row r="9113">
      <c r="A9113" s="1">
        <v>4.9045105E8</v>
      </c>
      <c r="B9113" s="2">
        <v>12862.0</v>
      </c>
      <c r="C9113" s="1" t="s">
        <v>5</v>
      </c>
      <c r="D9113" s="1" t="s">
        <v>7636</v>
      </c>
      <c r="E9113" s="1" t="s">
        <v>7</v>
      </c>
    </row>
    <row r="9114">
      <c r="A9114" s="1">
        <v>4.90451071E8</v>
      </c>
      <c r="B9114" s="2">
        <v>12775.0</v>
      </c>
      <c r="C9114" s="1" t="s">
        <v>5</v>
      </c>
      <c r="D9114" s="1" t="s">
        <v>7637</v>
      </c>
      <c r="E9114" s="1" t="s">
        <v>11</v>
      </c>
    </row>
    <row r="9115">
      <c r="A9115" s="1">
        <v>4.90451084E8</v>
      </c>
      <c r="B9115" s="2">
        <v>12866.0</v>
      </c>
      <c r="C9115" s="1" t="s">
        <v>5</v>
      </c>
      <c r="D9115" s="1" t="s">
        <v>7638</v>
      </c>
      <c r="E9115" s="1" t="s">
        <v>7639</v>
      </c>
    </row>
    <row r="9116">
      <c r="A9116" s="1">
        <v>4.90451115E8</v>
      </c>
      <c r="B9116" s="2">
        <v>12775.0</v>
      </c>
      <c r="C9116" s="1" t="s">
        <v>5</v>
      </c>
      <c r="D9116" s="1" t="s">
        <v>11</v>
      </c>
      <c r="E9116" s="1" t="s">
        <v>7</v>
      </c>
    </row>
    <row r="9117">
      <c r="A9117" s="1">
        <v>4.90451118E8</v>
      </c>
      <c r="B9117" s="2">
        <v>12804.0</v>
      </c>
      <c r="C9117" s="1" t="s">
        <v>5</v>
      </c>
      <c r="D9117" s="1" t="s">
        <v>11</v>
      </c>
      <c r="E9117" s="1" t="s">
        <v>7</v>
      </c>
    </row>
    <row r="9118">
      <c r="A9118" s="1">
        <v>4.90451122E8</v>
      </c>
      <c r="B9118" s="2">
        <v>12805.0</v>
      </c>
      <c r="C9118" s="1" t="s">
        <v>5</v>
      </c>
      <c r="D9118" s="1" t="s">
        <v>7640</v>
      </c>
      <c r="E9118" s="1" t="s">
        <v>7</v>
      </c>
    </row>
    <row r="9119">
      <c r="A9119" s="1">
        <v>4.90451136E8</v>
      </c>
      <c r="B9119" s="2">
        <v>12864.0</v>
      </c>
      <c r="C9119" s="1" t="s">
        <v>5</v>
      </c>
      <c r="D9119" s="1" t="s">
        <v>11</v>
      </c>
      <c r="E9119" s="1" t="s">
        <v>7</v>
      </c>
    </row>
    <row r="9120">
      <c r="A9120" s="1">
        <v>4.90451145E8</v>
      </c>
      <c r="B9120" s="2">
        <v>12805.0</v>
      </c>
      <c r="C9120" s="1" t="s">
        <v>5</v>
      </c>
      <c r="D9120" s="1" t="s">
        <v>7641</v>
      </c>
      <c r="E9120" s="1" t="s">
        <v>7</v>
      </c>
    </row>
    <row r="9121">
      <c r="A9121" s="1">
        <v>4.9045115E8</v>
      </c>
      <c r="B9121" s="2">
        <v>12863.0</v>
      </c>
      <c r="C9121" s="1" t="s">
        <v>5</v>
      </c>
      <c r="D9121" s="1" t="s">
        <v>7481</v>
      </c>
      <c r="E9121" s="1" t="s">
        <v>7</v>
      </c>
    </row>
    <row r="9122">
      <c r="A9122" s="1">
        <v>4.90451155E8</v>
      </c>
      <c r="B9122" s="2">
        <v>12871.0</v>
      </c>
      <c r="C9122" s="1" t="s">
        <v>5</v>
      </c>
      <c r="D9122" s="1" t="s">
        <v>7642</v>
      </c>
      <c r="E9122" s="1" t="s">
        <v>7643</v>
      </c>
    </row>
    <row r="9123">
      <c r="A9123" s="1">
        <v>4.90451159E8</v>
      </c>
      <c r="B9123" s="2">
        <v>12857.0</v>
      </c>
      <c r="C9123" s="1" t="s">
        <v>5</v>
      </c>
      <c r="D9123" s="1" t="s">
        <v>7644</v>
      </c>
      <c r="E9123" s="1" t="s">
        <v>7</v>
      </c>
    </row>
    <row r="9124">
      <c r="A9124" s="1">
        <v>4.90451161E8</v>
      </c>
      <c r="B9124" s="2">
        <v>12797.0</v>
      </c>
      <c r="C9124" s="1" t="s">
        <v>5</v>
      </c>
      <c r="D9124" s="1" t="s">
        <v>7645</v>
      </c>
      <c r="E9124" s="1" t="s">
        <v>11</v>
      </c>
    </row>
    <row r="9125">
      <c r="A9125" s="1">
        <v>4.90451203E8</v>
      </c>
      <c r="B9125" s="2">
        <v>12861.0</v>
      </c>
      <c r="C9125" s="1" t="s">
        <v>5</v>
      </c>
      <c r="D9125" s="1" t="s">
        <v>7646</v>
      </c>
      <c r="E9125" s="1" t="s">
        <v>7</v>
      </c>
    </row>
    <row r="9126">
      <c r="A9126" s="1">
        <v>4.90451205E8</v>
      </c>
      <c r="B9126" s="2">
        <v>12846.0</v>
      </c>
      <c r="C9126" s="1" t="s">
        <v>5</v>
      </c>
      <c r="D9126" s="1" t="s">
        <v>7647</v>
      </c>
      <c r="E9126" s="1" t="s">
        <v>7</v>
      </c>
    </row>
    <row r="9127">
      <c r="A9127" s="1">
        <v>4.90451241E8</v>
      </c>
      <c r="B9127" s="2">
        <v>12705.0</v>
      </c>
      <c r="C9127" s="1" t="s">
        <v>5</v>
      </c>
      <c r="D9127" s="1" t="s">
        <v>7648</v>
      </c>
      <c r="E9127" s="1" t="s">
        <v>7649</v>
      </c>
    </row>
    <row r="9128">
      <c r="A9128" s="1">
        <v>4.90451254E8</v>
      </c>
      <c r="B9128" s="2">
        <v>12812.0</v>
      </c>
      <c r="C9128" s="1" t="s">
        <v>5</v>
      </c>
      <c r="D9128" s="1" t="s">
        <v>7650</v>
      </c>
      <c r="E9128" s="1" t="s">
        <v>7</v>
      </c>
    </row>
    <row r="9129">
      <c r="A9129" s="1">
        <v>4.90451264E8</v>
      </c>
      <c r="B9129" s="2">
        <v>12855.0</v>
      </c>
      <c r="C9129" s="1" t="s">
        <v>5</v>
      </c>
      <c r="D9129" s="1" t="s">
        <v>7651</v>
      </c>
      <c r="E9129" s="1" t="s">
        <v>7652</v>
      </c>
    </row>
    <row r="9130">
      <c r="A9130" s="1">
        <v>4.9045128E8</v>
      </c>
      <c r="B9130" s="2">
        <v>12813.0</v>
      </c>
      <c r="C9130" s="1" t="s">
        <v>5</v>
      </c>
      <c r="D9130" s="1" t="s">
        <v>7653</v>
      </c>
      <c r="E9130" s="1" t="s">
        <v>7</v>
      </c>
    </row>
    <row r="9131">
      <c r="A9131" s="1">
        <v>4.904513E8</v>
      </c>
      <c r="B9131" s="2">
        <v>12865.0</v>
      </c>
      <c r="C9131" s="1" t="s">
        <v>5</v>
      </c>
      <c r="D9131" s="1" t="s">
        <v>7654</v>
      </c>
      <c r="E9131" s="1" t="s">
        <v>11</v>
      </c>
    </row>
    <row r="9132">
      <c r="A9132" s="1">
        <v>4.90451301E8</v>
      </c>
      <c r="B9132" s="2">
        <v>12705.0</v>
      </c>
      <c r="C9132" s="1" t="s">
        <v>5</v>
      </c>
      <c r="D9132" s="1" t="s">
        <v>7655</v>
      </c>
      <c r="E9132" s="1" t="s">
        <v>7</v>
      </c>
    </row>
    <row r="9133">
      <c r="A9133" s="1">
        <v>4.90451304E8</v>
      </c>
      <c r="B9133" s="2">
        <v>12740.0</v>
      </c>
      <c r="C9133" s="1" t="s">
        <v>5</v>
      </c>
      <c r="D9133" s="1" t="s">
        <v>7656</v>
      </c>
      <c r="E9133" s="1" t="s">
        <v>7657</v>
      </c>
    </row>
    <row r="9134">
      <c r="A9134" s="1">
        <v>4.90451325E8</v>
      </c>
      <c r="B9134" s="2">
        <v>12865.0</v>
      </c>
      <c r="C9134" s="1" t="s">
        <v>5</v>
      </c>
      <c r="D9134" s="1" t="s">
        <v>7658</v>
      </c>
      <c r="E9134" s="1" t="s">
        <v>7</v>
      </c>
    </row>
    <row r="9135">
      <c r="A9135" s="1">
        <v>4.90451362E8</v>
      </c>
      <c r="B9135" s="2">
        <v>12803.0</v>
      </c>
      <c r="C9135" s="1" t="s">
        <v>5</v>
      </c>
      <c r="D9135" s="1" t="s">
        <v>7659</v>
      </c>
      <c r="E9135" s="1" t="s">
        <v>7</v>
      </c>
    </row>
    <row r="9136">
      <c r="A9136" s="1">
        <v>4.90451369E8</v>
      </c>
      <c r="B9136" s="2">
        <v>12861.0</v>
      </c>
      <c r="C9136" s="1" t="s">
        <v>5</v>
      </c>
      <c r="D9136" s="1" t="s">
        <v>7660</v>
      </c>
      <c r="E9136" s="1" t="s">
        <v>11</v>
      </c>
    </row>
    <row r="9137">
      <c r="A9137" s="1">
        <v>4.90451373E8</v>
      </c>
      <c r="B9137" s="2">
        <v>12869.0</v>
      </c>
      <c r="C9137" s="1" t="s">
        <v>5</v>
      </c>
      <c r="D9137" s="1" t="s">
        <v>11</v>
      </c>
      <c r="E9137" s="1" t="s">
        <v>7</v>
      </c>
    </row>
    <row r="9138">
      <c r="A9138" s="1">
        <v>4.90451375E8</v>
      </c>
      <c r="B9138" s="2">
        <v>12863.0</v>
      </c>
      <c r="C9138" s="1" t="s">
        <v>5</v>
      </c>
      <c r="D9138" s="1" t="s">
        <v>7661</v>
      </c>
      <c r="E9138" s="1" t="s">
        <v>7</v>
      </c>
    </row>
    <row r="9139">
      <c r="A9139" s="1">
        <v>4.90451387E8</v>
      </c>
      <c r="B9139" s="2">
        <v>12799.0</v>
      </c>
      <c r="C9139" s="1" t="s">
        <v>5</v>
      </c>
      <c r="D9139" s="1" t="s">
        <v>7662</v>
      </c>
      <c r="E9139" s="1" t="s">
        <v>7</v>
      </c>
    </row>
    <row r="9140">
      <c r="A9140" s="1">
        <v>4.90451393E8</v>
      </c>
      <c r="B9140" s="2">
        <v>12865.0</v>
      </c>
      <c r="C9140" s="1" t="s">
        <v>5</v>
      </c>
      <c r="D9140" s="1" t="s">
        <v>7663</v>
      </c>
      <c r="E9140" s="1" t="s">
        <v>11</v>
      </c>
    </row>
    <row r="9141">
      <c r="A9141" s="1">
        <v>4.90451417E8</v>
      </c>
      <c r="B9141" s="2">
        <v>12811.0</v>
      </c>
      <c r="C9141" s="1" t="s">
        <v>5</v>
      </c>
      <c r="D9141" s="1" t="s">
        <v>7664</v>
      </c>
      <c r="E9141" s="1" t="s">
        <v>7</v>
      </c>
    </row>
    <row r="9142">
      <c r="A9142" s="1">
        <v>4.90451441E8</v>
      </c>
      <c r="B9142" s="2">
        <v>12774.0</v>
      </c>
      <c r="C9142" s="1" t="s">
        <v>5</v>
      </c>
      <c r="D9142" s="1" t="s">
        <v>7665</v>
      </c>
      <c r="E9142" s="1" t="s">
        <v>7666</v>
      </c>
    </row>
    <row r="9143">
      <c r="A9143" s="1">
        <v>4.90451481E8</v>
      </c>
      <c r="B9143" s="2">
        <v>12797.0</v>
      </c>
      <c r="C9143" s="1" t="s">
        <v>5</v>
      </c>
      <c r="D9143" s="1" t="s">
        <v>7667</v>
      </c>
      <c r="E9143" s="1" t="s">
        <v>11</v>
      </c>
    </row>
    <row r="9144">
      <c r="A9144" s="1">
        <v>4.90451493E8</v>
      </c>
      <c r="B9144" s="2">
        <v>12864.0</v>
      </c>
      <c r="C9144" s="1" t="s">
        <v>5</v>
      </c>
      <c r="D9144" s="1" t="s">
        <v>7668</v>
      </c>
      <c r="E9144" s="1" t="s">
        <v>7669</v>
      </c>
    </row>
    <row r="9145">
      <c r="A9145" s="1">
        <v>4.90451496E8</v>
      </c>
      <c r="B9145" s="2">
        <v>12811.0</v>
      </c>
      <c r="C9145" s="1" t="s">
        <v>5</v>
      </c>
      <c r="D9145" s="1" t="s">
        <v>7670</v>
      </c>
      <c r="E9145" s="1" t="s">
        <v>7</v>
      </c>
    </row>
    <row r="9146">
      <c r="A9146" s="1">
        <v>4.90451502E8</v>
      </c>
      <c r="B9146" s="2">
        <v>12857.0</v>
      </c>
      <c r="C9146" s="1" t="s">
        <v>5</v>
      </c>
      <c r="D9146" s="1" t="s">
        <v>7671</v>
      </c>
      <c r="E9146" s="1" t="s">
        <v>11</v>
      </c>
    </row>
    <row r="9147">
      <c r="A9147" s="1">
        <v>4.90451514E8</v>
      </c>
      <c r="B9147" s="2">
        <v>12899.0</v>
      </c>
      <c r="C9147" s="1" t="s">
        <v>5</v>
      </c>
      <c r="D9147" s="1" t="s">
        <v>7672</v>
      </c>
      <c r="E9147" s="1" t="s">
        <v>7</v>
      </c>
    </row>
    <row r="9148">
      <c r="A9148" s="1">
        <v>4.90451545E8</v>
      </c>
      <c r="B9148" s="2">
        <v>12868.0</v>
      </c>
      <c r="C9148" s="1" t="s">
        <v>5</v>
      </c>
      <c r="D9148" s="1" t="s">
        <v>7673</v>
      </c>
      <c r="E9148" s="1" t="s">
        <v>7</v>
      </c>
    </row>
    <row r="9149">
      <c r="A9149" s="1">
        <v>4.90451556E8</v>
      </c>
      <c r="B9149" s="2">
        <v>12798.0</v>
      </c>
      <c r="C9149" s="1" t="s">
        <v>5</v>
      </c>
      <c r="D9149" s="1" t="s">
        <v>7674</v>
      </c>
      <c r="E9149" s="1" t="s">
        <v>7</v>
      </c>
    </row>
    <row r="9150">
      <c r="A9150" s="1">
        <v>4.90451594E8</v>
      </c>
      <c r="B9150" s="2">
        <v>12790.0</v>
      </c>
      <c r="C9150" s="1" t="s">
        <v>5</v>
      </c>
      <c r="D9150" s="1" t="s">
        <v>7675</v>
      </c>
      <c r="E9150" s="1" t="s">
        <v>7</v>
      </c>
    </row>
    <row r="9151">
      <c r="A9151" s="1">
        <v>4.90451639E8</v>
      </c>
      <c r="B9151" s="2">
        <v>12864.0</v>
      </c>
      <c r="C9151" s="1" t="s">
        <v>5</v>
      </c>
      <c r="D9151" s="1" t="s">
        <v>7676</v>
      </c>
      <c r="E9151" s="1" t="s">
        <v>7</v>
      </c>
    </row>
    <row r="9152">
      <c r="A9152" s="1">
        <v>4.90451741E8</v>
      </c>
      <c r="B9152" s="2">
        <v>12798.0</v>
      </c>
      <c r="C9152" s="1" t="s">
        <v>5</v>
      </c>
      <c r="D9152" s="1" t="s">
        <v>7677</v>
      </c>
      <c r="E9152" s="1" t="s">
        <v>7</v>
      </c>
    </row>
    <row r="9153">
      <c r="A9153" s="1">
        <v>4.90451774E8</v>
      </c>
      <c r="B9153" s="2">
        <v>12861.0</v>
      </c>
      <c r="C9153" s="1" t="s">
        <v>5</v>
      </c>
      <c r="D9153" s="1" t="s">
        <v>11</v>
      </c>
      <c r="E9153" s="1" t="s">
        <v>7</v>
      </c>
    </row>
    <row r="9154">
      <c r="A9154" s="1">
        <v>4.90451824E8</v>
      </c>
      <c r="B9154" s="2">
        <v>12855.0</v>
      </c>
      <c r="C9154" s="1" t="s">
        <v>5</v>
      </c>
      <c r="D9154" s="1" t="s">
        <v>7678</v>
      </c>
      <c r="E9154" s="1" t="s">
        <v>11</v>
      </c>
    </row>
    <row r="9155">
      <c r="A9155" s="1">
        <v>4.90451827E8</v>
      </c>
      <c r="B9155" s="2">
        <v>12813.0</v>
      </c>
      <c r="C9155" s="1" t="s">
        <v>5</v>
      </c>
      <c r="D9155" s="1" t="s">
        <v>7679</v>
      </c>
      <c r="E9155" s="1" t="s">
        <v>7</v>
      </c>
    </row>
    <row r="9156">
      <c r="A9156" s="1">
        <v>4.90451838E8</v>
      </c>
      <c r="B9156" s="2">
        <v>12801.0</v>
      </c>
      <c r="C9156" s="1" t="s">
        <v>5</v>
      </c>
      <c r="D9156" s="1" t="s">
        <v>7680</v>
      </c>
      <c r="E9156" s="1" t="s">
        <v>7681</v>
      </c>
    </row>
    <row r="9157">
      <c r="A9157" s="1">
        <v>4.90451854E8</v>
      </c>
      <c r="B9157" s="2">
        <v>12790.0</v>
      </c>
      <c r="C9157" s="1" t="s">
        <v>5</v>
      </c>
      <c r="D9157" s="1" t="s">
        <v>7682</v>
      </c>
      <c r="E9157" s="1" t="s">
        <v>7</v>
      </c>
    </row>
    <row r="9158">
      <c r="A9158" s="1">
        <v>4.90451857E8</v>
      </c>
      <c r="B9158" s="2">
        <v>12810.0</v>
      </c>
      <c r="C9158" s="1" t="s">
        <v>5</v>
      </c>
      <c r="D9158" s="1" t="s">
        <v>7683</v>
      </c>
      <c r="E9158" s="1" t="s">
        <v>7</v>
      </c>
    </row>
    <row r="9159">
      <c r="A9159" s="1">
        <v>4.90451952E8</v>
      </c>
      <c r="B9159" s="2">
        <v>12859.0</v>
      </c>
      <c r="C9159" s="1" t="s">
        <v>5</v>
      </c>
      <c r="D9159" s="1" t="s">
        <v>7684</v>
      </c>
      <c r="E9159" s="1" t="s">
        <v>11</v>
      </c>
    </row>
    <row r="9160">
      <c r="A9160" s="1">
        <v>4.90451974E8</v>
      </c>
      <c r="B9160" s="2">
        <v>12807.0</v>
      </c>
      <c r="C9160" s="1" t="s">
        <v>5</v>
      </c>
      <c r="D9160" s="1" t="s">
        <v>7685</v>
      </c>
      <c r="E9160" s="1" t="s">
        <v>7686</v>
      </c>
    </row>
    <row r="9161">
      <c r="A9161" s="1">
        <v>4.9045198E8</v>
      </c>
      <c r="B9161" s="2">
        <v>12801.0</v>
      </c>
      <c r="C9161" s="1" t="s">
        <v>5</v>
      </c>
      <c r="D9161" s="1" t="s">
        <v>7687</v>
      </c>
      <c r="E9161" s="1" t="s">
        <v>11</v>
      </c>
    </row>
    <row r="9162">
      <c r="A9162" s="1">
        <v>4.90452013E8</v>
      </c>
      <c r="B9162" s="2">
        <v>12854.0</v>
      </c>
      <c r="C9162" s="1" t="s">
        <v>5</v>
      </c>
      <c r="D9162" s="1" t="s">
        <v>7688</v>
      </c>
      <c r="E9162" s="1" t="s">
        <v>7</v>
      </c>
    </row>
    <row r="9163">
      <c r="A9163" s="1">
        <v>4.90452014E8</v>
      </c>
      <c r="B9163" s="2">
        <v>12801.0</v>
      </c>
      <c r="C9163" s="1" t="s">
        <v>5</v>
      </c>
      <c r="D9163" s="1" t="s">
        <v>7689</v>
      </c>
      <c r="E9163" s="1" t="s">
        <v>7</v>
      </c>
    </row>
    <row r="9164">
      <c r="A9164" s="1">
        <v>4.90452016E8</v>
      </c>
      <c r="B9164" s="2">
        <v>12859.0</v>
      </c>
      <c r="C9164" s="1" t="s">
        <v>5</v>
      </c>
      <c r="D9164" s="1" t="s">
        <v>7690</v>
      </c>
      <c r="E9164" s="1" t="s">
        <v>7</v>
      </c>
    </row>
    <row r="9165">
      <c r="A9165" s="1">
        <v>4.90452032E8</v>
      </c>
      <c r="B9165" s="2">
        <v>12849.0</v>
      </c>
      <c r="C9165" s="1" t="s">
        <v>5</v>
      </c>
      <c r="D9165" s="1" t="s">
        <v>11</v>
      </c>
      <c r="E9165" s="1" t="s">
        <v>7</v>
      </c>
    </row>
    <row r="9166">
      <c r="A9166" s="1">
        <v>4.90452084E8</v>
      </c>
      <c r="B9166" s="2">
        <v>12811.0</v>
      </c>
      <c r="C9166" s="1" t="s">
        <v>5</v>
      </c>
      <c r="D9166" s="1" t="s">
        <v>7691</v>
      </c>
      <c r="E9166" s="1" t="s">
        <v>11</v>
      </c>
    </row>
    <row r="9167">
      <c r="A9167" s="1">
        <v>4.90452106E8</v>
      </c>
      <c r="B9167" s="2">
        <v>12800.0</v>
      </c>
      <c r="C9167" s="1" t="s">
        <v>5</v>
      </c>
      <c r="D9167" s="1" t="s">
        <v>11</v>
      </c>
      <c r="E9167" s="1" t="s">
        <v>7</v>
      </c>
    </row>
    <row r="9168">
      <c r="A9168" s="1">
        <v>4.90452108E8</v>
      </c>
      <c r="B9168" s="2">
        <v>12798.0</v>
      </c>
      <c r="C9168" s="1" t="s">
        <v>5</v>
      </c>
      <c r="D9168" s="1" t="s">
        <v>11</v>
      </c>
      <c r="E9168" s="1" t="s">
        <v>7</v>
      </c>
    </row>
    <row r="9169">
      <c r="A9169" s="1">
        <v>4.90452117E8</v>
      </c>
      <c r="B9169" s="2">
        <v>12858.0</v>
      </c>
      <c r="C9169" s="1" t="s">
        <v>5</v>
      </c>
      <c r="D9169" s="1" t="s">
        <v>7692</v>
      </c>
      <c r="E9169" s="1" t="s">
        <v>7</v>
      </c>
    </row>
    <row r="9170">
      <c r="A9170" s="1">
        <v>4.90452129E8</v>
      </c>
      <c r="B9170" s="2">
        <v>12787.0</v>
      </c>
      <c r="C9170" s="1" t="s">
        <v>5</v>
      </c>
      <c r="D9170" s="1" t="s">
        <v>7693</v>
      </c>
      <c r="E9170" s="1" t="s">
        <v>7</v>
      </c>
    </row>
    <row r="9171">
      <c r="A9171" s="1">
        <v>4.90452149E8</v>
      </c>
      <c r="B9171" s="2">
        <v>12808.0</v>
      </c>
      <c r="C9171" s="1" t="s">
        <v>5</v>
      </c>
      <c r="D9171" s="1" t="s">
        <v>7694</v>
      </c>
      <c r="E9171" s="1" t="s">
        <v>7</v>
      </c>
    </row>
    <row r="9172">
      <c r="A9172" s="1">
        <v>4.90452155E8</v>
      </c>
      <c r="B9172" s="2">
        <v>12900.0</v>
      </c>
      <c r="C9172" s="1" t="s">
        <v>5</v>
      </c>
      <c r="D9172" s="1" t="s">
        <v>7695</v>
      </c>
      <c r="E9172" s="1" t="s">
        <v>11</v>
      </c>
    </row>
    <row r="9173">
      <c r="A9173" s="1">
        <v>4.90452165E8</v>
      </c>
      <c r="B9173" s="2">
        <v>12794.0</v>
      </c>
      <c r="C9173" s="1" t="s">
        <v>5</v>
      </c>
      <c r="D9173" s="1" t="s">
        <v>7696</v>
      </c>
      <c r="E9173" s="1" t="s">
        <v>7</v>
      </c>
    </row>
    <row r="9174">
      <c r="A9174" s="1">
        <v>4.90452169E8</v>
      </c>
      <c r="B9174" s="2">
        <v>12813.0</v>
      </c>
      <c r="C9174" s="1" t="s">
        <v>5</v>
      </c>
      <c r="D9174" s="1" t="s">
        <v>11</v>
      </c>
      <c r="E9174" s="1" t="s">
        <v>7</v>
      </c>
    </row>
    <row r="9175">
      <c r="A9175" s="1">
        <v>4.90452176E8</v>
      </c>
      <c r="B9175" s="2">
        <v>12798.0</v>
      </c>
      <c r="C9175" s="1" t="s">
        <v>5</v>
      </c>
      <c r="D9175" s="1" t="s">
        <v>7697</v>
      </c>
      <c r="E9175" s="1" t="s">
        <v>7</v>
      </c>
    </row>
    <row r="9176">
      <c r="A9176" s="1">
        <v>4.90452212E8</v>
      </c>
      <c r="B9176" s="2">
        <v>12813.0</v>
      </c>
      <c r="C9176" s="1" t="s">
        <v>5</v>
      </c>
      <c r="D9176" s="1" t="s">
        <v>7698</v>
      </c>
      <c r="E9176" s="1" t="s">
        <v>7</v>
      </c>
    </row>
    <row r="9177">
      <c r="A9177" s="1">
        <v>4.9045222E8</v>
      </c>
      <c r="B9177" s="2">
        <v>12808.0</v>
      </c>
      <c r="C9177" s="1" t="s">
        <v>5</v>
      </c>
      <c r="D9177" s="1" t="s">
        <v>7699</v>
      </c>
      <c r="E9177" s="1" t="s">
        <v>7</v>
      </c>
    </row>
    <row r="9178">
      <c r="A9178" s="1">
        <v>4.90452225E8</v>
      </c>
      <c r="B9178" s="2">
        <v>12796.0</v>
      </c>
      <c r="C9178" s="1" t="s">
        <v>5</v>
      </c>
      <c r="D9178" s="1" t="s">
        <v>7700</v>
      </c>
      <c r="E9178" s="1" t="s">
        <v>7701</v>
      </c>
    </row>
    <row r="9179">
      <c r="A9179" s="1">
        <v>4.90452226E8</v>
      </c>
      <c r="B9179" s="2">
        <v>12897.0</v>
      </c>
      <c r="C9179" s="1" t="s">
        <v>5</v>
      </c>
      <c r="D9179" s="1" t="s">
        <v>7702</v>
      </c>
      <c r="E9179" s="1" t="s">
        <v>7</v>
      </c>
    </row>
    <row r="9180">
      <c r="A9180" s="1">
        <v>4.90452252E8</v>
      </c>
      <c r="B9180" s="2">
        <v>12808.0</v>
      </c>
      <c r="C9180" s="1" t="s">
        <v>5</v>
      </c>
      <c r="D9180" s="1" t="s">
        <v>7703</v>
      </c>
      <c r="E9180" s="1" t="s">
        <v>7704</v>
      </c>
    </row>
    <row r="9181">
      <c r="A9181" s="1">
        <v>4.90452265E8</v>
      </c>
      <c r="B9181" s="2">
        <v>12861.0</v>
      </c>
      <c r="C9181" s="1" t="s">
        <v>5</v>
      </c>
      <c r="D9181" s="1" t="s">
        <v>7705</v>
      </c>
      <c r="E9181" s="1" t="s">
        <v>7</v>
      </c>
    </row>
    <row r="9182">
      <c r="A9182" s="1">
        <v>4.90452282E8</v>
      </c>
      <c r="B9182" s="2">
        <v>12853.0</v>
      </c>
      <c r="C9182" s="1" t="s">
        <v>5</v>
      </c>
      <c r="D9182" s="1" t="s">
        <v>7706</v>
      </c>
      <c r="E9182" s="1" t="s">
        <v>7</v>
      </c>
    </row>
    <row r="9183">
      <c r="A9183" s="1">
        <v>4.90452318E8</v>
      </c>
      <c r="B9183" s="2">
        <v>12812.0</v>
      </c>
      <c r="C9183" s="1" t="s">
        <v>5</v>
      </c>
      <c r="D9183" s="1" t="s">
        <v>7707</v>
      </c>
      <c r="E9183" s="1" t="s">
        <v>7</v>
      </c>
    </row>
    <row r="9184">
      <c r="A9184" s="1">
        <v>4.90452343E8</v>
      </c>
      <c r="B9184" s="2">
        <v>12856.0</v>
      </c>
      <c r="C9184" s="1" t="s">
        <v>5</v>
      </c>
      <c r="D9184" s="1" t="s">
        <v>7708</v>
      </c>
      <c r="E9184" s="1" t="s">
        <v>7</v>
      </c>
    </row>
    <row r="9185">
      <c r="A9185" s="1">
        <v>4.90452345E8</v>
      </c>
      <c r="B9185" s="2">
        <v>12809.0</v>
      </c>
      <c r="C9185" s="1" t="s">
        <v>5</v>
      </c>
      <c r="D9185" s="1" t="s">
        <v>7709</v>
      </c>
      <c r="E9185" s="1" t="s">
        <v>7</v>
      </c>
    </row>
    <row r="9186">
      <c r="A9186" s="1">
        <v>4.90452357E8</v>
      </c>
      <c r="B9186" s="2">
        <v>12857.0</v>
      </c>
      <c r="C9186" s="1" t="s">
        <v>5</v>
      </c>
      <c r="D9186" s="1" t="s">
        <v>7710</v>
      </c>
      <c r="E9186" s="1" t="s">
        <v>7</v>
      </c>
    </row>
    <row r="9187">
      <c r="A9187" s="1">
        <v>4.90452405E8</v>
      </c>
      <c r="B9187" s="2">
        <v>12860.0</v>
      </c>
      <c r="C9187" s="1" t="s">
        <v>5</v>
      </c>
      <c r="D9187" s="1" t="s">
        <v>7711</v>
      </c>
      <c r="E9187" s="1" t="s">
        <v>7</v>
      </c>
    </row>
    <row r="9188">
      <c r="A9188" s="1">
        <v>4.90452407E8</v>
      </c>
      <c r="B9188" s="2">
        <v>12856.0</v>
      </c>
      <c r="C9188" s="1" t="s">
        <v>5</v>
      </c>
      <c r="D9188" s="1" t="s">
        <v>7712</v>
      </c>
      <c r="E9188" s="1" t="s">
        <v>11</v>
      </c>
    </row>
    <row r="9189">
      <c r="A9189" s="1">
        <v>4.90452414E8</v>
      </c>
      <c r="B9189" s="2">
        <v>12847.0</v>
      </c>
      <c r="C9189" s="1" t="s">
        <v>5</v>
      </c>
      <c r="D9189" s="1" t="s">
        <v>11</v>
      </c>
      <c r="E9189" s="1" t="s">
        <v>7</v>
      </c>
    </row>
    <row r="9190">
      <c r="A9190" s="1">
        <v>4.9045247E8</v>
      </c>
      <c r="B9190" s="2">
        <v>12855.0</v>
      </c>
      <c r="C9190" s="1" t="s">
        <v>5</v>
      </c>
      <c r="D9190" s="1" t="s">
        <v>7713</v>
      </c>
      <c r="E9190" s="1" t="s">
        <v>7</v>
      </c>
    </row>
    <row r="9191">
      <c r="A9191" s="1">
        <v>4.90452506E8</v>
      </c>
      <c r="B9191" s="2">
        <v>12793.0</v>
      </c>
      <c r="C9191" s="1" t="s">
        <v>5</v>
      </c>
      <c r="D9191" s="1" t="s">
        <v>7714</v>
      </c>
      <c r="E9191" s="1" t="s">
        <v>7</v>
      </c>
    </row>
    <row r="9192">
      <c r="A9192" s="1">
        <v>4.90452509E8</v>
      </c>
      <c r="B9192" s="2">
        <v>12808.0</v>
      </c>
      <c r="C9192" s="1" t="s">
        <v>5</v>
      </c>
      <c r="D9192" s="1" t="s">
        <v>7715</v>
      </c>
      <c r="E9192" s="1" t="s">
        <v>7</v>
      </c>
    </row>
    <row r="9193">
      <c r="A9193" s="1">
        <v>4.9045252E8</v>
      </c>
      <c r="B9193" s="2">
        <v>12849.0</v>
      </c>
      <c r="C9193" s="1" t="s">
        <v>5</v>
      </c>
      <c r="D9193" s="1" t="s">
        <v>11</v>
      </c>
      <c r="E9193" s="1" t="s">
        <v>7</v>
      </c>
    </row>
    <row r="9194">
      <c r="A9194" s="1">
        <v>4.90452525E8</v>
      </c>
      <c r="B9194" s="2">
        <v>12794.0</v>
      </c>
      <c r="C9194" s="1" t="s">
        <v>5</v>
      </c>
      <c r="D9194" s="1" t="s">
        <v>7716</v>
      </c>
      <c r="E9194" s="1" t="s">
        <v>7</v>
      </c>
    </row>
    <row r="9195">
      <c r="A9195" s="1">
        <v>4.90452535E8</v>
      </c>
      <c r="B9195" s="2">
        <v>12853.0</v>
      </c>
      <c r="C9195" s="1" t="s">
        <v>5</v>
      </c>
      <c r="D9195" s="1" t="s">
        <v>7717</v>
      </c>
      <c r="E9195" s="1" t="s">
        <v>7</v>
      </c>
    </row>
    <row r="9196">
      <c r="A9196" s="1">
        <v>4.90452567E8</v>
      </c>
      <c r="B9196" s="2">
        <v>12860.0</v>
      </c>
      <c r="C9196" s="1" t="s">
        <v>5</v>
      </c>
      <c r="D9196" s="1" t="s">
        <v>7718</v>
      </c>
      <c r="E9196" s="1" t="s">
        <v>7</v>
      </c>
    </row>
    <row r="9197">
      <c r="A9197" s="1">
        <v>4.90452569E8</v>
      </c>
      <c r="B9197" s="2">
        <v>12861.0</v>
      </c>
      <c r="C9197" s="1" t="s">
        <v>5</v>
      </c>
      <c r="D9197" s="1" t="s">
        <v>7719</v>
      </c>
      <c r="E9197" s="1" t="s">
        <v>7720</v>
      </c>
    </row>
    <row r="9198">
      <c r="A9198" s="1">
        <v>4.90452581E8</v>
      </c>
      <c r="B9198" s="2">
        <v>12769.0</v>
      </c>
      <c r="C9198" s="1" t="s">
        <v>5</v>
      </c>
      <c r="D9198" s="1" t="s">
        <v>7721</v>
      </c>
      <c r="E9198" s="1" t="s">
        <v>7</v>
      </c>
    </row>
    <row r="9199">
      <c r="A9199" s="1">
        <v>4.90452599E8</v>
      </c>
      <c r="B9199" s="2">
        <v>12811.0</v>
      </c>
      <c r="C9199" s="1" t="s">
        <v>5</v>
      </c>
      <c r="D9199" s="1" t="s">
        <v>7722</v>
      </c>
      <c r="E9199" s="1" t="s">
        <v>11</v>
      </c>
    </row>
    <row r="9200">
      <c r="A9200" s="1">
        <v>4.90452604E8</v>
      </c>
      <c r="B9200" s="2">
        <v>12846.0</v>
      </c>
      <c r="C9200" s="1" t="s">
        <v>5</v>
      </c>
      <c r="D9200" s="1" t="s">
        <v>11</v>
      </c>
      <c r="E9200" s="1" t="s">
        <v>7</v>
      </c>
    </row>
    <row r="9201">
      <c r="A9201" s="1">
        <v>4.90452628E8</v>
      </c>
      <c r="B9201" s="2">
        <v>12855.0</v>
      </c>
      <c r="C9201" s="1" t="s">
        <v>5</v>
      </c>
      <c r="D9201" s="1" t="s">
        <v>7723</v>
      </c>
      <c r="E9201" s="1" t="s">
        <v>7</v>
      </c>
    </row>
    <row r="9202">
      <c r="A9202" s="1">
        <v>4.90452646E8</v>
      </c>
      <c r="B9202" s="2">
        <v>12895.0</v>
      </c>
      <c r="C9202" s="1" t="s">
        <v>5</v>
      </c>
      <c r="D9202" s="1" t="s">
        <v>7724</v>
      </c>
      <c r="E9202" s="1" t="s">
        <v>7</v>
      </c>
    </row>
    <row r="9203">
      <c r="A9203" s="1">
        <v>4.90452673E8</v>
      </c>
      <c r="B9203" s="2">
        <v>12816.0</v>
      </c>
      <c r="C9203" s="1" t="s">
        <v>5</v>
      </c>
      <c r="D9203" s="1" t="s">
        <v>7725</v>
      </c>
      <c r="E9203" s="1" t="s">
        <v>7</v>
      </c>
    </row>
    <row r="9204">
      <c r="A9204" s="1">
        <v>4.90452704E8</v>
      </c>
      <c r="B9204" s="2">
        <v>12790.0</v>
      </c>
      <c r="C9204" s="1" t="s">
        <v>5</v>
      </c>
      <c r="D9204" s="1" t="s">
        <v>7726</v>
      </c>
      <c r="E9204" s="1" t="s">
        <v>7</v>
      </c>
    </row>
    <row r="9205">
      <c r="A9205" s="1">
        <v>4.90452707E8</v>
      </c>
      <c r="B9205" s="2">
        <v>12854.0</v>
      </c>
      <c r="C9205" s="1" t="s">
        <v>5</v>
      </c>
      <c r="D9205" s="1" t="s">
        <v>7727</v>
      </c>
      <c r="E9205" s="1" t="s">
        <v>11</v>
      </c>
    </row>
    <row r="9206">
      <c r="A9206" s="1">
        <v>4.90452742E8</v>
      </c>
      <c r="B9206" s="2">
        <v>12790.0</v>
      </c>
      <c r="C9206" s="1" t="s">
        <v>5</v>
      </c>
      <c r="D9206" s="1" t="s">
        <v>7728</v>
      </c>
      <c r="E9206" s="1" t="s">
        <v>11</v>
      </c>
    </row>
    <row r="9207">
      <c r="A9207" s="1">
        <v>4.90452744E8</v>
      </c>
      <c r="B9207" s="2">
        <v>12794.0</v>
      </c>
      <c r="C9207" s="1" t="s">
        <v>5</v>
      </c>
      <c r="D9207" s="1" t="s">
        <v>7729</v>
      </c>
      <c r="E9207" s="1" t="s">
        <v>11</v>
      </c>
    </row>
    <row r="9208">
      <c r="A9208" s="1">
        <v>4.90452766E8</v>
      </c>
      <c r="B9208" s="2">
        <v>12846.0</v>
      </c>
      <c r="C9208" s="1" t="s">
        <v>5</v>
      </c>
      <c r="D9208" s="1" t="s">
        <v>7730</v>
      </c>
      <c r="E9208" s="1" t="s">
        <v>7</v>
      </c>
    </row>
    <row r="9209">
      <c r="A9209" s="1">
        <v>4.90452768E8</v>
      </c>
      <c r="B9209" s="2">
        <v>12816.0</v>
      </c>
      <c r="C9209" s="1" t="s">
        <v>5</v>
      </c>
      <c r="D9209" s="1" t="s">
        <v>7731</v>
      </c>
      <c r="E9209" s="1" t="s">
        <v>11</v>
      </c>
    </row>
    <row r="9210">
      <c r="A9210" s="1">
        <v>4.90452769E8</v>
      </c>
      <c r="B9210" s="2">
        <v>12854.0</v>
      </c>
      <c r="C9210" s="1" t="s">
        <v>5</v>
      </c>
      <c r="D9210" s="1" t="s">
        <v>7732</v>
      </c>
      <c r="E9210" s="1" t="s">
        <v>7</v>
      </c>
    </row>
    <row r="9211">
      <c r="A9211" s="1">
        <v>4.9045278E8</v>
      </c>
      <c r="B9211" s="2">
        <v>12860.0</v>
      </c>
      <c r="C9211" s="1" t="s">
        <v>5</v>
      </c>
      <c r="D9211" s="1" t="s">
        <v>7733</v>
      </c>
      <c r="E9211" s="1" t="s">
        <v>7</v>
      </c>
    </row>
    <row r="9212">
      <c r="A9212" s="1">
        <v>4.90452807E8</v>
      </c>
      <c r="B9212" s="2">
        <v>12858.0</v>
      </c>
      <c r="C9212" s="1" t="s">
        <v>5</v>
      </c>
      <c r="D9212" s="1" t="s">
        <v>11</v>
      </c>
      <c r="E9212" s="1" t="s">
        <v>7</v>
      </c>
    </row>
    <row r="9213">
      <c r="A9213" s="1">
        <v>4.90452817E8</v>
      </c>
      <c r="B9213" s="2">
        <v>12805.0</v>
      </c>
      <c r="C9213" s="1" t="s">
        <v>5</v>
      </c>
      <c r="D9213" s="1" t="s">
        <v>11</v>
      </c>
      <c r="E9213" s="1" t="s">
        <v>7</v>
      </c>
    </row>
    <row r="9214">
      <c r="A9214" s="1">
        <v>4.90452825E8</v>
      </c>
      <c r="B9214" s="2">
        <v>12897.0</v>
      </c>
      <c r="C9214" s="1" t="s">
        <v>5</v>
      </c>
      <c r="D9214" s="1" t="s">
        <v>7734</v>
      </c>
      <c r="E9214" s="1" t="s">
        <v>7</v>
      </c>
    </row>
    <row r="9215">
      <c r="A9215" s="1">
        <v>4.90452836E8</v>
      </c>
      <c r="B9215" s="2">
        <v>12853.0</v>
      </c>
      <c r="C9215" s="1" t="s">
        <v>5</v>
      </c>
      <c r="D9215" s="1" t="s">
        <v>7735</v>
      </c>
      <c r="E9215" s="1" t="s">
        <v>7736</v>
      </c>
    </row>
    <row r="9216">
      <c r="A9216" s="1">
        <v>4.90452861E8</v>
      </c>
      <c r="B9216" s="2">
        <v>12806.0</v>
      </c>
      <c r="C9216" s="1" t="s">
        <v>5</v>
      </c>
      <c r="D9216" s="1" t="s">
        <v>7737</v>
      </c>
      <c r="E9216" s="1" t="s">
        <v>7</v>
      </c>
    </row>
    <row r="9217">
      <c r="A9217" s="1">
        <v>4.90452879E8</v>
      </c>
      <c r="B9217" s="2">
        <v>12789.0</v>
      </c>
      <c r="C9217" s="1" t="s">
        <v>5</v>
      </c>
      <c r="D9217" s="1" t="s">
        <v>7738</v>
      </c>
      <c r="E9217" s="1" t="s">
        <v>11</v>
      </c>
    </row>
    <row r="9218">
      <c r="A9218" s="1">
        <v>4.90452885E8</v>
      </c>
      <c r="B9218" s="2">
        <v>12845.0</v>
      </c>
      <c r="C9218" s="1" t="s">
        <v>5</v>
      </c>
      <c r="D9218" s="1" t="s">
        <v>7739</v>
      </c>
      <c r="E9218" s="1" t="s">
        <v>7</v>
      </c>
    </row>
    <row r="9219">
      <c r="A9219" s="1">
        <v>4.90452914E8</v>
      </c>
      <c r="B9219" s="2">
        <v>12845.0</v>
      </c>
      <c r="C9219" s="1" t="s">
        <v>5</v>
      </c>
      <c r="D9219" s="1" t="s">
        <v>7740</v>
      </c>
      <c r="E9219" s="1" t="s">
        <v>7</v>
      </c>
    </row>
    <row r="9220">
      <c r="A9220" s="1">
        <v>4.90452926E8</v>
      </c>
      <c r="B9220" s="2">
        <v>12766.0</v>
      </c>
      <c r="C9220" s="1" t="s">
        <v>5</v>
      </c>
      <c r="D9220" s="1" t="s">
        <v>7741</v>
      </c>
      <c r="E9220" s="1" t="s">
        <v>11</v>
      </c>
    </row>
    <row r="9221">
      <c r="A9221" s="1">
        <v>4.90452944E8</v>
      </c>
      <c r="B9221" s="2">
        <v>12803.0</v>
      </c>
      <c r="C9221" s="1" t="s">
        <v>5</v>
      </c>
      <c r="D9221" s="1" t="s">
        <v>7742</v>
      </c>
      <c r="E9221" s="1" t="s">
        <v>7</v>
      </c>
    </row>
    <row r="9222">
      <c r="A9222" s="1">
        <v>4.90452969E8</v>
      </c>
      <c r="B9222" s="2">
        <v>12803.0</v>
      </c>
      <c r="C9222" s="1" t="s">
        <v>5</v>
      </c>
      <c r="D9222" s="1" t="s">
        <v>7743</v>
      </c>
      <c r="E9222" s="1" t="s">
        <v>7</v>
      </c>
    </row>
    <row r="9223">
      <c r="A9223" s="1">
        <v>4.90452997E8</v>
      </c>
      <c r="B9223" s="2">
        <v>12793.0</v>
      </c>
      <c r="C9223" s="1" t="s">
        <v>5</v>
      </c>
      <c r="D9223" s="1" t="s">
        <v>7744</v>
      </c>
      <c r="E9223" s="1" t="s">
        <v>7</v>
      </c>
    </row>
    <row r="9224">
      <c r="A9224" s="1">
        <v>4.90452999E8</v>
      </c>
      <c r="B9224" s="2">
        <v>12803.0</v>
      </c>
      <c r="C9224" s="1" t="s">
        <v>5</v>
      </c>
      <c r="D9224" s="1" t="s">
        <v>5243</v>
      </c>
      <c r="E9224" s="1" t="s">
        <v>7</v>
      </c>
    </row>
    <row r="9225">
      <c r="A9225" s="1">
        <v>4.90453005E8</v>
      </c>
      <c r="B9225" s="2">
        <v>12853.0</v>
      </c>
      <c r="C9225" s="1" t="s">
        <v>5</v>
      </c>
      <c r="D9225" s="1" t="s">
        <v>7745</v>
      </c>
      <c r="E9225" s="1" t="s">
        <v>7</v>
      </c>
    </row>
    <row r="9226">
      <c r="A9226" s="1">
        <v>4.90453017E8</v>
      </c>
      <c r="B9226" s="2">
        <v>12853.0</v>
      </c>
      <c r="C9226" s="1" t="s">
        <v>5</v>
      </c>
      <c r="D9226" s="1" t="s">
        <v>7746</v>
      </c>
      <c r="E9226" s="1" t="s">
        <v>7</v>
      </c>
    </row>
    <row r="9227">
      <c r="A9227" s="1">
        <v>4.90453091E8</v>
      </c>
      <c r="B9227" s="2">
        <v>12791.0</v>
      </c>
      <c r="C9227" s="1" t="s">
        <v>5</v>
      </c>
      <c r="D9227" s="1" t="s">
        <v>7747</v>
      </c>
      <c r="E9227" s="1" t="s">
        <v>7748</v>
      </c>
    </row>
    <row r="9228">
      <c r="A9228" s="1">
        <v>4.90453092E8</v>
      </c>
      <c r="B9228" s="2">
        <v>12805.0</v>
      </c>
      <c r="C9228" s="1" t="s">
        <v>5</v>
      </c>
      <c r="D9228" s="1" t="s">
        <v>7749</v>
      </c>
      <c r="E9228" s="1" t="s">
        <v>7</v>
      </c>
    </row>
    <row r="9229">
      <c r="A9229" s="1">
        <v>4.90453122E8</v>
      </c>
      <c r="B9229" s="2">
        <v>12769.0</v>
      </c>
      <c r="C9229" s="1" t="s">
        <v>5</v>
      </c>
      <c r="D9229" s="1" t="s">
        <v>7750</v>
      </c>
      <c r="E9229" s="1" t="s">
        <v>7</v>
      </c>
    </row>
    <row r="9230">
      <c r="A9230" s="1">
        <v>4.90453147E8</v>
      </c>
      <c r="B9230" s="2">
        <v>12852.0</v>
      </c>
      <c r="C9230" s="1" t="s">
        <v>5</v>
      </c>
      <c r="D9230" s="1" t="s">
        <v>7751</v>
      </c>
      <c r="E9230" s="1" t="s">
        <v>11</v>
      </c>
    </row>
    <row r="9231">
      <c r="A9231" s="1">
        <v>4.90453155E8</v>
      </c>
      <c r="B9231" s="2">
        <v>12846.0</v>
      </c>
      <c r="C9231" s="1" t="s">
        <v>5</v>
      </c>
      <c r="D9231" s="1" t="s">
        <v>11</v>
      </c>
      <c r="E9231" s="1" t="s">
        <v>7</v>
      </c>
    </row>
    <row r="9232">
      <c r="A9232" s="1">
        <v>4.90453185E8</v>
      </c>
      <c r="B9232" s="2">
        <v>12802.0</v>
      </c>
      <c r="C9232" s="1" t="s">
        <v>5</v>
      </c>
      <c r="D9232" s="1" t="s">
        <v>7752</v>
      </c>
      <c r="E9232" s="1" t="s">
        <v>7</v>
      </c>
    </row>
    <row r="9233">
      <c r="A9233" s="1">
        <v>4.90453213E8</v>
      </c>
      <c r="B9233" s="2">
        <v>12899.0</v>
      </c>
      <c r="C9233" s="1" t="s">
        <v>5</v>
      </c>
      <c r="D9233" s="1" t="s">
        <v>7753</v>
      </c>
      <c r="E9233" s="1" t="s">
        <v>7754</v>
      </c>
    </row>
    <row r="9234">
      <c r="A9234" s="1">
        <v>4.90453217E8</v>
      </c>
      <c r="B9234" s="2">
        <v>12902.0</v>
      </c>
      <c r="C9234" s="1" t="s">
        <v>5</v>
      </c>
      <c r="D9234" s="1" t="s">
        <v>7755</v>
      </c>
      <c r="E9234" s="1" t="s">
        <v>7</v>
      </c>
    </row>
    <row r="9235">
      <c r="A9235" s="1">
        <v>4.90453222E8</v>
      </c>
      <c r="B9235" s="2">
        <v>12849.0</v>
      </c>
      <c r="C9235" s="1" t="s">
        <v>5</v>
      </c>
      <c r="D9235" s="1" t="s">
        <v>7756</v>
      </c>
      <c r="E9235" s="1" t="s">
        <v>7</v>
      </c>
    </row>
    <row r="9236">
      <c r="A9236" s="1">
        <v>4.90453245E8</v>
      </c>
      <c r="B9236" s="2">
        <v>12798.0</v>
      </c>
      <c r="C9236" s="1" t="s">
        <v>5</v>
      </c>
      <c r="D9236" s="1" t="s">
        <v>7757</v>
      </c>
      <c r="E9236" s="1" t="s">
        <v>7</v>
      </c>
    </row>
    <row r="9237">
      <c r="A9237" s="1">
        <v>4.90453246E8</v>
      </c>
      <c r="B9237" s="2">
        <v>12790.0</v>
      </c>
      <c r="C9237" s="1" t="s">
        <v>5</v>
      </c>
      <c r="D9237" s="1" t="s">
        <v>7758</v>
      </c>
      <c r="E9237" s="1" t="s">
        <v>11</v>
      </c>
    </row>
    <row r="9238">
      <c r="A9238" s="1">
        <v>4.90453248E8</v>
      </c>
      <c r="B9238" s="2">
        <v>12704.0</v>
      </c>
      <c r="C9238" s="1" t="s">
        <v>5</v>
      </c>
      <c r="D9238" s="1" t="s">
        <v>11</v>
      </c>
      <c r="E9238" s="1" t="s">
        <v>7</v>
      </c>
    </row>
    <row r="9239">
      <c r="A9239" s="1">
        <v>4.90453263E8</v>
      </c>
      <c r="B9239" s="2">
        <v>12763.0</v>
      </c>
      <c r="C9239" s="1" t="s">
        <v>5</v>
      </c>
      <c r="D9239" s="1" t="s">
        <v>7759</v>
      </c>
      <c r="E9239" s="1" t="s">
        <v>11</v>
      </c>
    </row>
    <row r="9240">
      <c r="A9240" s="1">
        <v>4.90453269E8</v>
      </c>
      <c r="B9240" s="2">
        <v>12855.0</v>
      </c>
      <c r="C9240" s="1" t="s">
        <v>5</v>
      </c>
      <c r="D9240" s="1" t="s">
        <v>7760</v>
      </c>
      <c r="E9240" s="1" t="s">
        <v>7</v>
      </c>
    </row>
    <row r="9241">
      <c r="A9241" s="1">
        <v>4.90453272E8</v>
      </c>
      <c r="B9241" s="2">
        <v>12839.0</v>
      </c>
      <c r="C9241" s="1" t="s">
        <v>5</v>
      </c>
      <c r="D9241" s="1" t="s">
        <v>7761</v>
      </c>
      <c r="E9241" s="1" t="s">
        <v>7</v>
      </c>
    </row>
    <row r="9242">
      <c r="A9242" s="1">
        <v>4.90453286E8</v>
      </c>
      <c r="B9242" s="2">
        <v>12855.0</v>
      </c>
      <c r="C9242" s="1" t="s">
        <v>5</v>
      </c>
      <c r="D9242" s="1" t="s">
        <v>7762</v>
      </c>
      <c r="E9242" s="1" t="s">
        <v>11</v>
      </c>
    </row>
    <row r="9243">
      <c r="A9243" s="1">
        <v>4.90453305E8</v>
      </c>
      <c r="B9243" s="2">
        <v>12804.0</v>
      </c>
      <c r="C9243" s="1" t="s">
        <v>5</v>
      </c>
      <c r="D9243" s="1" t="s">
        <v>7763</v>
      </c>
      <c r="E9243" s="1" t="s">
        <v>7</v>
      </c>
    </row>
    <row r="9244">
      <c r="A9244" s="1">
        <v>4.90453318E8</v>
      </c>
      <c r="B9244" s="2">
        <v>12798.0</v>
      </c>
      <c r="C9244" s="1" t="s">
        <v>5</v>
      </c>
      <c r="D9244" s="1" t="s">
        <v>7764</v>
      </c>
      <c r="E9244" s="1" t="s">
        <v>7</v>
      </c>
    </row>
    <row r="9245">
      <c r="A9245" s="1">
        <v>4.90453326E8</v>
      </c>
      <c r="B9245" s="2">
        <v>12848.0</v>
      </c>
      <c r="C9245" s="1" t="s">
        <v>5</v>
      </c>
      <c r="D9245" s="1" t="s">
        <v>7765</v>
      </c>
      <c r="E9245" s="1" t="s">
        <v>7</v>
      </c>
    </row>
    <row r="9246">
      <c r="A9246" s="1">
        <v>4.90453333E8</v>
      </c>
      <c r="B9246" s="2">
        <v>12855.0</v>
      </c>
      <c r="C9246" s="1" t="s">
        <v>5</v>
      </c>
      <c r="D9246" s="1" t="s">
        <v>7766</v>
      </c>
      <c r="E9246" s="1" t="s">
        <v>11</v>
      </c>
    </row>
    <row r="9247">
      <c r="A9247" s="1">
        <v>4.90453334E8</v>
      </c>
      <c r="B9247" s="2">
        <v>12803.0</v>
      </c>
      <c r="C9247" s="1" t="s">
        <v>5</v>
      </c>
      <c r="D9247" s="1" t="s">
        <v>7767</v>
      </c>
      <c r="E9247" s="1" t="s">
        <v>7</v>
      </c>
    </row>
    <row r="9248">
      <c r="A9248" s="1">
        <v>4.90453337E8</v>
      </c>
      <c r="B9248" s="2">
        <v>12889.0</v>
      </c>
      <c r="C9248" s="1" t="s">
        <v>5</v>
      </c>
      <c r="D9248" s="1" t="s">
        <v>7768</v>
      </c>
      <c r="E9248" s="1" t="s">
        <v>11</v>
      </c>
    </row>
    <row r="9249">
      <c r="A9249" s="1">
        <v>4.90453351E8</v>
      </c>
      <c r="B9249" s="2">
        <v>12848.0</v>
      </c>
      <c r="C9249" s="1" t="s">
        <v>5</v>
      </c>
      <c r="D9249" s="1" t="s">
        <v>7769</v>
      </c>
      <c r="E9249" s="1" t="s">
        <v>7</v>
      </c>
    </row>
    <row r="9250">
      <c r="A9250" s="1">
        <v>4.90453354E8</v>
      </c>
      <c r="B9250" s="2">
        <v>12803.0</v>
      </c>
      <c r="C9250" s="1" t="s">
        <v>5</v>
      </c>
      <c r="D9250" s="1" t="s">
        <v>7770</v>
      </c>
      <c r="E9250" s="1" t="s">
        <v>7771</v>
      </c>
    </row>
    <row r="9251">
      <c r="A9251" s="1">
        <v>4.90453383E8</v>
      </c>
      <c r="B9251" s="2">
        <v>12804.0</v>
      </c>
      <c r="C9251" s="1" t="s">
        <v>5</v>
      </c>
      <c r="D9251" s="1" t="s">
        <v>7772</v>
      </c>
      <c r="E9251" s="1" t="s">
        <v>11</v>
      </c>
    </row>
    <row r="9252">
      <c r="A9252" s="1">
        <v>4.90453393E8</v>
      </c>
      <c r="B9252" s="2">
        <v>12800.0</v>
      </c>
      <c r="C9252" s="1" t="s">
        <v>5</v>
      </c>
      <c r="D9252" s="1" t="s">
        <v>7773</v>
      </c>
      <c r="E9252" s="1" t="s">
        <v>7774</v>
      </c>
    </row>
    <row r="9253">
      <c r="A9253" s="1">
        <v>4.90453417E8</v>
      </c>
      <c r="B9253" s="2">
        <v>12802.0</v>
      </c>
      <c r="C9253" s="1" t="s">
        <v>5</v>
      </c>
      <c r="D9253" s="1" t="s">
        <v>7775</v>
      </c>
      <c r="E9253" s="1" t="s">
        <v>7</v>
      </c>
    </row>
    <row r="9254">
      <c r="A9254" s="1">
        <v>4.90453423E8</v>
      </c>
      <c r="B9254" s="2">
        <v>12848.0</v>
      </c>
      <c r="C9254" s="1" t="s">
        <v>5</v>
      </c>
      <c r="D9254" s="1" t="s">
        <v>7776</v>
      </c>
      <c r="E9254" s="1" t="s">
        <v>7</v>
      </c>
    </row>
    <row r="9255">
      <c r="A9255" s="1">
        <v>4.90453465E8</v>
      </c>
      <c r="B9255" s="2">
        <v>12800.0</v>
      </c>
      <c r="C9255" s="1" t="s">
        <v>5</v>
      </c>
      <c r="D9255" s="1" t="s">
        <v>7777</v>
      </c>
      <c r="E9255" s="1" t="s">
        <v>7</v>
      </c>
    </row>
    <row r="9256">
      <c r="A9256" s="1">
        <v>4.90453475E8</v>
      </c>
      <c r="B9256" s="2">
        <v>12848.0</v>
      </c>
      <c r="C9256" s="1" t="s">
        <v>5</v>
      </c>
      <c r="D9256" s="1" t="s">
        <v>11</v>
      </c>
      <c r="E9256" s="1" t="s">
        <v>7</v>
      </c>
    </row>
    <row r="9257">
      <c r="A9257" s="1">
        <v>4.90453476E8</v>
      </c>
      <c r="B9257" s="2">
        <v>12786.0</v>
      </c>
      <c r="C9257" s="1" t="s">
        <v>5</v>
      </c>
      <c r="D9257" s="1" t="s">
        <v>7778</v>
      </c>
      <c r="E9257" s="1" t="s">
        <v>11</v>
      </c>
    </row>
    <row r="9258">
      <c r="A9258" s="1">
        <v>4.90453485E8</v>
      </c>
      <c r="B9258" s="2">
        <v>12847.0</v>
      </c>
      <c r="C9258" s="1" t="s">
        <v>5</v>
      </c>
      <c r="D9258" s="1" t="s">
        <v>7779</v>
      </c>
      <c r="E9258" s="1" t="s">
        <v>7</v>
      </c>
    </row>
    <row r="9259">
      <c r="A9259" s="1">
        <v>4.90453491E8</v>
      </c>
      <c r="B9259" s="2">
        <v>12768.0</v>
      </c>
      <c r="C9259" s="1" t="s">
        <v>5</v>
      </c>
      <c r="D9259" s="1" t="s">
        <v>11</v>
      </c>
      <c r="E9259" s="1" t="s">
        <v>7</v>
      </c>
    </row>
    <row r="9260">
      <c r="A9260" s="1">
        <v>4.90453501E8</v>
      </c>
      <c r="B9260" s="2">
        <v>12800.0</v>
      </c>
      <c r="C9260" s="1" t="s">
        <v>5</v>
      </c>
      <c r="D9260" s="1" t="s">
        <v>11</v>
      </c>
      <c r="E9260" s="1" t="s">
        <v>7</v>
      </c>
    </row>
    <row r="9261">
      <c r="A9261" s="1">
        <v>4.9045351E8</v>
      </c>
      <c r="B9261" s="2">
        <v>12795.0</v>
      </c>
      <c r="C9261" s="1" t="s">
        <v>5</v>
      </c>
      <c r="D9261" s="1" t="s">
        <v>11</v>
      </c>
      <c r="E9261" s="1" t="s">
        <v>7</v>
      </c>
    </row>
    <row r="9262">
      <c r="A9262" s="1">
        <v>4.90453519E8</v>
      </c>
      <c r="B9262" s="2">
        <v>12785.0</v>
      </c>
      <c r="C9262" s="1" t="s">
        <v>5</v>
      </c>
      <c r="D9262" s="1" t="s">
        <v>7780</v>
      </c>
      <c r="E9262" s="1" t="s">
        <v>7</v>
      </c>
    </row>
    <row r="9263">
      <c r="A9263" s="1">
        <v>4.9045355E8</v>
      </c>
      <c r="B9263" s="2">
        <v>12800.0</v>
      </c>
      <c r="C9263" s="1" t="s">
        <v>5</v>
      </c>
      <c r="D9263" s="1" t="s">
        <v>7781</v>
      </c>
      <c r="E9263" s="1" t="s">
        <v>7</v>
      </c>
    </row>
    <row r="9264">
      <c r="A9264" s="1">
        <v>4.90453574E8</v>
      </c>
      <c r="B9264" s="2">
        <v>12848.0</v>
      </c>
      <c r="C9264" s="1" t="s">
        <v>5</v>
      </c>
      <c r="D9264" s="1" t="s">
        <v>7782</v>
      </c>
      <c r="E9264" s="1" t="s">
        <v>11</v>
      </c>
    </row>
    <row r="9265">
      <c r="A9265" s="1">
        <v>4.90453583E8</v>
      </c>
      <c r="B9265" s="2">
        <v>12904.0</v>
      </c>
      <c r="C9265" s="1" t="s">
        <v>5</v>
      </c>
      <c r="D9265" s="1" t="s">
        <v>7783</v>
      </c>
      <c r="E9265" s="1" t="s">
        <v>7</v>
      </c>
    </row>
    <row r="9266">
      <c r="A9266" s="1">
        <v>4.9045359E8</v>
      </c>
      <c r="B9266" s="2">
        <v>12788.0</v>
      </c>
      <c r="C9266" s="1" t="s">
        <v>5</v>
      </c>
      <c r="D9266" s="1" t="s">
        <v>7784</v>
      </c>
      <c r="E9266" s="1" t="s">
        <v>7</v>
      </c>
    </row>
    <row r="9267">
      <c r="A9267" s="1">
        <v>4.90453611E8</v>
      </c>
      <c r="B9267" s="2">
        <v>12788.0</v>
      </c>
      <c r="C9267" s="1" t="s">
        <v>5</v>
      </c>
      <c r="D9267" s="1" t="s">
        <v>7785</v>
      </c>
      <c r="E9267" s="1" t="s">
        <v>7</v>
      </c>
    </row>
    <row r="9268">
      <c r="A9268" s="1">
        <v>4.90453664E8</v>
      </c>
      <c r="B9268" s="2">
        <v>12903.0</v>
      </c>
      <c r="C9268" s="1" t="s">
        <v>5</v>
      </c>
      <c r="D9268" s="1" t="s">
        <v>7786</v>
      </c>
      <c r="E9268" s="1" t="s">
        <v>11</v>
      </c>
    </row>
    <row r="9269">
      <c r="A9269" s="1">
        <v>4.90453677E8</v>
      </c>
      <c r="B9269" s="2">
        <v>12837.0</v>
      </c>
      <c r="C9269" s="1" t="s">
        <v>5</v>
      </c>
      <c r="D9269" s="1" t="s">
        <v>7787</v>
      </c>
      <c r="E9269" s="1" t="s">
        <v>7</v>
      </c>
    </row>
    <row r="9270">
      <c r="A9270" s="1">
        <v>4.90453695E8</v>
      </c>
      <c r="B9270" s="2">
        <v>12849.0</v>
      </c>
      <c r="C9270" s="1" t="s">
        <v>5</v>
      </c>
      <c r="D9270" s="1" t="s">
        <v>7788</v>
      </c>
      <c r="E9270" s="1" t="s">
        <v>7789</v>
      </c>
    </row>
    <row r="9271">
      <c r="A9271" s="1">
        <v>4.90453703E8</v>
      </c>
      <c r="B9271" s="2">
        <v>12836.0</v>
      </c>
      <c r="C9271" s="1" t="s">
        <v>5</v>
      </c>
      <c r="D9271" s="1" t="s">
        <v>7790</v>
      </c>
      <c r="E9271" s="1" t="s">
        <v>7</v>
      </c>
    </row>
    <row r="9272">
      <c r="A9272" s="1">
        <v>4.90453713E8</v>
      </c>
      <c r="B9272" s="2">
        <v>12847.0</v>
      </c>
      <c r="C9272" s="1" t="s">
        <v>5</v>
      </c>
      <c r="D9272" s="1" t="s">
        <v>7791</v>
      </c>
      <c r="E9272" s="1" t="s">
        <v>7</v>
      </c>
    </row>
    <row r="9273">
      <c r="A9273" s="1">
        <v>4.90453721E8</v>
      </c>
      <c r="B9273" s="2">
        <v>12886.0</v>
      </c>
      <c r="C9273" s="1" t="s">
        <v>5</v>
      </c>
      <c r="D9273" s="1" t="s">
        <v>7792</v>
      </c>
      <c r="E9273" s="1" t="s">
        <v>7793</v>
      </c>
    </row>
    <row r="9274">
      <c r="A9274" s="1">
        <v>4.90453729E8</v>
      </c>
      <c r="B9274" s="2">
        <v>12855.0</v>
      </c>
      <c r="C9274" s="1" t="s">
        <v>5</v>
      </c>
      <c r="D9274" s="1" t="s">
        <v>7794</v>
      </c>
      <c r="E9274" s="1" t="s">
        <v>7</v>
      </c>
    </row>
    <row r="9275">
      <c r="A9275" s="1">
        <v>4.90453755E8</v>
      </c>
      <c r="B9275" s="2">
        <v>12855.0</v>
      </c>
      <c r="C9275" s="1" t="s">
        <v>5</v>
      </c>
      <c r="D9275" s="1" t="s">
        <v>7795</v>
      </c>
      <c r="E9275" s="1" t="s">
        <v>11</v>
      </c>
    </row>
    <row r="9276">
      <c r="A9276" s="1">
        <v>4.90453788E8</v>
      </c>
      <c r="B9276" s="2">
        <v>12836.0</v>
      </c>
      <c r="C9276" s="1" t="s">
        <v>5</v>
      </c>
      <c r="D9276" s="1" t="s">
        <v>7796</v>
      </c>
      <c r="E9276" s="1" t="s">
        <v>7</v>
      </c>
    </row>
    <row r="9277">
      <c r="A9277" s="1">
        <v>4.90453799E8</v>
      </c>
      <c r="B9277" s="2">
        <v>12799.0</v>
      </c>
      <c r="C9277" s="1" t="s">
        <v>5</v>
      </c>
      <c r="D9277" s="1" t="s">
        <v>7797</v>
      </c>
      <c r="E9277" s="1" t="s">
        <v>7</v>
      </c>
    </row>
    <row r="9278">
      <c r="A9278" s="1">
        <v>4.90453803E8</v>
      </c>
      <c r="B9278" s="2">
        <v>12795.0</v>
      </c>
      <c r="C9278" s="1" t="s">
        <v>5</v>
      </c>
      <c r="D9278" s="1" t="s">
        <v>7798</v>
      </c>
      <c r="E9278" s="1" t="s">
        <v>7</v>
      </c>
    </row>
    <row r="9279">
      <c r="A9279" s="1">
        <v>4.90453806E8</v>
      </c>
      <c r="B9279" s="2">
        <v>12902.0</v>
      </c>
      <c r="C9279" s="1" t="s">
        <v>5</v>
      </c>
      <c r="D9279" s="1" t="s">
        <v>7799</v>
      </c>
      <c r="E9279" s="1" t="s">
        <v>7</v>
      </c>
    </row>
    <row r="9280">
      <c r="A9280" s="1">
        <v>4.90453816E8</v>
      </c>
      <c r="B9280" s="2">
        <v>12836.0</v>
      </c>
      <c r="C9280" s="1" t="s">
        <v>5</v>
      </c>
      <c r="D9280" s="1" t="s">
        <v>11</v>
      </c>
      <c r="E9280" s="1" t="s">
        <v>7</v>
      </c>
    </row>
    <row r="9281">
      <c r="A9281" s="1">
        <v>4.90453831E8</v>
      </c>
      <c r="B9281" s="2">
        <v>12767.0</v>
      </c>
      <c r="C9281" s="1" t="s">
        <v>5</v>
      </c>
      <c r="D9281" s="1" t="s">
        <v>7800</v>
      </c>
      <c r="E9281" s="1" t="s">
        <v>7</v>
      </c>
    </row>
    <row r="9282">
      <c r="A9282" s="1">
        <v>4.90453838E8</v>
      </c>
      <c r="B9282" s="2">
        <v>12891.0</v>
      </c>
      <c r="C9282" s="1" t="s">
        <v>5</v>
      </c>
      <c r="D9282" s="1" t="s">
        <v>7801</v>
      </c>
      <c r="E9282" s="1" t="s">
        <v>11</v>
      </c>
    </row>
    <row r="9283">
      <c r="A9283" s="1">
        <v>4.90453839E8</v>
      </c>
      <c r="B9283" s="2">
        <v>12904.0</v>
      </c>
      <c r="C9283" s="1" t="s">
        <v>5</v>
      </c>
      <c r="D9283" s="1" t="s">
        <v>7802</v>
      </c>
      <c r="E9283" s="1" t="s">
        <v>7</v>
      </c>
    </row>
    <row r="9284">
      <c r="A9284" s="1">
        <v>4.90453849E8</v>
      </c>
      <c r="B9284" s="2">
        <v>12846.0</v>
      </c>
      <c r="C9284" s="1" t="s">
        <v>5</v>
      </c>
      <c r="D9284" s="1" t="s">
        <v>7803</v>
      </c>
      <c r="E9284" s="1" t="s">
        <v>7</v>
      </c>
    </row>
    <row r="9285">
      <c r="A9285" s="1">
        <v>4.90453865E8</v>
      </c>
      <c r="B9285" s="2">
        <v>12846.0</v>
      </c>
      <c r="C9285" s="1" t="s">
        <v>5</v>
      </c>
      <c r="D9285" s="1" t="s">
        <v>7804</v>
      </c>
      <c r="E9285" s="1" t="s">
        <v>11</v>
      </c>
    </row>
    <row r="9286">
      <c r="A9286" s="1">
        <v>4.90453872E8</v>
      </c>
      <c r="B9286" s="2">
        <v>12795.0</v>
      </c>
      <c r="C9286" s="1" t="s">
        <v>5</v>
      </c>
      <c r="D9286" s="1" t="s">
        <v>7805</v>
      </c>
      <c r="E9286" s="1" t="s">
        <v>11</v>
      </c>
    </row>
    <row r="9287">
      <c r="A9287" s="1">
        <v>4.90453886E8</v>
      </c>
      <c r="B9287" s="2">
        <v>12854.0</v>
      </c>
      <c r="C9287" s="1" t="s">
        <v>5</v>
      </c>
      <c r="D9287" s="1" t="s">
        <v>7806</v>
      </c>
      <c r="E9287" s="1" t="s">
        <v>7</v>
      </c>
    </row>
    <row r="9288">
      <c r="A9288" s="1">
        <v>4.90453925E8</v>
      </c>
      <c r="B9288" s="2">
        <v>12843.0</v>
      </c>
      <c r="C9288" s="1" t="s">
        <v>5</v>
      </c>
      <c r="D9288" s="1" t="s">
        <v>7807</v>
      </c>
      <c r="E9288" s="1" t="s">
        <v>7</v>
      </c>
    </row>
    <row r="9289">
      <c r="A9289" s="1">
        <v>4.90453951E8</v>
      </c>
      <c r="B9289" s="2">
        <v>12846.0</v>
      </c>
      <c r="C9289" s="1" t="s">
        <v>5</v>
      </c>
      <c r="D9289" s="1" t="s">
        <v>11</v>
      </c>
      <c r="E9289" s="1" t="s">
        <v>7</v>
      </c>
    </row>
    <row r="9290">
      <c r="A9290" s="1">
        <v>4.90453961E8</v>
      </c>
      <c r="B9290" s="2">
        <v>12816.0</v>
      </c>
      <c r="C9290" s="1" t="s">
        <v>5</v>
      </c>
      <c r="D9290" s="1" t="s">
        <v>7808</v>
      </c>
      <c r="E9290" s="1" t="s">
        <v>7</v>
      </c>
    </row>
    <row r="9291">
      <c r="A9291" s="1">
        <v>4.90453983E8</v>
      </c>
      <c r="B9291" s="2">
        <v>12835.0</v>
      </c>
      <c r="C9291" s="1" t="s">
        <v>5</v>
      </c>
      <c r="D9291" s="1" t="s">
        <v>7809</v>
      </c>
      <c r="E9291" s="1" t="s">
        <v>2384</v>
      </c>
    </row>
    <row r="9292">
      <c r="A9292" s="1">
        <v>4.90453993E8</v>
      </c>
      <c r="B9292" s="2">
        <v>12796.0</v>
      </c>
      <c r="C9292" s="1" t="s">
        <v>5</v>
      </c>
      <c r="D9292" s="1" t="s">
        <v>7810</v>
      </c>
      <c r="E9292" s="1" t="s">
        <v>7</v>
      </c>
    </row>
    <row r="9293">
      <c r="A9293" s="1">
        <v>4.90454006E8</v>
      </c>
      <c r="B9293" s="2">
        <v>12803.0</v>
      </c>
      <c r="C9293" s="1" t="s">
        <v>5</v>
      </c>
      <c r="D9293" s="1" t="s">
        <v>7811</v>
      </c>
      <c r="E9293" s="1" t="s">
        <v>7</v>
      </c>
    </row>
    <row r="9294">
      <c r="A9294" s="1">
        <v>4.90454009E8</v>
      </c>
      <c r="B9294" s="2">
        <v>12842.0</v>
      </c>
      <c r="C9294" s="1" t="s">
        <v>5</v>
      </c>
      <c r="D9294" s="1" t="s">
        <v>11</v>
      </c>
      <c r="E9294" s="1" t="s">
        <v>7</v>
      </c>
    </row>
    <row r="9295">
      <c r="A9295" s="1">
        <v>4.9045402E8</v>
      </c>
      <c r="B9295" s="2">
        <v>12843.0</v>
      </c>
      <c r="C9295" s="1" t="s">
        <v>5</v>
      </c>
      <c r="D9295" s="1" t="s">
        <v>7812</v>
      </c>
      <c r="E9295" s="1" t="s">
        <v>7</v>
      </c>
    </row>
    <row r="9296">
      <c r="A9296" s="1">
        <v>4.90454056E8</v>
      </c>
      <c r="B9296" s="2">
        <v>12796.0</v>
      </c>
      <c r="C9296" s="1" t="s">
        <v>5</v>
      </c>
      <c r="D9296" s="1" t="s">
        <v>11</v>
      </c>
      <c r="E9296" s="1" t="s">
        <v>7</v>
      </c>
    </row>
    <row r="9297">
      <c r="A9297" s="1">
        <v>4.90454057E8</v>
      </c>
      <c r="B9297" s="2">
        <v>12853.0</v>
      </c>
      <c r="C9297" s="1" t="s">
        <v>5</v>
      </c>
      <c r="D9297" s="1" t="s">
        <v>7813</v>
      </c>
      <c r="E9297" s="1" t="s">
        <v>7814</v>
      </c>
    </row>
    <row r="9298">
      <c r="A9298" s="1">
        <v>4.90454077E8</v>
      </c>
      <c r="B9298" s="2">
        <v>12796.0</v>
      </c>
      <c r="C9298" s="1" t="s">
        <v>5</v>
      </c>
      <c r="D9298" s="1" t="s">
        <v>7815</v>
      </c>
      <c r="E9298" s="1" t="s">
        <v>7</v>
      </c>
    </row>
    <row r="9299">
      <c r="A9299" s="1">
        <v>4.90454085E8</v>
      </c>
      <c r="B9299" s="2">
        <v>12900.0</v>
      </c>
      <c r="C9299" s="1" t="s">
        <v>5</v>
      </c>
      <c r="D9299" s="1" t="s">
        <v>7816</v>
      </c>
      <c r="E9299" s="1" t="s">
        <v>7</v>
      </c>
    </row>
    <row r="9300">
      <c r="A9300" s="1">
        <v>4.90454095E8</v>
      </c>
      <c r="B9300" s="2">
        <v>12884.0</v>
      </c>
      <c r="C9300" s="1" t="s">
        <v>5</v>
      </c>
      <c r="D9300" s="1" t="s">
        <v>7817</v>
      </c>
      <c r="E9300" s="1" t="s">
        <v>7818</v>
      </c>
    </row>
    <row r="9301">
      <c r="A9301" s="1">
        <v>4.90454097E8</v>
      </c>
      <c r="B9301" s="2">
        <v>12757.0</v>
      </c>
      <c r="C9301" s="1" t="s">
        <v>5</v>
      </c>
      <c r="D9301" s="1" t="s">
        <v>7</v>
      </c>
      <c r="E9301" s="1" t="s">
        <v>7</v>
      </c>
    </row>
    <row r="9302">
      <c r="A9302" s="1">
        <v>4.90454121E8</v>
      </c>
      <c r="B9302" s="2">
        <v>12793.0</v>
      </c>
      <c r="C9302" s="1" t="s">
        <v>5</v>
      </c>
      <c r="D9302" s="1" t="s">
        <v>11</v>
      </c>
      <c r="E9302" s="1" t="s">
        <v>7</v>
      </c>
    </row>
    <row r="9303">
      <c r="A9303" s="1">
        <v>4.90454126E8</v>
      </c>
      <c r="B9303" s="2">
        <v>12842.0</v>
      </c>
      <c r="C9303" s="1" t="s">
        <v>5</v>
      </c>
      <c r="D9303" s="1" t="s">
        <v>7819</v>
      </c>
      <c r="E9303" s="1" t="s">
        <v>7</v>
      </c>
    </row>
    <row r="9304">
      <c r="A9304" s="1">
        <v>4.90454132E8</v>
      </c>
      <c r="B9304" s="2">
        <v>12767.0</v>
      </c>
      <c r="C9304" s="1" t="s">
        <v>5</v>
      </c>
      <c r="D9304" s="1" t="s">
        <v>7820</v>
      </c>
      <c r="E9304" s="1" t="s">
        <v>7</v>
      </c>
    </row>
    <row r="9305">
      <c r="A9305" s="1">
        <v>4.90454144E8</v>
      </c>
      <c r="B9305" s="2">
        <v>12845.0</v>
      </c>
      <c r="C9305" s="1" t="s">
        <v>5</v>
      </c>
      <c r="D9305" s="1" t="s">
        <v>7821</v>
      </c>
      <c r="E9305" s="1" t="s">
        <v>7</v>
      </c>
    </row>
    <row r="9306">
      <c r="A9306" s="1">
        <v>4.90454154E8</v>
      </c>
      <c r="B9306" s="2">
        <v>12841.0</v>
      </c>
      <c r="C9306" s="1" t="s">
        <v>5</v>
      </c>
      <c r="D9306" s="1" t="s">
        <v>7822</v>
      </c>
      <c r="E9306" s="1" t="s">
        <v>7</v>
      </c>
    </row>
    <row r="9307">
      <c r="A9307" s="1">
        <v>4.90454163E8</v>
      </c>
      <c r="B9307" s="2">
        <v>12793.0</v>
      </c>
      <c r="C9307" s="1" t="s">
        <v>5</v>
      </c>
      <c r="D9307" s="1" t="s">
        <v>7823</v>
      </c>
      <c r="E9307" s="1" t="s">
        <v>11</v>
      </c>
    </row>
    <row r="9308">
      <c r="A9308" s="1">
        <v>4.90454166E8</v>
      </c>
      <c r="B9308" s="2">
        <v>12795.0</v>
      </c>
      <c r="C9308" s="1" t="s">
        <v>5</v>
      </c>
      <c r="D9308" s="1" t="s">
        <v>7824</v>
      </c>
      <c r="E9308" s="1" t="s">
        <v>7</v>
      </c>
    </row>
    <row r="9309">
      <c r="A9309" s="1">
        <v>4.90454185E8</v>
      </c>
      <c r="B9309" s="2">
        <v>12843.0</v>
      </c>
      <c r="C9309" s="1" t="s">
        <v>5</v>
      </c>
      <c r="D9309" s="1" t="s">
        <v>7825</v>
      </c>
      <c r="E9309" s="1" t="s">
        <v>11</v>
      </c>
    </row>
    <row r="9310">
      <c r="A9310" s="1">
        <v>4.90454257E8</v>
      </c>
      <c r="B9310" s="2">
        <v>12887.0</v>
      </c>
      <c r="C9310" s="1" t="s">
        <v>5</v>
      </c>
      <c r="D9310" s="1" t="s">
        <v>7826</v>
      </c>
      <c r="E9310" s="1" t="s">
        <v>7</v>
      </c>
    </row>
    <row r="9311">
      <c r="A9311" s="1">
        <v>4.90454265E8</v>
      </c>
      <c r="B9311" s="2">
        <v>12846.0</v>
      </c>
      <c r="C9311" s="1" t="s">
        <v>5</v>
      </c>
      <c r="D9311" s="1" t="s">
        <v>11</v>
      </c>
      <c r="E9311" s="1" t="s">
        <v>7</v>
      </c>
    </row>
    <row r="9312">
      <c r="A9312" s="1">
        <v>4.90454281E8</v>
      </c>
      <c r="B9312" s="2">
        <v>12843.0</v>
      </c>
      <c r="C9312" s="1" t="s">
        <v>5</v>
      </c>
      <c r="D9312" s="1" t="s">
        <v>7827</v>
      </c>
      <c r="E9312" s="1" t="s">
        <v>7</v>
      </c>
    </row>
    <row r="9313">
      <c r="A9313" s="1">
        <v>4.90454285E8</v>
      </c>
      <c r="B9313" s="2">
        <v>12791.0</v>
      </c>
      <c r="C9313" s="1" t="s">
        <v>5</v>
      </c>
      <c r="D9313" s="1" t="s">
        <v>7828</v>
      </c>
      <c r="E9313" s="1" t="s">
        <v>11</v>
      </c>
    </row>
    <row r="9314">
      <c r="A9314" s="1">
        <v>4.90454293E8</v>
      </c>
      <c r="B9314" s="2">
        <v>12849.0</v>
      </c>
      <c r="C9314" s="1" t="s">
        <v>5</v>
      </c>
      <c r="D9314" s="1" t="s">
        <v>11</v>
      </c>
      <c r="E9314" s="1" t="s">
        <v>7</v>
      </c>
    </row>
    <row r="9315">
      <c r="A9315" s="1">
        <v>4.90454296E8</v>
      </c>
      <c r="B9315" s="2">
        <v>12895.0</v>
      </c>
      <c r="C9315" s="1" t="s">
        <v>5</v>
      </c>
      <c r="D9315" s="1" t="s">
        <v>7829</v>
      </c>
      <c r="E9315" s="1" t="s">
        <v>7</v>
      </c>
    </row>
    <row r="9316">
      <c r="A9316" s="1">
        <v>4.90454303E8</v>
      </c>
      <c r="B9316" s="2">
        <v>12839.0</v>
      </c>
      <c r="C9316" s="1" t="s">
        <v>5</v>
      </c>
      <c r="D9316" s="1" t="s">
        <v>7830</v>
      </c>
      <c r="E9316" s="1" t="s">
        <v>11</v>
      </c>
    </row>
    <row r="9317">
      <c r="A9317" s="1">
        <v>4.90454305E8</v>
      </c>
      <c r="B9317" s="2">
        <v>12767.0</v>
      </c>
      <c r="C9317" s="1" t="s">
        <v>5</v>
      </c>
      <c r="D9317" s="1" t="s">
        <v>7</v>
      </c>
      <c r="E9317" s="1" t="s">
        <v>7</v>
      </c>
    </row>
    <row r="9318">
      <c r="A9318" s="1">
        <v>4.90454318E8</v>
      </c>
      <c r="B9318" s="2">
        <v>12794.0</v>
      </c>
      <c r="C9318" s="1" t="s">
        <v>5</v>
      </c>
      <c r="D9318" s="1" t="s">
        <v>11</v>
      </c>
      <c r="E9318" s="1" t="s">
        <v>7</v>
      </c>
    </row>
    <row r="9319">
      <c r="A9319" s="1">
        <v>4.90454325E8</v>
      </c>
      <c r="B9319" s="2">
        <v>12846.0</v>
      </c>
      <c r="C9319" s="1" t="s">
        <v>5</v>
      </c>
      <c r="D9319" s="1" t="s">
        <v>11</v>
      </c>
      <c r="E9319" s="1" t="s">
        <v>7</v>
      </c>
    </row>
    <row r="9320">
      <c r="A9320" s="1">
        <v>4.90454333E8</v>
      </c>
      <c r="B9320" s="2">
        <v>12882.0</v>
      </c>
      <c r="C9320" s="1" t="s">
        <v>5</v>
      </c>
      <c r="D9320" s="1" t="s">
        <v>7831</v>
      </c>
      <c r="E9320" s="1" t="s">
        <v>7</v>
      </c>
    </row>
    <row r="9321">
      <c r="A9321" s="1">
        <v>4.90454373E8</v>
      </c>
      <c r="B9321" s="2">
        <v>12842.0</v>
      </c>
      <c r="C9321" s="1" t="s">
        <v>5</v>
      </c>
      <c r="D9321" s="1" t="s">
        <v>11</v>
      </c>
      <c r="E9321" s="1" t="s">
        <v>7</v>
      </c>
    </row>
    <row r="9322">
      <c r="A9322" s="1">
        <v>4.90454393E8</v>
      </c>
      <c r="B9322" s="2">
        <v>12845.0</v>
      </c>
      <c r="C9322" s="1" t="s">
        <v>5</v>
      </c>
      <c r="D9322" s="1" t="s">
        <v>11</v>
      </c>
      <c r="E9322" s="1" t="s">
        <v>7</v>
      </c>
    </row>
    <row r="9323">
      <c r="A9323" s="1">
        <v>4.90454445E8</v>
      </c>
      <c r="B9323" s="2">
        <v>12896.0</v>
      </c>
      <c r="C9323" s="1" t="s">
        <v>5</v>
      </c>
      <c r="D9323" s="1" t="s">
        <v>7832</v>
      </c>
      <c r="E9323" s="1" t="s">
        <v>7</v>
      </c>
    </row>
    <row r="9324">
      <c r="A9324" s="1">
        <v>4.90454446E8</v>
      </c>
      <c r="B9324" s="2">
        <v>12902.0</v>
      </c>
      <c r="C9324" s="1" t="s">
        <v>5</v>
      </c>
      <c r="D9324" s="1" t="s">
        <v>11</v>
      </c>
      <c r="E9324" s="1" t="s">
        <v>7</v>
      </c>
    </row>
    <row r="9325">
      <c r="A9325" s="1">
        <v>4.90454457E8</v>
      </c>
      <c r="B9325" s="2">
        <v>12895.0</v>
      </c>
      <c r="C9325" s="1" t="s">
        <v>5</v>
      </c>
      <c r="D9325" s="1" t="s">
        <v>7833</v>
      </c>
      <c r="E9325" s="1" t="s">
        <v>11</v>
      </c>
    </row>
    <row r="9326">
      <c r="A9326" s="1">
        <v>4.90454459E8</v>
      </c>
      <c r="B9326" s="2">
        <v>12790.0</v>
      </c>
      <c r="C9326" s="1" t="s">
        <v>5</v>
      </c>
      <c r="D9326" s="1" t="s">
        <v>7834</v>
      </c>
      <c r="E9326" s="1" t="s">
        <v>7</v>
      </c>
    </row>
    <row r="9327">
      <c r="A9327" s="1">
        <v>4.90454463E8</v>
      </c>
      <c r="B9327" s="2">
        <v>12881.0</v>
      </c>
      <c r="C9327" s="1" t="s">
        <v>5</v>
      </c>
      <c r="D9327" s="1" t="s">
        <v>7835</v>
      </c>
      <c r="E9327" s="1" t="s">
        <v>7</v>
      </c>
    </row>
    <row r="9328">
      <c r="A9328" s="1">
        <v>4.90454465E8</v>
      </c>
      <c r="B9328" s="2">
        <v>12839.0</v>
      </c>
      <c r="C9328" s="1" t="s">
        <v>5</v>
      </c>
      <c r="D9328" s="1" t="s">
        <v>7836</v>
      </c>
      <c r="E9328" s="1" t="s">
        <v>7</v>
      </c>
    </row>
    <row r="9329">
      <c r="A9329" s="1">
        <v>4.90454485E8</v>
      </c>
      <c r="B9329" s="2">
        <v>12755.0</v>
      </c>
      <c r="C9329" s="1" t="s">
        <v>5</v>
      </c>
      <c r="D9329" s="1" t="s">
        <v>7837</v>
      </c>
      <c r="E9329" s="1" t="s">
        <v>7</v>
      </c>
    </row>
    <row r="9330">
      <c r="A9330" s="1">
        <v>4.90454581E8</v>
      </c>
      <c r="B9330" s="2">
        <v>12839.0</v>
      </c>
      <c r="C9330" s="1" t="s">
        <v>5</v>
      </c>
      <c r="D9330" s="1" t="s">
        <v>7838</v>
      </c>
      <c r="E9330" s="1" t="s">
        <v>11</v>
      </c>
    </row>
    <row r="9331">
      <c r="A9331" s="1">
        <v>4.90454585E8</v>
      </c>
      <c r="B9331" s="2">
        <v>12790.0</v>
      </c>
      <c r="C9331" s="1" t="s">
        <v>5</v>
      </c>
      <c r="D9331" s="1" t="s">
        <v>7839</v>
      </c>
      <c r="E9331" s="1" t="s">
        <v>7</v>
      </c>
    </row>
    <row r="9332">
      <c r="A9332" s="1">
        <v>4.90454597E8</v>
      </c>
      <c r="B9332" s="2">
        <v>12791.0</v>
      </c>
      <c r="C9332" s="1" t="s">
        <v>5</v>
      </c>
      <c r="D9332" s="1" t="s">
        <v>7840</v>
      </c>
      <c r="E9332" s="1" t="s">
        <v>7841</v>
      </c>
    </row>
    <row r="9333">
      <c r="A9333" s="1">
        <v>4.90454598E8</v>
      </c>
      <c r="B9333" s="2">
        <v>12894.0</v>
      </c>
      <c r="C9333" s="1" t="s">
        <v>5</v>
      </c>
      <c r="D9333" s="1" t="s">
        <v>11</v>
      </c>
      <c r="E9333" s="1" t="s">
        <v>7</v>
      </c>
    </row>
    <row r="9334">
      <c r="A9334" s="1">
        <v>4.90454633E8</v>
      </c>
      <c r="B9334" s="2">
        <v>12884.0</v>
      </c>
      <c r="C9334" s="1" t="s">
        <v>5</v>
      </c>
      <c r="D9334" s="1" t="s">
        <v>7842</v>
      </c>
      <c r="E9334" s="1" t="s">
        <v>11</v>
      </c>
    </row>
    <row r="9335">
      <c r="A9335" s="1">
        <v>4.90454645E8</v>
      </c>
      <c r="B9335" s="2">
        <v>12899.0</v>
      </c>
      <c r="C9335" s="1" t="s">
        <v>5</v>
      </c>
      <c r="D9335" s="1" t="s">
        <v>7843</v>
      </c>
      <c r="E9335" s="1" t="s">
        <v>7</v>
      </c>
    </row>
    <row r="9336">
      <c r="A9336" s="1">
        <v>4.90454651E8</v>
      </c>
      <c r="B9336" s="2">
        <v>12790.0</v>
      </c>
      <c r="C9336" s="1" t="s">
        <v>5</v>
      </c>
      <c r="D9336" s="1" t="s">
        <v>11</v>
      </c>
      <c r="E9336" s="1" t="s">
        <v>7</v>
      </c>
    </row>
    <row r="9337">
      <c r="A9337" s="1">
        <v>4.90454656E8</v>
      </c>
      <c r="B9337" s="2">
        <v>12846.0</v>
      </c>
      <c r="C9337" s="1" t="s">
        <v>5</v>
      </c>
      <c r="D9337" s="1" t="s">
        <v>7844</v>
      </c>
      <c r="E9337" s="1" t="s">
        <v>11</v>
      </c>
    </row>
    <row r="9338">
      <c r="A9338" s="1">
        <v>4.90454657E8</v>
      </c>
      <c r="B9338" s="2">
        <v>12902.0</v>
      </c>
      <c r="C9338" s="1" t="s">
        <v>5</v>
      </c>
      <c r="D9338" s="1" t="s">
        <v>11</v>
      </c>
      <c r="E9338" s="1" t="s">
        <v>7</v>
      </c>
    </row>
    <row r="9339">
      <c r="A9339" s="1">
        <v>4.90454685E8</v>
      </c>
      <c r="B9339" s="2">
        <v>12839.0</v>
      </c>
      <c r="C9339" s="1" t="s">
        <v>5</v>
      </c>
      <c r="D9339" s="1" t="s">
        <v>7845</v>
      </c>
      <c r="E9339" s="1" t="s">
        <v>11</v>
      </c>
    </row>
    <row r="9340">
      <c r="A9340" s="1">
        <v>4.90454692E8</v>
      </c>
      <c r="B9340" s="2">
        <v>12879.0</v>
      </c>
      <c r="C9340" s="1" t="s">
        <v>5</v>
      </c>
      <c r="D9340" s="1" t="s">
        <v>7846</v>
      </c>
      <c r="E9340" s="1" t="s">
        <v>11</v>
      </c>
    </row>
    <row r="9341">
      <c r="A9341" s="1">
        <v>4.90454715E8</v>
      </c>
      <c r="B9341" s="3">
        <v>12909.0</v>
      </c>
      <c r="C9341" s="1" t="s">
        <v>5</v>
      </c>
      <c r="D9341" s="1" t="s">
        <v>7847</v>
      </c>
      <c r="E9341" s="1" t="s">
        <v>7</v>
      </c>
    </row>
    <row r="9342">
      <c r="A9342" s="1">
        <v>4.90454722E8</v>
      </c>
      <c r="B9342" s="2">
        <v>12790.0</v>
      </c>
      <c r="C9342" s="1" t="s">
        <v>5</v>
      </c>
      <c r="D9342" s="1" t="s">
        <v>7848</v>
      </c>
      <c r="E9342" s="1" t="s">
        <v>11</v>
      </c>
    </row>
    <row r="9343">
      <c r="A9343" s="1">
        <v>4.90454737E8</v>
      </c>
      <c r="B9343" s="2">
        <v>12899.0</v>
      </c>
      <c r="C9343" s="1" t="s">
        <v>5</v>
      </c>
      <c r="D9343" s="1" t="s">
        <v>11</v>
      </c>
      <c r="E9343" s="1" t="s">
        <v>7</v>
      </c>
    </row>
    <row r="9344">
      <c r="A9344" s="1">
        <v>4.90454781E8</v>
      </c>
      <c r="B9344" s="2">
        <v>12899.0</v>
      </c>
      <c r="C9344" s="1" t="s">
        <v>5</v>
      </c>
      <c r="D9344" s="1" t="s">
        <v>7849</v>
      </c>
      <c r="E9344" s="1" t="s">
        <v>7850</v>
      </c>
    </row>
    <row r="9345">
      <c r="A9345" s="1">
        <v>4.90454783E8</v>
      </c>
      <c r="B9345" s="2">
        <v>12901.0</v>
      </c>
      <c r="C9345" s="1" t="s">
        <v>5</v>
      </c>
      <c r="D9345" s="1" t="s">
        <v>7851</v>
      </c>
      <c r="E9345" s="1" t="s">
        <v>7</v>
      </c>
    </row>
    <row r="9346">
      <c r="A9346" s="1">
        <v>4.90454806E8</v>
      </c>
      <c r="B9346" s="2">
        <v>12899.0</v>
      </c>
      <c r="C9346" s="1" t="s">
        <v>5</v>
      </c>
      <c r="D9346" s="1" t="s">
        <v>7852</v>
      </c>
      <c r="E9346" s="1" t="s">
        <v>11</v>
      </c>
    </row>
    <row r="9347">
      <c r="A9347" s="1">
        <v>4.90454808E8</v>
      </c>
      <c r="B9347" s="2">
        <v>12846.0</v>
      </c>
      <c r="C9347" s="1" t="s">
        <v>5</v>
      </c>
      <c r="D9347" s="1" t="s">
        <v>7853</v>
      </c>
      <c r="E9347" s="1" t="s">
        <v>7</v>
      </c>
    </row>
    <row r="9348">
      <c r="A9348" s="1">
        <v>4.90454817E8</v>
      </c>
      <c r="B9348" s="2">
        <v>12853.0</v>
      </c>
      <c r="C9348" s="1" t="s">
        <v>5</v>
      </c>
      <c r="D9348" s="1" t="s">
        <v>7854</v>
      </c>
      <c r="E9348" s="1" t="s">
        <v>7</v>
      </c>
    </row>
    <row r="9349">
      <c r="A9349" s="1">
        <v>4.90454823E8</v>
      </c>
      <c r="B9349" s="3">
        <v>12909.0</v>
      </c>
      <c r="C9349" s="1" t="s">
        <v>5</v>
      </c>
      <c r="D9349" s="1" t="s">
        <v>7855</v>
      </c>
      <c r="E9349" s="1" t="s">
        <v>7</v>
      </c>
    </row>
    <row r="9350">
      <c r="A9350" s="1">
        <v>4.90454866E8</v>
      </c>
      <c r="B9350" s="2">
        <v>12878.0</v>
      </c>
      <c r="C9350" s="1" t="s">
        <v>5</v>
      </c>
      <c r="D9350" s="1" t="s">
        <v>7856</v>
      </c>
      <c r="E9350" s="1" t="s">
        <v>7</v>
      </c>
    </row>
    <row r="9351">
      <c r="A9351" s="1">
        <v>4.90454887E8</v>
      </c>
      <c r="B9351" s="2">
        <v>12888.0</v>
      </c>
      <c r="C9351" s="1" t="s">
        <v>5</v>
      </c>
      <c r="D9351" s="1" t="s">
        <v>7</v>
      </c>
      <c r="E9351" s="1" t="s">
        <v>7</v>
      </c>
    </row>
    <row r="9352">
      <c r="A9352" s="1">
        <v>4.90454888E8</v>
      </c>
      <c r="B9352" s="2">
        <v>12790.0</v>
      </c>
      <c r="C9352" s="1" t="s">
        <v>5</v>
      </c>
      <c r="D9352" s="1" t="s">
        <v>7857</v>
      </c>
      <c r="E9352" s="1" t="s">
        <v>7</v>
      </c>
    </row>
    <row r="9353">
      <c r="A9353" s="1">
        <v>4.90454898E8</v>
      </c>
      <c r="B9353" s="2">
        <v>12793.0</v>
      </c>
      <c r="C9353" s="1" t="s">
        <v>5</v>
      </c>
      <c r="D9353" s="1" t="s">
        <v>7858</v>
      </c>
      <c r="E9353" s="1" t="s">
        <v>11</v>
      </c>
    </row>
    <row r="9354">
      <c r="A9354" s="1">
        <v>4.90454925E8</v>
      </c>
      <c r="B9354" s="2">
        <v>12837.0</v>
      </c>
      <c r="C9354" s="1" t="s">
        <v>5</v>
      </c>
      <c r="D9354" s="1" t="s">
        <v>7859</v>
      </c>
      <c r="E9354" s="1" t="s">
        <v>7860</v>
      </c>
    </row>
    <row r="9355">
      <c r="A9355" s="1">
        <v>4.90454933E8</v>
      </c>
      <c r="B9355" s="3">
        <v>12909.0</v>
      </c>
      <c r="C9355" s="1" t="s">
        <v>5</v>
      </c>
      <c r="D9355" s="1" t="s">
        <v>7861</v>
      </c>
      <c r="E9355" s="1" t="s">
        <v>11</v>
      </c>
    </row>
    <row r="9356">
      <c r="A9356" s="1">
        <v>4.90454943E8</v>
      </c>
      <c r="B9356" s="2">
        <v>12852.0</v>
      </c>
      <c r="C9356" s="1" t="s">
        <v>5</v>
      </c>
      <c r="D9356" s="1" t="s">
        <v>7862</v>
      </c>
      <c r="E9356" s="1" t="s">
        <v>11</v>
      </c>
    </row>
    <row r="9357">
      <c r="A9357" s="1">
        <v>4.90454944E8</v>
      </c>
      <c r="B9357" s="2">
        <v>12899.0</v>
      </c>
      <c r="C9357" s="1" t="s">
        <v>5</v>
      </c>
      <c r="D9357" s="1" t="s">
        <v>7863</v>
      </c>
      <c r="E9357" s="1" t="s">
        <v>7</v>
      </c>
    </row>
    <row r="9358">
      <c r="A9358" s="1">
        <v>4.90454989E8</v>
      </c>
      <c r="B9358" s="2">
        <v>12837.0</v>
      </c>
      <c r="C9358" s="1" t="s">
        <v>5</v>
      </c>
      <c r="D9358" s="1" t="s">
        <v>7864</v>
      </c>
      <c r="E9358" s="1" t="s">
        <v>7</v>
      </c>
    </row>
    <row r="9359">
      <c r="A9359" s="1">
        <v>4.90455E8</v>
      </c>
      <c r="B9359" s="2">
        <v>12900.0</v>
      </c>
      <c r="C9359" s="1" t="s">
        <v>5</v>
      </c>
      <c r="D9359" s="1" t="s">
        <v>7865</v>
      </c>
      <c r="E9359" s="1" t="s">
        <v>7</v>
      </c>
    </row>
    <row r="9360">
      <c r="A9360" s="1">
        <v>4.90455005E8</v>
      </c>
      <c r="B9360" s="2">
        <v>12960.0</v>
      </c>
      <c r="C9360" s="1" t="s">
        <v>5</v>
      </c>
      <c r="D9360" s="1" t="s">
        <v>7866</v>
      </c>
      <c r="E9360" s="1" t="s">
        <v>7</v>
      </c>
    </row>
    <row r="9361">
      <c r="A9361" s="1">
        <v>4.90455011E8</v>
      </c>
      <c r="B9361" s="2">
        <v>12946.0</v>
      </c>
      <c r="C9361" s="1" t="s">
        <v>5</v>
      </c>
      <c r="D9361" s="1" t="s">
        <v>11</v>
      </c>
      <c r="E9361" s="1" t="s">
        <v>7</v>
      </c>
    </row>
    <row r="9362">
      <c r="A9362" s="1">
        <v>4.90455015E8</v>
      </c>
      <c r="B9362" s="3">
        <v>12909.0</v>
      </c>
      <c r="C9362" s="1" t="s">
        <v>5</v>
      </c>
      <c r="D9362" s="1" t="s">
        <v>11</v>
      </c>
      <c r="E9362" s="1" t="s">
        <v>7</v>
      </c>
    </row>
    <row r="9363">
      <c r="A9363" s="1">
        <v>4.90455017E8</v>
      </c>
      <c r="B9363" s="2">
        <v>12836.0</v>
      </c>
      <c r="C9363" s="1" t="s">
        <v>5</v>
      </c>
      <c r="D9363" s="1" t="s">
        <v>7867</v>
      </c>
      <c r="E9363" s="1" t="s">
        <v>7</v>
      </c>
    </row>
    <row r="9364">
      <c r="A9364" s="1">
        <v>4.90455066E8</v>
      </c>
      <c r="B9364" s="2">
        <v>12959.0</v>
      </c>
      <c r="C9364" s="1" t="s">
        <v>5</v>
      </c>
      <c r="D9364" s="1" t="s">
        <v>7868</v>
      </c>
      <c r="E9364" s="1" t="s">
        <v>7869</v>
      </c>
    </row>
    <row r="9365">
      <c r="A9365" s="1">
        <v>4.90455072E8</v>
      </c>
      <c r="B9365" s="2">
        <v>12946.0</v>
      </c>
      <c r="C9365" s="1" t="s">
        <v>5</v>
      </c>
      <c r="D9365" s="1" t="s">
        <v>11</v>
      </c>
      <c r="E9365" s="1" t="s">
        <v>7</v>
      </c>
    </row>
    <row r="9366">
      <c r="A9366" s="1">
        <v>4.90455105E8</v>
      </c>
      <c r="B9366" s="2">
        <v>12888.0</v>
      </c>
      <c r="C9366" s="1" t="s">
        <v>5</v>
      </c>
      <c r="D9366" s="1" t="s">
        <v>11</v>
      </c>
      <c r="E9366" s="1" t="s">
        <v>7</v>
      </c>
    </row>
    <row r="9367">
      <c r="A9367" s="1">
        <v>4.90455113E8</v>
      </c>
      <c r="B9367" s="2">
        <v>12893.0</v>
      </c>
      <c r="C9367" s="1" t="s">
        <v>5</v>
      </c>
      <c r="D9367" s="1" t="s">
        <v>7870</v>
      </c>
      <c r="E9367" s="1" t="s">
        <v>7</v>
      </c>
    </row>
    <row r="9368">
      <c r="A9368" s="1">
        <v>4.90455139E8</v>
      </c>
      <c r="B9368" s="2">
        <v>12838.0</v>
      </c>
      <c r="C9368" s="1" t="s">
        <v>5</v>
      </c>
      <c r="D9368" s="1" t="s">
        <v>7871</v>
      </c>
      <c r="E9368" s="1" t="s">
        <v>7</v>
      </c>
    </row>
    <row r="9369">
      <c r="A9369" s="1">
        <v>4.90455143E8</v>
      </c>
      <c r="B9369" s="2">
        <v>12897.0</v>
      </c>
      <c r="C9369" s="1" t="s">
        <v>5</v>
      </c>
      <c r="D9369" s="1" t="s">
        <v>7872</v>
      </c>
      <c r="E9369" s="1" t="s">
        <v>11</v>
      </c>
    </row>
    <row r="9370">
      <c r="A9370" s="1">
        <v>4.90455155E8</v>
      </c>
      <c r="B9370" s="2">
        <v>12902.0</v>
      </c>
      <c r="C9370" s="1" t="s">
        <v>5</v>
      </c>
      <c r="D9370" s="1" t="s">
        <v>7873</v>
      </c>
      <c r="E9370" s="1" t="s">
        <v>7</v>
      </c>
    </row>
    <row r="9371">
      <c r="A9371" s="1">
        <v>4.90455194E8</v>
      </c>
      <c r="B9371" s="2">
        <v>12891.0</v>
      </c>
      <c r="C9371" s="1" t="s">
        <v>5</v>
      </c>
      <c r="D9371" s="1" t="s">
        <v>7874</v>
      </c>
      <c r="E9371" s="1" t="s">
        <v>7</v>
      </c>
    </row>
    <row r="9372">
      <c r="A9372" s="1">
        <v>4.90455227E8</v>
      </c>
      <c r="B9372" s="2">
        <v>12836.0</v>
      </c>
      <c r="C9372" s="1" t="s">
        <v>5</v>
      </c>
      <c r="D9372" s="1" t="s">
        <v>7875</v>
      </c>
      <c r="E9372" s="1" t="s">
        <v>11</v>
      </c>
    </row>
    <row r="9373">
      <c r="A9373" s="1">
        <v>4.90455283E8</v>
      </c>
      <c r="B9373" s="2">
        <v>12793.0</v>
      </c>
      <c r="C9373" s="1" t="s">
        <v>5</v>
      </c>
      <c r="D9373" s="1" t="s">
        <v>7876</v>
      </c>
      <c r="E9373" s="1" t="s">
        <v>11</v>
      </c>
    </row>
    <row r="9374">
      <c r="A9374" s="1">
        <v>4.90455286E8</v>
      </c>
      <c r="B9374" s="2">
        <v>12959.0</v>
      </c>
      <c r="C9374" s="1" t="s">
        <v>5</v>
      </c>
      <c r="D9374" s="1" t="s">
        <v>7877</v>
      </c>
      <c r="E9374" s="1" t="s">
        <v>11</v>
      </c>
    </row>
    <row r="9375">
      <c r="A9375" s="1">
        <v>4.90455297E8</v>
      </c>
      <c r="B9375" s="2">
        <v>12790.0</v>
      </c>
      <c r="C9375" s="1" t="s">
        <v>5</v>
      </c>
      <c r="D9375" s="1" t="s">
        <v>7878</v>
      </c>
      <c r="E9375" s="1" t="s">
        <v>7879</v>
      </c>
    </row>
    <row r="9376">
      <c r="A9376" s="1">
        <v>4.90455317E8</v>
      </c>
      <c r="B9376" s="2">
        <v>12951.0</v>
      </c>
      <c r="C9376" s="1" t="s">
        <v>5</v>
      </c>
      <c r="D9376" s="1" t="s">
        <v>7880</v>
      </c>
      <c r="E9376" s="1" t="s">
        <v>7881</v>
      </c>
    </row>
    <row r="9377">
      <c r="A9377" s="1">
        <v>4.90455321E8</v>
      </c>
      <c r="B9377" s="2">
        <v>12878.0</v>
      </c>
      <c r="C9377" s="1" t="s">
        <v>5</v>
      </c>
      <c r="D9377" s="1" t="s">
        <v>7882</v>
      </c>
      <c r="E9377" s="1" t="s">
        <v>7</v>
      </c>
    </row>
    <row r="9378">
      <c r="A9378" s="1">
        <v>4.90455352E8</v>
      </c>
      <c r="B9378" s="2">
        <v>12960.0</v>
      </c>
      <c r="C9378" s="1" t="s">
        <v>5</v>
      </c>
      <c r="D9378" s="1" t="s">
        <v>7883</v>
      </c>
      <c r="E9378" s="1" t="s">
        <v>11</v>
      </c>
    </row>
    <row r="9379">
      <c r="A9379" s="1">
        <v>4.90455363E8</v>
      </c>
      <c r="B9379" s="2">
        <v>12836.0</v>
      </c>
      <c r="C9379" s="1" t="s">
        <v>5</v>
      </c>
      <c r="D9379" s="1" t="s">
        <v>7884</v>
      </c>
      <c r="E9379" s="1" t="s">
        <v>7</v>
      </c>
    </row>
    <row r="9380">
      <c r="A9380" s="1">
        <v>4.90455397E8</v>
      </c>
      <c r="B9380" s="2">
        <v>12951.0</v>
      </c>
      <c r="C9380" s="1" t="s">
        <v>5</v>
      </c>
      <c r="D9380" s="1" t="s">
        <v>7885</v>
      </c>
      <c r="E9380" s="1" t="s">
        <v>11</v>
      </c>
    </row>
    <row r="9381">
      <c r="A9381" s="1">
        <v>4.90455399E8</v>
      </c>
      <c r="B9381" s="2">
        <v>12790.0</v>
      </c>
      <c r="C9381" s="1" t="s">
        <v>5</v>
      </c>
      <c r="D9381" s="1" t="s">
        <v>7886</v>
      </c>
      <c r="E9381" s="1" t="s">
        <v>7</v>
      </c>
    </row>
    <row r="9382">
      <c r="A9382" s="1">
        <v>4.90455407E8</v>
      </c>
      <c r="B9382" s="2">
        <v>12888.0</v>
      </c>
      <c r="C9382" s="1" t="s">
        <v>5</v>
      </c>
      <c r="D9382" s="1" t="s">
        <v>7887</v>
      </c>
      <c r="E9382" s="1" t="s">
        <v>7</v>
      </c>
    </row>
    <row r="9383">
      <c r="A9383" s="1">
        <v>4.90455427E8</v>
      </c>
      <c r="B9383" s="2">
        <v>12851.0</v>
      </c>
      <c r="C9383" s="1" t="s">
        <v>5</v>
      </c>
      <c r="D9383" s="1" t="s">
        <v>7888</v>
      </c>
      <c r="E9383" s="1" t="s">
        <v>7</v>
      </c>
    </row>
    <row r="9384">
      <c r="A9384" s="1">
        <v>4.90455437E8</v>
      </c>
      <c r="B9384" s="2">
        <v>12959.0</v>
      </c>
      <c r="C9384" s="1" t="s">
        <v>5</v>
      </c>
      <c r="D9384" s="1" t="s">
        <v>7889</v>
      </c>
      <c r="E9384" s="1" t="s">
        <v>11</v>
      </c>
    </row>
    <row r="9385">
      <c r="A9385" s="1">
        <v>4.90455438E8</v>
      </c>
      <c r="B9385" s="2">
        <v>12904.0</v>
      </c>
      <c r="C9385" s="1" t="s">
        <v>5</v>
      </c>
      <c r="D9385" s="1" t="s">
        <v>7890</v>
      </c>
      <c r="E9385" s="1" t="s">
        <v>7</v>
      </c>
    </row>
    <row r="9386">
      <c r="A9386" s="1">
        <v>4.90455465E8</v>
      </c>
      <c r="B9386" s="2">
        <v>12902.0</v>
      </c>
      <c r="C9386" s="1" t="s">
        <v>5</v>
      </c>
      <c r="D9386" s="1" t="s">
        <v>7891</v>
      </c>
      <c r="E9386" s="1" t="s">
        <v>7</v>
      </c>
    </row>
    <row r="9387">
      <c r="A9387" s="1">
        <v>4.90455472E8</v>
      </c>
      <c r="B9387" s="2">
        <v>12904.0</v>
      </c>
      <c r="C9387" s="1" t="s">
        <v>5</v>
      </c>
      <c r="D9387" s="1" t="s">
        <v>7892</v>
      </c>
      <c r="E9387" s="1" t="s">
        <v>7</v>
      </c>
    </row>
    <row r="9388">
      <c r="A9388" s="1">
        <v>4.90455483E8</v>
      </c>
      <c r="B9388" s="2">
        <v>12896.0</v>
      </c>
      <c r="C9388" s="1" t="s">
        <v>5</v>
      </c>
      <c r="D9388" s="1" t="s">
        <v>7893</v>
      </c>
      <c r="E9388" s="1" t="s">
        <v>7</v>
      </c>
    </row>
    <row r="9389">
      <c r="A9389" s="1">
        <v>4.90455496E8</v>
      </c>
      <c r="B9389" s="2">
        <v>12835.0</v>
      </c>
      <c r="C9389" s="1" t="s">
        <v>5</v>
      </c>
      <c r="D9389" s="1" t="s">
        <v>11</v>
      </c>
      <c r="E9389" s="1" t="s">
        <v>7</v>
      </c>
    </row>
    <row r="9390">
      <c r="A9390" s="1">
        <v>4.90455503E8</v>
      </c>
      <c r="B9390" s="2">
        <v>12791.0</v>
      </c>
      <c r="C9390" s="1" t="s">
        <v>5</v>
      </c>
      <c r="D9390" s="1" t="s">
        <v>11</v>
      </c>
      <c r="E9390" s="1" t="s">
        <v>7</v>
      </c>
    </row>
    <row r="9391">
      <c r="A9391" s="1">
        <v>4.90455517E8</v>
      </c>
      <c r="B9391" s="2">
        <v>12951.0</v>
      </c>
      <c r="C9391" s="1" t="s">
        <v>5</v>
      </c>
      <c r="D9391" s="1" t="s">
        <v>7894</v>
      </c>
      <c r="E9391" s="1" t="s">
        <v>11</v>
      </c>
    </row>
    <row r="9392">
      <c r="A9392" s="1">
        <v>4.90455542E8</v>
      </c>
      <c r="B9392" s="2">
        <v>12953.0</v>
      </c>
      <c r="C9392" s="1" t="s">
        <v>5</v>
      </c>
      <c r="D9392" s="1" t="s">
        <v>7895</v>
      </c>
      <c r="E9392" s="1" t="s">
        <v>7</v>
      </c>
    </row>
    <row r="9393">
      <c r="A9393" s="1">
        <v>4.90455545E8</v>
      </c>
      <c r="B9393" s="2">
        <v>12901.0</v>
      </c>
      <c r="C9393" s="1" t="s">
        <v>5</v>
      </c>
      <c r="D9393" s="1" t="s">
        <v>11</v>
      </c>
      <c r="E9393" s="1" t="s">
        <v>7</v>
      </c>
    </row>
    <row r="9394">
      <c r="A9394" s="1">
        <v>4.90455565E8</v>
      </c>
      <c r="B9394" s="3">
        <v>12909.0</v>
      </c>
      <c r="C9394" s="1" t="s">
        <v>5</v>
      </c>
      <c r="D9394" s="1" t="s">
        <v>7896</v>
      </c>
      <c r="E9394" s="1" t="s">
        <v>7897</v>
      </c>
    </row>
    <row r="9395">
      <c r="A9395" s="1">
        <v>4.90455583E8</v>
      </c>
      <c r="B9395" s="2">
        <v>12791.0</v>
      </c>
      <c r="C9395" s="1" t="s">
        <v>5</v>
      </c>
      <c r="D9395" s="1" t="s">
        <v>7898</v>
      </c>
      <c r="E9395" s="1" t="s">
        <v>11</v>
      </c>
    </row>
    <row r="9396">
      <c r="A9396" s="1">
        <v>4.90455607E8</v>
      </c>
      <c r="B9396" s="2">
        <v>12876.0</v>
      </c>
      <c r="C9396" s="1" t="s">
        <v>5</v>
      </c>
      <c r="D9396" s="1" t="s">
        <v>7899</v>
      </c>
      <c r="E9396" s="1" t="s">
        <v>7</v>
      </c>
    </row>
    <row r="9397">
      <c r="A9397" s="1">
        <v>4.9045561E8</v>
      </c>
      <c r="B9397" s="2">
        <v>12791.0</v>
      </c>
      <c r="C9397" s="1" t="s">
        <v>5</v>
      </c>
      <c r="D9397" s="1" t="s">
        <v>7900</v>
      </c>
      <c r="E9397" s="1" t="s">
        <v>7</v>
      </c>
    </row>
    <row r="9398">
      <c r="A9398" s="1">
        <v>4.90455633E8</v>
      </c>
      <c r="B9398" s="2">
        <v>12790.0</v>
      </c>
      <c r="C9398" s="1" t="s">
        <v>5</v>
      </c>
      <c r="D9398" s="1" t="s">
        <v>7901</v>
      </c>
      <c r="E9398" s="1" t="s">
        <v>7</v>
      </c>
    </row>
    <row r="9399">
      <c r="A9399" s="1">
        <v>4.90455639E8</v>
      </c>
      <c r="B9399" s="2">
        <v>12816.0</v>
      </c>
      <c r="C9399" s="1" t="s">
        <v>5</v>
      </c>
      <c r="D9399" s="1" t="s">
        <v>11</v>
      </c>
      <c r="E9399" s="1" t="s">
        <v>7</v>
      </c>
    </row>
    <row r="9400">
      <c r="A9400" s="1">
        <v>4.90455645E8</v>
      </c>
      <c r="B9400" s="2">
        <v>12888.0</v>
      </c>
      <c r="C9400" s="1" t="s">
        <v>5</v>
      </c>
      <c r="D9400" s="1" t="s">
        <v>7902</v>
      </c>
      <c r="E9400" s="1" t="s">
        <v>7</v>
      </c>
    </row>
    <row r="9401">
      <c r="A9401" s="1">
        <v>4.9045565E8</v>
      </c>
      <c r="B9401" s="2">
        <v>12850.0</v>
      </c>
      <c r="C9401" s="1" t="s">
        <v>5</v>
      </c>
      <c r="D9401" s="1" t="s">
        <v>7903</v>
      </c>
      <c r="E9401" s="1" t="s">
        <v>7</v>
      </c>
    </row>
    <row r="9402">
      <c r="A9402" s="1">
        <v>4.9045567E8</v>
      </c>
      <c r="B9402" s="2">
        <v>12892.0</v>
      </c>
      <c r="C9402" s="1" t="s">
        <v>5</v>
      </c>
      <c r="D9402" s="1" t="s">
        <v>7904</v>
      </c>
      <c r="E9402" s="1" t="s">
        <v>7</v>
      </c>
    </row>
    <row r="9403">
      <c r="A9403" s="1">
        <v>4.90455671E8</v>
      </c>
      <c r="B9403" s="2">
        <v>12951.0</v>
      </c>
      <c r="C9403" s="1" t="s">
        <v>5</v>
      </c>
      <c r="D9403" s="1" t="s">
        <v>7905</v>
      </c>
      <c r="E9403" s="1" t="s">
        <v>7</v>
      </c>
    </row>
    <row r="9404">
      <c r="A9404" s="1">
        <v>4.90455686E8</v>
      </c>
      <c r="B9404" s="2">
        <v>12948.0</v>
      </c>
      <c r="C9404" s="1" t="s">
        <v>5</v>
      </c>
      <c r="D9404" s="1" t="s">
        <v>7906</v>
      </c>
      <c r="E9404" s="1" t="s">
        <v>7</v>
      </c>
    </row>
    <row r="9405">
      <c r="A9405" s="1">
        <v>4.90455699E8</v>
      </c>
      <c r="B9405" s="2">
        <v>12811.0</v>
      </c>
      <c r="C9405" s="1" t="s">
        <v>5</v>
      </c>
      <c r="D9405" s="1" t="s">
        <v>7907</v>
      </c>
      <c r="E9405" s="1" t="s">
        <v>11</v>
      </c>
    </row>
    <row r="9406">
      <c r="A9406" s="1">
        <v>4.90455711E8</v>
      </c>
      <c r="B9406" s="3">
        <v>12927.0</v>
      </c>
      <c r="C9406" s="1" t="s">
        <v>5</v>
      </c>
      <c r="D9406" s="1" t="s">
        <v>7908</v>
      </c>
      <c r="E9406" s="1" t="s">
        <v>7909</v>
      </c>
    </row>
    <row r="9407">
      <c r="A9407" s="1">
        <v>4.90455713E8</v>
      </c>
      <c r="B9407" s="2">
        <v>12835.0</v>
      </c>
      <c r="C9407" s="1" t="s">
        <v>5</v>
      </c>
      <c r="D9407" s="1" t="s">
        <v>11</v>
      </c>
      <c r="E9407" s="1" t="s">
        <v>7</v>
      </c>
    </row>
    <row r="9408">
      <c r="A9408" s="1">
        <v>4.90455721E8</v>
      </c>
      <c r="B9408" s="2">
        <v>12811.0</v>
      </c>
      <c r="C9408" s="1" t="s">
        <v>5</v>
      </c>
      <c r="D9408" s="1" t="s">
        <v>7910</v>
      </c>
      <c r="E9408" s="1" t="s">
        <v>11</v>
      </c>
    </row>
    <row r="9409">
      <c r="A9409" s="1">
        <v>4.9045574E8</v>
      </c>
      <c r="B9409" s="2">
        <v>12843.0</v>
      </c>
      <c r="C9409" s="1" t="s">
        <v>5</v>
      </c>
      <c r="D9409" s="1" t="s">
        <v>7911</v>
      </c>
      <c r="E9409" s="1" t="s">
        <v>7</v>
      </c>
    </row>
    <row r="9410">
      <c r="A9410" s="1">
        <v>4.90455794E8</v>
      </c>
      <c r="B9410" s="2">
        <v>12953.0</v>
      </c>
      <c r="C9410" s="1" t="s">
        <v>5</v>
      </c>
      <c r="D9410" s="1" t="s">
        <v>7912</v>
      </c>
      <c r="E9410" s="1" t="s">
        <v>7</v>
      </c>
    </row>
    <row r="9411">
      <c r="A9411" s="1">
        <v>4.90455799E8</v>
      </c>
      <c r="B9411" s="2">
        <v>12940.0</v>
      </c>
      <c r="C9411" s="1" t="s">
        <v>5</v>
      </c>
      <c r="D9411" s="1" t="s">
        <v>7</v>
      </c>
      <c r="E9411" s="1" t="s">
        <v>7</v>
      </c>
    </row>
    <row r="9412">
      <c r="A9412" s="1">
        <v>4.90455821E8</v>
      </c>
      <c r="B9412" s="2">
        <v>12810.0</v>
      </c>
      <c r="C9412" s="1" t="s">
        <v>5</v>
      </c>
      <c r="D9412" s="1" t="s">
        <v>7913</v>
      </c>
      <c r="E9412" s="1" t="s">
        <v>7</v>
      </c>
    </row>
    <row r="9413">
      <c r="A9413" s="1">
        <v>4.90455855E8</v>
      </c>
      <c r="B9413" s="2">
        <v>12959.0</v>
      </c>
      <c r="C9413" s="1" t="s">
        <v>5</v>
      </c>
      <c r="D9413" s="1" t="s">
        <v>7914</v>
      </c>
      <c r="E9413" s="1" t="s">
        <v>7</v>
      </c>
    </row>
    <row r="9414">
      <c r="A9414" s="1">
        <v>4.90455856E8</v>
      </c>
      <c r="B9414" s="2">
        <v>12952.0</v>
      </c>
      <c r="C9414" s="1" t="s">
        <v>5</v>
      </c>
      <c r="D9414" s="1" t="s">
        <v>7915</v>
      </c>
      <c r="E9414" s="1" t="s">
        <v>7916</v>
      </c>
    </row>
    <row r="9415">
      <c r="A9415" s="1">
        <v>4.90455866E8</v>
      </c>
      <c r="B9415" s="2">
        <v>12895.0</v>
      </c>
      <c r="C9415" s="1" t="s">
        <v>5</v>
      </c>
      <c r="D9415" s="1" t="s">
        <v>7917</v>
      </c>
      <c r="E9415" s="1" t="s">
        <v>11</v>
      </c>
    </row>
    <row r="9416">
      <c r="A9416" s="1">
        <v>4.90455867E8</v>
      </c>
      <c r="B9416" s="2">
        <v>12816.0</v>
      </c>
      <c r="C9416" s="1" t="s">
        <v>5</v>
      </c>
      <c r="D9416" s="1" t="s">
        <v>7918</v>
      </c>
      <c r="E9416" s="1" t="s">
        <v>7</v>
      </c>
    </row>
    <row r="9417">
      <c r="A9417" s="1">
        <v>4.90455871E8</v>
      </c>
      <c r="B9417" s="2">
        <v>12897.0</v>
      </c>
      <c r="C9417" s="1" t="s">
        <v>5</v>
      </c>
      <c r="D9417" s="1" t="s">
        <v>7919</v>
      </c>
      <c r="E9417" s="1" t="s">
        <v>7920</v>
      </c>
    </row>
    <row r="9418">
      <c r="A9418" s="1">
        <v>4.90455917E8</v>
      </c>
      <c r="B9418" s="2">
        <v>12950.0</v>
      </c>
      <c r="C9418" s="1" t="s">
        <v>5</v>
      </c>
      <c r="D9418" s="1" t="s">
        <v>7921</v>
      </c>
      <c r="E9418" s="1" t="s">
        <v>7</v>
      </c>
    </row>
    <row r="9419">
      <c r="A9419" s="1">
        <v>4.90455953E8</v>
      </c>
      <c r="B9419" s="2">
        <v>12785.0</v>
      </c>
      <c r="C9419" s="1" t="s">
        <v>5</v>
      </c>
      <c r="D9419" s="1" t="s">
        <v>7922</v>
      </c>
      <c r="E9419" s="1" t="s">
        <v>11</v>
      </c>
    </row>
    <row r="9420">
      <c r="A9420" s="1">
        <v>4.90455961E8</v>
      </c>
      <c r="B9420" s="2">
        <v>12834.0</v>
      </c>
      <c r="C9420" s="1" t="s">
        <v>5</v>
      </c>
      <c r="D9420" s="1" t="s">
        <v>7923</v>
      </c>
      <c r="E9420" s="1" t="s">
        <v>7924</v>
      </c>
    </row>
    <row r="9421">
      <c r="A9421" s="1">
        <v>4.90455991E8</v>
      </c>
      <c r="B9421" s="2">
        <v>12891.0</v>
      </c>
      <c r="C9421" s="1" t="s">
        <v>5</v>
      </c>
      <c r="D9421" s="1" t="s">
        <v>7925</v>
      </c>
      <c r="E9421" s="1" t="s">
        <v>7</v>
      </c>
    </row>
    <row r="9422">
      <c r="A9422" s="1">
        <v>4.90455997E8</v>
      </c>
      <c r="B9422" s="2">
        <v>12843.0</v>
      </c>
      <c r="C9422" s="1" t="s">
        <v>5</v>
      </c>
      <c r="D9422" s="1" t="s">
        <v>7926</v>
      </c>
      <c r="E9422" s="1" t="s">
        <v>7</v>
      </c>
    </row>
    <row r="9423">
      <c r="A9423" s="1">
        <v>4.90456006E8</v>
      </c>
      <c r="B9423" s="2">
        <v>12886.0</v>
      </c>
      <c r="C9423" s="1" t="s">
        <v>5</v>
      </c>
      <c r="D9423" s="1" t="s">
        <v>7927</v>
      </c>
      <c r="E9423" s="1" t="s">
        <v>11</v>
      </c>
    </row>
    <row r="9424">
      <c r="A9424" s="1">
        <v>4.90456007E8</v>
      </c>
      <c r="B9424" s="2">
        <v>12810.0</v>
      </c>
      <c r="C9424" s="1" t="s">
        <v>5</v>
      </c>
      <c r="D9424" s="1" t="s">
        <v>7928</v>
      </c>
      <c r="E9424" s="1" t="s">
        <v>7</v>
      </c>
    </row>
    <row r="9425">
      <c r="A9425" s="1">
        <v>4.90456037E8</v>
      </c>
      <c r="B9425" s="2">
        <v>12948.0</v>
      </c>
      <c r="C9425" s="1" t="s">
        <v>5</v>
      </c>
      <c r="D9425" s="1" t="s">
        <v>7929</v>
      </c>
      <c r="E9425" s="1" t="s">
        <v>7</v>
      </c>
    </row>
    <row r="9426">
      <c r="A9426" s="1">
        <v>4.9045604E8</v>
      </c>
      <c r="B9426" s="2">
        <v>12789.0</v>
      </c>
      <c r="C9426" s="1" t="s">
        <v>5</v>
      </c>
      <c r="D9426" s="1" t="s">
        <v>7930</v>
      </c>
      <c r="E9426" s="1" t="s">
        <v>11</v>
      </c>
    </row>
    <row r="9427">
      <c r="A9427" s="1">
        <v>4.90456052E8</v>
      </c>
      <c r="B9427" s="3">
        <v>12909.0</v>
      </c>
      <c r="C9427" s="1" t="s">
        <v>5</v>
      </c>
      <c r="D9427" s="1" t="s">
        <v>7931</v>
      </c>
      <c r="E9427" s="1" t="s">
        <v>11</v>
      </c>
    </row>
    <row r="9428">
      <c r="A9428" s="1">
        <v>4.90456073E8</v>
      </c>
      <c r="B9428" s="2">
        <v>12891.0</v>
      </c>
      <c r="C9428" s="1" t="s">
        <v>5</v>
      </c>
      <c r="D9428" s="1" t="s">
        <v>7932</v>
      </c>
      <c r="E9428" s="1" t="s">
        <v>7</v>
      </c>
    </row>
    <row r="9429">
      <c r="A9429" s="1">
        <v>4.90456076E8</v>
      </c>
      <c r="B9429" s="2">
        <v>12895.0</v>
      </c>
      <c r="C9429" s="1" t="s">
        <v>5</v>
      </c>
      <c r="D9429" s="1" t="s">
        <v>7933</v>
      </c>
      <c r="E9429" s="1" t="s">
        <v>11</v>
      </c>
    </row>
    <row r="9430">
      <c r="A9430" s="1">
        <v>4.90456193E8</v>
      </c>
      <c r="B9430" s="2">
        <v>12890.0</v>
      </c>
      <c r="C9430" s="1" t="s">
        <v>5</v>
      </c>
      <c r="D9430" s="1" t="s">
        <v>7934</v>
      </c>
      <c r="E9430" s="1" t="s">
        <v>7935</v>
      </c>
    </row>
    <row r="9431">
      <c r="A9431" s="1">
        <v>4.90456199E8</v>
      </c>
      <c r="B9431" s="2">
        <v>12825.0</v>
      </c>
      <c r="C9431" s="1" t="s">
        <v>5</v>
      </c>
      <c r="D9431" s="1" t="s">
        <v>7936</v>
      </c>
      <c r="E9431" s="1" t="s">
        <v>7</v>
      </c>
    </row>
    <row r="9432">
      <c r="A9432" s="1">
        <v>4.90456221E8</v>
      </c>
      <c r="B9432" s="2">
        <v>12885.0</v>
      </c>
      <c r="C9432" s="1" t="s">
        <v>5</v>
      </c>
      <c r="D9432" s="1" t="s">
        <v>7937</v>
      </c>
      <c r="E9432" s="1" t="s">
        <v>11</v>
      </c>
    </row>
    <row r="9433">
      <c r="A9433" s="1">
        <v>4.90456238E8</v>
      </c>
      <c r="B9433" s="2">
        <v>12952.0</v>
      </c>
      <c r="C9433" s="1" t="s">
        <v>5</v>
      </c>
      <c r="D9433" s="1" t="s">
        <v>7938</v>
      </c>
      <c r="E9433" s="1" t="s">
        <v>7</v>
      </c>
    </row>
    <row r="9434">
      <c r="A9434" s="1">
        <v>4.90456252E8</v>
      </c>
      <c r="B9434" s="2">
        <v>12946.0</v>
      </c>
      <c r="C9434" s="1" t="s">
        <v>5</v>
      </c>
      <c r="D9434" s="1" t="s">
        <v>7939</v>
      </c>
      <c r="E9434" s="1" t="s">
        <v>7</v>
      </c>
    </row>
    <row r="9435">
      <c r="A9435" s="1">
        <v>4.90456256E8</v>
      </c>
      <c r="B9435" s="3">
        <v>12909.0</v>
      </c>
      <c r="C9435" s="1" t="s">
        <v>5</v>
      </c>
      <c r="D9435" s="1" t="s">
        <v>7940</v>
      </c>
      <c r="E9435" s="1" t="s">
        <v>7</v>
      </c>
    </row>
    <row r="9436">
      <c r="A9436" s="1">
        <v>4.90456257E8</v>
      </c>
      <c r="B9436" s="2">
        <v>12952.0</v>
      </c>
      <c r="C9436" s="1" t="s">
        <v>5</v>
      </c>
      <c r="D9436" s="1" t="s">
        <v>11</v>
      </c>
      <c r="E9436" s="1" t="s">
        <v>7</v>
      </c>
    </row>
    <row r="9437">
      <c r="A9437" s="1">
        <v>4.90456268E8</v>
      </c>
      <c r="B9437" s="2">
        <v>12825.0</v>
      </c>
      <c r="C9437" s="1" t="s">
        <v>5</v>
      </c>
      <c r="D9437" s="1" t="s">
        <v>7941</v>
      </c>
      <c r="E9437" s="1" t="s">
        <v>7</v>
      </c>
    </row>
    <row r="9438">
      <c r="A9438" s="1">
        <v>4.90456271E8</v>
      </c>
      <c r="B9438" s="2">
        <v>12785.0</v>
      </c>
      <c r="C9438" s="1" t="s">
        <v>5</v>
      </c>
      <c r="D9438" s="1" t="s">
        <v>7942</v>
      </c>
      <c r="E9438" s="1" t="s">
        <v>7</v>
      </c>
    </row>
    <row r="9439">
      <c r="A9439" s="1">
        <v>4.90456275E8</v>
      </c>
      <c r="B9439" s="2">
        <v>12824.0</v>
      </c>
      <c r="C9439" s="1" t="s">
        <v>5</v>
      </c>
      <c r="D9439" s="1" t="s">
        <v>7943</v>
      </c>
      <c r="E9439" s="1" t="s">
        <v>7</v>
      </c>
    </row>
    <row r="9440">
      <c r="A9440" s="1">
        <v>4.90456279E8</v>
      </c>
      <c r="B9440" s="2">
        <v>12816.0</v>
      </c>
      <c r="C9440" s="1" t="s">
        <v>5</v>
      </c>
      <c r="D9440" s="1" t="s">
        <v>7944</v>
      </c>
      <c r="E9440" s="1" t="s">
        <v>7</v>
      </c>
    </row>
    <row r="9441">
      <c r="A9441" s="1">
        <v>4.90456293E8</v>
      </c>
      <c r="B9441" s="2">
        <v>12896.0</v>
      </c>
      <c r="C9441" s="1" t="s">
        <v>5</v>
      </c>
      <c r="D9441" s="1" t="s">
        <v>11</v>
      </c>
      <c r="E9441" s="1" t="s">
        <v>7</v>
      </c>
    </row>
    <row r="9442">
      <c r="A9442" s="1">
        <v>4.90456304E8</v>
      </c>
      <c r="B9442" s="2">
        <v>12953.0</v>
      </c>
      <c r="C9442" s="1" t="s">
        <v>5</v>
      </c>
      <c r="D9442" s="1" t="s">
        <v>7945</v>
      </c>
      <c r="E9442" s="1" t="s">
        <v>7</v>
      </c>
    </row>
    <row r="9443">
      <c r="A9443" s="1">
        <v>4.90456353E8</v>
      </c>
      <c r="B9443" s="2">
        <v>12849.0</v>
      </c>
      <c r="C9443" s="1" t="s">
        <v>5</v>
      </c>
      <c r="D9443" s="1" t="s">
        <v>7946</v>
      </c>
      <c r="E9443" s="1" t="s">
        <v>7</v>
      </c>
    </row>
    <row r="9444">
      <c r="A9444" s="1">
        <v>4.90456359E8</v>
      </c>
      <c r="B9444" s="2">
        <v>12896.0</v>
      </c>
      <c r="C9444" s="1" t="s">
        <v>5</v>
      </c>
      <c r="D9444" s="1" t="s">
        <v>7947</v>
      </c>
      <c r="E9444" s="1" t="s">
        <v>11</v>
      </c>
    </row>
    <row r="9445">
      <c r="A9445" s="1">
        <v>4.90456389E8</v>
      </c>
      <c r="B9445" s="2">
        <v>12884.0</v>
      </c>
      <c r="C9445" s="1" t="s">
        <v>5</v>
      </c>
      <c r="D9445" s="1" t="s">
        <v>11</v>
      </c>
      <c r="E9445" s="1" t="s">
        <v>7</v>
      </c>
    </row>
    <row r="9446">
      <c r="A9446" s="1">
        <v>4.90456427E8</v>
      </c>
      <c r="B9446" s="2">
        <v>12896.0</v>
      </c>
      <c r="C9446" s="1" t="s">
        <v>5</v>
      </c>
      <c r="D9446" s="1" t="s">
        <v>7948</v>
      </c>
      <c r="E9446" s="1" t="s">
        <v>11</v>
      </c>
    </row>
    <row r="9447">
      <c r="A9447" s="1">
        <v>4.90456433E8</v>
      </c>
      <c r="B9447" s="2">
        <v>12947.0</v>
      </c>
      <c r="C9447" s="1" t="s">
        <v>5</v>
      </c>
      <c r="D9447" s="1" t="s">
        <v>11</v>
      </c>
      <c r="E9447" s="1" t="s">
        <v>7</v>
      </c>
    </row>
    <row r="9448">
      <c r="A9448" s="1">
        <v>4.90456467E8</v>
      </c>
      <c r="B9448" s="2">
        <v>12833.0</v>
      </c>
      <c r="C9448" s="1" t="s">
        <v>5</v>
      </c>
      <c r="D9448" s="1" t="s">
        <v>7949</v>
      </c>
      <c r="E9448" s="1" t="s">
        <v>7</v>
      </c>
    </row>
    <row r="9449">
      <c r="A9449" s="1">
        <v>4.90456485E8</v>
      </c>
      <c r="B9449" s="2">
        <v>12816.0</v>
      </c>
      <c r="C9449" s="1" t="s">
        <v>5</v>
      </c>
      <c r="D9449" s="1" t="s">
        <v>11</v>
      </c>
      <c r="E9449" s="1" t="s">
        <v>7</v>
      </c>
    </row>
    <row r="9450">
      <c r="A9450" s="1">
        <v>4.90456501E8</v>
      </c>
      <c r="B9450" s="2">
        <v>12832.0</v>
      </c>
      <c r="C9450" s="1" t="s">
        <v>5</v>
      </c>
      <c r="D9450" s="1" t="s">
        <v>7950</v>
      </c>
      <c r="E9450" s="1" t="s">
        <v>11</v>
      </c>
    </row>
    <row r="9451">
      <c r="A9451" s="1">
        <v>4.90456518E8</v>
      </c>
      <c r="B9451" s="2">
        <v>12841.0</v>
      </c>
      <c r="C9451" s="1" t="s">
        <v>5</v>
      </c>
      <c r="D9451" s="1" t="s">
        <v>11</v>
      </c>
      <c r="E9451" s="1" t="s">
        <v>7</v>
      </c>
    </row>
    <row r="9452">
      <c r="A9452" s="1">
        <v>4.90456559E8</v>
      </c>
      <c r="B9452" s="2">
        <v>12895.0</v>
      </c>
      <c r="C9452" s="1" t="s">
        <v>5</v>
      </c>
      <c r="D9452" s="1" t="s">
        <v>7951</v>
      </c>
      <c r="E9452" s="1" t="s">
        <v>7</v>
      </c>
    </row>
    <row r="9453">
      <c r="A9453" s="1">
        <v>4.90456575E8</v>
      </c>
      <c r="B9453" s="2">
        <v>12841.0</v>
      </c>
      <c r="C9453" s="1" t="s">
        <v>5</v>
      </c>
      <c r="D9453" s="1" t="s">
        <v>7952</v>
      </c>
      <c r="E9453" s="1" t="s">
        <v>7</v>
      </c>
    </row>
    <row r="9454">
      <c r="A9454" s="1">
        <v>4.90456579E8</v>
      </c>
      <c r="B9454" s="2">
        <v>12944.0</v>
      </c>
      <c r="C9454" s="1" t="s">
        <v>5</v>
      </c>
      <c r="D9454" s="1" t="s">
        <v>11</v>
      </c>
      <c r="E9454" s="1" t="s">
        <v>7</v>
      </c>
    </row>
    <row r="9455">
      <c r="A9455" s="1">
        <v>4.90456599E8</v>
      </c>
      <c r="B9455" s="2">
        <v>12959.0</v>
      </c>
      <c r="C9455" s="1" t="s">
        <v>5</v>
      </c>
      <c r="D9455" s="1" t="s">
        <v>7953</v>
      </c>
      <c r="E9455" s="1" t="s">
        <v>11</v>
      </c>
    </row>
    <row r="9456">
      <c r="A9456" s="1">
        <v>4.90456619E8</v>
      </c>
      <c r="B9456" s="3">
        <v>12905.0</v>
      </c>
      <c r="C9456" s="1" t="s">
        <v>5</v>
      </c>
      <c r="D9456" s="1" t="s">
        <v>7954</v>
      </c>
      <c r="E9456" s="1" t="s">
        <v>7</v>
      </c>
    </row>
    <row r="9457">
      <c r="A9457" s="1">
        <v>4.90456635E8</v>
      </c>
      <c r="B9457" s="2">
        <v>12841.0</v>
      </c>
      <c r="C9457" s="1" t="s">
        <v>5</v>
      </c>
      <c r="D9457" s="1" t="s">
        <v>7955</v>
      </c>
      <c r="E9457" s="1" t="s">
        <v>7</v>
      </c>
    </row>
    <row r="9458">
      <c r="A9458" s="1">
        <v>4.90456645E8</v>
      </c>
      <c r="B9458" s="2">
        <v>12942.0</v>
      </c>
      <c r="C9458" s="1" t="s">
        <v>5</v>
      </c>
      <c r="D9458" s="1" t="s">
        <v>7956</v>
      </c>
      <c r="E9458" s="1" t="s">
        <v>11</v>
      </c>
    </row>
    <row r="9459">
      <c r="A9459" s="1">
        <v>4.90456678E8</v>
      </c>
      <c r="B9459" s="2">
        <v>12953.0</v>
      </c>
      <c r="C9459" s="1" t="s">
        <v>5</v>
      </c>
      <c r="D9459" s="1" t="s">
        <v>11</v>
      </c>
      <c r="E9459" s="1" t="s">
        <v>7</v>
      </c>
    </row>
    <row r="9460">
      <c r="A9460" s="1">
        <v>4.90456683E8</v>
      </c>
      <c r="B9460" s="2">
        <v>12895.0</v>
      </c>
      <c r="C9460" s="1" t="s">
        <v>5</v>
      </c>
      <c r="D9460" s="1" t="s">
        <v>7957</v>
      </c>
      <c r="E9460" s="1" t="s">
        <v>7</v>
      </c>
    </row>
    <row r="9461">
      <c r="A9461" s="1">
        <v>4.90456711E8</v>
      </c>
      <c r="B9461" s="2">
        <v>12893.0</v>
      </c>
      <c r="C9461" s="1" t="s">
        <v>5</v>
      </c>
      <c r="D9461" s="1" t="s">
        <v>11</v>
      </c>
      <c r="E9461" s="1" t="s">
        <v>7</v>
      </c>
    </row>
    <row r="9462">
      <c r="A9462" s="1">
        <v>4.90456727E8</v>
      </c>
      <c r="B9462" s="2">
        <v>12843.0</v>
      </c>
      <c r="C9462" s="1" t="s">
        <v>5</v>
      </c>
      <c r="D9462" s="1" t="s">
        <v>7958</v>
      </c>
      <c r="E9462" s="1" t="s">
        <v>7</v>
      </c>
    </row>
    <row r="9463">
      <c r="A9463" s="1">
        <v>4.90456747E8</v>
      </c>
      <c r="B9463" s="2">
        <v>12951.0</v>
      </c>
      <c r="C9463" s="1" t="s">
        <v>5</v>
      </c>
      <c r="D9463" s="1" t="s">
        <v>7959</v>
      </c>
      <c r="E9463" s="1" t="s">
        <v>11</v>
      </c>
    </row>
    <row r="9464">
      <c r="A9464" s="1">
        <v>4.90456761E8</v>
      </c>
      <c r="B9464" s="2">
        <v>12950.0</v>
      </c>
      <c r="C9464" s="1" t="s">
        <v>5</v>
      </c>
      <c r="D9464" s="1" t="s">
        <v>11</v>
      </c>
      <c r="E9464" s="1" t="s">
        <v>7</v>
      </c>
    </row>
    <row r="9465">
      <c r="A9465" s="1">
        <v>4.90456767E8</v>
      </c>
      <c r="B9465" s="2">
        <v>12944.0</v>
      </c>
      <c r="C9465" s="1" t="s">
        <v>5</v>
      </c>
      <c r="D9465" s="1" t="s">
        <v>7960</v>
      </c>
      <c r="E9465" s="1" t="s">
        <v>7</v>
      </c>
    </row>
    <row r="9466">
      <c r="A9466" s="1">
        <v>4.90456778E8</v>
      </c>
      <c r="B9466" s="2">
        <v>12882.0</v>
      </c>
      <c r="C9466" s="1" t="s">
        <v>5</v>
      </c>
      <c r="D9466" s="1" t="s">
        <v>7961</v>
      </c>
      <c r="E9466" s="1" t="s">
        <v>11</v>
      </c>
    </row>
    <row r="9467">
      <c r="A9467" s="1">
        <v>4.90456783E8</v>
      </c>
      <c r="B9467" s="2">
        <v>12944.0</v>
      </c>
      <c r="C9467" s="1" t="s">
        <v>5</v>
      </c>
      <c r="D9467" s="1" t="s">
        <v>7962</v>
      </c>
      <c r="E9467" s="1" t="s">
        <v>11</v>
      </c>
    </row>
    <row r="9468">
      <c r="A9468" s="1">
        <v>4.90456814E8</v>
      </c>
      <c r="B9468" s="2">
        <v>12944.0</v>
      </c>
      <c r="C9468" s="1" t="s">
        <v>5</v>
      </c>
      <c r="D9468" s="1" t="s">
        <v>7963</v>
      </c>
      <c r="E9468" s="1" t="s">
        <v>11</v>
      </c>
    </row>
    <row r="9469">
      <c r="A9469" s="1">
        <v>4.90456816E8</v>
      </c>
      <c r="B9469" s="2">
        <v>12881.0</v>
      </c>
      <c r="C9469" s="1" t="s">
        <v>5</v>
      </c>
      <c r="D9469" s="1" t="s">
        <v>7964</v>
      </c>
      <c r="E9469" s="1" t="s">
        <v>7</v>
      </c>
    </row>
    <row r="9470">
      <c r="A9470" s="1">
        <v>4.90456819E8</v>
      </c>
      <c r="B9470" s="2">
        <v>12896.0</v>
      </c>
      <c r="C9470" s="1" t="s">
        <v>5</v>
      </c>
      <c r="D9470" s="1" t="s">
        <v>7965</v>
      </c>
      <c r="E9470" s="1" t="s">
        <v>7</v>
      </c>
    </row>
    <row r="9471">
      <c r="A9471" s="1">
        <v>4.90456847E8</v>
      </c>
      <c r="B9471" s="2">
        <v>12841.0</v>
      </c>
      <c r="C9471" s="1" t="s">
        <v>5</v>
      </c>
      <c r="D9471" s="1" t="s">
        <v>7966</v>
      </c>
      <c r="E9471" s="1" t="s">
        <v>7</v>
      </c>
    </row>
    <row r="9472">
      <c r="A9472" s="1">
        <v>4.90456857E8</v>
      </c>
      <c r="B9472" s="2">
        <v>12787.0</v>
      </c>
      <c r="C9472" s="1" t="s">
        <v>5</v>
      </c>
      <c r="D9472" s="1" t="s">
        <v>7967</v>
      </c>
      <c r="E9472" s="1" t="s">
        <v>7968</v>
      </c>
    </row>
    <row r="9473">
      <c r="A9473" s="1">
        <v>4.90456885E8</v>
      </c>
      <c r="B9473" s="2">
        <v>12762.0</v>
      </c>
      <c r="C9473" s="1" t="s">
        <v>5</v>
      </c>
      <c r="D9473" s="1" t="s">
        <v>7969</v>
      </c>
      <c r="E9473" s="1" t="s">
        <v>11</v>
      </c>
    </row>
    <row r="9474">
      <c r="A9474" s="1">
        <v>4.90456924E8</v>
      </c>
      <c r="B9474" s="2">
        <v>12762.0</v>
      </c>
      <c r="C9474" s="1" t="s">
        <v>5</v>
      </c>
      <c r="D9474" s="1" t="s">
        <v>7970</v>
      </c>
      <c r="E9474" s="1" t="s">
        <v>7</v>
      </c>
    </row>
    <row r="9475">
      <c r="A9475" s="1">
        <v>4.9045694E8</v>
      </c>
      <c r="B9475" s="2">
        <v>12894.0</v>
      </c>
      <c r="C9475" s="1" t="s">
        <v>5</v>
      </c>
      <c r="D9475" s="1" t="s">
        <v>11</v>
      </c>
      <c r="E9475" s="1" t="s">
        <v>7</v>
      </c>
    </row>
    <row r="9476">
      <c r="A9476" s="1">
        <v>4.90456957E8</v>
      </c>
      <c r="B9476" s="2">
        <v>12825.0</v>
      </c>
      <c r="C9476" s="1" t="s">
        <v>5</v>
      </c>
      <c r="D9476" s="1" t="s">
        <v>7971</v>
      </c>
      <c r="E9476" s="1" t="s">
        <v>11</v>
      </c>
    </row>
    <row r="9477">
      <c r="A9477" s="1">
        <v>4.90456981E8</v>
      </c>
      <c r="B9477" s="2">
        <v>12806.0</v>
      </c>
      <c r="C9477" s="1" t="s">
        <v>5</v>
      </c>
      <c r="D9477" s="1" t="s">
        <v>7972</v>
      </c>
      <c r="E9477" s="1" t="s">
        <v>7</v>
      </c>
    </row>
    <row r="9478">
      <c r="A9478" s="1">
        <v>4.90457002E8</v>
      </c>
      <c r="B9478" s="3">
        <v>12909.0</v>
      </c>
      <c r="C9478" s="1" t="s">
        <v>5</v>
      </c>
      <c r="D9478" s="1" t="s">
        <v>7973</v>
      </c>
      <c r="E9478" s="1" t="s">
        <v>11</v>
      </c>
    </row>
    <row r="9479">
      <c r="A9479" s="1">
        <v>4.90457005E8</v>
      </c>
      <c r="B9479" s="2">
        <v>12943.0</v>
      </c>
      <c r="C9479" s="1" t="s">
        <v>5</v>
      </c>
      <c r="D9479" s="1" t="s">
        <v>7974</v>
      </c>
      <c r="E9479" s="1" t="s">
        <v>7</v>
      </c>
    </row>
    <row r="9480">
      <c r="A9480" s="1">
        <v>4.90457041E8</v>
      </c>
      <c r="B9480" s="2">
        <v>12948.0</v>
      </c>
      <c r="C9480" s="1" t="s">
        <v>5</v>
      </c>
      <c r="D9480" s="1" t="s">
        <v>7975</v>
      </c>
      <c r="E9480" s="1" t="s">
        <v>11</v>
      </c>
    </row>
    <row r="9481">
      <c r="A9481" s="1">
        <v>4.90457044E8</v>
      </c>
      <c r="B9481" s="2">
        <v>12825.0</v>
      </c>
      <c r="C9481" s="1" t="s">
        <v>5</v>
      </c>
      <c r="D9481" s="1" t="s">
        <v>11</v>
      </c>
      <c r="E9481" s="1" t="s">
        <v>7</v>
      </c>
    </row>
    <row r="9482">
      <c r="A9482" s="1">
        <v>4.90457065E8</v>
      </c>
      <c r="B9482" s="2">
        <v>12953.0</v>
      </c>
      <c r="C9482" s="1" t="s">
        <v>5</v>
      </c>
      <c r="D9482" s="1" t="s">
        <v>7976</v>
      </c>
      <c r="E9482" s="1" t="s">
        <v>7</v>
      </c>
    </row>
    <row r="9483">
      <c r="A9483" s="1">
        <v>4.90457066E8</v>
      </c>
      <c r="B9483" s="2">
        <v>12895.0</v>
      </c>
      <c r="C9483" s="1" t="s">
        <v>5</v>
      </c>
      <c r="D9483" s="1" t="s">
        <v>7977</v>
      </c>
      <c r="E9483" s="1" t="s">
        <v>7</v>
      </c>
    </row>
    <row r="9484">
      <c r="A9484" s="1">
        <v>4.90457071E8</v>
      </c>
      <c r="B9484" s="2">
        <v>12893.0</v>
      </c>
      <c r="C9484" s="1" t="s">
        <v>5</v>
      </c>
      <c r="D9484" s="1" t="s">
        <v>7978</v>
      </c>
      <c r="E9484" s="1" t="s">
        <v>7</v>
      </c>
    </row>
    <row r="9485">
      <c r="A9485" s="1">
        <v>4.90457081E8</v>
      </c>
      <c r="B9485" s="2">
        <v>12805.0</v>
      </c>
      <c r="C9485" s="1" t="s">
        <v>5</v>
      </c>
      <c r="D9485" s="1" t="s">
        <v>7979</v>
      </c>
      <c r="E9485" s="1" t="s">
        <v>7980</v>
      </c>
    </row>
    <row r="9486">
      <c r="A9486" s="1">
        <v>4.9045711E8</v>
      </c>
      <c r="B9486" s="2">
        <v>12944.0</v>
      </c>
      <c r="C9486" s="1" t="s">
        <v>5</v>
      </c>
      <c r="D9486" s="1" t="s">
        <v>7981</v>
      </c>
      <c r="E9486" s="1" t="s">
        <v>11</v>
      </c>
    </row>
    <row r="9487">
      <c r="A9487" s="1">
        <v>4.90457112E8</v>
      </c>
      <c r="B9487" s="2">
        <v>12891.0</v>
      </c>
      <c r="C9487" s="1" t="s">
        <v>5</v>
      </c>
      <c r="D9487" s="1" t="s">
        <v>7982</v>
      </c>
      <c r="E9487" s="1" t="s">
        <v>7983</v>
      </c>
    </row>
    <row r="9488">
      <c r="A9488" s="1">
        <v>4.90457139E8</v>
      </c>
      <c r="B9488" s="2">
        <v>12881.0</v>
      </c>
      <c r="C9488" s="1" t="s">
        <v>5</v>
      </c>
      <c r="D9488" s="1" t="s">
        <v>7984</v>
      </c>
      <c r="E9488" s="1" t="s">
        <v>7</v>
      </c>
    </row>
    <row r="9489">
      <c r="A9489" s="1">
        <v>4.90457151E8</v>
      </c>
      <c r="B9489" s="2">
        <v>12942.0</v>
      </c>
      <c r="C9489" s="1" t="s">
        <v>5</v>
      </c>
      <c r="D9489" s="1" t="s">
        <v>7985</v>
      </c>
      <c r="E9489" s="1" t="s">
        <v>7</v>
      </c>
    </row>
    <row r="9490">
      <c r="A9490" s="1">
        <v>4.90457152E8</v>
      </c>
      <c r="B9490" s="2">
        <v>12805.0</v>
      </c>
      <c r="C9490" s="1" t="s">
        <v>5</v>
      </c>
      <c r="D9490" s="1" t="s">
        <v>11</v>
      </c>
      <c r="E9490" s="1" t="s">
        <v>7</v>
      </c>
    </row>
    <row r="9491">
      <c r="A9491" s="1">
        <v>4.90457166E8</v>
      </c>
      <c r="B9491" s="3">
        <v>12935.0</v>
      </c>
      <c r="C9491" s="1" t="s">
        <v>5</v>
      </c>
      <c r="D9491" s="1" t="s">
        <v>7986</v>
      </c>
      <c r="E9491" s="1" t="s">
        <v>7987</v>
      </c>
    </row>
    <row r="9492">
      <c r="A9492" s="1">
        <v>4.90457174E8</v>
      </c>
      <c r="B9492" s="2">
        <v>12941.0</v>
      </c>
      <c r="C9492" s="1" t="s">
        <v>5</v>
      </c>
      <c r="D9492" s="1" t="s">
        <v>7988</v>
      </c>
      <c r="E9492" s="1" t="s">
        <v>7</v>
      </c>
    </row>
    <row r="9493">
      <c r="A9493" s="1">
        <v>4.90457186E8</v>
      </c>
      <c r="B9493" s="2">
        <v>12948.0</v>
      </c>
      <c r="C9493" s="1" t="s">
        <v>5</v>
      </c>
      <c r="D9493" s="1" t="s">
        <v>11</v>
      </c>
      <c r="E9493" s="1" t="s">
        <v>7</v>
      </c>
    </row>
    <row r="9494">
      <c r="A9494" s="1">
        <v>4.90457193E8</v>
      </c>
      <c r="B9494" s="2">
        <v>12885.0</v>
      </c>
      <c r="C9494" s="1" t="s">
        <v>5</v>
      </c>
      <c r="D9494" s="1" t="s">
        <v>7989</v>
      </c>
      <c r="E9494" s="1" t="s">
        <v>7</v>
      </c>
    </row>
    <row r="9495">
      <c r="A9495" s="1">
        <v>4.90457212E8</v>
      </c>
      <c r="B9495" s="2">
        <v>12892.0</v>
      </c>
      <c r="C9495" s="1" t="s">
        <v>5</v>
      </c>
      <c r="D9495" s="1" t="s">
        <v>7990</v>
      </c>
      <c r="E9495" s="1" t="s">
        <v>7</v>
      </c>
    </row>
    <row r="9496">
      <c r="A9496" s="1">
        <v>4.90457245E8</v>
      </c>
      <c r="B9496" s="2">
        <v>12881.0</v>
      </c>
      <c r="C9496" s="1" t="s">
        <v>5</v>
      </c>
      <c r="D9496" s="1" t="s">
        <v>7991</v>
      </c>
      <c r="E9496" s="1" t="s">
        <v>7</v>
      </c>
    </row>
    <row r="9497">
      <c r="A9497" s="1">
        <v>4.90457251E8</v>
      </c>
      <c r="B9497" s="2">
        <v>12947.0</v>
      </c>
      <c r="C9497" s="1" t="s">
        <v>5</v>
      </c>
      <c r="D9497" s="1" t="s">
        <v>7992</v>
      </c>
      <c r="E9497" s="1" t="s">
        <v>7</v>
      </c>
    </row>
    <row r="9498">
      <c r="A9498" s="1">
        <v>4.90457253E8</v>
      </c>
      <c r="B9498" s="2">
        <v>12846.0</v>
      </c>
      <c r="C9498" s="1" t="s">
        <v>5</v>
      </c>
      <c r="D9498" s="1" t="s">
        <v>11</v>
      </c>
      <c r="E9498" s="1" t="s">
        <v>7</v>
      </c>
    </row>
    <row r="9499">
      <c r="A9499" s="1">
        <v>4.90457256E8</v>
      </c>
      <c r="B9499" s="2">
        <v>12896.0</v>
      </c>
      <c r="C9499" s="1" t="s">
        <v>5</v>
      </c>
      <c r="D9499" s="1" t="s">
        <v>7993</v>
      </c>
      <c r="E9499" s="1" t="s">
        <v>7</v>
      </c>
    </row>
    <row r="9500">
      <c r="A9500" s="1">
        <v>4.90457257E8</v>
      </c>
      <c r="B9500" s="2">
        <v>12885.0</v>
      </c>
      <c r="C9500" s="1" t="s">
        <v>5</v>
      </c>
      <c r="D9500" s="1" t="s">
        <v>7994</v>
      </c>
      <c r="E9500" s="1" t="s">
        <v>7</v>
      </c>
    </row>
    <row r="9501">
      <c r="A9501" s="1">
        <v>4.90457286E8</v>
      </c>
      <c r="B9501" s="2">
        <v>12943.0</v>
      </c>
      <c r="C9501" s="1" t="s">
        <v>5</v>
      </c>
      <c r="D9501" s="1" t="s">
        <v>7995</v>
      </c>
      <c r="E9501" s="1" t="s">
        <v>11</v>
      </c>
    </row>
    <row r="9502">
      <c r="A9502" s="1">
        <v>4.90457293E8</v>
      </c>
      <c r="B9502" s="2">
        <v>12940.0</v>
      </c>
      <c r="C9502" s="1" t="s">
        <v>5</v>
      </c>
      <c r="D9502" s="1" t="s">
        <v>7996</v>
      </c>
      <c r="E9502" s="1" t="s">
        <v>7</v>
      </c>
    </row>
    <row r="9503">
      <c r="A9503" s="1">
        <v>4.90457304E8</v>
      </c>
      <c r="B9503" s="2">
        <v>12941.0</v>
      </c>
      <c r="C9503" s="1" t="s">
        <v>5</v>
      </c>
      <c r="D9503" s="1" t="s">
        <v>7997</v>
      </c>
      <c r="E9503" s="1" t="s">
        <v>11</v>
      </c>
    </row>
    <row r="9504">
      <c r="A9504" s="1">
        <v>4.90457307E8</v>
      </c>
      <c r="B9504" s="2">
        <v>12838.0</v>
      </c>
      <c r="C9504" s="1" t="s">
        <v>5</v>
      </c>
      <c r="D9504" s="1" t="s">
        <v>7998</v>
      </c>
      <c r="E9504" s="1" t="s">
        <v>7999</v>
      </c>
    </row>
    <row r="9505">
      <c r="A9505" s="1">
        <v>4.9045733E8</v>
      </c>
      <c r="B9505" s="2">
        <v>12839.0</v>
      </c>
      <c r="C9505" s="1" t="s">
        <v>5</v>
      </c>
      <c r="D9505" s="1" t="s">
        <v>8000</v>
      </c>
      <c r="E9505" s="1" t="s">
        <v>11</v>
      </c>
    </row>
    <row r="9506">
      <c r="A9506" s="1">
        <v>4.90457333E8</v>
      </c>
      <c r="B9506" s="2">
        <v>12846.0</v>
      </c>
      <c r="C9506" s="1" t="s">
        <v>5</v>
      </c>
      <c r="D9506" s="1" t="s">
        <v>8001</v>
      </c>
      <c r="E9506" s="1" t="s">
        <v>7</v>
      </c>
    </row>
    <row r="9507">
      <c r="A9507" s="1">
        <v>4.90457365E8</v>
      </c>
      <c r="B9507" s="3">
        <v>12934.0</v>
      </c>
      <c r="C9507" s="1" t="s">
        <v>5</v>
      </c>
      <c r="D9507" s="1" t="s">
        <v>8002</v>
      </c>
      <c r="E9507" s="1" t="s">
        <v>11</v>
      </c>
    </row>
    <row r="9508">
      <c r="A9508" s="1">
        <v>4.90457375E8</v>
      </c>
      <c r="B9508" s="2">
        <v>12952.0</v>
      </c>
      <c r="C9508" s="1" t="s">
        <v>5</v>
      </c>
      <c r="D9508" s="1" t="s">
        <v>8003</v>
      </c>
      <c r="E9508" s="1" t="s">
        <v>11</v>
      </c>
    </row>
    <row r="9509">
      <c r="A9509" s="1">
        <v>4.90457442E8</v>
      </c>
      <c r="B9509" s="2">
        <v>12893.0</v>
      </c>
      <c r="C9509" s="1" t="s">
        <v>5</v>
      </c>
      <c r="D9509" s="1" t="s">
        <v>8004</v>
      </c>
      <c r="E9509" s="1" t="s">
        <v>8005</v>
      </c>
    </row>
    <row r="9510">
      <c r="A9510" s="1">
        <v>4.90457456E8</v>
      </c>
      <c r="B9510" s="2">
        <v>12846.0</v>
      </c>
      <c r="C9510" s="1" t="s">
        <v>5</v>
      </c>
      <c r="D9510" s="1" t="s">
        <v>8006</v>
      </c>
      <c r="E9510" s="1" t="s">
        <v>7</v>
      </c>
    </row>
    <row r="9511">
      <c r="A9511" s="1">
        <v>4.90457491E8</v>
      </c>
      <c r="B9511" s="2">
        <v>12940.0</v>
      </c>
      <c r="C9511" s="1" t="s">
        <v>5</v>
      </c>
      <c r="D9511" s="1" t="s">
        <v>8007</v>
      </c>
      <c r="E9511" s="1" t="s">
        <v>7</v>
      </c>
    </row>
    <row r="9512">
      <c r="A9512" s="1">
        <v>4.90457517E8</v>
      </c>
      <c r="B9512" s="2">
        <v>12946.0</v>
      </c>
      <c r="C9512" s="1" t="s">
        <v>5</v>
      </c>
      <c r="D9512" s="1" t="s">
        <v>8008</v>
      </c>
      <c r="E9512" s="1" t="s">
        <v>7</v>
      </c>
    </row>
    <row r="9513">
      <c r="A9513" s="1">
        <v>4.90457525E8</v>
      </c>
      <c r="B9513" s="2">
        <v>12951.0</v>
      </c>
      <c r="C9513" s="1" t="s">
        <v>5</v>
      </c>
      <c r="D9513" s="1" t="s">
        <v>8009</v>
      </c>
      <c r="E9513" s="1" t="s">
        <v>7</v>
      </c>
    </row>
    <row r="9514">
      <c r="A9514" s="1">
        <v>4.90457543E8</v>
      </c>
      <c r="B9514" s="2">
        <v>12892.0</v>
      </c>
      <c r="C9514" s="1" t="s">
        <v>5</v>
      </c>
      <c r="D9514" s="1" t="s">
        <v>11</v>
      </c>
      <c r="E9514" s="1" t="s">
        <v>7</v>
      </c>
    </row>
    <row r="9515">
      <c r="A9515" s="1">
        <v>4.90457544E8</v>
      </c>
      <c r="B9515" s="2">
        <v>12946.0</v>
      </c>
      <c r="C9515" s="1" t="s">
        <v>5</v>
      </c>
      <c r="D9515" s="1" t="s">
        <v>8010</v>
      </c>
      <c r="E9515" s="1" t="s">
        <v>11</v>
      </c>
    </row>
    <row r="9516">
      <c r="A9516" s="1">
        <v>4.90457565E8</v>
      </c>
      <c r="B9516" s="2">
        <v>12835.0</v>
      </c>
      <c r="C9516" s="1" t="s">
        <v>5</v>
      </c>
      <c r="D9516" s="1" t="s">
        <v>11</v>
      </c>
      <c r="E9516" s="1" t="s">
        <v>7</v>
      </c>
    </row>
    <row r="9517">
      <c r="A9517" s="1">
        <v>4.90457584E8</v>
      </c>
      <c r="B9517" s="2">
        <v>12892.0</v>
      </c>
      <c r="C9517" s="1" t="s">
        <v>5</v>
      </c>
      <c r="D9517" s="1" t="s">
        <v>8011</v>
      </c>
      <c r="E9517" s="1" t="s">
        <v>7</v>
      </c>
    </row>
    <row r="9518">
      <c r="A9518" s="1">
        <v>4.90457586E8</v>
      </c>
      <c r="B9518" s="2">
        <v>12893.0</v>
      </c>
      <c r="C9518" s="1" t="s">
        <v>5</v>
      </c>
      <c r="D9518" s="1" t="s">
        <v>8012</v>
      </c>
      <c r="E9518" s="1" t="s">
        <v>7</v>
      </c>
    </row>
    <row r="9519">
      <c r="A9519" s="1">
        <v>4.90457601E8</v>
      </c>
      <c r="B9519" s="2">
        <v>12889.0</v>
      </c>
      <c r="C9519" s="1" t="s">
        <v>5</v>
      </c>
      <c r="D9519" s="1" t="s">
        <v>11</v>
      </c>
      <c r="E9519" s="1" t="s">
        <v>7</v>
      </c>
    </row>
    <row r="9520">
      <c r="A9520" s="1">
        <v>4.90457616E8</v>
      </c>
      <c r="B9520" s="2">
        <v>12838.0</v>
      </c>
      <c r="C9520" s="1" t="s">
        <v>5</v>
      </c>
      <c r="D9520" s="1" t="s">
        <v>11</v>
      </c>
      <c r="E9520" s="1" t="s">
        <v>7</v>
      </c>
    </row>
    <row r="9521">
      <c r="A9521" s="1">
        <v>4.90457624E8</v>
      </c>
      <c r="B9521" s="2">
        <v>12996.0</v>
      </c>
      <c r="C9521" s="1" t="s">
        <v>5</v>
      </c>
      <c r="D9521" s="1" t="s">
        <v>8013</v>
      </c>
      <c r="E9521" s="1" t="s">
        <v>11</v>
      </c>
    </row>
    <row r="9522">
      <c r="A9522" s="1">
        <v>4.9045763E8</v>
      </c>
      <c r="B9522" s="2">
        <v>12938.0</v>
      </c>
      <c r="C9522" s="1" t="s">
        <v>5</v>
      </c>
      <c r="D9522" s="1" t="s">
        <v>8014</v>
      </c>
      <c r="E9522" s="1" t="s">
        <v>8015</v>
      </c>
    </row>
    <row r="9523">
      <c r="A9523" s="1">
        <v>4.90457631E8</v>
      </c>
      <c r="B9523" s="2">
        <v>12893.0</v>
      </c>
      <c r="C9523" s="1" t="s">
        <v>5</v>
      </c>
      <c r="D9523" s="1" t="s">
        <v>8016</v>
      </c>
      <c r="E9523" s="1" t="s">
        <v>7</v>
      </c>
    </row>
    <row r="9524">
      <c r="A9524" s="1">
        <v>4.90457646E8</v>
      </c>
      <c r="B9524" s="2">
        <v>12944.0</v>
      </c>
      <c r="C9524" s="1" t="s">
        <v>5</v>
      </c>
      <c r="D9524" s="1" t="s">
        <v>8017</v>
      </c>
      <c r="E9524" s="1" t="s">
        <v>11</v>
      </c>
    </row>
    <row r="9525">
      <c r="A9525" s="1">
        <v>4.90457685E8</v>
      </c>
      <c r="B9525" s="2">
        <v>12883.0</v>
      </c>
      <c r="C9525" s="1" t="s">
        <v>5</v>
      </c>
      <c r="D9525" s="1" t="s">
        <v>11</v>
      </c>
      <c r="E9525" s="1" t="s">
        <v>7</v>
      </c>
    </row>
    <row r="9526">
      <c r="A9526" s="1">
        <v>4.90457705E8</v>
      </c>
      <c r="B9526" s="2">
        <v>12944.0</v>
      </c>
      <c r="C9526" s="1" t="s">
        <v>5</v>
      </c>
      <c r="D9526" s="1" t="s">
        <v>8018</v>
      </c>
      <c r="E9526" s="1" t="s">
        <v>7</v>
      </c>
    </row>
    <row r="9527">
      <c r="A9527" s="1">
        <v>4.90457719E8</v>
      </c>
      <c r="B9527" s="3">
        <v>12932.0</v>
      </c>
      <c r="C9527" s="1" t="s">
        <v>5</v>
      </c>
      <c r="D9527" s="1" t="s">
        <v>8019</v>
      </c>
      <c r="E9527" s="1" t="s">
        <v>7</v>
      </c>
    </row>
    <row r="9528">
      <c r="A9528" s="1">
        <v>4.90457721E8</v>
      </c>
      <c r="B9528" s="2">
        <v>12892.0</v>
      </c>
      <c r="C9528" s="1" t="s">
        <v>5</v>
      </c>
      <c r="D9528" s="1" t="s">
        <v>11</v>
      </c>
      <c r="E9528" s="1" t="s">
        <v>7</v>
      </c>
    </row>
    <row r="9529">
      <c r="A9529" s="1">
        <v>4.90457734E8</v>
      </c>
      <c r="B9529" s="2">
        <v>12759.0</v>
      </c>
      <c r="C9529" s="1" t="s">
        <v>5</v>
      </c>
      <c r="D9529" s="1" t="s">
        <v>8020</v>
      </c>
      <c r="E9529" s="1" t="s">
        <v>7</v>
      </c>
    </row>
    <row r="9530">
      <c r="A9530" s="1">
        <v>4.90457737E8</v>
      </c>
      <c r="B9530" s="2">
        <v>12883.0</v>
      </c>
      <c r="C9530" s="1" t="s">
        <v>5</v>
      </c>
      <c r="D9530" s="1" t="s">
        <v>8021</v>
      </c>
      <c r="E9530" s="1" t="s">
        <v>7</v>
      </c>
    </row>
    <row r="9531">
      <c r="A9531" s="1">
        <v>4.90457746E8</v>
      </c>
      <c r="B9531" s="2">
        <v>12838.0</v>
      </c>
      <c r="C9531" s="1" t="s">
        <v>5</v>
      </c>
      <c r="D9531" s="1" t="s">
        <v>8022</v>
      </c>
      <c r="E9531" s="1" t="s">
        <v>8023</v>
      </c>
    </row>
    <row r="9532">
      <c r="A9532" s="1">
        <v>4.90457751E8</v>
      </c>
      <c r="B9532" s="2">
        <v>12887.0</v>
      </c>
      <c r="C9532" s="1" t="s">
        <v>5</v>
      </c>
      <c r="D9532" s="1" t="s">
        <v>8024</v>
      </c>
      <c r="E9532" s="1" t="s">
        <v>11</v>
      </c>
    </row>
    <row r="9533">
      <c r="A9533" s="1">
        <v>4.90457773E8</v>
      </c>
      <c r="B9533" s="2">
        <v>12902.0</v>
      </c>
      <c r="C9533" s="1" t="s">
        <v>5</v>
      </c>
      <c r="D9533" s="1" t="s">
        <v>8025</v>
      </c>
      <c r="E9533" s="1" t="s">
        <v>8026</v>
      </c>
    </row>
    <row r="9534">
      <c r="A9534" s="1">
        <v>4.90457781E8</v>
      </c>
      <c r="B9534" s="2">
        <v>12944.0</v>
      </c>
      <c r="C9534" s="1" t="s">
        <v>5</v>
      </c>
      <c r="D9534" s="1" t="s">
        <v>8027</v>
      </c>
      <c r="E9534" s="1" t="s">
        <v>7</v>
      </c>
    </row>
    <row r="9535">
      <c r="A9535" s="1">
        <v>4.90457787E8</v>
      </c>
      <c r="B9535" s="2">
        <v>12892.0</v>
      </c>
      <c r="C9535" s="1" t="s">
        <v>5</v>
      </c>
      <c r="D9535" s="1" t="s">
        <v>11</v>
      </c>
      <c r="E9535" s="1" t="s">
        <v>7</v>
      </c>
    </row>
    <row r="9536">
      <c r="A9536" s="1">
        <v>4.9045779E8</v>
      </c>
      <c r="B9536" s="2">
        <v>12937.0</v>
      </c>
      <c r="C9536" s="1" t="s">
        <v>5</v>
      </c>
      <c r="D9536" s="1" t="s">
        <v>11</v>
      </c>
      <c r="E9536" s="1" t="s">
        <v>7</v>
      </c>
    </row>
    <row r="9537">
      <c r="A9537" s="1">
        <v>4.90457815E8</v>
      </c>
      <c r="B9537" s="2">
        <v>12937.0</v>
      </c>
      <c r="C9537" s="1" t="s">
        <v>5</v>
      </c>
      <c r="D9537" s="1" t="s">
        <v>8028</v>
      </c>
      <c r="E9537" s="1" t="s">
        <v>7</v>
      </c>
    </row>
    <row r="9538">
      <c r="A9538" s="1">
        <v>4.9045782E8</v>
      </c>
      <c r="B9538" s="3">
        <v>12925.0</v>
      </c>
      <c r="C9538" s="1" t="s">
        <v>5</v>
      </c>
      <c r="D9538" s="1" t="s">
        <v>8029</v>
      </c>
      <c r="E9538" s="1" t="s">
        <v>11</v>
      </c>
    </row>
    <row r="9539">
      <c r="A9539" s="1">
        <v>4.90457825E8</v>
      </c>
      <c r="B9539" s="2">
        <v>12942.0</v>
      </c>
      <c r="C9539" s="1" t="s">
        <v>5</v>
      </c>
      <c r="D9539" s="1" t="s">
        <v>8030</v>
      </c>
      <c r="E9539" s="1" t="s">
        <v>7</v>
      </c>
    </row>
    <row r="9540">
      <c r="A9540" s="1">
        <v>4.90457856E8</v>
      </c>
      <c r="B9540" s="2">
        <v>12951.0</v>
      </c>
      <c r="C9540" s="1" t="s">
        <v>5</v>
      </c>
      <c r="D9540" s="1" t="s">
        <v>8031</v>
      </c>
      <c r="E9540" s="1" t="s">
        <v>7</v>
      </c>
    </row>
    <row r="9541">
      <c r="A9541" s="1">
        <v>4.90457861E8</v>
      </c>
      <c r="B9541" s="2">
        <v>12893.0</v>
      </c>
      <c r="C9541" s="1" t="s">
        <v>5</v>
      </c>
      <c r="D9541" s="1" t="s">
        <v>11</v>
      </c>
      <c r="E9541" s="1" t="s">
        <v>7</v>
      </c>
    </row>
    <row r="9542">
      <c r="A9542" s="1">
        <v>4.90457869E8</v>
      </c>
      <c r="B9542" s="2">
        <v>12892.0</v>
      </c>
      <c r="C9542" s="1" t="s">
        <v>5</v>
      </c>
      <c r="D9542" s="1" t="s">
        <v>8032</v>
      </c>
      <c r="E9542" s="1" t="s">
        <v>11</v>
      </c>
    </row>
    <row r="9543">
      <c r="A9543" s="1">
        <v>4.90457879E8</v>
      </c>
      <c r="B9543" s="3">
        <v>12932.0</v>
      </c>
      <c r="C9543" s="1" t="s">
        <v>5</v>
      </c>
      <c r="D9543" s="1" t="s">
        <v>11</v>
      </c>
      <c r="E9543" s="1" t="s">
        <v>7</v>
      </c>
    </row>
    <row r="9544">
      <c r="A9544" s="1">
        <v>4.90457899E8</v>
      </c>
      <c r="B9544" s="2">
        <v>12951.0</v>
      </c>
      <c r="C9544" s="1" t="s">
        <v>5</v>
      </c>
      <c r="D9544" s="1" t="s">
        <v>8033</v>
      </c>
      <c r="E9544" s="1" t="s">
        <v>11</v>
      </c>
    </row>
    <row r="9545">
      <c r="A9545" s="1">
        <v>4.90457904E8</v>
      </c>
      <c r="B9545" s="3">
        <v>12925.0</v>
      </c>
      <c r="C9545" s="1" t="s">
        <v>5</v>
      </c>
      <c r="D9545" s="1" t="s">
        <v>8034</v>
      </c>
      <c r="E9545" s="1" t="s">
        <v>11</v>
      </c>
    </row>
    <row r="9546">
      <c r="A9546" s="1">
        <v>4.9045791E8</v>
      </c>
      <c r="B9546" s="2">
        <v>12886.0</v>
      </c>
      <c r="C9546" s="1" t="s">
        <v>5</v>
      </c>
      <c r="D9546" s="1" t="s">
        <v>8035</v>
      </c>
      <c r="E9546" s="1" t="s">
        <v>7</v>
      </c>
    </row>
    <row r="9547">
      <c r="A9547" s="1">
        <v>4.90457931E8</v>
      </c>
      <c r="B9547" s="2">
        <v>12877.0</v>
      </c>
      <c r="C9547" s="1" t="s">
        <v>5</v>
      </c>
      <c r="D9547" s="1" t="s">
        <v>8036</v>
      </c>
      <c r="E9547" s="1" t="s">
        <v>11</v>
      </c>
    </row>
    <row r="9548">
      <c r="A9548" s="1">
        <v>4.90457954E8</v>
      </c>
      <c r="B9548" s="2">
        <v>12837.0</v>
      </c>
      <c r="C9548" s="1" t="s">
        <v>5</v>
      </c>
      <c r="D9548" s="1" t="s">
        <v>8037</v>
      </c>
      <c r="E9548" s="1" t="s">
        <v>7</v>
      </c>
    </row>
    <row r="9549">
      <c r="A9549" s="1">
        <v>4.90457961E8</v>
      </c>
      <c r="B9549" s="2">
        <v>12877.0</v>
      </c>
      <c r="C9549" s="1" t="s">
        <v>5</v>
      </c>
      <c r="D9549" s="1" t="s">
        <v>8038</v>
      </c>
      <c r="E9549" s="1" t="s">
        <v>7</v>
      </c>
    </row>
    <row r="9550">
      <c r="A9550" s="1">
        <v>4.90457962E8</v>
      </c>
      <c r="B9550" s="2">
        <v>12835.0</v>
      </c>
      <c r="C9550" s="1" t="s">
        <v>5</v>
      </c>
      <c r="D9550" s="1" t="s">
        <v>6795</v>
      </c>
      <c r="E9550" s="1" t="s">
        <v>7</v>
      </c>
    </row>
    <row r="9551">
      <c r="A9551" s="1">
        <v>4.9045799E8</v>
      </c>
      <c r="B9551" s="2">
        <v>12943.0</v>
      </c>
      <c r="C9551" s="1" t="s">
        <v>5</v>
      </c>
      <c r="D9551" s="1" t="s">
        <v>8039</v>
      </c>
      <c r="E9551" s="1" t="s">
        <v>7</v>
      </c>
    </row>
    <row r="9552">
      <c r="A9552" s="1">
        <v>4.90458049E8</v>
      </c>
      <c r="B9552" s="3">
        <v>12924.0</v>
      </c>
      <c r="C9552" s="1" t="s">
        <v>5</v>
      </c>
      <c r="D9552" s="1" t="s">
        <v>8040</v>
      </c>
      <c r="E9552" s="1" t="s">
        <v>7</v>
      </c>
    </row>
    <row r="9553">
      <c r="A9553" s="1">
        <v>4.90458066E8</v>
      </c>
      <c r="B9553" s="2">
        <v>12835.0</v>
      </c>
      <c r="C9553" s="1" t="s">
        <v>5</v>
      </c>
      <c r="D9553" s="1" t="s">
        <v>11</v>
      </c>
      <c r="E9553" s="1" t="s">
        <v>7</v>
      </c>
    </row>
    <row r="9554">
      <c r="A9554" s="1">
        <v>4.90458069E8</v>
      </c>
      <c r="B9554" s="2">
        <v>12941.0</v>
      </c>
      <c r="C9554" s="1" t="s">
        <v>5</v>
      </c>
      <c r="D9554" s="1" t="s">
        <v>8041</v>
      </c>
      <c r="E9554" s="1" t="s">
        <v>8042</v>
      </c>
    </row>
    <row r="9555">
      <c r="A9555" s="1">
        <v>4.90458092E8</v>
      </c>
      <c r="B9555" s="2">
        <v>12836.0</v>
      </c>
      <c r="C9555" s="1" t="s">
        <v>5</v>
      </c>
      <c r="D9555" s="1" t="s">
        <v>11</v>
      </c>
      <c r="E9555" s="1" t="s">
        <v>7</v>
      </c>
    </row>
    <row r="9556">
      <c r="A9556" s="1">
        <v>4.90458099E8</v>
      </c>
      <c r="B9556" s="2">
        <v>12837.0</v>
      </c>
      <c r="C9556" s="1" t="s">
        <v>5</v>
      </c>
      <c r="D9556" s="1" t="s">
        <v>8043</v>
      </c>
      <c r="E9556" s="1" t="s">
        <v>11</v>
      </c>
    </row>
    <row r="9557">
      <c r="A9557" s="1">
        <v>4.90458112E8</v>
      </c>
      <c r="B9557" s="2">
        <v>12892.0</v>
      </c>
      <c r="C9557" s="1" t="s">
        <v>5</v>
      </c>
      <c r="D9557" s="1" t="s">
        <v>8044</v>
      </c>
      <c r="E9557" s="1" t="s">
        <v>11</v>
      </c>
    </row>
    <row r="9558">
      <c r="A9558" s="1">
        <v>4.90458113E8</v>
      </c>
      <c r="B9558" s="2">
        <v>12886.0</v>
      </c>
      <c r="C9558" s="1" t="s">
        <v>5</v>
      </c>
      <c r="D9558" s="1" t="s">
        <v>8045</v>
      </c>
      <c r="E9558" s="1" t="s">
        <v>7</v>
      </c>
    </row>
    <row r="9559">
      <c r="A9559" s="1">
        <v>4.90458139E8</v>
      </c>
      <c r="B9559" s="2">
        <v>12902.0</v>
      </c>
      <c r="C9559" s="1" t="s">
        <v>5</v>
      </c>
      <c r="D9559" s="1" t="s">
        <v>8046</v>
      </c>
      <c r="E9559" s="1" t="s">
        <v>7</v>
      </c>
    </row>
    <row r="9560">
      <c r="A9560" s="1">
        <v>4.9045814E8</v>
      </c>
      <c r="B9560" s="2">
        <v>12893.0</v>
      </c>
      <c r="C9560" s="1" t="s">
        <v>5</v>
      </c>
      <c r="D9560" s="1" t="s">
        <v>8047</v>
      </c>
      <c r="E9560" s="1" t="s">
        <v>11</v>
      </c>
    </row>
    <row r="9561">
      <c r="A9561" s="1">
        <v>4.90458202E8</v>
      </c>
      <c r="B9561" s="3">
        <v>12928.0</v>
      </c>
      <c r="C9561" s="1" t="s">
        <v>5</v>
      </c>
      <c r="D9561" s="1" t="s">
        <v>11</v>
      </c>
      <c r="E9561" s="1" t="s">
        <v>7</v>
      </c>
    </row>
    <row r="9562">
      <c r="A9562" s="1">
        <v>4.90458221E8</v>
      </c>
      <c r="B9562" s="2">
        <v>12889.0</v>
      </c>
      <c r="C9562" s="1" t="s">
        <v>5</v>
      </c>
      <c r="D9562" s="1" t="s">
        <v>8048</v>
      </c>
      <c r="E9562" s="1" t="s">
        <v>7</v>
      </c>
    </row>
    <row r="9563">
      <c r="A9563" s="1">
        <v>4.90458223E8</v>
      </c>
      <c r="B9563" s="2">
        <v>12947.0</v>
      </c>
      <c r="C9563" s="1" t="s">
        <v>5</v>
      </c>
      <c r="D9563" s="1" t="s">
        <v>8049</v>
      </c>
      <c r="E9563" s="1" t="s">
        <v>8050</v>
      </c>
    </row>
    <row r="9564">
      <c r="A9564" s="1">
        <v>4.90458232E8</v>
      </c>
      <c r="B9564" s="2">
        <v>12941.0</v>
      </c>
      <c r="C9564" s="1" t="s">
        <v>5</v>
      </c>
      <c r="D9564" s="1" t="s">
        <v>8051</v>
      </c>
      <c r="E9564" s="1" t="s">
        <v>7</v>
      </c>
    </row>
    <row r="9565">
      <c r="A9565" s="1">
        <v>4.90458242E8</v>
      </c>
      <c r="B9565" s="2">
        <v>12835.0</v>
      </c>
      <c r="C9565" s="1" t="s">
        <v>5</v>
      </c>
      <c r="D9565" s="1" t="s">
        <v>8052</v>
      </c>
      <c r="E9565" s="1" t="s">
        <v>7</v>
      </c>
    </row>
    <row r="9566">
      <c r="A9566" s="1">
        <v>4.90458263E8</v>
      </c>
      <c r="B9566" s="2">
        <v>12836.0</v>
      </c>
      <c r="C9566" s="1" t="s">
        <v>5</v>
      </c>
      <c r="D9566" s="1" t="s">
        <v>8053</v>
      </c>
      <c r="E9566" s="1" t="s">
        <v>11</v>
      </c>
    </row>
    <row r="9567">
      <c r="A9567" s="1">
        <v>4.90458282E8</v>
      </c>
      <c r="B9567" s="2">
        <v>12891.0</v>
      </c>
      <c r="C9567" s="1" t="s">
        <v>5</v>
      </c>
      <c r="D9567" s="1" t="s">
        <v>8054</v>
      </c>
      <c r="E9567" s="1" t="s">
        <v>8055</v>
      </c>
    </row>
    <row r="9568">
      <c r="A9568" s="1">
        <v>4.90458297E8</v>
      </c>
      <c r="B9568" s="2">
        <v>12884.0</v>
      </c>
      <c r="C9568" s="1" t="s">
        <v>5</v>
      </c>
      <c r="D9568" s="1" t="s">
        <v>8056</v>
      </c>
      <c r="E9568" s="1" t="s">
        <v>8057</v>
      </c>
    </row>
    <row r="9569">
      <c r="A9569" s="1">
        <v>4.90458325E8</v>
      </c>
      <c r="B9569" s="2">
        <v>12892.0</v>
      </c>
      <c r="C9569" s="1" t="s">
        <v>5</v>
      </c>
      <c r="D9569" s="1" t="s">
        <v>8058</v>
      </c>
      <c r="E9569" s="1" t="s">
        <v>8059</v>
      </c>
    </row>
    <row r="9570">
      <c r="A9570" s="1">
        <v>4.90458339E8</v>
      </c>
      <c r="B9570" s="2">
        <v>12891.0</v>
      </c>
      <c r="C9570" s="1" t="s">
        <v>5</v>
      </c>
      <c r="D9570" s="1" t="s">
        <v>8060</v>
      </c>
      <c r="E9570" s="1" t="s">
        <v>7</v>
      </c>
    </row>
    <row r="9571">
      <c r="A9571" s="1">
        <v>4.90458344E8</v>
      </c>
      <c r="B9571" s="2">
        <v>12941.0</v>
      </c>
      <c r="C9571" s="1" t="s">
        <v>5</v>
      </c>
      <c r="D9571" s="1" t="s">
        <v>8061</v>
      </c>
      <c r="E9571" s="1" t="s">
        <v>7</v>
      </c>
    </row>
    <row r="9572">
      <c r="A9572" s="1">
        <v>4.90458352E8</v>
      </c>
      <c r="B9572" s="2">
        <v>12823.0</v>
      </c>
      <c r="C9572" s="1" t="s">
        <v>5</v>
      </c>
      <c r="D9572" s="1" t="s">
        <v>5243</v>
      </c>
      <c r="E9572" s="1" t="s">
        <v>7</v>
      </c>
    </row>
    <row r="9573">
      <c r="A9573" s="1">
        <v>4.90458361E8</v>
      </c>
      <c r="B9573" s="3">
        <v>12922.0</v>
      </c>
      <c r="C9573" s="1" t="s">
        <v>5</v>
      </c>
      <c r="D9573" s="1" t="s">
        <v>8062</v>
      </c>
      <c r="E9573" s="1" t="s">
        <v>8063</v>
      </c>
    </row>
    <row r="9574">
      <c r="A9574" s="1">
        <v>4.90458379E8</v>
      </c>
      <c r="B9574" s="2">
        <v>12946.0</v>
      </c>
      <c r="C9574" s="1" t="s">
        <v>5</v>
      </c>
      <c r="D9574" s="1" t="s">
        <v>8064</v>
      </c>
      <c r="E9574" s="1" t="s">
        <v>11</v>
      </c>
    </row>
    <row r="9575">
      <c r="A9575" s="1">
        <v>4.90458404E8</v>
      </c>
      <c r="B9575" s="2">
        <v>12834.0</v>
      </c>
      <c r="C9575" s="1" t="s">
        <v>5</v>
      </c>
      <c r="D9575" s="1" t="s">
        <v>8065</v>
      </c>
      <c r="E9575" s="1" t="s">
        <v>7</v>
      </c>
    </row>
    <row r="9576">
      <c r="A9576" s="1">
        <v>4.90458412E8</v>
      </c>
      <c r="B9576" s="2">
        <v>12885.0</v>
      </c>
      <c r="C9576" s="1" t="s">
        <v>5</v>
      </c>
      <c r="D9576" s="1" t="s">
        <v>11</v>
      </c>
      <c r="E9576" s="1" t="s">
        <v>7</v>
      </c>
    </row>
    <row r="9577">
      <c r="A9577" s="1">
        <v>4.9045843E8</v>
      </c>
      <c r="B9577" s="2">
        <v>12899.0</v>
      </c>
      <c r="C9577" s="1" t="s">
        <v>5</v>
      </c>
      <c r="D9577" s="1" t="s">
        <v>8066</v>
      </c>
      <c r="E9577" s="1" t="s">
        <v>7</v>
      </c>
    </row>
    <row r="9578">
      <c r="A9578" s="1">
        <v>4.90458459E8</v>
      </c>
      <c r="B9578" s="2">
        <v>12887.0</v>
      </c>
      <c r="C9578" s="1" t="s">
        <v>5</v>
      </c>
      <c r="D9578" s="1" t="s">
        <v>8067</v>
      </c>
      <c r="E9578" s="1" t="s">
        <v>8068</v>
      </c>
    </row>
    <row r="9579">
      <c r="A9579" s="1">
        <v>4.90458466E8</v>
      </c>
      <c r="B9579" s="2">
        <v>12890.0</v>
      </c>
      <c r="C9579" s="1" t="s">
        <v>5</v>
      </c>
      <c r="D9579" s="1" t="s">
        <v>8069</v>
      </c>
      <c r="E9579" s="1" t="s">
        <v>7</v>
      </c>
    </row>
    <row r="9580">
      <c r="A9580" s="1">
        <v>4.90458467E8</v>
      </c>
      <c r="B9580" s="3">
        <v>12918.0</v>
      </c>
      <c r="C9580" s="1" t="s">
        <v>5</v>
      </c>
      <c r="D9580" s="1" t="s">
        <v>8070</v>
      </c>
      <c r="E9580" s="1" t="s">
        <v>7</v>
      </c>
    </row>
    <row r="9581">
      <c r="A9581" s="1">
        <v>4.90458487E8</v>
      </c>
      <c r="B9581" s="2">
        <v>12938.0</v>
      </c>
      <c r="C9581" s="1" t="s">
        <v>5</v>
      </c>
      <c r="D9581" s="1" t="s">
        <v>8071</v>
      </c>
      <c r="E9581" s="1" t="s">
        <v>8072</v>
      </c>
    </row>
    <row r="9582">
      <c r="A9582" s="1">
        <v>4.90458504E8</v>
      </c>
      <c r="B9582" s="2">
        <v>12936.0</v>
      </c>
      <c r="C9582" s="1" t="s">
        <v>5</v>
      </c>
      <c r="D9582" s="1" t="s">
        <v>8073</v>
      </c>
      <c r="E9582" s="1" t="s">
        <v>7</v>
      </c>
    </row>
    <row r="9583">
      <c r="A9583" s="1">
        <v>4.90458513E8</v>
      </c>
      <c r="B9583" s="3">
        <v>12922.0</v>
      </c>
      <c r="C9583" s="1" t="s">
        <v>5</v>
      </c>
      <c r="D9583" s="1" t="s">
        <v>8074</v>
      </c>
      <c r="E9583" s="1" t="s">
        <v>7</v>
      </c>
    </row>
    <row r="9584">
      <c r="A9584" s="1">
        <v>4.90458586E8</v>
      </c>
      <c r="B9584" s="2">
        <v>12946.0</v>
      </c>
      <c r="C9584" s="1" t="s">
        <v>5</v>
      </c>
      <c r="D9584" s="1" t="s">
        <v>8075</v>
      </c>
      <c r="E9584" s="1" t="s">
        <v>11</v>
      </c>
    </row>
    <row r="9585">
      <c r="A9585" s="1">
        <v>4.9045863E8</v>
      </c>
      <c r="B9585" s="2">
        <v>12755.0</v>
      </c>
      <c r="C9585" s="1" t="s">
        <v>5</v>
      </c>
      <c r="D9585" s="1" t="s">
        <v>8076</v>
      </c>
      <c r="E9585" s="1" t="s">
        <v>7</v>
      </c>
    </row>
    <row r="9586">
      <c r="A9586" s="1">
        <v>4.9045867E8</v>
      </c>
      <c r="B9586" s="2">
        <v>12889.0</v>
      </c>
      <c r="C9586" s="1" t="s">
        <v>5</v>
      </c>
      <c r="D9586" s="1" t="s">
        <v>11</v>
      </c>
      <c r="E9586" s="1" t="s">
        <v>7</v>
      </c>
    </row>
    <row r="9587">
      <c r="A9587" s="1">
        <v>4.90458682E8</v>
      </c>
      <c r="B9587" s="2">
        <v>12889.0</v>
      </c>
      <c r="C9587" s="1" t="s">
        <v>5</v>
      </c>
      <c r="D9587" s="1" t="s">
        <v>11</v>
      </c>
      <c r="E9587" s="1" t="s">
        <v>7</v>
      </c>
    </row>
    <row r="9588">
      <c r="A9588" s="1">
        <v>4.90458697E8</v>
      </c>
      <c r="B9588" s="2">
        <v>12833.0</v>
      </c>
      <c r="C9588" s="1" t="s">
        <v>5</v>
      </c>
      <c r="D9588" s="1" t="s">
        <v>8077</v>
      </c>
      <c r="E9588" s="1" t="s">
        <v>7</v>
      </c>
    </row>
    <row r="9589">
      <c r="A9589" s="1">
        <v>4.90458722E8</v>
      </c>
      <c r="B9589" s="2">
        <v>12943.0</v>
      </c>
      <c r="C9589" s="1" t="s">
        <v>5</v>
      </c>
      <c r="D9589" s="1" t="s">
        <v>8078</v>
      </c>
      <c r="E9589" s="1" t="s">
        <v>7</v>
      </c>
    </row>
    <row r="9590">
      <c r="A9590" s="1">
        <v>4.90458746E8</v>
      </c>
      <c r="B9590" s="2">
        <v>12991.0</v>
      </c>
      <c r="C9590" s="1" t="s">
        <v>5</v>
      </c>
      <c r="D9590" s="1" t="s">
        <v>8079</v>
      </c>
      <c r="E9590" s="1" t="s">
        <v>11</v>
      </c>
    </row>
    <row r="9591">
      <c r="A9591" s="1">
        <v>4.90458747E8</v>
      </c>
      <c r="B9591" s="2">
        <v>12832.0</v>
      </c>
      <c r="C9591" s="1" t="s">
        <v>5</v>
      </c>
      <c r="D9591" s="1" t="s">
        <v>11</v>
      </c>
      <c r="E9591" s="1" t="s">
        <v>7</v>
      </c>
    </row>
    <row r="9592">
      <c r="A9592" s="1">
        <v>4.90458752E8</v>
      </c>
      <c r="B9592" s="2">
        <v>12879.0</v>
      </c>
      <c r="C9592" s="1" t="s">
        <v>5</v>
      </c>
      <c r="D9592" s="1" t="s">
        <v>8080</v>
      </c>
      <c r="E9592" s="1" t="s">
        <v>8081</v>
      </c>
    </row>
    <row r="9593">
      <c r="A9593" s="1">
        <v>4.90458783E8</v>
      </c>
      <c r="B9593" s="2">
        <v>12936.0</v>
      </c>
      <c r="C9593" s="1" t="s">
        <v>5</v>
      </c>
      <c r="D9593" s="1" t="s">
        <v>8082</v>
      </c>
      <c r="E9593" s="1" t="s">
        <v>8083</v>
      </c>
    </row>
    <row r="9594">
      <c r="A9594" s="1">
        <v>4.90458795E8</v>
      </c>
      <c r="B9594" s="2">
        <v>12939.0</v>
      </c>
      <c r="C9594" s="1" t="s">
        <v>5</v>
      </c>
      <c r="D9594" s="1" t="s">
        <v>8084</v>
      </c>
      <c r="E9594" s="1" t="s">
        <v>7</v>
      </c>
    </row>
    <row r="9595">
      <c r="A9595" s="1">
        <v>4.90458801E8</v>
      </c>
      <c r="B9595" s="2">
        <v>12889.0</v>
      </c>
      <c r="C9595" s="1" t="s">
        <v>5</v>
      </c>
      <c r="D9595" s="1" t="s">
        <v>8085</v>
      </c>
      <c r="E9595" s="1" t="s">
        <v>11</v>
      </c>
    </row>
    <row r="9596">
      <c r="A9596" s="1">
        <v>4.90458806E8</v>
      </c>
      <c r="B9596" s="2">
        <v>12944.0</v>
      </c>
      <c r="C9596" s="1" t="s">
        <v>5</v>
      </c>
      <c r="D9596" s="1" t="s">
        <v>8086</v>
      </c>
      <c r="E9596" s="1" t="s">
        <v>11</v>
      </c>
    </row>
    <row r="9597">
      <c r="A9597" s="1">
        <v>4.90458854E8</v>
      </c>
      <c r="B9597" s="2">
        <v>12890.0</v>
      </c>
      <c r="C9597" s="1" t="s">
        <v>5</v>
      </c>
      <c r="D9597" s="1" t="s">
        <v>8087</v>
      </c>
      <c r="E9597" s="1" t="s">
        <v>7</v>
      </c>
    </row>
    <row r="9598">
      <c r="A9598" s="1">
        <v>4.9045887E8</v>
      </c>
      <c r="B9598" s="2">
        <v>12936.0</v>
      </c>
      <c r="C9598" s="1" t="s">
        <v>5</v>
      </c>
      <c r="D9598" s="1" t="s">
        <v>8088</v>
      </c>
      <c r="E9598" s="1" t="s">
        <v>8089</v>
      </c>
    </row>
    <row r="9599">
      <c r="A9599" s="1">
        <v>4.90458896E8</v>
      </c>
      <c r="B9599" s="3">
        <v>12927.0</v>
      </c>
      <c r="C9599" s="1" t="s">
        <v>5</v>
      </c>
      <c r="D9599" s="1" t="s">
        <v>11</v>
      </c>
      <c r="E9599" s="1" t="s">
        <v>7</v>
      </c>
    </row>
    <row r="9600">
      <c r="A9600" s="1">
        <v>4.90458904E8</v>
      </c>
      <c r="B9600" s="2">
        <v>12890.0</v>
      </c>
      <c r="C9600" s="1" t="s">
        <v>5</v>
      </c>
      <c r="D9600" s="1" t="s">
        <v>8090</v>
      </c>
      <c r="E9600" s="1" t="s">
        <v>11</v>
      </c>
    </row>
    <row r="9601">
      <c r="A9601" s="1">
        <v>4.90458977E8</v>
      </c>
      <c r="B9601" s="2">
        <v>12890.0</v>
      </c>
      <c r="C9601" s="1" t="s">
        <v>5</v>
      </c>
      <c r="D9601" s="1" t="s">
        <v>8091</v>
      </c>
      <c r="E9601" s="1" t="s">
        <v>7</v>
      </c>
    </row>
    <row r="9602">
      <c r="A9602" s="1">
        <v>4.90458984E8</v>
      </c>
      <c r="B9602" s="2">
        <v>12886.0</v>
      </c>
      <c r="C9602" s="1" t="s">
        <v>5</v>
      </c>
      <c r="D9602" s="1" t="s">
        <v>11</v>
      </c>
      <c r="E9602" s="1" t="s">
        <v>7</v>
      </c>
    </row>
    <row r="9603">
      <c r="A9603" s="1">
        <v>4.90459028E8</v>
      </c>
      <c r="B9603" s="3">
        <v>12919.0</v>
      </c>
      <c r="C9603" s="1" t="s">
        <v>5</v>
      </c>
      <c r="D9603" s="1" t="s">
        <v>8092</v>
      </c>
      <c r="E9603" s="1" t="s">
        <v>7</v>
      </c>
    </row>
    <row r="9604">
      <c r="A9604" s="1">
        <v>4.90459047E8</v>
      </c>
      <c r="B9604" s="3">
        <v>12923.0</v>
      </c>
      <c r="C9604" s="1" t="s">
        <v>5</v>
      </c>
      <c r="D9604" s="1" t="s">
        <v>8093</v>
      </c>
      <c r="E9604" s="1" t="s">
        <v>7</v>
      </c>
    </row>
    <row r="9605">
      <c r="A9605" s="1">
        <v>4.90459064E8</v>
      </c>
      <c r="B9605" s="2">
        <v>12996.0</v>
      </c>
      <c r="C9605" s="1" t="s">
        <v>5</v>
      </c>
      <c r="D9605" s="1" t="s">
        <v>8094</v>
      </c>
      <c r="E9605" s="1" t="s">
        <v>8095</v>
      </c>
    </row>
    <row r="9606">
      <c r="A9606" s="1">
        <v>4.90459088E8</v>
      </c>
      <c r="B9606" s="2">
        <v>12838.0</v>
      </c>
      <c r="C9606" s="1" t="s">
        <v>5</v>
      </c>
      <c r="D9606" s="1" t="s">
        <v>8096</v>
      </c>
      <c r="E9606" s="1" t="s">
        <v>11</v>
      </c>
    </row>
    <row r="9607">
      <c r="A9607" s="1">
        <v>4.90459094E8</v>
      </c>
      <c r="B9607" s="2">
        <v>12950.0</v>
      </c>
      <c r="C9607" s="1" t="s">
        <v>5</v>
      </c>
      <c r="D9607" s="1" t="s">
        <v>11</v>
      </c>
      <c r="E9607" s="4" t="s">
        <v>8097</v>
      </c>
    </row>
    <row r="9608">
      <c r="A9608" s="1">
        <v>4.90459096E8</v>
      </c>
      <c r="B9608" s="2">
        <v>12970.0</v>
      </c>
      <c r="C9608" s="1" t="s">
        <v>5</v>
      </c>
      <c r="D9608" s="1" t="s">
        <v>8098</v>
      </c>
      <c r="E9608" s="1" t="s">
        <v>11</v>
      </c>
    </row>
    <row r="9609">
      <c r="A9609" s="1">
        <v>4.90459121E8</v>
      </c>
      <c r="B9609" s="2">
        <v>12942.0</v>
      </c>
      <c r="C9609" s="1" t="s">
        <v>5</v>
      </c>
      <c r="D9609" s="1" t="s">
        <v>8099</v>
      </c>
      <c r="E9609" s="1" t="s">
        <v>7</v>
      </c>
    </row>
    <row r="9610">
      <c r="A9610" s="1">
        <v>4.9045914E8</v>
      </c>
      <c r="B9610" s="2">
        <v>12936.0</v>
      </c>
      <c r="C9610" s="1" t="s">
        <v>5</v>
      </c>
      <c r="D9610" s="1" t="s">
        <v>8100</v>
      </c>
      <c r="E9610" s="1" t="s">
        <v>11</v>
      </c>
    </row>
    <row r="9611">
      <c r="A9611" s="1">
        <v>4.90459152E8</v>
      </c>
      <c r="B9611" s="2">
        <v>12996.0</v>
      </c>
      <c r="C9611" s="1" t="s">
        <v>5</v>
      </c>
      <c r="D9611" s="1" t="s">
        <v>8101</v>
      </c>
      <c r="E9611" s="1" t="s">
        <v>7</v>
      </c>
    </row>
    <row r="9612">
      <c r="A9612" s="1">
        <v>4.90459153E8</v>
      </c>
      <c r="B9612" s="2">
        <v>12938.0</v>
      </c>
      <c r="C9612" s="1" t="s">
        <v>5</v>
      </c>
      <c r="D9612" s="1" t="s">
        <v>8102</v>
      </c>
      <c r="E9612" s="1" t="s">
        <v>11</v>
      </c>
    </row>
    <row r="9613">
      <c r="A9613" s="1">
        <v>4.90459186E8</v>
      </c>
      <c r="B9613" s="2">
        <v>12940.0</v>
      </c>
      <c r="C9613" s="1" t="s">
        <v>5</v>
      </c>
      <c r="D9613" s="1" t="s">
        <v>11</v>
      </c>
      <c r="E9613" s="1" t="s">
        <v>7</v>
      </c>
    </row>
    <row r="9614">
      <c r="A9614" s="1">
        <v>4.90459187E8</v>
      </c>
      <c r="B9614" s="2">
        <v>12884.0</v>
      </c>
      <c r="C9614" s="1" t="s">
        <v>5</v>
      </c>
      <c r="D9614" s="1" t="s">
        <v>8103</v>
      </c>
      <c r="E9614" s="1" t="s">
        <v>11</v>
      </c>
    </row>
    <row r="9615">
      <c r="A9615" s="1">
        <v>4.90459191E8</v>
      </c>
      <c r="B9615" s="2">
        <v>12797.0</v>
      </c>
      <c r="C9615" s="1" t="s">
        <v>5</v>
      </c>
      <c r="D9615" s="1" t="s">
        <v>8104</v>
      </c>
      <c r="E9615" s="1" t="s">
        <v>7</v>
      </c>
    </row>
    <row r="9616">
      <c r="A9616" s="1">
        <v>4.90459212E8</v>
      </c>
      <c r="B9616" s="2">
        <v>12878.0</v>
      </c>
      <c r="C9616" s="1" t="s">
        <v>5</v>
      </c>
      <c r="D9616" s="1" t="s">
        <v>8105</v>
      </c>
      <c r="E9616" s="1" t="s">
        <v>7</v>
      </c>
    </row>
    <row r="9617">
      <c r="A9617" s="1">
        <v>4.90459221E8</v>
      </c>
      <c r="B9617" s="2">
        <v>12989.0</v>
      </c>
      <c r="C9617" s="1" t="s">
        <v>5</v>
      </c>
      <c r="D9617" s="1" t="s">
        <v>11</v>
      </c>
      <c r="E9617" s="1" t="s">
        <v>7</v>
      </c>
    </row>
    <row r="9618">
      <c r="A9618" s="1">
        <v>4.90459224E8</v>
      </c>
      <c r="B9618" s="3">
        <v>12923.0</v>
      </c>
      <c r="C9618" s="1" t="s">
        <v>5</v>
      </c>
      <c r="D9618" s="1" t="s">
        <v>11</v>
      </c>
      <c r="E9618" s="1" t="s">
        <v>7</v>
      </c>
    </row>
    <row r="9619">
      <c r="A9619" s="1">
        <v>4.90459247E8</v>
      </c>
      <c r="B9619" s="2">
        <v>12989.0</v>
      </c>
      <c r="C9619" s="1" t="s">
        <v>5</v>
      </c>
      <c r="D9619" s="1" t="s">
        <v>8106</v>
      </c>
      <c r="E9619" s="1" t="s">
        <v>11</v>
      </c>
    </row>
    <row r="9620">
      <c r="A9620" s="1">
        <v>4.90459272E8</v>
      </c>
      <c r="B9620" s="2">
        <v>12889.0</v>
      </c>
      <c r="C9620" s="1" t="s">
        <v>5</v>
      </c>
      <c r="D9620" s="1" t="s">
        <v>8107</v>
      </c>
      <c r="E9620" s="1" t="s">
        <v>11</v>
      </c>
    </row>
    <row r="9621">
      <c r="A9621" s="1">
        <v>4.90459274E8</v>
      </c>
      <c r="B9621" s="2">
        <v>12937.0</v>
      </c>
      <c r="C9621" s="1" t="s">
        <v>5</v>
      </c>
      <c r="D9621" s="1" t="s">
        <v>8108</v>
      </c>
      <c r="E9621" s="1" t="s">
        <v>7</v>
      </c>
    </row>
    <row r="9622">
      <c r="A9622" s="1">
        <v>4.90459291E8</v>
      </c>
      <c r="B9622" s="2">
        <v>12883.0</v>
      </c>
      <c r="C9622" s="1" t="s">
        <v>5</v>
      </c>
      <c r="D9622" s="1" t="s">
        <v>8109</v>
      </c>
      <c r="E9622" s="1" t="s">
        <v>7</v>
      </c>
    </row>
    <row r="9623">
      <c r="A9623" s="1">
        <v>4.90459301E8</v>
      </c>
      <c r="B9623" s="2">
        <v>12995.0</v>
      </c>
      <c r="C9623" s="1" t="s">
        <v>5</v>
      </c>
      <c r="D9623" s="1" t="s">
        <v>8110</v>
      </c>
      <c r="E9623" s="1" t="s">
        <v>11</v>
      </c>
    </row>
    <row r="9624">
      <c r="A9624" s="1">
        <v>4.90459303E8</v>
      </c>
      <c r="B9624" s="2">
        <v>12790.0</v>
      </c>
      <c r="C9624" s="1" t="s">
        <v>5</v>
      </c>
      <c r="D9624" s="1" t="s">
        <v>11</v>
      </c>
      <c r="E9624" s="1" t="s">
        <v>7</v>
      </c>
    </row>
    <row r="9625">
      <c r="A9625" s="1">
        <v>4.9045932E8</v>
      </c>
      <c r="B9625" s="2">
        <v>12996.0</v>
      </c>
      <c r="C9625" s="1" t="s">
        <v>5</v>
      </c>
      <c r="D9625" s="1" t="s">
        <v>8111</v>
      </c>
      <c r="E9625" s="1" t="s">
        <v>11</v>
      </c>
    </row>
    <row r="9626">
      <c r="A9626" s="1">
        <v>4.90459344E8</v>
      </c>
      <c r="B9626" s="2">
        <v>12970.0</v>
      </c>
      <c r="C9626" s="1" t="s">
        <v>5</v>
      </c>
      <c r="D9626" s="1" t="s">
        <v>8112</v>
      </c>
      <c r="E9626" s="1" t="s">
        <v>8113</v>
      </c>
    </row>
    <row r="9627">
      <c r="A9627" s="1">
        <v>4.90459368E8</v>
      </c>
      <c r="B9627" s="2">
        <v>12825.0</v>
      </c>
      <c r="C9627" s="1" t="s">
        <v>5</v>
      </c>
      <c r="D9627" s="1" t="s">
        <v>11</v>
      </c>
      <c r="E9627" s="1" t="s">
        <v>7</v>
      </c>
    </row>
    <row r="9628">
      <c r="A9628" s="1">
        <v>4.90459371E8</v>
      </c>
      <c r="B9628" s="2">
        <v>12993.0</v>
      </c>
      <c r="C9628" s="1" t="s">
        <v>5</v>
      </c>
      <c r="D9628" s="1" t="s">
        <v>11</v>
      </c>
      <c r="E9628" s="1" t="s">
        <v>7</v>
      </c>
    </row>
    <row r="9629">
      <c r="A9629" s="1">
        <v>4.90459419E8</v>
      </c>
      <c r="B9629" s="2">
        <v>12790.0</v>
      </c>
      <c r="C9629" s="1" t="s">
        <v>5</v>
      </c>
      <c r="D9629" s="1" t="s">
        <v>8114</v>
      </c>
      <c r="E9629" s="1" t="s">
        <v>7</v>
      </c>
    </row>
    <row r="9630">
      <c r="A9630" s="1">
        <v>4.90459485E8</v>
      </c>
      <c r="B9630" s="2">
        <v>12883.0</v>
      </c>
      <c r="C9630" s="1" t="s">
        <v>5</v>
      </c>
      <c r="D9630" s="1" t="s">
        <v>8115</v>
      </c>
      <c r="E9630" s="1" t="s">
        <v>7</v>
      </c>
    </row>
    <row r="9631">
      <c r="A9631" s="1">
        <v>4.90459492E8</v>
      </c>
      <c r="B9631" s="2">
        <v>12940.0</v>
      </c>
      <c r="C9631" s="1" t="s">
        <v>5</v>
      </c>
      <c r="D9631" s="1" t="s">
        <v>8116</v>
      </c>
      <c r="E9631" s="1" t="s">
        <v>7</v>
      </c>
    </row>
    <row r="9632">
      <c r="A9632" s="1">
        <v>4.90459494E8</v>
      </c>
      <c r="B9632" s="2">
        <v>12824.0</v>
      </c>
      <c r="C9632" s="1" t="s">
        <v>5</v>
      </c>
      <c r="D9632" s="1" t="s">
        <v>8117</v>
      </c>
      <c r="E9632" s="1" t="s">
        <v>11</v>
      </c>
    </row>
    <row r="9633">
      <c r="A9633" s="1">
        <v>4.90459519E8</v>
      </c>
      <c r="B9633" s="2">
        <v>12948.0</v>
      </c>
      <c r="C9633" s="1" t="s">
        <v>5</v>
      </c>
      <c r="D9633" s="1" t="s">
        <v>8118</v>
      </c>
      <c r="E9633" s="1" t="s">
        <v>7</v>
      </c>
    </row>
    <row r="9634">
      <c r="A9634" s="1">
        <v>4.90459552E8</v>
      </c>
      <c r="B9634" s="2">
        <v>12789.0</v>
      </c>
      <c r="C9634" s="1" t="s">
        <v>5</v>
      </c>
      <c r="D9634" s="1" t="s">
        <v>8119</v>
      </c>
      <c r="E9634" s="1" t="s">
        <v>11</v>
      </c>
    </row>
    <row r="9635">
      <c r="A9635" s="1">
        <v>4.90459567E8</v>
      </c>
      <c r="B9635" s="2">
        <v>12897.0</v>
      </c>
      <c r="C9635" s="1" t="s">
        <v>5</v>
      </c>
      <c r="D9635" s="1" t="s">
        <v>8120</v>
      </c>
      <c r="E9635" s="1" t="s">
        <v>7</v>
      </c>
    </row>
    <row r="9636">
      <c r="A9636" s="1">
        <v>4.90459592E8</v>
      </c>
      <c r="B9636" s="2">
        <v>12881.0</v>
      </c>
      <c r="C9636" s="1" t="s">
        <v>5</v>
      </c>
      <c r="D9636" s="1" t="s">
        <v>8121</v>
      </c>
      <c r="E9636" s="1" t="s">
        <v>7</v>
      </c>
    </row>
    <row r="9637">
      <c r="A9637" s="1">
        <v>4.90459607E8</v>
      </c>
      <c r="B9637" s="2">
        <v>12822.0</v>
      </c>
      <c r="C9637" s="1" t="s">
        <v>5</v>
      </c>
      <c r="D9637" s="1" t="s">
        <v>8122</v>
      </c>
      <c r="E9637" s="1" t="s">
        <v>11</v>
      </c>
    </row>
    <row r="9638">
      <c r="A9638" s="1">
        <v>4.90459623E8</v>
      </c>
      <c r="B9638" s="2">
        <v>12895.0</v>
      </c>
      <c r="C9638" s="1" t="s">
        <v>5</v>
      </c>
      <c r="D9638" s="1" t="s">
        <v>8123</v>
      </c>
      <c r="E9638" s="1" t="s">
        <v>8124</v>
      </c>
    </row>
    <row r="9639">
      <c r="A9639" s="1">
        <v>4.90459627E8</v>
      </c>
      <c r="B9639" s="2">
        <v>12883.0</v>
      </c>
      <c r="C9639" s="1" t="s">
        <v>5</v>
      </c>
      <c r="D9639" s="1" t="s">
        <v>8125</v>
      </c>
      <c r="E9639" s="1" t="s">
        <v>7</v>
      </c>
    </row>
    <row r="9640">
      <c r="A9640" s="1">
        <v>4.90459649E8</v>
      </c>
      <c r="B9640" s="2">
        <v>12993.0</v>
      </c>
      <c r="C9640" s="1" t="s">
        <v>5</v>
      </c>
      <c r="D9640" s="1" t="s">
        <v>8126</v>
      </c>
      <c r="E9640" s="1" t="s">
        <v>7</v>
      </c>
    </row>
    <row r="9641">
      <c r="A9641" s="1">
        <v>4.90459653E8</v>
      </c>
      <c r="B9641" s="2">
        <v>12789.0</v>
      </c>
      <c r="C9641" s="1" t="s">
        <v>5</v>
      </c>
      <c r="D9641" s="1" t="s">
        <v>11</v>
      </c>
      <c r="E9641" s="1" t="s">
        <v>7</v>
      </c>
    </row>
    <row r="9642">
      <c r="A9642" s="1">
        <v>4.9045967E8</v>
      </c>
      <c r="B9642" s="2">
        <v>12987.0</v>
      </c>
      <c r="C9642" s="1" t="s">
        <v>5</v>
      </c>
      <c r="D9642" s="1" t="s">
        <v>8127</v>
      </c>
      <c r="E9642" s="1" t="s">
        <v>11</v>
      </c>
    </row>
    <row r="9643">
      <c r="A9643" s="1">
        <v>4.90459685E8</v>
      </c>
      <c r="B9643" s="2">
        <v>12981.0</v>
      </c>
      <c r="C9643" s="1" t="s">
        <v>5</v>
      </c>
      <c r="D9643" s="1" t="s">
        <v>8128</v>
      </c>
      <c r="E9643" s="1" t="s">
        <v>7</v>
      </c>
    </row>
    <row r="9644">
      <c r="A9644" s="1">
        <v>4.90459689E8</v>
      </c>
      <c r="B9644" s="2">
        <v>12991.0</v>
      </c>
      <c r="C9644" s="1" t="s">
        <v>5</v>
      </c>
      <c r="D9644" s="1" t="s">
        <v>8129</v>
      </c>
      <c r="E9644" s="1" t="s">
        <v>7</v>
      </c>
    </row>
    <row r="9645">
      <c r="A9645" s="1">
        <v>4.90459691E8</v>
      </c>
      <c r="B9645" s="3">
        <v>12916.0</v>
      </c>
      <c r="C9645" s="1" t="s">
        <v>5</v>
      </c>
      <c r="D9645" s="1" t="s">
        <v>8130</v>
      </c>
      <c r="E9645" s="1" t="s">
        <v>7</v>
      </c>
    </row>
    <row r="9646">
      <c r="A9646" s="1">
        <v>4.90459712E8</v>
      </c>
      <c r="B9646" s="2">
        <v>12788.0</v>
      </c>
      <c r="C9646" s="1" t="s">
        <v>5</v>
      </c>
      <c r="D9646" s="1" t="s">
        <v>8131</v>
      </c>
      <c r="E9646" s="1" t="s">
        <v>11</v>
      </c>
    </row>
    <row r="9647">
      <c r="A9647" s="1">
        <v>4.90459734E8</v>
      </c>
      <c r="B9647" s="2">
        <v>12995.0</v>
      </c>
      <c r="C9647" s="1" t="s">
        <v>5</v>
      </c>
      <c r="D9647" s="1" t="s">
        <v>8132</v>
      </c>
      <c r="E9647" s="1" t="s">
        <v>8133</v>
      </c>
    </row>
    <row r="9648">
      <c r="A9648" s="1">
        <v>4.9045975E8</v>
      </c>
      <c r="B9648" s="2">
        <v>12881.0</v>
      </c>
      <c r="C9648" s="1" t="s">
        <v>5</v>
      </c>
      <c r="D9648" s="1" t="s">
        <v>8134</v>
      </c>
      <c r="E9648" s="1" t="s">
        <v>11</v>
      </c>
    </row>
    <row r="9649">
      <c r="A9649" s="1">
        <v>4.90459788E8</v>
      </c>
      <c r="B9649" s="2">
        <v>12995.0</v>
      </c>
      <c r="C9649" s="1" t="s">
        <v>5</v>
      </c>
      <c r="D9649" s="1" t="s">
        <v>8135</v>
      </c>
      <c r="E9649" s="1" t="s">
        <v>7</v>
      </c>
    </row>
    <row r="9650">
      <c r="A9650" s="1">
        <v>4.9045979E8</v>
      </c>
      <c r="B9650" s="2">
        <v>12895.0</v>
      </c>
      <c r="C9650" s="1" t="s">
        <v>5</v>
      </c>
      <c r="D9650" s="1" t="s">
        <v>11</v>
      </c>
      <c r="E9650" s="1" t="s">
        <v>7</v>
      </c>
    </row>
    <row r="9651">
      <c r="A9651" s="1">
        <v>4.90459813E8</v>
      </c>
      <c r="B9651" s="3">
        <v>12929.0</v>
      </c>
      <c r="C9651" s="1" t="s">
        <v>5</v>
      </c>
      <c r="D9651" s="1" t="s">
        <v>8136</v>
      </c>
      <c r="E9651" s="1" t="s">
        <v>11</v>
      </c>
    </row>
    <row r="9652">
      <c r="A9652" s="1">
        <v>4.90459835E8</v>
      </c>
      <c r="B9652" s="2">
        <v>12937.0</v>
      </c>
      <c r="C9652" s="1" t="s">
        <v>5</v>
      </c>
      <c r="D9652" s="1" t="s">
        <v>8137</v>
      </c>
      <c r="E9652" s="1" t="s">
        <v>11</v>
      </c>
    </row>
    <row r="9653">
      <c r="A9653" s="1">
        <v>4.90459845E8</v>
      </c>
      <c r="B9653" s="2">
        <v>12990.0</v>
      </c>
      <c r="C9653" s="1" t="s">
        <v>5</v>
      </c>
      <c r="D9653" s="1" t="s">
        <v>8138</v>
      </c>
      <c r="E9653" s="1" t="s">
        <v>8139</v>
      </c>
    </row>
    <row r="9654">
      <c r="A9654" s="1">
        <v>4.90459893E8</v>
      </c>
      <c r="B9654" s="2">
        <v>12812.0</v>
      </c>
      <c r="C9654" s="1" t="s">
        <v>5</v>
      </c>
      <c r="D9654" s="1" t="s">
        <v>8140</v>
      </c>
      <c r="E9654" s="1" t="s">
        <v>8141</v>
      </c>
    </row>
    <row r="9655">
      <c r="A9655" s="1">
        <v>4.90459894E8</v>
      </c>
      <c r="B9655" s="2">
        <v>12992.0</v>
      </c>
      <c r="C9655" s="1" t="s">
        <v>5</v>
      </c>
      <c r="D9655" s="1" t="s">
        <v>8142</v>
      </c>
      <c r="E9655" s="1" t="s">
        <v>7</v>
      </c>
    </row>
    <row r="9656">
      <c r="A9656" s="1">
        <v>4.90459935E8</v>
      </c>
      <c r="B9656" s="2">
        <v>12881.0</v>
      </c>
      <c r="C9656" s="1" t="s">
        <v>5</v>
      </c>
      <c r="D9656" s="1" t="s">
        <v>8143</v>
      </c>
      <c r="E9656" s="1" t="s">
        <v>7</v>
      </c>
    </row>
    <row r="9657">
      <c r="A9657" s="1">
        <v>4.90459936E8</v>
      </c>
      <c r="B9657" s="2">
        <v>12990.0</v>
      </c>
      <c r="C9657" s="1" t="s">
        <v>5</v>
      </c>
      <c r="D9657" s="1" t="s">
        <v>8144</v>
      </c>
      <c r="E9657" s="1" t="s">
        <v>7</v>
      </c>
    </row>
    <row r="9658">
      <c r="A9658" s="1">
        <v>4.90459946E8</v>
      </c>
      <c r="B9658" s="2">
        <v>12991.0</v>
      </c>
      <c r="C9658" s="1" t="s">
        <v>5</v>
      </c>
      <c r="D9658" s="1" t="s">
        <v>8145</v>
      </c>
      <c r="E9658" s="1" t="s">
        <v>8146</v>
      </c>
    </row>
    <row r="9659">
      <c r="A9659" s="1">
        <v>4.90459987E8</v>
      </c>
      <c r="B9659" s="2">
        <v>12879.0</v>
      </c>
      <c r="C9659" s="1" t="s">
        <v>5</v>
      </c>
      <c r="D9659" s="1" t="s">
        <v>8147</v>
      </c>
      <c r="E9659" s="1" t="s">
        <v>7</v>
      </c>
    </row>
    <row r="9660">
      <c r="A9660" s="1">
        <v>4.90460007E8</v>
      </c>
      <c r="B9660" s="3">
        <v>12930.0</v>
      </c>
      <c r="C9660" s="1" t="s">
        <v>5</v>
      </c>
      <c r="D9660" s="1" t="s">
        <v>8148</v>
      </c>
      <c r="E9660" s="1" t="s">
        <v>8149</v>
      </c>
    </row>
    <row r="9661">
      <c r="A9661" s="1">
        <v>4.90460016E8</v>
      </c>
      <c r="B9661" s="2">
        <v>12991.0</v>
      </c>
      <c r="C9661" s="1" t="s">
        <v>5</v>
      </c>
      <c r="D9661" s="1" t="s">
        <v>8150</v>
      </c>
      <c r="E9661" s="1" t="s">
        <v>7</v>
      </c>
    </row>
    <row r="9662">
      <c r="A9662" s="1">
        <v>4.90460042E8</v>
      </c>
      <c r="B9662" s="2">
        <v>12946.0</v>
      </c>
      <c r="C9662" s="1" t="s">
        <v>5</v>
      </c>
      <c r="D9662" s="1" t="s">
        <v>8151</v>
      </c>
      <c r="E9662" s="1" t="s">
        <v>7</v>
      </c>
    </row>
    <row r="9663">
      <c r="A9663" s="1">
        <v>4.90460052E8</v>
      </c>
      <c r="B9663" s="3">
        <v>12930.0</v>
      </c>
      <c r="C9663" s="1" t="s">
        <v>5</v>
      </c>
      <c r="D9663" s="1" t="s">
        <v>11</v>
      </c>
      <c r="E9663" s="1" t="s">
        <v>7</v>
      </c>
    </row>
    <row r="9664">
      <c r="A9664" s="1">
        <v>4.90460054E8</v>
      </c>
      <c r="B9664" s="2">
        <v>12881.0</v>
      </c>
      <c r="C9664" s="1" t="s">
        <v>5</v>
      </c>
      <c r="D9664" s="1" t="s">
        <v>8152</v>
      </c>
      <c r="E9664" s="1" t="s">
        <v>11</v>
      </c>
    </row>
    <row r="9665">
      <c r="A9665" s="1">
        <v>4.90460067E8</v>
      </c>
      <c r="B9665" s="3">
        <v>12930.0</v>
      </c>
      <c r="C9665" s="1" t="s">
        <v>5</v>
      </c>
      <c r="D9665" s="1" t="s">
        <v>8153</v>
      </c>
      <c r="E9665" s="1" t="s">
        <v>7</v>
      </c>
    </row>
    <row r="9666">
      <c r="A9666" s="1">
        <v>4.90460092E8</v>
      </c>
      <c r="B9666" s="2">
        <v>12881.0</v>
      </c>
      <c r="C9666" s="1" t="s">
        <v>5</v>
      </c>
      <c r="D9666" s="1" t="s">
        <v>8154</v>
      </c>
      <c r="E9666" s="1" t="s">
        <v>7</v>
      </c>
    </row>
    <row r="9667">
      <c r="A9667" s="1">
        <v>4.90460122E8</v>
      </c>
      <c r="B9667" s="2">
        <v>12994.0</v>
      </c>
      <c r="C9667" s="1" t="s">
        <v>5</v>
      </c>
      <c r="D9667" s="1" t="s">
        <v>8155</v>
      </c>
      <c r="E9667" s="1" t="s">
        <v>7</v>
      </c>
    </row>
    <row r="9668">
      <c r="A9668" s="1">
        <v>4.90460147E8</v>
      </c>
      <c r="B9668" s="3">
        <v>12930.0</v>
      </c>
      <c r="C9668" s="1" t="s">
        <v>5</v>
      </c>
      <c r="D9668" s="1" t="s">
        <v>11</v>
      </c>
      <c r="E9668" s="1" t="s">
        <v>7</v>
      </c>
    </row>
    <row r="9669">
      <c r="A9669" s="1">
        <v>4.90460179E8</v>
      </c>
      <c r="B9669" s="2">
        <v>12992.0</v>
      </c>
      <c r="C9669" s="1" t="s">
        <v>5</v>
      </c>
      <c r="D9669" s="1" t="s">
        <v>8156</v>
      </c>
      <c r="E9669" s="1" t="s">
        <v>7</v>
      </c>
    </row>
    <row r="9670">
      <c r="A9670" s="1">
        <v>4.90460207E8</v>
      </c>
      <c r="B9670" s="2">
        <v>12989.0</v>
      </c>
      <c r="C9670" s="1" t="s">
        <v>5</v>
      </c>
      <c r="D9670" s="1" t="s">
        <v>8157</v>
      </c>
      <c r="E9670" s="1" t="s">
        <v>8158</v>
      </c>
    </row>
    <row r="9671">
      <c r="A9671" s="1">
        <v>4.90460226E8</v>
      </c>
      <c r="B9671" s="2">
        <v>12990.0</v>
      </c>
      <c r="C9671" s="1" t="s">
        <v>5</v>
      </c>
      <c r="D9671" s="1" t="s">
        <v>8159</v>
      </c>
      <c r="E9671" s="1" t="s">
        <v>7</v>
      </c>
    </row>
    <row r="9672">
      <c r="A9672" s="1">
        <v>4.90460261E8</v>
      </c>
      <c r="B9672" s="2">
        <v>12990.0</v>
      </c>
      <c r="C9672" s="1" t="s">
        <v>5</v>
      </c>
      <c r="D9672" s="1" t="s">
        <v>8160</v>
      </c>
      <c r="E9672" s="1" t="s">
        <v>8161</v>
      </c>
    </row>
    <row r="9673">
      <c r="A9673" s="1">
        <v>4.90460287E8</v>
      </c>
      <c r="B9673" s="2">
        <v>12991.0</v>
      </c>
      <c r="C9673" s="1" t="s">
        <v>5</v>
      </c>
      <c r="D9673" s="1" t="s">
        <v>11</v>
      </c>
      <c r="E9673" s="1" t="s">
        <v>7</v>
      </c>
    </row>
    <row r="9674">
      <c r="A9674" s="1">
        <v>4.90460306E8</v>
      </c>
      <c r="B9674" s="2">
        <v>12879.0</v>
      </c>
      <c r="C9674" s="1" t="s">
        <v>5</v>
      </c>
      <c r="D9674" s="1" t="s">
        <v>8162</v>
      </c>
      <c r="E9674" s="1" t="s">
        <v>11</v>
      </c>
    </row>
    <row r="9675">
      <c r="A9675" s="1">
        <v>4.90460338E8</v>
      </c>
      <c r="B9675" s="2">
        <v>12810.0</v>
      </c>
      <c r="C9675" s="1" t="s">
        <v>5</v>
      </c>
      <c r="D9675" s="1" t="s">
        <v>11</v>
      </c>
      <c r="E9675" s="1" t="s">
        <v>7</v>
      </c>
    </row>
    <row r="9676">
      <c r="A9676" s="1">
        <v>4.90460339E8</v>
      </c>
      <c r="B9676" s="2">
        <v>12989.0</v>
      </c>
      <c r="C9676" s="1" t="s">
        <v>5</v>
      </c>
      <c r="D9676" s="1" t="s">
        <v>8163</v>
      </c>
      <c r="E9676" s="1" t="s">
        <v>7</v>
      </c>
    </row>
    <row r="9677">
      <c r="A9677" s="1">
        <v>4.90460383E8</v>
      </c>
      <c r="B9677" s="3">
        <v>12918.0</v>
      </c>
      <c r="C9677" s="1" t="s">
        <v>5</v>
      </c>
      <c r="D9677" s="1" t="s">
        <v>11</v>
      </c>
      <c r="E9677" s="1" t="s">
        <v>7</v>
      </c>
    </row>
    <row r="9678">
      <c r="A9678" s="1">
        <v>4.90460413E8</v>
      </c>
      <c r="B9678" s="2">
        <v>12989.0</v>
      </c>
      <c r="C9678" s="1" t="s">
        <v>5</v>
      </c>
      <c r="D9678" s="1" t="s">
        <v>8164</v>
      </c>
      <c r="E9678" s="1" t="s">
        <v>11</v>
      </c>
    </row>
    <row r="9679">
      <c r="A9679" s="1">
        <v>4.90460421E8</v>
      </c>
      <c r="B9679" s="2">
        <v>12877.0</v>
      </c>
      <c r="C9679" s="1" t="s">
        <v>5</v>
      </c>
      <c r="D9679" s="1" t="s">
        <v>8165</v>
      </c>
      <c r="E9679" s="1" t="s">
        <v>11</v>
      </c>
    </row>
    <row r="9680">
      <c r="A9680" s="1">
        <v>4.90460426E8</v>
      </c>
      <c r="B9680" s="2">
        <v>12785.0</v>
      </c>
      <c r="C9680" s="1" t="s">
        <v>5</v>
      </c>
      <c r="D9680" s="1" t="s">
        <v>8166</v>
      </c>
      <c r="E9680" s="1" t="s">
        <v>7</v>
      </c>
    </row>
    <row r="9681">
      <c r="A9681" s="1">
        <v>4.90460436E8</v>
      </c>
      <c r="B9681" s="2">
        <v>12989.0</v>
      </c>
      <c r="C9681" s="1" t="s">
        <v>5</v>
      </c>
      <c r="D9681" s="1" t="s">
        <v>8167</v>
      </c>
      <c r="E9681" s="1" t="s">
        <v>7</v>
      </c>
    </row>
    <row r="9682">
      <c r="A9682" s="1">
        <v>4.90460441E8</v>
      </c>
      <c r="B9682" s="2">
        <v>12785.0</v>
      </c>
      <c r="C9682" s="1" t="s">
        <v>5</v>
      </c>
      <c r="D9682" s="1" t="s">
        <v>8168</v>
      </c>
      <c r="E9682" s="1" t="s">
        <v>7</v>
      </c>
    </row>
    <row r="9683">
      <c r="A9683" s="1">
        <v>4.90460467E8</v>
      </c>
      <c r="B9683" s="2">
        <v>12990.0</v>
      </c>
      <c r="C9683" s="1" t="s">
        <v>5</v>
      </c>
      <c r="D9683" s="1" t="s">
        <v>8169</v>
      </c>
      <c r="E9683" s="1" t="s">
        <v>11</v>
      </c>
    </row>
    <row r="9684">
      <c r="A9684" s="1">
        <v>4.90460484E8</v>
      </c>
      <c r="B9684" s="2">
        <v>12880.0</v>
      </c>
      <c r="C9684" s="1" t="s">
        <v>5</v>
      </c>
      <c r="D9684" s="1" t="s">
        <v>8170</v>
      </c>
      <c r="E9684" s="1" t="s">
        <v>11</v>
      </c>
    </row>
    <row r="9685">
      <c r="A9685" s="1">
        <v>4.90460583E8</v>
      </c>
      <c r="B9685" s="2">
        <v>12988.0</v>
      </c>
      <c r="C9685" s="1" t="s">
        <v>5</v>
      </c>
      <c r="D9685" s="1" t="s">
        <v>8171</v>
      </c>
      <c r="E9685" s="1" t="s">
        <v>11</v>
      </c>
    </row>
    <row r="9686">
      <c r="A9686" s="1">
        <v>4.90460593E8</v>
      </c>
      <c r="B9686" s="2">
        <v>12941.0</v>
      </c>
      <c r="C9686" s="1" t="s">
        <v>5</v>
      </c>
      <c r="D9686" s="1" t="s">
        <v>8172</v>
      </c>
      <c r="E9686" s="1" t="s">
        <v>7</v>
      </c>
    </row>
    <row r="9687">
      <c r="A9687" s="1">
        <v>4.90460611E8</v>
      </c>
      <c r="B9687" s="3">
        <v>12905.0</v>
      </c>
      <c r="C9687" s="1" t="s">
        <v>5</v>
      </c>
      <c r="D9687" s="1" t="s">
        <v>8173</v>
      </c>
      <c r="E9687" s="1" t="s">
        <v>7</v>
      </c>
    </row>
    <row r="9688">
      <c r="A9688" s="1">
        <v>4.90460626E8</v>
      </c>
      <c r="B9688" s="2">
        <v>12984.0</v>
      </c>
      <c r="C9688" s="1" t="s">
        <v>5</v>
      </c>
      <c r="D9688" s="1" t="s">
        <v>8174</v>
      </c>
      <c r="E9688" s="1" t="s">
        <v>7</v>
      </c>
    </row>
    <row r="9689">
      <c r="A9689" s="1">
        <v>4.90460641E8</v>
      </c>
      <c r="B9689" s="2">
        <v>12878.0</v>
      </c>
      <c r="C9689" s="1" t="s">
        <v>5</v>
      </c>
      <c r="D9689" s="1" t="s">
        <v>8175</v>
      </c>
      <c r="E9689" s="1" t="s">
        <v>7</v>
      </c>
    </row>
    <row r="9690">
      <c r="A9690" s="1">
        <v>4.90460667E8</v>
      </c>
      <c r="B9690" s="3">
        <v>12935.0</v>
      </c>
      <c r="C9690" s="1" t="s">
        <v>5</v>
      </c>
      <c r="D9690" s="1" t="s">
        <v>8176</v>
      </c>
      <c r="E9690" s="1" t="s">
        <v>7</v>
      </c>
    </row>
    <row r="9691">
      <c r="A9691" s="1">
        <v>4.90460679E8</v>
      </c>
      <c r="B9691" s="2">
        <v>12879.0</v>
      </c>
      <c r="C9691" s="1" t="s">
        <v>5</v>
      </c>
      <c r="D9691" s="1" t="s">
        <v>8177</v>
      </c>
      <c r="E9691" s="1" t="s">
        <v>11</v>
      </c>
    </row>
    <row r="9692">
      <c r="A9692" s="1">
        <v>4.90460755E8</v>
      </c>
      <c r="B9692" s="3">
        <v>12914.0</v>
      </c>
      <c r="C9692" s="1" t="s">
        <v>5</v>
      </c>
      <c r="D9692" s="1" t="s">
        <v>8178</v>
      </c>
      <c r="E9692" s="1" t="s">
        <v>8179</v>
      </c>
    </row>
    <row r="9693">
      <c r="A9693" s="1">
        <v>4.90460767E8</v>
      </c>
      <c r="B9693" s="2">
        <v>12875.0</v>
      </c>
      <c r="C9693" s="1" t="s">
        <v>5</v>
      </c>
      <c r="D9693" s="1" t="s">
        <v>8180</v>
      </c>
      <c r="E9693" s="1" t="s">
        <v>11</v>
      </c>
    </row>
    <row r="9694">
      <c r="A9694" s="1">
        <v>4.90460783E8</v>
      </c>
      <c r="B9694" s="2">
        <v>12995.0</v>
      </c>
      <c r="C9694" s="1" t="s">
        <v>5</v>
      </c>
      <c r="D9694" s="1" t="s">
        <v>8181</v>
      </c>
      <c r="E9694" s="1" t="s">
        <v>11</v>
      </c>
    </row>
    <row r="9695">
      <c r="A9695" s="1">
        <v>4.90460795E8</v>
      </c>
      <c r="B9695" s="2">
        <v>12825.0</v>
      </c>
      <c r="C9695" s="1" t="s">
        <v>5</v>
      </c>
      <c r="D9695" s="1" t="s">
        <v>8182</v>
      </c>
      <c r="E9695" s="1" t="s">
        <v>7</v>
      </c>
    </row>
    <row r="9696">
      <c r="A9696" s="1">
        <v>4.90460843E8</v>
      </c>
      <c r="B9696" s="3">
        <v>12934.0</v>
      </c>
      <c r="C9696" s="1" t="s">
        <v>5</v>
      </c>
      <c r="D9696" s="1" t="s">
        <v>8183</v>
      </c>
      <c r="E9696" s="1" t="s">
        <v>7</v>
      </c>
    </row>
    <row r="9697">
      <c r="A9697" s="1">
        <v>4.9046087E8</v>
      </c>
      <c r="B9697" s="2">
        <v>12825.0</v>
      </c>
      <c r="C9697" s="1" t="s">
        <v>5</v>
      </c>
      <c r="D9697" s="1" t="s">
        <v>11</v>
      </c>
      <c r="E9697" s="1" t="s">
        <v>7</v>
      </c>
    </row>
    <row r="9698">
      <c r="A9698" s="1">
        <v>4.90460962E8</v>
      </c>
      <c r="B9698" s="2">
        <v>12880.0</v>
      </c>
      <c r="C9698" s="1" t="s">
        <v>5</v>
      </c>
      <c r="D9698" s="1" t="s">
        <v>8184</v>
      </c>
      <c r="E9698" s="1" t="s">
        <v>7</v>
      </c>
    </row>
    <row r="9699">
      <c r="A9699" s="1">
        <v>4.90460974E8</v>
      </c>
      <c r="B9699" s="3">
        <v>12930.0</v>
      </c>
      <c r="C9699" s="1" t="s">
        <v>5</v>
      </c>
      <c r="D9699" s="1" t="s">
        <v>8185</v>
      </c>
      <c r="E9699" s="1" t="s">
        <v>7</v>
      </c>
    </row>
    <row r="9700">
      <c r="A9700" s="1">
        <v>4.90460975E8</v>
      </c>
      <c r="B9700" s="2">
        <v>12843.0</v>
      </c>
      <c r="C9700" s="1" t="s">
        <v>5</v>
      </c>
      <c r="D9700" s="1" t="s">
        <v>8186</v>
      </c>
      <c r="E9700" s="1" t="s">
        <v>7</v>
      </c>
    </row>
    <row r="9701">
      <c r="A9701" s="1">
        <v>4.90460983E8</v>
      </c>
      <c r="B9701" s="3">
        <v>12930.0</v>
      </c>
      <c r="C9701" s="1" t="s">
        <v>5</v>
      </c>
      <c r="D9701" s="1" t="s">
        <v>11</v>
      </c>
      <c r="E9701" s="1" t="s">
        <v>7</v>
      </c>
    </row>
    <row r="9702">
      <c r="A9702" s="1">
        <v>4.90460988E8</v>
      </c>
      <c r="B9702" s="2">
        <v>12993.0</v>
      </c>
      <c r="C9702" s="1" t="s">
        <v>5</v>
      </c>
      <c r="D9702" s="1" t="s">
        <v>8187</v>
      </c>
      <c r="E9702" s="1" t="s">
        <v>7</v>
      </c>
    </row>
    <row r="9703">
      <c r="A9703" s="1">
        <v>4.90461019E8</v>
      </c>
      <c r="B9703" s="2">
        <v>12806.0</v>
      </c>
      <c r="C9703" s="1" t="s">
        <v>5</v>
      </c>
      <c r="D9703" s="1" t="s">
        <v>8188</v>
      </c>
      <c r="E9703" s="1" t="s">
        <v>7</v>
      </c>
    </row>
    <row r="9704">
      <c r="A9704" s="1">
        <v>4.90461023E8</v>
      </c>
      <c r="B9704" s="2">
        <v>12878.0</v>
      </c>
      <c r="C9704" s="1" t="s">
        <v>5</v>
      </c>
      <c r="D9704" s="1" t="s">
        <v>8189</v>
      </c>
      <c r="E9704" s="1" t="s">
        <v>7</v>
      </c>
    </row>
    <row r="9705">
      <c r="A9705" s="1">
        <v>4.90461028E8</v>
      </c>
      <c r="B9705" s="3">
        <v>12913.0</v>
      </c>
      <c r="C9705" s="1" t="s">
        <v>5</v>
      </c>
      <c r="D9705" s="1" t="s">
        <v>8190</v>
      </c>
      <c r="E9705" s="1" t="s">
        <v>7</v>
      </c>
    </row>
    <row r="9706">
      <c r="A9706" s="1">
        <v>4.90461055E8</v>
      </c>
      <c r="B9706" s="2">
        <v>12878.0</v>
      </c>
      <c r="C9706" s="1" t="s">
        <v>5</v>
      </c>
      <c r="D9706" s="1" t="s">
        <v>8191</v>
      </c>
      <c r="E9706" s="1" t="s">
        <v>7</v>
      </c>
    </row>
    <row r="9707">
      <c r="A9707" s="1">
        <v>4.90461071E8</v>
      </c>
      <c r="B9707" s="2">
        <v>12887.0</v>
      </c>
      <c r="C9707" s="1" t="s">
        <v>5</v>
      </c>
      <c r="D9707" s="1" t="s">
        <v>8192</v>
      </c>
      <c r="E9707" s="1" t="s">
        <v>8193</v>
      </c>
    </row>
    <row r="9708">
      <c r="A9708" s="1">
        <v>4.90461075E8</v>
      </c>
      <c r="B9708" s="2">
        <v>12992.0</v>
      </c>
      <c r="C9708" s="1" t="s">
        <v>5</v>
      </c>
      <c r="D9708" s="1" t="s">
        <v>8194</v>
      </c>
      <c r="E9708" s="1" t="s">
        <v>7</v>
      </c>
    </row>
    <row r="9709">
      <c r="A9709" s="1">
        <v>4.90461086E8</v>
      </c>
      <c r="B9709" s="2">
        <v>12877.0</v>
      </c>
      <c r="C9709" s="1" t="s">
        <v>5</v>
      </c>
      <c r="D9709" s="1" t="s">
        <v>8195</v>
      </c>
      <c r="E9709" s="1" t="s">
        <v>7</v>
      </c>
    </row>
    <row r="9710">
      <c r="A9710" s="1">
        <v>4.90461087E8</v>
      </c>
      <c r="B9710" s="3">
        <v>12930.0</v>
      </c>
      <c r="C9710" s="1" t="s">
        <v>5</v>
      </c>
      <c r="D9710" s="1" t="s">
        <v>8196</v>
      </c>
      <c r="E9710" s="1" t="s">
        <v>7</v>
      </c>
    </row>
    <row r="9711">
      <c r="A9711" s="1">
        <v>4.90461108E8</v>
      </c>
      <c r="B9711" s="2">
        <v>12879.0</v>
      </c>
      <c r="C9711" s="1" t="s">
        <v>5</v>
      </c>
      <c r="D9711" s="1" t="s">
        <v>8197</v>
      </c>
      <c r="E9711" s="1" t="s">
        <v>7</v>
      </c>
    </row>
    <row r="9712">
      <c r="A9712" s="1">
        <v>4.90461115E8</v>
      </c>
      <c r="B9712" s="2">
        <v>12984.0</v>
      </c>
      <c r="C9712" s="1" t="s">
        <v>5</v>
      </c>
      <c r="D9712" s="1" t="s">
        <v>8198</v>
      </c>
      <c r="E9712" s="1" t="s">
        <v>7</v>
      </c>
    </row>
    <row r="9713">
      <c r="A9713" s="1">
        <v>4.90461139E8</v>
      </c>
      <c r="B9713" s="3">
        <v>12920.0</v>
      </c>
      <c r="C9713" s="1" t="s">
        <v>5</v>
      </c>
      <c r="D9713" s="1" t="s">
        <v>8199</v>
      </c>
      <c r="E9713" s="1" t="s">
        <v>7</v>
      </c>
    </row>
    <row r="9714">
      <c r="A9714" s="1">
        <v>4.90461143E8</v>
      </c>
      <c r="B9714" s="2">
        <v>12992.0</v>
      </c>
      <c r="C9714" s="1" t="s">
        <v>5</v>
      </c>
      <c r="D9714" s="1" t="s">
        <v>8200</v>
      </c>
      <c r="E9714" s="1" t="s">
        <v>11</v>
      </c>
    </row>
    <row r="9715">
      <c r="A9715" s="1">
        <v>4.90461187E8</v>
      </c>
      <c r="B9715" s="2">
        <v>12987.0</v>
      </c>
      <c r="C9715" s="1" t="s">
        <v>5</v>
      </c>
      <c r="D9715" s="1" t="s">
        <v>8201</v>
      </c>
      <c r="E9715" s="1" t="s">
        <v>8202</v>
      </c>
    </row>
    <row r="9716">
      <c r="A9716" s="1">
        <v>4.90461223E8</v>
      </c>
      <c r="B9716" s="2">
        <v>12879.0</v>
      </c>
      <c r="C9716" s="1" t="s">
        <v>5</v>
      </c>
      <c r="D9716" s="1" t="s">
        <v>8203</v>
      </c>
      <c r="E9716" s="1" t="s">
        <v>11</v>
      </c>
    </row>
    <row r="9717">
      <c r="A9717" s="1">
        <v>4.9046125E8</v>
      </c>
      <c r="B9717" s="2">
        <v>12985.0</v>
      </c>
      <c r="C9717" s="1" t="s">
        <v>5</v>
      </c>
      <c r="D9717" s="1" t="s">
        <v>8204</v>
      </c>
      <c r="E9717" s="1" t="s">
        <v>7</v>
      </c>
    </row>
    <row r="9718">
      <c r="A9718" s="1">
        <v>4.90461257E8</v>
      </c>
      <c r="B9718" s="2">
        <v>12979.0</v>
      </c>
      <c r="C9718" s="1" t="s">
        <v>5</v>
      </c>
      <c r="D9718" s="1" t="s">
        <v>8205</v>
      </c>
      <c r="E9718" s="1" t="s">
        <v>7</v>
      </c>
    </row>
    <row r="9719">
      <c r="A9719" s="1">
        <v>4.90461264E8</v>
      </c>
      <c r="B9719" s="2">
        <v>12877.0</v>
      </c>
      <c r="C9719" s="1" t="s">
        <v>5</v>
      </c>
      <c r="D9719" s="1" t="s">
        <v>8206</v>
      </c>
      <c r="E9719" s="1" t="s">
        <v>7</v>
      </c>
    </row>
    <row r="9720">
      <c r="A9720" s="1">
        <v>4.90461307E8</v>
      </c>
      <c r="B9720" s="2">
        <v>12983.0</v>
      </c>
      <c r="C9720" s="1" t="s">
        <v>5</v>
      </c>
      <c r="D9720" s="1" t="s">
        <v>8207</v>
      </c>
      <c r="E9720" s="1" t="s">
        <v>8208</v>
      </c>
    </row>
    <row r="9721">
      <c r="A9721" s="1">
        <v>4.90461336E8</v>
      </c>
      <c r="B9721" s="3">
        <v>12934.0</v>
      </c>
      <c r="C9721" s="1" t="s">
        <v>5</v>
      </c>
      <c r="D9721" s="1" t="s">
        <v>11</v>
      </c>
      <c r="E9721" s="1" t="s">
        <v>7</v>
      </c>
    </row>
    <row r="9722">
      <c r="A9722" s="1">
        <v>4.90461387E8</v>
      </c>
      <c r="B9722" s="2">
        <v>12804.0</v>
      </c>
      <c r="C9722" s="1" t="s">
        <v>5</v>
      </c>
      <c r="D9722" s="1" t="s">
        <v>8209</v>
      </c>
      <c r="E9722" s="1" t="s">
        <v>7</v>
      </c>
    </row>
    <row r="9723">
      <c r="A9723" s="1">
        <v>4.9046142E8</v>
      </c>
      <c r="B9723" s="2">
        <v>12979.0</v>
      </c>
      <c r="C9723" s="1" t="s">
        <v>5</v>
      </c>
      <c r="D9723" s="1" t="s">
        <v>8210</v>
      </c>
      <c r="E9723" s="1" t="s">
        <v>11</v>
      </c>
    </row>
    <row r="9724">
      <c r="A9724" s="1">
        <v>4.90461467E8</v>
      </c>
      <c r="B9724" s="2">
        <v>12839.0</v>
      </c>
      <c r="C9724" s="1" t="s">
        <v>5</v>
      </c>
      <c r="D9724" s="1" t="s">
        <v>8211</v>
      </c>
      <c r="E9724" s="1" t="s">
        <v>7</v>
      </c>
    </row>
    <row r="9725">
      <c r="A9725" s="1">
        <v>4.90461487E8</v>
      </c>
      <c r="B9725" s="2">
        <v>12990.0</v>
      </c>
      <c r="C9725" s="1" t="s">
        <v>5</v>
      </c>
      <c r="D9725" s="1" t="s">
        <v>8212</v>
      </c>
      <c r="E9725" s="1" t="s">
        <v>7</v>
      </c>
    </row>
    <row r="9726">
      <c r="A9726" s="1">
        <v>4.90461506E8</v>
      </c>
      <c r="B9726" s="2">
        <v>12990.0</v>
      </c>
      <c r="C9726" s="1" t="s">
        <v>5</v>
      </c>
      <c r="D9726" s="1" t="s">
        <v>8213</v>
      </c>
      <c r="E9726" s="1" t="s">
        <v>7</v>
      </c>
    </row>
    <row r="9727">
      <c r="A9727" s="1">
        <v>4.90461555E8</v>
      </c>
      <c r="B9727" s="2">
        <v>12939.0</v>
      </c>
      <c r="C9727" s="1" t="s">
        <v>5</v>
      </c>
      <c r="D9727" s="1" t="s">
        <v>8214</v>
      </c>
      <c r="E9727" s="1" t="s">
        <v>11</v>
      </c>
    </row>
    <row r="9728">
      <c r="A9728" s="1">
        <v>4.90461557E8</v>
      </c>
      <c r="B9728" s="2">
        <v>12986.0</v>
      </c>
      <c r="C9728" s="1" t="s">
        <v>5</v>
      </c>
      <c r="D9728" s="1" t="s">
        <v>8215</v>
      </c>
      <c r="E9728" s="1" t="s">
        <v>7</v>
      </c>
    </row>
    <row r="9729">
      <c r="A9729" s="1">
        <v>4.90461561E8</v>
      </c>
      <c r="B9729" s="2">
        <v>12987.0</v>
      </c>
      <c r="C9729" s="1" t="s">
        <v>5</v>
      </c>
      <c r="D9729" s="1" t="s">
        <v>8216</v>
      </c>
      <c r="E9729" s="1" t="s">
        <v>7</v>
      </c>
    </row>
    <row r="9730">
      <c r="A9730" s="1">
        <v>4.90461566E8</v>
      </c>
      <c r="B9730" s="2">
        <v>12992.0</v>
      </c>
      <c r="C9730" s="1" t="s">
        <v>5</v>
      </c>
      <c r="D9730" s="1" t="s">
        <v>11</v>
      </c>
      <c r="E9730" s="1" t="s">
        <v>7</v>
      </c>
    </row>
    <row r="9731">
      <c r="A9731" s="1">
        <v>4.90461583E8</v>
      </c>
      <c r="B9731" s="3">
        <v>12930.0</v>
      </c>
      <c r="C9731" s="1" t="s">
        <v>5</v>
      </c>
      <c r="D9731" s="1" t="s">
        <v>8217</v>
      </c>
      <c r="E9731" s="1" t="s">
        <v>7</v>
      </c>
    </row>
    <row r="9732">
      <c r="A9732" s="1">
        <v>4.90461619E8</v>
      </c>
      <c r="B9732" s="2">
        <v>12989.0</v>
      </c>
      <c r="C9732" s="1" t="s">
        <v>5</v>
      </c>
      <c r="D9732" s="1" t="s">
        <v>8218</v>
      </c>
      <c r="E9732" s="1" t="s">
        <v>7</v>
      </c>
    </row>
    <row r="9733">
      <c r="A9733" s="1">
        <v>4.90461659E8</v>
      </c>
      <c r="B9733" s="2">
        <v>12822.0</v>
      </c>
      <c r="C9733" s="1" t="s">
        <v>5</v>
      </c>
      <c r="D9733" s="1" t="s">
        <v>8219</v>
      </c>
      <c r="E9733" s="1" t="s">
        <v>7</v>
      </c>
    </row>
    <row r="9734">
      <c r="A9734" s="1">
        <v>4.90461675E8</v>
      </c>
      <c r="B9734" s="2">
        <v>12885.0</v>
      </c>
      <c r="C9734" s="1" t="s">
        <v>5</v>
      </c>
      <c r="D9734" s="1" t="s">
        <v>7</v>
      </c>
      <c r="E9734" s="1" t="s">
        <v>7</v>
      </c>
    </row>
    <row r="9735">
      <c r="A9735" s="1">
        <v>4.90461748E8</v>
      </c>
      <c r="B9735" s="2">
        <v>12978.0</v>
      </c>
      <c r="C9735" s="1" t="s">
        <v>5</v>
      </c>
      <c r="D9735" s="1" t="s">
        <v>8220</v>
      </c>
      <c r="E9735" s="1" t="s">
        <v>7</v>
      </c>
    </row>
    <row r="9736">
      <c r="A9736" s="1">
        <v>4.90461755E8</v>
      </c>
      <c r="B9736" s="3">
        <v>12930.0</v>
      </c>
      <c r="C9736" s="1" t="s">
        <v>5</v>
      </c>
      <c r="D9736" s="1" t="s">
        <v>8221</v>
      </c>
      <c r="E9736" s="1" t="s">
        <v>7</v>
      </c>
    </row>
    <row r="9737">
      <c r="A9737" s="1">
        <v>4.9046177E8</v>
      </c>
      <c r="B9737" s="2">
        <v>12990.0</v>
      </c>
      <c r="C9737" s="1" t="s">
        <v>5</v>
      </c>
      <c r="D9737" s="1" t="s">
        <v>11</v>
      </c>
      <c r="E9737" s="1" t="s">
        <v>7</v>
      </c>
    </row>
    <row r="9738">
      <c r="A9738" s="1">
        <v>4.90461791E8</v>
      </c>
      <c r="B9738" s="2">
        <v>12977.0</v>
      </c>
      <c r="C9738" s="1" t="s">
        <v>5</v>
      </c>
      <c r="D9738" s="1" t="s">
        <v>8222</v>
      </c>
      <c r="E9738" s="1" t="s">
        <v>7</v>
      </c>
    </row>
    <row r="9739">
      <c r="A9739" s="1">
        <v>4.90461834E8</v>
      </c>
      <c r="B9739" s="2">
        <v>12986.0</v>
      </c>
      <c r="C9739" s="1" t="s">
        <v>5</v>
      </c>
      <c r="D9739" s="1" t="s">
        <v>8223</v>
      </c>
      <c r="E9739" s="1" t="s">
        <v>7</v>
      </c>
    </row>
    <row r="9740">
      <c r="A9740" s="1">
        <v>4.90461835E8</v>
      </c>
      <c r="B9740" s="3">
        <v>12930.0</v>
      </c>
      <c r="C9740" s="1" t="s">
        <v>5</v>
      </c>
      <c r="D9740" s="1" t="s">
        <v>11</v>
      </c>
      <c r="E9740" s="1" t="s">
        <v>7</v>
      </c>
    </row>
    <row r="9741">
      <c r="A9741" s="1">
        <v>4.90461857E8</v>
      </c>
      <c r="B9741" s="2">
        <v>12986.0</v>
      </c>
      <c r="C9741" s="1" t="s">
        <v>5</v>
      </c>
      <c r="D9741" s="1" t="s">
        <v>8224</v>
      </c>
      <c r="E9741" s="1" t="s">
        <v>7</v>
      </c>
    </row>
    <row r="9742">
      <c r="A9742" s="1">
        <v>4.90461858E8</v>
      </c>
      <c r="B9742" s="3">
        <v>12930.0</v>
      </c>
      <c r="C9742" s="1" t="s">
        <v>5</v>
      </c>
      <c r="D9742" s="1" t="s">
        <v>8225</v>
      </c>
      <c r="E9742" s="1" t="s">
        <v>7</v>
      </c>
    </row>
    <row r="9743">
      <c r="A9743" s="1">
        <v>4.90461881E8</v>
      </c>
      <c r="B9743" s="3">
        <v>12930.0</v>
      </c>
      <c r="C9743" s="1" t="s">
        <v>5</v>
      </c>
      <c r="D9743" s="1" t="s">
        <v>8226</v>
      </c>
      <c r="E9743" s="1" t="s">
        <v>7</v>
      </c>
    </row>
    <row r="9744">
      <c r="A9744" s="1">
        <v>4.90461885E8</v>
      </c>
      <c r="B9744" s="2">
        <v>12984.0</v>
      </c>
      <c r="C9744" s="1" t="s">
        <v>5</v>
      </c>
      <c r="D9744" s="1" t="s">
        <v>8227</v>
      </c>
      <c r="E9744" s="1" t="s">
        <v>7</v>
      </c>
    </row>
    <row r="9745">
      <c r="A9745" s="1">
        <v>4.90461887E8</v>
      </c>
      <c r="B9745" s="2">
        <v>12990.0</v>
      </c>
      <c r="C9745" s="1" t="s">
        <v>5</v>
      </c>
      <c r="D9745" s="1" t="s">
        <v>11</v>
      </c>
      <c r="E9745" s="1" t="s">
        <v>7</v>
      </c>
    </row>
    <row r="9746">
      <c r="A9746" s="1">
        <v>4.90461889E8</v>
      </c>
      <c r="B9746" s="2">
        <v>12977.0</v>
      </c>
      <c r="C9746" s="1" t="s">
        <v>5</v>
      </c>
      <c r="D9746" s="1" t="s">
        <v>8228</v>
      </c>
      <c r="E9746" s="1" t="s">
        <v>11</v>
      </c>
    </row>
    <row r="9747">
      <c r="A9747" s="1">
        <v>4.90461892E8</v>
      </c>
      <c r="B9747" s="2">
        <v>12977.0</v>
      </c>
      <c r="C9747" s="1" t="s">
        <v>5</v>
      </c>
      <c r="D9747" s="1" t="s">
        <v>8229</v>
      </c>
      <c r="E9747" s="1" t="s">
        <v>7</v>
      </c>
    </row>
    <row r="9748">
      <c r="A9748" s="1">
        <v>4.90461906E8</v>
      </c>
      <c r="B9748" s="3">
        <v>12905.0</v>
      </c>
      <c r="C9748" s="1" t="s">
        <v>5</v>
      </c>
      <c r="D9748" s="1" t="s">
        <v>8230</v>
      </c>
      <c r="E9748" s="1" t="s">
        <v>7</v>
      </c>
    </row>
    <row r="9749">
      <c r="A9749" s="1">
        <v>4.90461933E8</v>
      </c>
      <c r="B9749" s="3">
        <v>12905.0</v>
      </c>
      <c r="C9749" s="1" t="s">
        <v>5</v>
      </c>
      <c r="D9749" s="1" t="s">
        <v>8231</v>
      </c>
      <c r="E9749" s="1" t="s">
        <v>7</v>
      </c>
    </row>
    <row r="9750">
      <c r="A9750" s="1">
        <v>4.90461949E8</v>
      </c>
      <c r="B9750" s="2">
        <v>12985.0</v>
      </c>
      <c r="C9750" s="1" t="s">
        <v>5</v>
      </c>
      <c r="D9750" s="1" t="s">
        <v>8232</v>
      </c>
      <c r="E9750" s="1" t="s">
        <v>8233</v>
      </c>
    </row>
    <row r="9751">
      <c r="A9751" s="1">
        <v>4.90461961E8</v>
      </c>
      <c r="B9751" s="2">
        <v>12989.0</v>
      </c>
      <c r="C9751" s="1" t="s">
        <v>5</v>
      </c>
      <c r="D9751" s="1" t="s">
        <v>8234</v>
      </c>
      <c r="E9751" s="1" t="s">
        <v>11</v>
      </c>
    </row>
    <row r="9752">
      <c r="A9752" s="1">
        <v>4.90461979E8</v>
      </c>
      <c r="B9752" s="2">
        <v>12883.0</v>
      </c>
      <c r="C9752" s="1" t="s">
        <v>5</v>
      </c>
      <c r="D9752" s="1" t="s">
        <v>8235</v>
      </c>
      <c r="E9752" s="1" t="s">
        <v>8236</v>
      </c>
    </row>
    <row r="9753">
      <c r="A9753" s="1">
        <v>4.90461986E8</v>
      </c>
      <c r="B9753" s="3">
        <v>12918.0</v>
      </c>
      <c r="C9753" s="1" t="s">
        <v>5</v>
      </c>
      <c r="D9753" s="1" t="s">
        <v>11</v>
      </c>
      <c r="E9753" s="1" t="s">
        <v>7</v>
      </c>
    </row>
    <row r="9754">
      <c r="A9754" s="1">
        <v>4.90461992E8</v>
      </c>
      <c r="B9754" s="2">
        <v>12937.0</v>
      </c>
      <c r="C9754" s="1" t="s">
        <v>5</v>
      </c>
      <c r="D9754" s="1" t="s">
        <v>11</v>
      </c>
      <c r="E9754" s="1" t="s">
        <v>7</v>
      </c>
    </row>
    <row r="9755">
      <c r="A9755" s="1">
        <v>4.90462045E8</v>
      </c>
      <c r="B9755" s="2">
        <v>12977.0</v>
      </c>
      <c r="C9755" s="1" t="s">
        <v>5</v>
      </c>
      <c r="D9755" s="1" t="s">
        <v>8237</v>
      </c>
      <c r="E9755" s="1" t="s">
        <v>7</v>
      </c>
    </row>
    <row r="9756">
      <c r="A9756" s="1">
        <v>4.90462047E8</v>
      </c>
      <c r="B9756" s="2">
        <v>12989.0</v>
      </c>
      <c r="C9756" s="1" t="s">
        <v>5</v>
      </c>
      <c r="D9756" s="1" t="s">
        <v>11</v>
      </c>
      <c r="E9756" s="1" t="s">
        <v>7</v>
      </c>
    </row>
    <row r="9757">
      <c r="A9757" s="1">
        <v>4.90462055E8</v>
      </c>
      <c r="B9757" s="3">
        <v>12915.0</v>
      </c>
      <c r="C9757" s="1" t="s">
        <v>5</v>
      </c>
      <c r="D9757" s="1" t="s">
        <v>8238</v>
      </c>
      <c r="E9757" s="1" t="s">
        <v>7</v>
      </c>
    </row>
    <row r="9758">
      <c r="A9758" s="1">
        <v>4.90462059E8</v>
      </c>
      <c r="B9758" s="2">
        <v>12937.0</v>
      </c>
      <c r="C9758" s="1" t="s">
        <v>5</v>
      </c>
      <c r="D9758" s="1" t="s">
        <v>8239</v>
      </c>
      <c r="E9758" s="1" t="s">
        <v>7</v>
      </c>
    </row>
    <row r="9759">
      <c r="A9759" s="1">
        <v>4.9046207E8</v>
      </c>
      <c r="B9759" s="2">
        <v>12882.0</v>
      </c>
      <c r="C9759" s="1" t="s">
        <v>5</v>
      </c>
      <c r="D9759" s="1" t="s">
        <v>8240</v>
      </c>
      <c r="E9759" s="1" t="s">
        <v>7</v>
      </c>
    </row>
    <row r="9760">
      <c r="A9760" s="1">
        <v>4.9046209E8</v>
      </c>
      <c r="B9760" s="2">
        <v>12976.0</v>
      </c>
      <c r="C9760" s="1" t="s">
        <v>5</v>
      </c>
      <c r="D9760" s="1" t="s">
        <v>8241</v>
      </c>
      <c r="E9760" s="1" t="s">
        <v>11</v>
      </c>
    </row>
    <row r="9761">
      <c r="A9761" s="1">
        <v>4.90462135E8</v>
      </c>
      <c r="B9761" s="3">
        <v>12924.0</v>
      </c>
      <c r="C9761" s="1" t="s">
        <v>5</v>
      </c>
      <c r="D9761" s="1" t="s">
        <v>11</v>
      </c>
      <c r="E9761" s="1" t="s">
        <v>7</v>
      </c>
    </row>
    <row r="9762">
      <c r="A9762" s="1">
        <v>4.90462137E8</v>
      </c>
      <c r="B9762" s="3">
        <v>12929.0</v>
      </c>
      <c r="C9762" s="1" t="s">
        <v>5</v>
      </c>
      <c r="D9762" s="1" t="s">
        <v>8242</v>
      </c>
      <c r="E9762" s="1" t="s">
        <v>8243</v>
      </c>
    </row>
    <row r="9763">
      <c r="A9763" s="1">
        <v>4.90462147E8</v>
      </c>
      <c r="B9763" s="2">
        <v>12960.0</v>
      </c>
      <c r="C9763" s="1" t="s">
        <v>5</v>
      </c>
      <c r="D9763" s="1" t="s">
        <v>8244</v>
      </c>
      <c r="E9763" s="1" t="s">
        <v>7</v>
      </c>
    </row>
    <row r="9764">
      <c r="A9764" s="1">
        <v>4.90462177E8</v>
      </c>
      <c r="B9764" s="3">
        <v>12918.0</v>
      </c>
      <c r="C9764" s="1" t="s">
        <v>5</v>
      </c>
      <c r="D9764" s="1" t="s">
        <v>8245</v>
      </c>
      <c r="E9764" s="1" t="s">
        <v>7</v>
      </c>
    </row>
    <row r="9765">
      <c r="A9765" s="1">
        <v>4.90462183E8</v>
      </c>
      <c r="B9765" s="2">
        <v>12960.0</v>
      </c>
      <c r="C9765" s="1" t="s">
        <v>5</v>
      </c>
      <c r="D9765" s="1" t="s">
        <v>11</v>
      </c>
      <c r="E9765" s="1" t="s">
        <v>7</v>
      </c>
    </row>
    <row r="9766">
      <c r="A9766" s="1">
        <v>4.90462195E8</v>
      </c>
      <c r="B9766" s="2">
        <v>12976.0</v>
      </c>
      <c r="C9766" s="1" t="s">
        <v>5</v>
      </c>
      <c r="D9766" s="1" t="s">
        <v>8246</v>
      </c>
      <c r="E9766" s="1" t="s">
        <v>7</v>
      </c>
    </row>
    <row r="9767">
      <c r="A9767" s="1">
        <v>4.9046221E8</v>
      </c>
      <c r="B9767" s="3">
        <v>12932.0</v>
      </c>
      <c r="C9767" s="1" t="s">
        <v>5</v>
      </c>
      <c r="D9767" s="1" t="s">
        <v>8247</v>
      </c>
      <c r="E9767" s="1" t="s">
        <v>8248</v>
      </c>
    </row>
    <row r="9768">
      <c r="A9768" s="1">
        <v>4.90462213E8</v>
      </c>
      <c r="B9768" s="2">
        <v>12986.0</v>
      </c>
      <c r="C9768" s="1" t="s">
        <v>5</v>
      </c>
      <c r="D9768" s="1" t="s">
        <v>8249</v>
      </c>
      <c r="E9768" s="1" t="s">
        <v>7</v>
      </c>
    </row>
    <row r="9769">
      <c r="A9769" s="1">
        <v>4.90462216E8</v>
      </c>
      <c r="B9769" s="2">
        <v>12986.0</v>
      </c>
      <c r="C9769" s="1" t="s">
        <v>5</v>
      </c>
      <c r="D9769" s="1" t="s">
        <v>11</v>
      </c>
      <c r="E9769" s="1" t="s">
        <v>7</v>
      </c>
    </row>
    <row r="9770">
      <c r="A9770" s="1">
        <v>4.9046223E8</v>
      </c>
      <c r="B9770" s="3">
        <v>12913.0</v>
      </c>
      <c r="C9770" s="1" t="s">
        <v>5</v>
      </c>
      <c r="D9770" s="1" t="s">
        <v>11</v>
      </c>
      <c r="E9770" s="1" t="s">
        <v>7</v>
      </c>
    </row>
    <row r="9771">
      <c r="A9771" s="1">
        <v>4.90462241E8</v>
      </c>
      <c r="B9771" s="2">
        <v>12976.0</v>
      </c>
      <c r="C9771" s="1" t="s">
        <v>5</v>
      </c>
      <c r="D9771" s="1" t="s">
        <v>11</v>
      </c>
      <c r="E9771" s="1" t="s">
        <v>7</v>
      </c>
    </row>
    <row r="9772">
      <c r="A9772" s="1">
        <v>4.90462245E8</v>
      </c>
      <c r="B9772" s="2">
        <v>12958.0</v>
      </c>
      <c r="C9772" s="1" t="s">
        <v>5</v>
      </c>
      <c r="D9772" s="1" t="s">
        <v>8250</v>
      </c>
      <c r="E9772" s="1" t="s">
        <v>7</v>
      </c>
    </row>
    <row r="9773">
      <c r="A9773" s="1">
        <v>4.90462257E8</v>
      </c>
      <c r="B9773" s="3">
        <v>12929.0</v>
      </c>
      <c r="C9773" s="1" t="s">
        <v>5</v>
      </c>
      <c r="D9773" s="1" t="s">
        <v>11</v>
      </c>
      <c r="E9773" s="1" t="s">
        <v>7</v>
      </c>
    </row>
    <row r="9774">
      <c r="A9774" s="1">
        <v>4.90462281E8</v>
      </c>
      <c r="B9774" s="2">
        <v>12986.0</v>
      </c>
      <c r="C9774" s="1" t="s">
        <v>5</v>
      </c>
      <c r="D9774" s="1" t="s">
        <v>8251</v>
      </c>
      <c r="E9774" s="1" t="s">
        <v>7</v>
      </c>
    </row>
    <row r="9775">
      <c r="A9775" s="1">
        <v>4.90462294E8</v>
      </c>
      <c r="B9775" s="2">
        <v>12979.0</v>
      </c>
      <c r="C9775" s="1" t="s">
        <v>5</v>
      </c>
      <c r="D9775" s="1" t="s">
        <v>11</v>
      </c>
      <c r="E9775" s="1" t="s">
        <v>7</v>
      </c>
    </row>
    <row r="9776">
      <c r="A9776" s="1">
        <v>4.90462301E8</v>
      </c>
      <c r="B9776" s="2">
        <v>12985.0</v>
      </c>
      <c r="C9776" s="1" t="s">
        <v>5</v>
      </c>
      <c r="D9776" s="1" t="s">
        <v>8252</v>
      </c>
      <c r="E9776" s="1" t="s">
        <v>7</v>
      </c>
    </row>
    <row r="9777">
      <c r="A9777" s="1">
        <v>4.90462315E8</v>
      </c>
      <c r="B9777" s="3">
        <v>12930.0</v>
      </c>
      <c r="C9777" s="1" t="s">
        <v>5</v>
      </c>
      <c r="D9777" s="1" t="s">
        <v>8253</v>
      </c>
      <c r="E9777" s="1" t="s">
        <v>7</v>
      </c>
    </row>
    <row r="9778">
      <c r="A9778" s="1">
        <v>4.90462333E8</v>
      </c>
      <c r="B9778" s="2">
        <v>12986.0</v>
      </c>
      <c r="C9778" s="1" t="s">
        <v>5</v>
      </c>
      <c r="D9778" s="1" t="s">
        <v>8254</v>
      </c>
      <c r="E9778" s="1" t="s">
        <v>7</v>
      </c>
    </row>
    <row r="9779">
      <c r="A9779" s="1">
        <v>4.90462346E8</v>
      </c>
      <c r="B9779" s="2">
        <v>12978.0</v>
      </c>
      <c r="C9779" s="1" t="s">
        <v>5</v>
      </c>
      <c r="D9779" s="1" t="s">
        <v>8255</v>
      </c>
      <c r="E9779" s="1" t="s">
        <v>7</v>
      </c>
    </row>
    <row r="9780">
      <c r="A9780" s="1">
        <v>4.90462349E8</v>
      </c>
      <c r="B9780" s="3">
        <v>12930.0</v>
      </c>
      <c r="C9780" s="1" t="s">
        <v>5</v>
      </c>
      <c r="D9780" s="1" t="s">
        <v>8256</v>
      </c>
      <c r="E9780" s="1" t="s">
        <v>11</v>
      </c>
    </row>
    <row r="9781">
      <c r="A9781" s="1">
        <v>4.90462356E8</v>
      </c>
      <c r="B9781" s="2">
        <v>12881.0</v>
      </c>
      <c r="C9781" s="1" t="s">
        <v>5</v>
      </c>
      <c r="D9781" s="1" t="s">
        <v>8257</v>
      </c>
      <c r="E9781" s="1" t="s">
        <v>7</v>
      </c>
    </row>
    <row r="9782">
      <c r="A9782" s="1">
        <v>4.90462373E8</v>
      </c>
      <c r="B9782" s="2">
        <v>12970.0</v>
      </c>
      <c r="C9782" s="1" t="s">
        <v>5</v>
      </c>
      <c r="D9782" s="1" t="s">
        <v>11</v>
      </c>
      <c r="E9782" s="1" t="s">
        <v>7</v>
      </c>
    </row>
    <row r="9783">
      <c r="A9783" s="1">
        <v>4.90462393E8</v>
      </c>
      <c r="B9783" s="2">
        <v>12983.0</v>
      </c>
      <c r="C9783" s="1" t="s">
        <v>5</v>
      </c>
      <c r="D9783" s="1" t="s">
        <v>8258</v>
      </c>
      <c r="E9783" s="1" t="s">
        <v>8259</v>
      </c>
    </row>
    <row r="9784">
      <c r="A9784" s="1">
        <v>4.90462429E8</v>
      </c>
      <c r="B9784" s="2">
        <v>12980.0</v>
      </c>
      <c r="C9784" s="1" t="s">
        <v>5</v>
      </c>
      <c r="D9784" s="1" t="s">
        <v>8260</v>
      </c>
      <c r="E9784" s="1" t="s">
        <v>11</v>
      </c>
    </row>
    <row r="9785">
      <c r="A9785" s="1">
        <v>4.90462456E8</v>
      </c>
      <c r="B9785" s="2">
        <v>12978.0</v>
      </c>
      <c r="C9785" s="1" t="s">
        <v>5</v>
      </c>
      <c r="D9785" s="1" t="s">
        <v>11</v>
      </c>
      <c r="E9785" s="1" t="s">
        <v>7</v>
      </c>
    </row>
    <row r="9786">
      <c r="A9786" s="1">
        <v>4.90462457E8</v>
      </c>
      <c r="B9786" s="2">
        <v>12801.0</v>
      </c>
      <c r="C9786" s="1" t="s">
        <v>5</v>
      </c>
      <c r="D9786" s="1" t="s">
        <v>8261</v>
      </c>
      <c r="E9786" s="1" t="s">
        <v>7</v>
      </c>
    </row>
    <row r="9787">
      <c r="A9787" s="1">
        <v>4.90462487E8</v>
      </c>
      <c r="B9787" s="3">
        <v>12935.0</v>
      </c>
      <c r="C9787" s="1" t="s">
        <v>5</v>
      </c>
      <c r="D9787" s="1" t="s">
        <v>8262</v>
      </c>
      <c r="E9787" s="1" t="s">
        <v>8263</v>
      </c>
    </row>
    <row r="9788">
      <c r="A9788" s="1">
        <v>4.90462493E8</v>
      </c>
      <c r="B9788" s="2">
        <v>12958.0</v>
      </c>
      <c r="C9788" s="1" t="s">
        <v>5</v>
      </c>
      <c r="D9788" s="1" t="s">
        <v>8264</v>
      </c>
      <c r="E9788" s="1" t="s">
        <v>7</v>
      </c>
    </row>
    <row r="9789">
      <c r="A9789" s="1">
        <v>4.90462504E8</v>
      </c>
      <c r="B9789" s="2">
        <v>12983.0</v>
      </c>
      <c r="C9789" s="1" t="s">
        <v>5</v>
      </c>
      <c r="D9789" s="1" t="s">
        <v>8265</v>
      </c>
      <c r="E9789" s="1" t="s">
        <v>7</v>
      </c>
    </row>
    <row r="9790">
      <c r="A9790" s="1">
        <v>4.90462508E8</v>
      </c>
      <c r="B9790" s="3">
        <v>12931.0</v>
      </c>
      <c r="C9790" s="1" t="s">
        <v>5</v>
      </c>
      <c r="D9790" s="1" t="s">
        <v>8266</v>
      </c>
      <c r="E9790" s="1" t="s">
        <v>11</v>
      </c>
    </row>
    <row r="9791">
      <c r="A9791" s="1">
        <v>4.90462566E8</v>
      </c>
      <c r="B9791" s="3">
        <v>12911.0</v>
      </c>
      <c r="C9791" s="1" t="s">
        <v>5</v>
      </c>
      <c r="D9791" s="1" t="s">
        <v>8267</v>
      </c>
      <c r="E9791" s="1" t="s">
        <v>11</v>
      </c>
    </row>
    <row r="9792">
      <c r="A9792" s="1">
        <v>4.90462619E8</v>
      </c>
      <c r="B9792" s="2">
        <v>12985.0</v>
      </c>
      <c r="C9792" s="1" t="s">
        <v>5</v>
      </c>
      <c r="D9792" s="1" t="s">
        <v>8268</v>
      </c>
      <c r="E9792" s="1" t="s">
        <v>8269</v>
      </c>
    </row>
    <row r="9793">
      <c r="A9793" s="1">
        <v>4.90462621E8</v>
      </c>
      <c r="B9793" s="2">
        <v>12977.0</v>
      </c>
      <c r="C9793" s="1" t="s">
        <v>5</v>
      </c>
      <c r="D9793" s="1" t="s">
        <v>8270</v>
      </c>
      <c r="E9793" s="1" t="s">
        <v>7</v>
      </c>
    </row>
    <row r="9794">
      <c r="A9794" s="1">
        <v>4.90462623E8</v>
      </c>
      <c r="B9794" s="3">
        <v>12921.0</v>
      </c>
      <c r="C9794" s="1" t="s">
        <v>5</v>
      </c>
      <c r="D9794" s="1" t="s">
        <v>8271</v>
      </c>
      <c r="E9794" s="1" t="s">
        <v>8272</v>
      </c>
    </row>
    <row r="9795">
      <c r="A9795" s="1">
        <v>4.90462646E8</v>
      </c>
      <c r="B9795" s="2">
        <v>12980.0</v>
      </c>
      <c r="C9795" s="1" t="s">
        <v>5</v>
      </c>
      <c r="D9795" s="1" t="s">
        <v>8273</v>
      </c>
      <c r="E9795" s="1" t="s">
        <v>11</v>
      </c>
    </row>
    <row r="9796">
      <c r="A9796" s="1">
        <v>4.9046266E8</v>
      </c>
      <c r="B9796" s="3">
        <v>12933.0</v>
      </c>
      <c r="C9796" s="1" t="s">
        <v>5</v>
      </c>
      <c r="D9796" s="1" t="s">
        <v>8274</v>
      </c>
      <c r="E9796" s="1" t="s">
        <v>7</v>
      </c>
    </row>
    <row r="9797">
      <c r="A9797" s="1">
        <v>4.90462697E8</v>
      </c>
      <c r="B9797" s="2">
        <v>12980.0</v>
      </c>
      <c r="C9797" s="1" t="s">
        <v>5</v>
      </c>
      <c r="D9797" s="1" t="s">
        <v>8275</v>
      </c>
      <c r="E9797" s="1" t="s">
        <v>7</v>
      </c>
    </row>
    <row r="9798">
      <c r="A9798" s="1">
        <v>4.90462699E8</v>
      </c>
      <c r="B9798" s="3">
        <v>12908.0</v>
      </c>
      <c r="C9798" s="1" t="s">
        <v>5</v>
      </c>
      <c r="D9798" s="1" t="s">
        <v>8276</v>
      </c>
      <c r="E9798" s="1" t="s">
        <v>7</v>
      </c>
    </row>
    <row r="9799">
      <c r="A9799" s="1">
        <v>4.90462746E8</v>
      </c>
      <c r="B9799" s="3">
        <v>12918.0</v>
      </c>
      <c r="C9799" s="1" t="s">
        <v>5</v>
      </c>
      <c r="D9799" s="1" t="s">
        <v>8277</v>
      </c>
      <c r="E9799" s="1" t="s">
        <v>11</v>
      </c>
    </row>
    <row r="9800">
      <c r="A9800" s="1">
        <v>4.90462756E8</v>
      </c>
      <c r="B9800" s="3">
        <v>12925.0</v>
      </c>
      <c r="C9800" s="1" t="s">
        <v>5</v>
      </c>
      <c r="D9800" s="1" t="s">
        <v>8278</v>
      </c>
      <c r="E9800" s="1" t="s">
        <v>8279</v>
      </c>
    </row>
    <row r="9801">
      <c r="A9801" s="1">
        <v>4.90462785E8</v>
      </c>
      <c r="B9801" s="2">
        <v>12799.0</v>
      </c>
      <c r="C9801" s="1" t="s">
        <v>5</v>
      </c>
      <c r="D9801" s="1" t="s">
        <v>8280</v>
      </c>
      <c r="E9801" s="1" t="s">
        <v>11</v>
      </c>
    </row>
    <row r="9802">
      <c r="A9802" s="1">
        <v>4.90462805E8</v>
      </c>
      <c r="B9802" s="3">
        <v>12925.0</v>
      </c>
      <c r="C9802" s="1" t="s">
        <v>5</v>
      </c>
      <c r="D9802" s="1" t="s">
        <v>11</v>
      </c>
      <c r="E9802" s="1" t="s">
        <v>7</v>
      </c>
    </row>
    <row r="9803">
      <c r="A9803" s="1">
        <v>4.90462806E8</v>
      </c>
      <c r="B9803" s="2">
        <v>12977.0</v>
      </c>
      <c r="C9803" s="1" t="s">
        <v>5</v>
      </c>
      <c r="D9803" s="1" t="s">
        <v>11</v>
      </c>
      <c r="E9803" s="1" t="s">
        <v>7</v>
      </c>
    </row>
    <row r="9804">
      <c r="A9804" s="1">
        <v>4.90462814E8</v>
      </c>
      <c r="B9804" s="2">
        <v>12983.0</v>
      </c>
      <c r="C9804" s="1" t="s">
        <v>5</v>
      </c>
      <c r="D9804" s="1" t="s">
        <v>8281</v>
      </c>
      <c r="E9804" s="1" t="s">
        <v>7</v>
      </c>
    </row>
    <row r="9805">
      <c r="A9805" s="1">
        <v>4.90462847E8</v>
      </c>
      <c r="B9805" s="2">
        <v>12983.0</v>
      </c>
      <c r="C9805" s="1" t="s">
        <v>5</v>
      </c>
      <c r="D9805" s="1" t="s">
        <v>8282</v>
      </c>
      <c r="E9805" s="1" t="s">
        <v>11</v>
      </c>
    </row>
    <row r="9806">
      <c r="A9806" s="1">
        <v>4.90462896E8</v>
      </c>
      <c r="B9806" s="2">
        <v>12962.0</v>
      </c>
      <c r="C9806" s="1" t="s">
        <v>5</v>
      </c>
      <c r="D9806" s="1" t="s">
        <v>11</v>
      </c>
      <c r="E9806" s="1" t="s">
        <v>7</v>
      </c>
    </row>
    <row r="9807">
      <c r="A9807" s="1">
        <v>4.90462912E8</v>
      </c>
      <c r="B9807" s="3">
        <v>12925.0</v>
      </c>
      <c r="C9807" s="1" t="s">
        <v>5</v>
      </c>
      <c r="D9807" s="1" t="s">
        <v>11</v>
      </c>
      <c r="E9807" s="1" t="s">
        <v>7</v>
      </c>
    </row>
    <row r="9808">
      <c r="A9808" s="1">
        <v>4.90462923E8</v>
      </c>
      <c r="B9808" s="3">
        <v>12933.0</v>
      </c>
      <c r="C9808" s="1" t="s">
        <v>5</v>
      </c>
      <c r="D9808" s="1" t="s">
        <v>8283</v>
      </c>
      <c r="E9808" s="1" t="s">
        <v>7</v>
      </c>
    </row>
    <row r="9809">
      <c r="A9809" s="1">
        <v>4.90463006E8</v>
      </c>
      <c r="B9809" s="2">
        <v>12982.0</v>
      </c>
      <c r="C9809" s="1" t="s">
        <v>5</v>
      </c>
      <c r="D9809" s="1" t="s">
        <v>2384</v>
      </c>
      <c r="E9809" s="1" t="s">
        <v>11</v>
      </c>
    </row>
    <row r="9810">
      <c r="A9810" s="1">
        <v>4.90463023E8</v>
      </c>
      <c r="B9810" s="2">
        <v>12993.0</v>
      </c>
      <c r="C9810" s="1" t="s">
        <v>5</v>
      </c>
      <c r="D9810" s="1" t="s">
        <v>8284</v>
      </c>
      <c r="E9810" s="1" t="s">
        <v>11</v>
      </c>
    </row>
    <row r="9811">
      <c r="A9811" s="1">
        <v>4.90463037E8</v>
      </c>
      <c r="B9811" s="3">
        <v>12934.0</v>
      </c>
      <c r="C9811" s="1" t="s">
        <v>5</v>
      </c>
      <c r="D9811" s="1" t="s">
        <v>8285</v>
      </c>
      <c r="E9811" s="1" t="s">
        <v>7</v>
      </c>
    </row>
    <row r="9812">
      <c r="A9812" s="1">
        <v>4.90463057E8</v>
      </c>
      <c r="B9812" s="3">
        <v>12923.0</v>
      </c>
      <c r="C9812" s="1" t="s">
        <v>5</v>
      </c>
      <c r="D9812" s="1" t="s">
        <v>8286</v>
      </c>
      <c r="E9812" s="1" t="s">
        <v>7</v>
      </c>
    </row>
    <row r="9813">
      <c r="A9813" s="1">
        <v>4.90463063E8</v>
      </c>
      <c r="B9813" s="3">
        <v>12933.0</v>
      </c>
      <c r="C9813" s="1" t="s">
        <v>5</v>
      </c>
      <c r="D9813" s="1" t="s">
        <v>8287</v>
      </c>
      <c r="E9813" s="1" t="s">
        <v>7</v>
      </c>
    </row>
    <row r="9814">
      <c r="A9814" s="1">
        <v>4.90463085E8</v>
      </c>
      <c r="B9814" s="2">
        <v>12979.0</v>
      </c>
      <c r="C9814" s="1" t="s">
        <v>5</v>
      </c>
      <c r="D9814" s="1" t="s">
        <v>8288</v>
      </c>
      <c r="E9814" s="1" t="s">
        <v>11</v>
      </c>
    </row>
    <row r="9815">
      <c r="A9815" s="1">
        <v>4.90463086E8</v>
      </c>
      <c r="B9815" s="3">
        <v>12925.0</v>
      </c>
      <c r="C9815" s="1" t="s">
        <v>5</v>
      </c>
      <c r="D9815" s="1" t="s">
        <v>8289</v>
      </c>
      <c r="E9815" s="1" t="s">
        <v>7</v>
      </c>
    </row>
    <row r="9816">
      <c r="A9816" s="1">
        <v>4.90463096E8</v>
      </c>
      <c r="B9816" s="3">
        <v>12932.0</v>
      </c>
      <c r="C9816" s="1" t="s">
        <v>5</v>
      </c>
      <c r="D9816" s="1" t="s">
        <v>11</v>
      </c>
      <c r="E9816" s="1" t="s">
        <v>7</v>
      </c>
    </row>
    <row r="9817">
      <c r="A9817" s="1">
        <v>4.90463099E8</v>
      </c>
      <c r="B9817" s="2">
        <v>12973.0</v>
      </c>
      <c r="C9817" s="1" t="s">
        <v>5</v>
      </c>
      <c r="D9817" s="1" t="s">
        <v>8290</v>
      </c>
      <c r="E9817" s="1" t="s">
        <v>7</v>
      </c>
    </row>
    <row r="9818">
      <c r="A9818" s="1">
        <v>4.90463167E8</v>
      </c>
      <c r="B9818" s="3">
        <v>12931.0</v>
      </c>
      <c r="C9818" s="1" t="s">
        <v>5</v>
      </c>
      <c r="D9818" s="1" t="s">
        <v>8291</v>
      </c>
      <c r="E9818" s="1" t="s">
        <v>7</v>
      </c>
    </row>
    <row r="9819">
      <c r="A9819" s="1">
        <v>4.90463189E8</v>
      </c>
      <c r="B9819" s="3">
        <v>12917.0</v>
      </c>
      <c r="C9819" s="1" t="s">
        <v>5</v>
      </c>
      <c r="D9819" s="1" t="s">
        <v>8292</v>
      </c>
      <c r="E9819" s="1" t="s">
        <v>7</v>
      </c>
    </row>
    <row r="9820">
      <c r="A9820" s="1">
        <v>4.90463195E8</v>
      </c>
      <c r="B9820" s="3">
        <v>12931.0</v>
      </c>
      <c r="C9820" s="1" t="s">
        <v>5</v>
      </c>
      <c r="D9820" s="1" t="s">
        <v>8293</v>
      </c>
      <c r="E9820" s="1" t="s">
        <v>7</v>
      </c>
    </row>
    <row r="9821">
      <c r="A9821" s="1">
        <v>4.90463214E8</v>
      </c>
      <c r="B9821" s="3">
        <v>12923.0</v>
      </c>
      <c r="C9821" s="1" t="s">
        <v>5</v>
      </c>
      <c r="D9821" s="1" t="s">
        <v>11</v>
      </c>
      <c r="E9821" s="1" t="s">
        <v>7</v>
      </c>
    </row>
    <row r="9822">
      <c r="A9822" s="1">
        <v>4.90463227E8</v>
      </c>
      <c r="B9822" s="2">
        <v>12971.0</v>
      </c>
      <c r="C9822" s="1" t="s">
        <v>5</v>
      </c>
      <c r="D9822" s="1" t="s">
        <v>8294</v>
      </c>
      <c r="E9822" s="1" t="s">
        <v>11</v>
      </c>
    </row>
    <row r="9823">
      <c r="A9823" s="1">
        <v>4.90463235E8</v>
      </c>
      <c r="B9823" s="2">
        <v>12958.0</v>
      </c>
      <c r="C9823" s="1" t="s">
        <v>5</v>
      </c>
      <c r="D9823" s="1" t="s">
        <v>8295</v>
      </c>
      <c r="E9823" s="1" t="s">
        <v>7</v>
      </c>
    </row>
    <row r="9824">
      <c r="A9824" s="1">
        <v>4.90463243E8</v>
      </c>
      <c r="B9824" s="2">
        <v>12978.0</v>
      </c>
      <c r="C9824" s="1" t="s">
        <v>5</v>
      </c>
      <c r="D9824" s="1" t="s">
        <v>11</v>
      </c>
      <c r="E9824" s="1" t="s">
        <v>7</v>
      </c>
    </row>
    <row r="9825">
      <c r="A9825" s="1">
        <v>4.9046326E8</v>
      </c>
      <c r="B9825" s="3">
        <v>12935.0</v>
      </c>
      <c r="C9825" s="1" t="s">
        <v>5</v>
      </c>
      <c r="D9825" s="1" t="s">
        <v>8296</v>
      </c>
      <c r="E9825" s="1" t="s">
        <v>11</v>
      </c>
    </row>
    <row r="9826">
      <c r="A9826" s="1">
        <v>4.90463264E8</v>
      </c>
      <c r="B9826" s="2">
        <v>12964.0</v>
      </c>
      <c r="C9826" s="1" t="s">
        <v>5</v>
      </c>
      <c r="D9826" s="1" t="s">
        <v>8297</v>
      </c>
      <c r="E9826" s="1" t="s">
        <v>7</v>
      </c>
    </row>
    <row r="9827">
      <c r="A9827" s="1">
        <v>4.90463283E8</v>
      </c>
      <c r="B9827" s="3">
        <v>12935.0</v>
      </c>
      <c r="C9827" s="1" t="s">
        <v>5</v>
      </c>
      <c r="D9827" s="1" t="s">
        <v>8298</v>
      </c>
      <c r="E9827" s="1" t="s">
        <v>11</v>
      </c>
    </row>
    <row r="9828">
      <c r="A9828" s="1">
        <v>4.90463286E8</v>
      </c>
      <c r="B9828" s="2">
        <v>13027.0</v>
      </c>
      <c r="C9828" s="1" t="s">
        <v>5</v>
      </c>
      <c r="D9828" s="1" t="s">
        <v>8299</v>
      </c>
      <c r="E9828" s="1" t="s">
        <v>11</v>
      </c>
    </row>
    <row r="9829">
      <c r="A9829" s="1">
        <v>4.90463317E8</v>
      </c>
      <c r="B9829" s="2">
        <v>12958.0</v>
      </c>
      <c r="C9829" s="1" t="s">
        <v>5</v>
      </c>
      <c r="D9829" s="1" t="s">
        <v>11</v>
      </c>
      <c r="E9829" s="1" t="s">
        <v>7</v>
      </c>
    </row>
    <row r="9830">
      <c r="A9830" s="1">
        <v>4.90463327E8</v>
      </c>
      <c r="B9830" s="2">
        <v>12993.0</v>
      </c>
      <c r="C9830" s="1" t="s">
        <v>5</v>
      </c>
      <c r="D9830" s="1" t="s">
        <v>8300</v>
      </c>
      <c r="E9830" s="1" t="s">
        <v>7</v>
      </c>
    </row>
    <row r="9831">
      <c r="A9831" s="1">
        <v>4.9046334E8</v>
      </c>
      <c r="B9831" s="2">
        <v>12958.0</v>
      </c>
      <c r="C9831" s="1" t="s">
        <v>5</v>
      </c>
      <c r="D9831" s="1" t="s">
        <v>8301</v>
      </c>
      <c r="E9831" s="1" t="s">
        <v>7</v>
      </c>
    </row>
    <row r="9832">
      <c r="A9832" s="1">
        <v>4.90463341E8</v>
      </c>
      <c r="B9832" s="2">
        <v>12977.0</v>
      </c>
      <c r="C9832" s="1" t="s">
        <v>5</v>
      </c>
      <c r="D9832" s="1" t="s">
        <v>8302</v>
      </c>
      <c r="E9832" s="1" t="s">
        <v>11</v>
      </c>
    </row>
    <row r="9833">
      <c r="A9833" s="1">
        <v>4.90463351E8</v>
      </c>
      <c r="B9833" s="3">
        <v>12922.0</v>
      </c>
      <c r="C9833" s="1" t="s">
        <v>5</v>
      </c>
      <c r="D9833" s="1" t="s">
        <v>8303</v>
      </c>
      <c r="E9833" s="1" t="s">
        <v>11</v>
      </c>
    </row>
    <row r="9834">
      <c r="A9834" s="1">
        <v>4.90463352E8</v>
      </c>
      <c r="B9834" s="3">
        <v>12929.0</v>
      </c>
      <c r="C9834" s="1" t="s">
        <v>5</v>
      </c>
      <c r="D9834" s="1" t="s">
        <v>8304</v>
      </c>
      <c r="E9834" s="1" t="s">
        <v>11</v>
      </c>
    </row>
    <row r="9835">
      <c r="A9835" s="1">
        <v>4.90463363E8</v>
      </c>
      <c r="B9835" s="2">
        <v>12966.0</v>
      </c>
      <c r="C9835" s="1" t="s">
        <v>5</v>
      </c>
      <c r="D9835" s="1" t="s">
        <v>7</v>
      </c>
      <c r="E9835" s="1" t="s">
        <v>7</v>
      </c>
    </row>
    <row r="9836">
      <c r="A9836" s="1">
        <v>4.90463371E8</v>
      </c>
      <c r="B9836" s="2">
        <v>13026.0</v>
      </c>
      <c r="C9836" s="1" t="s">
        <v>5</v>
      </c>
      <c r="D9836" s="1" t="s">
        <v>8305</v>
      </c>
      <c r="E9836" s="1" t="s">
        <v>11</v>
      </c>
    </row>
    <row r="9837">
      <c r="A9837" s="1">
        <v>4.90463384E8</v>
      </c>
      <c r="B9837" s="3">
        <v>12929.0</v>
      </c>
      <c r="C9837" s="1" t="s">
        <v>5</v>
      </c>
      <c r="D9837" s="1" t="s">
        <v>8306</v>
      </c>
      <c r="E9837" s="1" t="s">
        <v>8307</v>
      </c>
    </row>
    <row r="9838">
      <c r="A9838" s="1">
        <v>4.9046341E8</v>
      </c>
      <c r="B9838" s="2">
        <v>12972.0</v>
      </c>
      <c r="C9838" s="1" t="s">
        <v>5</v>
      </c>
      <c r="D9838" s="1" t="s">
        <v>8308</v>
      </c>
      <c r="E9838" s="1" t="s">
        <v>11</v>
      </c>
    </row>
    <row r="9839">
      <c r="A9839" s="1">
        <v>4.90463419E8</v>
      </c>
      <c r="B9839" s="2">
        <v>12966.0</v>
      </c>
      <c r="C9839" s="1" t="s">
        <v>5</v>
      </c>
      <c r="D9839" s="1" t="s">
        <v>8309</v>
      </c>
      <c r="E9839" s="1" t="s">
        <v>11</v>
      </c>
    </row>
    <row r="9840">
      <c r="A9840" s="1">
        <v>4.90463437E8</v>
      </c>
      <c r="B9840" s="2">
        <v>12979.0</v>
      </c>
      <c r="C9840" s="1" t="s">
        <v>5</v>
      </c>
      <c r="D9840" s="1" t="s">
        <v>11</v>
      </c>
      <c r="E9840" s="1" t="s">
        <v>7</v>
      </c>
    </row>
    <row r="9841">
      <c r="A9841" s="1">
        <v>4.9046347E8</v>
      </c>
      <c r="B9841" s="2">
        <v>12980.0</v>
      </c>
      <c r="C9841" s="1" t="s">
        <v>5</v>
      </c>
      <c r="D9841" s="1" t="s">
        <v>8310</v>
      </c>
      <c r="E9841" s="1" t="s">
        <v>7</v>
      </c>
    </row>
    <row r="9842">
      <c r="A9842" s="1">
        <v>4.90463479E8</v>
      </c>
      <c r="B9842" s="3">
        <v>12932.0</v>
      </c>
      <c r="C9842" s="1" t="s">
        <v>5</v>
      </c>
      <c r="D9842" s="1" t="s">
        <v>8311</v>
      </c>
      <c r="E9842" s="1" t="s">
        <v>7</v>
      </c>
    </row>
    <row r="9843">
      <c r="A9843" s="1">
        <v>4.90463501E8</v>
      </c>
      <c r="B9843" s="2">
        <v>12968.0</v>
      </c>
      <c r="C9843" s="1" t="s">
        <v>5</v>
      </c>
      <c r="D9843" s="1" t="s">
        <v>11</v>
      </c>
      <c r="E9843" s="1" t="s">
        <v>7</v>
      </c>
    </row>
    <row r="9844">
      <c r="A9844" s="1">
        <v>4.90463507E8</v>
      </c>
      <c r="B9844" s="3">
        <v>12921.0</v>
      </c>
      <c r="C9844" s="1" t="s">
        <v>5</v>
      </c>
      <c r="D9844" s="1" t="s">
        <v>8312</v>
      </c>
      <c r="E9844" s="1" t="s">
        <v>7</v>
      </c>
    </row>
    <row r="9845">
      <c r="A9845" s="1">
        <v>4.90463533E8</v>
      </c>
      <c r="B9845" s="3">
        <v>12928.0</v>
      </c>
      <c r="C9845" s="1" t="s">
        <v>5</v>
      </c>
      <c r="D9845" s="1" t="s">
        <v>11</v>
      </c>
      <c r="E9845" s="1" t="s">
        <v>7</v>
      </c>
    </row>
    <row r="9846">
      <c r="A9846" s="1">
        <v>4.90463555E8</v>
      </c>
      <c r="B9846" s="2">
        <v>12976.0</v>
      </c>
      <c r="C9846" s="1" t="s">
        <v>5</v>
      </c>
      <c r="D9846" s="1" t="s">
        <v>8313</v>
      </c>
      <c r="E9846" s="1" t="s">
        <v>11</v>
      </c>
    </row>
    <row r="9847">
      <c r="A9847" s="1">
        <v>4.90463613E8</v>
      </c>
      <c r="B9847" s="2">
        <v>12975.0</v>
      </c>
      <c r="C9847" s="1" t="s">
        <v>5</v>
      </c>
      <c r="D9847" s="1" t="s">
        <v>8314</v>
      </c>
      <c r="E9847" s="1" t="s">
        <v>8315</v>
      </c>
    </row>
    <row r="9848">
      <c r="A9848" s="1">
        <v>4.90463653E8</v>
      </c>
      <c r="B9848" s="2">
        <v>12971.0</v>
      </c>
      <c r="C9848" s="1" t="s">
        <v>5</v>
      </c>
      <c r="D9848" s="1" t="s">
        <v>8316</v>
      </c>
      <c r="E9848" s="1" t="s">
        <v>7</v>
      </c>
    </row>
    <row r="9849">
      <c r="A9849" s="1">
        <v>4.90463658E8</v>
      </c>
      <c r="B9849" s="2">
        <v>12975.0</v>
      </c>
      <c r="C9849" s="1" t="s">
        <v>5</v>
      </c>
      <c r="D9849" s="1" t="s">
        <v>8317</v>
      </c>
      <c r="E9849" s="1" t="s">
        <v>7</v>
      </c>
    </row>
    <row r="9850">
      <c r="A9850" s="1">
        <v>4.90463667E8</v>
      </c>
      <c r="B9850" s="3">
        <v>12915.0</v>
      </c>
      <c r="C9850" s="1" t="s">
        <v>5</v>
      </c>
      <c r="D9850" s="1" t="s">
        <v>7481</v>
      </c>
      <c r="E9850" s="1" t="s">
        <v>7</v>
      </c>
    </row>
    <row r="9851">
      <c r="A9851" s="1">
        <v>4.90463677E8</v>
      </c>
      <c r="B9851" s="2">
        <v>12969.0</v>
      </c>
      <c r="C9851" s="1" t="s">
        <v>5</v>
      </c>
      <c r="D9851" s="1" t="s">
        <v>8318</v>
      </c>
      <c r="E9851" s="1" t="s">
        <v>7</v>
      </c>
    </row>
    <row r="9852">
      <c r="A9852" s="1">
        <v>4.9046369E8</v>
      </c>
      <c r="B9852" s="3">
        <v>12928.0</v>
      </c>
      <c r="C9852" s="1" t="s">
        <v>5</v>
      </c>
      <c r="D9852" s="1" t="s">
        <v>11</v>
      </c>
      <c r="E9852" s="1" t="s">
        <v>7</v>
      </c>
    </row>
    <row r="9853">
      <c r="A9853" s="1">
        <v>4.90463743E8</v>
      </c>
      <c r="B9853" s="3">
        <v>12920.0</v>
      </c>
      <c r="C9853" s="1" t="s">
        <v>5</v>
      </c>
      <c r="D9853" s="1" t="s">
        <v>8319</v>
      </c>
      <c r="E9853" s="1" t="s">
        <v>7</v>
      </c>
    </row>
    <row r="9854">
      <c r="A9854" s="1">
        <v>4.90463761E8</v>
      </c>
      <c r="B9854" s="2">
        <v>12975.0</v>
      </c>
      <c r="C9854" s="1" t="s">
        <v>5</v>
      </c>
      <c r="D9854" s="1" t="s">
        <v>8320</v>
      </c>
      <c r="E9854" s="1" t="s">
        <v>7</v>
      </c>
    </row>
    <row r="9855">
      <c r="A9855" s="1">
        <v>4.90463773E8</v>
      </c>
      <c r="B9855" s="3">
        <v>12919.0</v>
      </c>
      <c r="C9855" s="1" t="s">
        <v>5</v>
      </c>
      <c r="D9855" s="1" t="s">
        <v>8321</v>
      </c>
      <c r="E9855" s="1" t="s">
        <v>7</v>
      </c>
    </row>
    <row r="9856">
      <c r="A9856" s="1">
        <v>4.90463789E8</v>
      </c>
      <c r="B9856" s="3">
        <v>12919.0</v>
      </c>
      <c r="C9856" s="1" t="s">
        <v>5</v>
      </c>
      <c r="D9856" s="1" t="s">
        <v>8322</v>
      </c>
      <c r="E9856" s="1" t="s">
        <v>11</v>
      </c>
    </row>
    <row r="9857">
      <c r="A9857" s="1">
        <v>4.904638E8</v>
      </c>
      <c r="B9857" s="2">
        <v>13049.0</v>
      </c>
      <c r="C9857" s="1" t="s">
        <v>5</v>
      </c>
      <c r="D9857" s="1" t="s">
        <v>8323</v>
      </c>
      <c r="E9857" s="1" t="s">
        <v>7</v>
      </c>
    </row>
    <row r="9858">
      <c r="A9858" s="1">
        <v>4.90463819E8</v>
      </c>
      <c r="B9858" s="2">
        <v>12976.0</v>
      </c>
      <c r="C9858" s="1" t="s">
        <v>5</v>
      </c>
      <c r="D9858" s="1" t="s">
        <v>11</v>
      </c>
      <c r="E9858" s="1" t="s">
        <v>7</v>
      </c>
    </row>
    <row r="9859">
      <c r="A9859" s="1">
        <v>4.90463875E8</v>
      </c>
      <c r="B9859" s="3">
        <v>12929.0</v>
      </c>
      <c r="C9859" s="1" t="s">
        <v>5</v>
      </c>
      <c r="D9859" s="1" t="s">
        <v>11</v>
      </c>
      <c r="E9859" s="1" t="s">
        <v>7</v>
      </c>
    </row>
    <row r="9860">
      <c r="A9860" s="1">
        <v>4.90463883E8</v>
      </c>
      <c r="B9860" s="2">
        <v>12979.0</v>
      </c>
      <c r="C9860" s="1" t="s">
        <v>5</v>
      </c>
      <c r="D9860" s="1" t="s">
        <v>11</v>
      </c>
      <c r="E9860" s="1" t="s">
        <v>7</v>
      </c>
    </row>
    <row r="9861">
      <c r="A9861" s="1">
        <v>4.90463894E8</v>
      </c>
      <c r="B9861" s="2">
        <v>13025.0</v>
      </c>
      <c r="C9861" s="1" t="s">
        <v>5</v>
      </c>
      <c r="D9861" s="1" t="s">
        <v>8324</v>
      </c>
      <c r="E9861" s="1" t="s">
        <v>7</v>
      </c>
    </row>
    <row r="9862">
      <c r="A9862" s="1">
        <v>4.90463907E8</v>
      </c>
      <c r="B9862" s="2">
        <v>12974.0</v>
      </c>
      <c r="C9862" s="1" t="s">
        <v>5</v>
      </c>
      <c r="D9862" s="1" t="s">
        <v>8325</v>
      </c>
      <c r="E9862" s="1" t="s">
        <v>7</v>
      </c>
    </row>
    <row r="9863">
      <c r="A9863" s="1">
        <v>4.90463919E8</v>
      </c>
      <c r="B9863" s="2">
        <v>12958.0</v>
      </c>
      <c r="C9863" s="1" t="s">
        <v>5</v>
      </c>
      <c r="D9863" s="1" t="s">
        <v>11</v>
      </c>
      <c r="E9863" s="1" t="s">
        <v>7</v>
      </c>
    </row>
    <row r="9864">
      <c r="A9864" s="1">
        <v>4.90463937E8</v>
      </c>
      <c r="B9864" s="3">
        <v>12928.0</v>
      </c>
      <c r="C9864" s="1" t="s">
        <v>5</v>
      </c>
      <c r="D9864" s="1" t="s">
        <v>11</v>
      </c>
      <c r="E9864" s="1" t="s">
        <v>7</v>
      </c>
    </row>
    <row r="9865">
      <c r="A9865" s="1">
        <v>4.90463943E8</v>
      </c>
      <c r="B9865" s="3">
        <v>12925.0</v>
      </c>
      <c r="C9865" s="1" t="s">
        <v>5</v>
      </c>
      <c r="D9865" s="1" t="s">
        <v>8326</v>
      </c>
      <c r="E9865" s="1" t="s">
        <v>7</v>
      </c>
    </row>
    <row r="9866">
      <c r="A9866" s="1">
        <v>4.90463951E8</v>
      </c>
      <c r="B9866" s="2">
        <v>12967.0</v>
      </c>
      <c r="C9866" s="1" t="s">
        <v>5</v>
      </c>
      <c r="D9866" s="1" t="s">
        <v>8327</v>
      </c>
      <c r="E9866" s="1" t="s">
        <v>7</v>
      </c>
    </row>
    <row r="9867">
      <c r="A9867" s="1">
        <v>4.90463955E8</v>
      </c>
      <c r="B9867" s="3">
        <v>12927.0</v>
      </c>
      <c r="C9867" s="1" t="s">
        <v>5</v>
      </c>
      <c r="D9867" s="1" t="s">
        <v>8328</v>
      </c>
      <c r="E9867" s="1" t="s">
        <v>7</v>
      </c>
    </row>
    <row r="9868">
      <c r="A9868" s="1">
        <v>4.90463965E8</v>
      </c>
      <c r="B9868" s="3">
        <v>12925.0</v>
      </c>
      <c r="C9868" s="1" t="s">
        <v>5</v>
      </c>
      <c r="D9868" s="1" t="s">
        <v>8329</v>
      </c>
      <c r="E9868" s="1" t="s">
        <v>11</v>
      </c>
    </row>
    <row r="9869">
      <c r="A9869" s="1">
        <v>4.90463983E8</v>
      </c>
      <c r="B9869" s="2">
        <v>12966.0</v>
      </c>
      <c r="C9869" s="1" t="s">
        <v>5</v>
      </c>
      <c r="D9869" s="1" t="s">
        <v>11</v>
      </c>
      <c r="E9869" s="1" t="s">
        <v>7</v>
      </c>
    </row>
    <row r="9870">
      <c r="A9870" s="1">
        <v>4.90464004E8</v>
      </c>
      <c r="B9870" s="3">
        <v>12926.0</v>
      </c>
      <c r="C9870" s="1" t="s">
        <v>5</v>
      </c>
      <c r="D9870" s="1" t="s">
        <v>8330</v>
      </c>
      <c r="E9870" s="1" t="s">
        <v>8331</v>
      </c>
    </row>
    <row r="9871">
      <c r="A9871" s="1">
        <v>4.90464017E8</v>
      </c>
      <c r="B9871" s="2">
        <v>12791.0</v>
      </c>
      <c r="C9871" s="1" t="s">
        <v>5</v>
      </c>
      <c r="D9871" s="1" t="s">
        <v>11</v>
      </c>
      <c r="E9871" s="1" t="s">
        <v>7</v>
      </c>
    </row>
    <row r="9872">
      <c r="A9872" s="1">
        <v>4.90464047E8</v>
      </c>
      <c r="B9872" s="2">
        <v>12974.0</v>
      </c>
      <c r="C9872" s="1" t="s">
        <v>5</v>
      </c>
      <c r="D9872" s="1" t="s">
        <v>8332</v>
      </c>
      <c r="E9872" s="1" t="s">
        <v>8333</v>
      </c>
    </row>
    <row r="9873">
      <c r="A9873" s="1">
        <v>4.90464079E8</v>
      </c>
      <c r="B9873" s="2">
        <v>12958.0</v>
      </c>
      <c r="C9873" s="1" t="s">
        <v>5</v>
      </c>
      <c r="D9873" s="1" t="s">
        <v>8334</v>
      </c>
      <c r="E9873" s="1" t="s">
        <v>7</v>
      </c>
    </row>
    <row r="9874">
      <c r="A9874" s="1">
        <v>4.90464083E8</v>
      </c>
      <c r="B9874" s="2">
        <v>13021.0</v>
      </c>
      <c r="C9874" s="1" t="s">
        <v>5</v>
      </c>
      <c r="D9874" s="1" t="s">
        <v>8335</v>
      </c>
      <c r="E9874" s="1" t="s">
        <v>7</v>
      </c>
    </row>
    <row r="9875">
      <c r="A9875" s="1">
        <v>4.90464096E8</v>
      </c>
      <c r="B9875" s="2">
        <v>12968.0</v>
      </c>
      <c r="C9875" s="1" t="s">
        <v>5</v>
      </c>
      <c r="D9875" s="1" t="s">
        <v>8336</v>
      </c>
      <c r="E9875" s="1" t="s">
        <v>11</v>
      </c>
    </row>
    <row r="9876">
      <c r="A9876" s="1">
        <v>4.90464113E8</v>
      </c>
      <c r="B9876" s="2">
        <v>13035.0</v>
      </c>
      <c r="C9876" s="1" t="s">
        <v>5</v>
      </c>
      <c r="D9876" s="1" t="s">
        <v>8337</v>
      </c>
      <c r="E9876" s="1" t="s">
        <v>7</v>
      </c>
    </row>
    <row r="9877">
      <c r="A9877" s="1">
        <v>4.9046412E8</v>
      </c>
      <c r="B9877" s="2">
        <v>12791.0</v>
      </c>
      <c r="C9877" s="1" t="s">
        <v>5</v>
      </c>
      <c r="D9877" s="1" t="s">
        <v>8338</v>
      </c>
      <c r="E9877" s="1" t="s">
        <v>11</v>
      </c>
    </row>
    <row r="9878">
      <c r="A9878" s="1">
        <v>4.9046413E8</v>
      </c>
      <c r="B9878" s="2">
        <v>12972.0</v>
      </c>
      <c r="C9878" s="1" t="s">
        <v>5</v>
      </c>
      <c r="D9878" s="1" t="s">
        <v>8339</v>
      </c>
      <c r="E9878" s="1" t="s">
        <v>7</v>
      </c>
    </row>
    <row r="9879">
      <c r="A9879" s="1">
        <v>4.90464164E8</v>
      </c>
      <c r="B9879" s="3">
        <v>12912.0</v>
      </c>
      <c r="C9879" s="1" t="s">
        <v>5</v>
      </c>
      <c r="D9879" s="1" t="s">
        <v>11</v>
      </c>
      <c r="E9879" s="1" t="s">
        <v>7</v>
      </c>
    </row>
    <row r="9880">
      <c r="A9880" s="1">
        <v>4.90464177E8</v>
      </c>
      <c r="B9880" s="2">
        <v>13020.0</v>
      </c>
      <c r="C9880" s="1" t="s">
        <v>5</v>
      </c>
      <c r="D9880" s="1" t="s">
        <v>11</v>
      </c>
      <c r="E9880" s="1" t="s">
        <v>7</v>
      </c>
    </row>
    <row r="9881">
      <c r="A9881" s="1">
        <v>4.90464184E8</v>
      </c>
      <c r="B9881" s="2">
        <v>12969.0</v>
      </c>
      <c r="C9881" s="1" t="s">
        <v>5</v>
      </c>
      <c r="D9881" s="1" t="s">
        <v>8340</v>
      </c>
      <c r="E9881" s="1" t="s">
        <v>7</v>
      </c>
    </row>
    <row r="9882">
      <c r="A9882" s="1">
        <v>4.90464187E8</v>
      </c>
      <c r="B9882" s="2">
        <v>12945.0</v>
      </c>
      <c r="C9882" s="1" t="s">
        <v>5</v>
      </c>
      <c r="D9882" s="1" t="s">
        <v>8341</v>
      </c>
      <c r="E9882" s="1" t="s">
        <v>8342</v>
      </c>
    </row>
    <row r="9883">
      <c r="A9883" s="1">
        <v>4.90464192E8</v>
      </c>
      <c r="B9883" s="2">
        <v>12978.0</v>
      </c>
      <c r="C9883" s="1" t="s">
        <v>5</v>
      </c>
      <c r="D9883" s="1" t="s">
        <v>8343</v>
      </c>
      <c r="E9883" s="1" t="s">
        <v>7</v>
      </c>
    </row>
    <row r="9884">
      <c r="A9884" s="1">
        <v>4.90464203E8</v>
      </c>
      <c r="B9884" s="2">
        <v>12969.0</v>
      </c>
      <c r="C9884" s="1" t="s">
        <v>5</v>
      </c>
      <c r="D9884" s="1" t="s">
        <v>8344</v>
      </c>
      <c r="E9884" s="1" t="s">
        <v>7</v>
      </c>
    </row>
    <row r="9885">
      <c r="A9885" s="1">
        <v>4.90464212E8</v>
      </c>
      <c r="B9885" s="2">
        <v>12972.0</v>
      </c>
      <c r="C9885" s="1" t="s">
        <v>5</v>
      </c>
      <c r="D9885" s="1" t="s">
        <v>8345</v>
      </c>
      <c r="E9885" s="1" t="s">
        <v>7</v>
      </c>
    </row>
    <row r="9886">
      <c r="A9886" s="1">
        <v>4.90464224E8</v>
      </c>
      <c r="B9886" s="3">
        <v>12935.0</v>
      </c>
      <c r="C9886" s="1" t="s">
        <v>5</v>
      </c>
      <c r="D9886" s="1" t="s">
        <v>5243</v>
      </c>
      <c r="E9886" s="1" t="s">
        <v>7</v>
      </c>
    </row>
    <row r="9887">
      <c r="A9887" s="1">
        <v>4.9046424E8</v>
      </c>
      <c r="B9887" s="2">
        <v>13020.0</v>
      </c>
      <c r="C9887" s="1" t="s">
        <v>5</v>
      </c>
      <c r="D9887" s="1" t="s">
        <v>8346</v>
      </c>
      <c r="E9887" s="1" t="s">
        <v>7</v>
      </c>
    </row>
    <row r="9888">
      <c r="A9888" s="1">
        <v>4.9046431E8</v>
      </c>
      <c r="B9888" s="2">
        <v>12967.0</v>
      </c>
      <c r="C9888" s="1" t="s">
        <v>5</v>
      </c>
      <c r="D9888" s="1" t="s">
        <v>8347</v>
      </c>
      <c r="E9888" s="1" t="s">
        <v>11</v>
      </c>
    </row>
    <row r="9889">
      <c r="A9889" s="1">
        <v>4.90464316E8</v>
      </c>
      <c r="B9889" s="3">
        <v>12929.0</v>
      </c>
      <c r="C9889" s="1" t="s">
        <v>5</v>
      </c>
      <c r="D9889" s="1" t="s">
        <v>8348</v>
      </c>
      <c r="E9889" s="1" t="s">
        <v>11</v>
      </c>
    </row>
    <row r="9890">
      <c r="A9890" s="1">
        <v>4.90464322E8</v>
      </c>
      <c r="B9890" s="2">
        <v>13026.0</v>
      </c>
      <c r="C9890" s="1" t="s">
        <v>5</v>
      </c>
      <c r="D9890" s="1" t="s">
        <v>8349</v>
      </c>
      <c r="E9890" s="1" t="s">
        <v>7</v>
      </c>
    </row>
    <row r="9891">
      <c r="A9891" s="1">
        <v>4.90464326E8</v>
      </c>
      <c r="B9891" s="3">
        <v>12922.0</v>
      </c>
      <c r="C9891" s="1" t="s">
        <v>5</v>
      </c>
      <c r="D9891" s="1" t="s">
        <v>8350</v>
      </c>
      <c r="E9891" s="1" t="s">
        <v>8351</v>
      </c>
    </row>
    <row r="9892">
      <c r="A9892" s="1">
        <v>4.90464339E8</v>
      </c>
      <c r="B9892" s="2">
        <v>12976.0</v>
      </c>
      <c r="C9892" s="1" t="s">
        <v>5</v>
      </c>
      <c r="D9892" s="1" t="s">
        <v>8352</v>
      </c>
      <c r="E9892" s="1" t="s">
        <v>7</v>
      </c>
    </row>
    <row r="9893">
      <c r="A9893" s="1">
        <v>4.90464344E8</v>
      </c>
      <c r="B9893" s="3">
        <v>12916.0</v>
      </c>
      <c r="C9893" s="1" t="s">
        <v>5</v>
      </c>
      <c r="D9893" s="1" t="s">
        <v>8353</v>
      </c>
      <c r="E9893" s="1" t="s">
        <v>7</v>
      </c>
    </row>
    <row r="9894">
      <c r="A9894" s="1">
        <v>4.90464346E8</v>
      </c>
      <c r="B9894" s="3">
        <v>12929.0</v>
      </c>
      <c r="C9894" s="1" t="s">
        <v>5</v>
      </c>
      <c r="D9894" s="1" t="s">
        <v>8354</v>
      </c>
      <c r="E9894" s="1" t="s">
        <v>7</v>
      </c>
    </row>
    <row r="9895">
      <c r="A9895" s="1">
        <v>4.90464365E8</v>
      </c>
      <c r="B9895" s="2">
        <v>12790.0</v>
      </c>
      <c r="C9895" s="1" t="s">
        <v>5</v>
      </c>
      <c r="D9895" s="1" t="s">
        <v>8355</v>
      </c>
      <c r="E9895" s="1" t="s">
        <v>7</v>
      </c>
    </row>
    <row r="9896">
      <c r="A9896" s="1">
        <v>4.90464396E8</v>
      </c>
      <c r="B9896" s="2">
        <v>12976.0</v>
      </c>
      <c r="C9896" s="1" t="s">
        <v>5</v>
      </c>
      <c r="D9896" s="1" t="s">
        <v>11</v>
      </c>
      <c r="E9896" s="1" t="s">
        <v>7</v>
      </c>
    </row>
    <row r="9897">
      <c r="A9897" s="1">
        <v>4.90464404E8</v>
      </c>
      <c r="B9897" s="2">
        <v>12974.0</v>
      </c>
      <c r="C9897" s="1" t="s">
        <v>5</v>
      </c>
      <c r="D9897" s="1" t="s">
        <v>11</v>
      </c>
      <c r="E9897" s="1" t="s">
        <v>7</v>
      </c>
    </row>
    <row r="9898">
      <c r="A9898" s="1">
        <v>4.90464407E8</v>
      </c>
      <c r="B9898" s="2">
        <v>12968.0</v>
      </c>
      <c r="C9898" s="1" t="s">
        <v>5</v>
      </c>
      <c r="D9898" s="1" t="s">
        <v>8356</v>
      </c>
      <c r="E9898" s="1" t="s">
        <v>7</v>
      </c>
    </row>
    <row r="9899">
      <c r="A9899" s="1">
        <v>4.90464409E8</v>
      </c>
      <c r="B9899" s="2">
        <v>12943.0</v>
      </c>
      <c r="C9899" s="1" t="s">
        <v>5</v>
      </c>
      <c r="D9899" s="1" t="s">
        <v>8357</v>
      </c>
      <c r="E9899" s="1" t="s">
        <v>11</v>
      </c>
    </row>
    <row r="9900">
      <c r="A9900" s="1">
        <v>4.90464424E8</v>
      </c>
      <c r="B9900" s="2">
        <v>13030.0</v>
      </c>
      <c r="C9900" s="1" t="s">
        <v>5</v>
      </c>
      <c r="D9900" s="1" t="s">
        <v>8358</v>
      </c>
      <c r="E9900" s="1" t="s">
        <v>7</v>
      </c>
    </row>
    <row r="9901">
      <c r="A9901" s="1">
        <v>4.90464426E8</v>
      </c>
      <c r="B9901" s="2">
        <v>12971.0</v>
      </c>
      <c r="C9901" s="1" t="s">
        <v>5</v>
      </c>
      <c r="D9901" s="1" t="s">
        <v>8359</v>
      </c>
      <c r="E9901" s="1" t="s">
        <v>7</v>
      </c>
    </row>
    <row r="9902">
      <c r="A9902" s="1">
        <v>4.90464427E8</v>
      </c>
      <c r="B9902" s="3">
        <v>12915.0</v>
      </c>
      <c r="C9902" s="1" t="s">
        <v>5</v>
      </c>
      <c r="D9902" s="1" t="s">
        <v>8360</v>
      </c>
      <c r="E9902" s="1" t="s">
        <v>7</v>
      </c>
    </row>
    <row r="9903">
      <c r="A9903" s="1">
        <v>4.90464429E8</v>
      </c>
      <c r="B9903" s="2">
        <v>12988.0</v>
      </c>
      <c r="C9903" s="1" t="s">
        <v>5</v>
      </c>
      <c r="D9903" s="1" t="s">
        <v>8361</v>
      </c>
      <c r="E9903" s="1" t="s">
        <v>11</v>
      </c>
    </row>
    <row r="9904">
      <c r="A9904" s="1">
        <v>4.90464432E8</v>
      </c>
      <c r="B9904" s="3">
        <v>12923.0</v>
      </c>
      <c r="C9904" s="1" t="s">
        <v>5</v>
      </c>
      <c r="D9904" s="1" t="s">
        <v>8362</v>
      </c>
      <c r="E9904" s="1" t="s">
        <v>11</v>
      </c>
    </row>
    <row r="9905">
      <c r="A9905" s="1">
        <v>4.90464444E8</v>
      </c>
      <c r="B9905" s="3">
        <v>12928.0</v>
      </c>
      <c r="C9905" s="1" t="s">
        <v>5</v>
      </c>
      <c r="D9905" s="1" t="s">
        <v>8363</v>
      </c>
      <c r="E9905" s="1" t="s">
        <v>11</v>
      </c>
    </row>
    <row r="9906">
      <c r="A9906" s="1">
        <v>4.90464455E8</v>
      </c>
      <c r="B9906" s="3">
        <v>12911.0</v>
      </c>
      <c r="C9906" s="1" t="s">
        <v>5</v>
      </c>
      <c r="D9906" s="1" t="s">
        <v>8364</v>
      </c>
      <c r="E9906" s="1" t="s">
        <v>7</v>
      </c>
    </row>
    <row r="9907">
      <c r="A9907" s="1">
        <v>4.9046447E8</v>
      </c>
      <c r="B9907" s="3">
        <v>12933.0</v>
      </c>
      <c r="C9907" s="1" t="s">
        <v>5</v>
      </c>
      <c r="D9907" s="1" t="s">
        <v>8365</v>
      </c>
      <c r="E9907" s="1" t="s">
        <v>7</v>
      </c>
    </row>
    <row r="9908">
      <c r="A9908" s="1">
        <v>4.90464476E8</v>
      </c>
      <c r="B9908" s="3">
        <v>12910.0</v>
      </c>
      <c r="C9908" s="1" t="s">
        <v>5</v>
      </c>
      <c r="D9908" s="1" t="s">
        <v>8366</v>
      </c>
      <c r="E9908" s="1" t="s">
        <v>7</v>
      </c>
    </row>
    <row r="9909">
      <c r="A9909" s="1">
        <v>4.90464493E8</v>
      </c>
      <c r="B9909" s="2">
        <v>12956.0</v>
      </c>
      <c r="C9909" s="1" t="s">
        <v>5</v>
      </c>
      <c r="D9909" s="1" t="s">
        <v>8367</v>
      </c>
      <c r="E9909" s="1" t="s">
        <v>7</v>
      </c>
    </row>
    <row r="9910">
      <c r="A9910" s="1">
        <v>4.90464544E8</v>
      </c>
      <c r="B9910" s="2">
        <v>12973.0</v>
      </c>
      <c r="C9910" s="1" t="s">
        <v>5</v>
      </c>
      <c r="D9910" s="1" t="s">
        <v>8368</v>
      </c>
      <c r="E9910" s="1" t="s">
        <v>7</v>
      </c>
    </row>
    <row r="9911">
      <c r="A9911" s="1">
        <v>4.90464546E8</v>
      </c>
      <c r="B9911" s="3">
        <v>12914.0</v>
      </c>
      <c r="C9911" s="1" t="s">
        <v>5</v>
      </c>
      <c r="D9911" s="1" t="s">
        <v>8369</v>
      </c>
      <c r="E9911" s="1" t="s">
        <v>8370</v>
      </c>
    </row>
    <row r="9912">
      <c r="A9912" s="1">
        <v>4.90464571E8</v>
      </c>
      <c r="B9912" s="2">
        <v>12972.0</v>
      </c>
      <c r="C9912" s="1" t="s">
        <v>5</v>
      </c>
      <c r="D9912" s="1" t="s">
        <v>11</v>
      </c>
      <c r="E9912" s="1" t="s">
        <v>7</v>
      </c>
    </row>
    <row r="9913">
      <c r="A9913" s="1">
        <v>4.90464573E8</v>
      </c>
      <c r="B9913" s="2">
        <v>12787.0</v>
      </c>
      <c r="C9913" s="1" t="s">
        <v>5</v>
      </c>
      <c r="D9913" s="1" t="s">
        <v>8371</v>
      </c>
      <c r="E9913" s="1" t="s">
        <v>7</v>
      </c>
    </row>
    <row r="9914">
      <c r="A9914" s="1">
        <v>4.90464578E8</v>
      </c>
      <c r="B9914" s="3">
        <v>12919.0</v>
      </c>
      <c r="C9914" s="1" t="s">
        <v>5</v>
      </c>
      <c r="D9914" s="1" t="s">
        <v>8372</v>
      </c>
      <c r="E9914" s="1" t="s">
        <v>7</v>
      </c>
    </row>
    <row r="9915">
      <c r="A9915" s="1">
        <v>4.90464605E8</v>
      </c>
      <c r="B9915" s="3">
        <v>12922.0</v>
      </c>
      <c r="C9915" s="1" t="s">
        <v>5</v>
      </c>
      <c r="D9915" s="1" t="s">
        <v>8373</v>
      </c>
      <c r="E9915" s="1" t="s">
        <v>7</v>
      </c>
    </row>
    <row r="9916">
      <c r="A9916" s="1">
        <v>4.90464607E8</v>
      </c>
      <c r="B9916" s="3">
        <v>12925.0</v>
      </c>
      <c r="C9916" s="1" t="s">
        <v>5</v>
      </c>
      <c r="D9916" s="1" t="s">
        <v>8374</v>
      </c>
      <c r="E9916" s="1" t="s">
        <v>7</v>
      </c>
    </row>
    <row r="9917">
      <c r="A9917" s="1">
        <v>4.90464628E8</v>
      </c>
      <c r="B9917" s="2">
        <v>12787.0</v>
      </c>
      <c r="C9917" s="1" t="s">
        <v>5</v>
      </c>
      <c r="D9917" s="1" t="s">
        <v>8375</v>
      </c>
      <c r="E9917" s="1" t="s">
        <v>7</v>
      </c>
    </row>
    <row r="9918">
      <c r="A9918" s="1">
        <v>4.9046463E8</v>
      </c>
      <c r="B9918" s="2">
        <v>13024.0</v>
      </c>
      <c r="C9918" s="1" t="s">
        <v>5</v>
      </c>
      <c r="D9918" s="1" t="s">
        <v>8376</v>
      </c>
      <c r="E9918" s="1" t="s">
        <v>11</v>
      </c>
    </row>
    <row r="9919">
      <c r="A9919" s="1">
        <v>4.90464666E8</v>
      </c>
      <c r="B9919" s="2">
        <v>12969.0</v>
      </c>
      <c r="C9919" s="1" t="s">
        <v>5</v>
      </c>
      <c r="D9919" s="1" t="s">
        <v>11</v>
      </c>
      <c r="E9919" s="1" t="s">
        <v>7</v>
      </c>
    </row>
    <row r="9920">
      <c r="A9920" s="1">
        <v>4.90464669E8</v>
      </c>
      <c r="B9920" s="3">
        <v>12921.0</v>
      </c>
      <c r="C9920" s="1" t="s">
        <v>5</v>
      </c>
      <c r="D9920" s="1" t="s">
        <v>8377</v>
      </c>
      <c r="E9920" s="1" t="s">
        <v>8378</v>
      </c>
    </row>
    <row r="9921">
      <c r="A9921" s="1">
        <v>4.9046468E8</v>
      </c>
      <c r="B9921" s="2">
        <v>12969.0</v>
      </c>
      <c r="C9921" s="1" t="s">
        <v>5</v>
      </c>
      <c r="D9921" s="1" t="s">
        <v>11</v>
      </c>
      <c r="E9921" s="1" t="s">
        <v>7</v>
      </c>
    </row>
    <row r="9922">
      <c r="A9922" s="1">
        <v>4.90464685E8</v>
      </c>
      <c r="B9922" s="2">
        <v>12787.0</v>
      </c>
      <c r="C9922" s="1" t="s">
        <v>5</v>
      </c>
      <c r="D9922" s="1" t="s">
        <v>8379</v>
      </c>
      <c r="E9922" s="1" t="s">
        <v>11</v>
      </c>
    </row>
    <row r="9923">
      <c r="A9923" s="1">
        <v>4.90464704E8</v>
      </c>
      <c r="B9923" s="2">
        <v>13024.0</v>
      </c>
      <c r="C9923" s="1" t="s">
        <v>5</v>
      </c>
      <c r="D9923" s="1" t="s">
        <v>8380</v>
      </c>
      <c r="E9923" s="1" t="s">
        <v>11</v>
      </c>
    </row>
    <row r="9924">
      <c r="A9924" s="1">
        <v>4.90464721E8</v>
      </c>
      <c r="B9924" s="3">
        <v>12932.0</v>
      </c>
      <c r="C9924" s="1" t="s">
        <v>5</v>
      </c>
      <c r="D9924" s="1" t="s">
        <v>11</v>
      </c>
      <c r="E9924" s="1" t="s">
        <v>7</v>
      </c>
    </row>
    <row r="9925">
      <c r="A9925" s="1">
        <v>4.90464733E8</v>
      </c>
      <c r="B9925" s="2">
        <v>12787.0</v>
      </c>
      <c r="C9925" s="1" t="s">
        <v>5</v>
      </c>
      <c r="D9925" s="1" t="s">
        <v>8381</v>
      </c>
      <c r="E9925" s="1" t="s">
        <v>7</v>
      </c>
    </row>
    <row r="9926">
      <c r="A9926" s="1">
        <v>4.90464743E8</v>
      </c>
      <c r="B9926" s="2">
        <v>13024.0</v>
      </c>
      <c r="C9926" s="1" t="s">
        <v>5</v>
      </c>
      <c r="D9926" s="1" t="s">
        <v>8382</v>
      </c>
      <c r="E9926" s="1" t="s">
        <v>7</v>
      </c>
    </row>
    <row r="9927">
      <c r="A9927" s="1">
        <v>4.90464751E8</v>
      </c>
      <c r="B9927" s="3">
        <v>12921.0</v>
      </c>
      <c r="C9927" s="1" t="s">
        <v>5</v>
      </c>
      <c r="D9927" s="1" t="s">
        <v>5243</v>
      </c>
      <c r="E9927" s="1" t="s">
        <v>7</v>
      </c>
    </row>
    <row r="9928">
      <c r="A9928" s="1">
        <v>4.9046476E8</v>
      </c>
      <c r="B9928" s="3">
        <v>12925.0</v>
      </c>
      <c r="C9928" s="1" t="s">
        <v>5</v>
      </c>
      <c r="D9928" s="1" t="s">
        <v>8383</v>
      </c>
      <c r="E9928" s="1" t="s">
        <v>7</v>
      </c>
    </row>
    <row r="9929">
      <c r="A9929" s="1">
        <v>4.90464791E8</v>
      </c>
      <c r="B9929" s="2">
        <v>12969.0</v>
      </c>
      <c r="C9929" s="1" t="s">
        <v>5</v>
      </c>
      <c r="D9929" s="1" t="s">
        <v>8384</v>
      </c>
      <c r="E9929" s="1" t="s">
        <v>7</v>
      </c>
    </row>
    <row r="9930">
      <c r="A9930" s="1">
        <v>4.90464809E8</v>
      </c>
      <c r="B9930" s="2">
        <v>13023.0</v>
      </c>
      <c r="C9930" s="1" t="s">
        <v>5</v>
      </c>
      <c r="D9930" s="1" t="s">
        <v>8385</v>
      </c>
      <c r="E9930" s="1" t="s">
        <v>11</v>
      </c>
    </row>
    <row r="9931">
      <c r="A9931" s="1">
        <v>4.90464811E8</v>
      </c>
      <c r="B9931" s="2">
        <v>13026.0</v>
      </c>
      <c r="C9931" s="1" t="s">
        <v>5</v>
      </c>
      <c r="D9931" s="1" t="s">
        <v>8386</v>
      </c>
      <c r="E9931" s="1" t="s">
        <v>7</v>
      </c>
    </row>
    <row r="9932">
      <c r="A9932" s="1">
        <v>4.90464817E8</v>
      </c>
      <c r="B9932" s="2">
        <v>13024.0</v>
      </c>
      <c r="C9932" s="1" t="s">
        <v>5</v>
      </c>
      <c r="D9932" s="1" t="s">
        <v>11</v>
      </c>
      <c r="E9932" s="1" t="s">
        <v>7</v>
      </c>
    </row>
    <row r="9933">
      <c r="A9933" s="1">
        <v>4.90464831E8</v>
      </c>
      <c r="B9933" s="2">
        <v>13049.0</v>
      </c>
      <c r="C9933" s="1" t="s">
        <v>5</v>
      </c>
      <c r="D9933" s="1" t="s">
        <v>8387</v>
      </c>
      <c r="E9933" s="1" t="s">
        <v>7</v>
      </c>
    </row>
    <row r="9934">
      <c r="A9934" s="1">
        <v>4.90464834E8</v>
      </c>
      <c r="B9934" s="2">
        <v>13023.0</v>
      </c>
      <c r="C9934" s="1" t="s">
        <v>5</v>
      </c>
      <c r="D9934" s="1" t="s">
        <v>8388</v>
      </c>
      <c r="E9934" s="1" t="s">
        <v>11</v>
      </c>
    </row>
    <row r="9935">
      <c r="A9935" s="1">
        <v>4.90464859E8</v>
      </c>
      <c r="B9935" s="3">
        <v>12928.0</v>
      </c>
      <c r="C9935" s="1" t="s">
        <v>5</v>
      </c>
      <c r="D9935" s="1" t="s">
        <v>8389</v>
      </c>
      <c r="E9935" s="1" t="s">
        <v>8390</v>
      </c>
    </row>
    <row r="9936">
      <c r="A9936" s="1">
        <v>4.90464898E8</v>
      </c>
      <c r="B9936" s="3">
        <v>12906.0</v>
      </c>
      <c r="C9936" s="1" t="s">
        <v>5</v>
      </c>
      <c r="D9936" s="1" t="s">
        <v>8391</v>
      </c>
      <c r="E9936" s="1" t="s">
        <v>11</v>
      </c>
    </row>
    <row r="9937">
      <c r="A9937" s="1">
        <v>4.90464907E8</v>
      </c>
      <c r="B9937" s="2">
        <v>12987.0</v>
      </c>
      <c r="C9937" s="1" t="s">
        <v>5</v>
      </c>
      <c r="D9937" s="1" t="s">
        <v>8392</v>
      </c>
      <c r="E9937" s="1" t="s">
        <v>7</v>
      </c>
    </row>
    <row r="9938">
      <c r="A9938" s="1">
        <v>4.90464925E8</v>
      </c>
      <c r="B9938" s="2">
        <v>12968.0</v>
      </c>
      <c r="C9938" s="1" t="s">
        <v>5</v>
      </c>
      <c r="D9938" s="1" t="s">
        <v>8393</v>
      </c>
      <c r="E9938" s="1" t="s">
        <v>11</v>
      </c>
    </row>
    <row r="9939">
      <c r="A9939" s="1">
        <v>4.90464926E8</v>
      </c>
      <c r="B9939" s="3">
        <v>12919.0</v>
      </c>
      <c r="C9939" s="1" t="s">
        <v>5</v>
      </c>
      <c r="D9939" s="1" t="s">
        <v>8394</v>
      </c>
      <c r="E9939" s="1" t="s">
        <v>8395</v>
      </c>
    </row>
    <row r="9940">
      <c r="A9940" s="1">
        <v>4.90464955E8</v>
      </c>
      <c r="B9940" s="2">
        <v>12968.0</v>
      </c>
      <c r="C9940" s="1" t="s">
        <v>5</v>
      </c>
      <c r="D9940" s="1" t="s">
        <v>8396</v>
      </c>
      <c r="E9940" s="1" t="s">
        <v>7</v>
      </c>
    </row>
    <row r="9941">
      <c r="A9941" s="1">
        <v>4.90464964E8</v>
      </c>
      <c r="B9941" s="2">
        <v>13048.0</v>
      </c>
      <c r="C9941" s="1" t="s">
        <v>5</v>
      </c>
      <c r="D9941" s="1" t="s">
        <v>8397</v>
      </c>
      <c r="E9941" s="1" t="s">
        <v>7</v>
      </c>
    </row>
    <row r="9942">
      <c r="A9942" s="1">
        <v>4.90464971E8</v>
      </c>
      <c r="B9942" s="2">
        <v>13025.0</v>
      </c>
      <c r="C9942" s="1" t="s">
        <v>5</v>
      </c>
      <c r="D9942" s="1" t="s">
        <v>8398</v>
      </c>
      <c r="E9942" s="1" t="s">
        <v>7</v>
      </c>
    </row>
    <row r="9943">
      <c r="A9943" s="1">
        <v>4.90464975E8</v>
      </c>
      <c r="B9943" s="2">
        <v>13016.0</v>
      </c>
      <c r="C9943" s="1" t="s">
        <v>5</v>
      </c>
      <c r="D9943" s="1" t="s">
        <v>8399</v>
      </c>
      <c r="E9943" s="1" t="s">
        <v>8400</v>
      </c>
    </row>
    <row r="9944">
      <c r="A9944" s="1">
        <v>4.90464983E8</v>
      </c>
      <c r="B9944" s="2">
        <v>12949.0</v>
      </c>
      <c r="C9944" s="1" t="s">
        <v>5</v>
      </c>
      <c r="D9944" s="1" t="s">
        <v>8401</v>
      </c>
      <c r="E9944" s="1" t="s">
        <v>11</v>
      </c>
    </row>
    <row r="9945">
      <c r="A9945" s="1">
        <v>4.90464996E8</v>
      </c>
      <c r="B9945" s="3">
        <v>12912.0</v>
      </c>
      <c r="C9945" s="1" t="s">
        <v>5</v>
      </c>
      <c r="D9945" s="1" t="s">
        <v>8402</v>
      </c>
      <c r="E9945" s="1" t="s">
        <v>7</v>
      </c>
    </row>
    <row r="9946">
      <c r="A9946" s="1">
        <v>4.90465001E8</v>
      </c>
      <c r="B9946" s="2">
        <v>13041.0</v>
      </c>
      <c r="C9946" s="1" t="s">
        <v>5</v>
      </c>
      <c r="D9946" s="1" t="s">
        <v>8403</v>
      </c>
      <c r="E9946" s="1" t="s">
        <v>11</v>
      </c>
    </row>
    <row r="9947">
      <c r="A9947" s="1">
        <v>4.90465019E8</v>
      </c>
      <c r="B9947" s="2">
        <v>13034.0</v>
      </c>
      <c r="C9947" s="1" t="s">
        <v>5</v>
      </c>
      <c r="D9947" s="1" t="s">
        <v>8404</v>
      </c>
      <c r="E9947" s="1" t="s">
        <v>7</v>
      </c>
    </row>
    <row r="9948">
      <c r="A9948" s="1">
        <v>4.90465021E8</v>
      </c>
      <c r="B9948" s="3">
        <v>12920.0</v>
      </c>
      <c r="C9948" s="1" t="s">
        <v>5</v>
      </c>
      <c r="D9948" s="1" t="s">
        <v>8405</v>
      </c>
      <c r="E9948" s="1" t="s">
        <v>7</v>
      </c>
    </row>
    <row r="9949">
      <c r="A9949" s="1">
        <v>4.9046503E8</v>
      </c>
      <c r="B9949" s="2">
        <v>12972.0</v>
      </c>
      <c r="C9949" s="1" t="s">
        <v>5</v>
      </c>
      <c r="D9949" s="1" t="s">
        <v>8406</v>
      </c>
      <c r="E9949" s="1" t="s">
        <v>11</v>
      </c>
    </row>
    <row r="9950">
      <c r="A9950" s="1">
        <v>4.90465043E8</v>
      </c>
      <c r="B9950" s="2">
        <v>12949.0</v>
      </c>
      <c r="C9950" s="1" t="s">
        <v>5</v>
      </c>
      <c r="D9950" s="1" t="s">
        <v>11</v>
      </c>
      <c r="E9950" s="1" t="s">
        <v>7</v>
      </c>
    </row>
    <row r="9951">
      <c r="A9951" s="1">
        <v>4.90465047E8</v>
      </c>
      <c r="B9951" s="2">
        <v>12967.0</v>
      </c>
      <c r="C9951" s="1" t="s">
        <v>5</v>
      </c>
      <c r="D9951" s="1" t="s">
        <v>11</v>
      </c>
      <c r="E9951" s="1" t="s">
        <v>7</v>
      </c>
    </row>
    <row r="9952">
      <c r="A9952" s="1">
        <v>4.90465052E8</v>
      </c>
      <c r="B9952" s="2">
        <v>12968.0</v>
      </c>
      <c r="C9952" s="1" t="s">
        <v>5</v>
      </c>
      <c r="D9952" s="1" t="s">
        <v>8407</v>
      </c>
      <c r="E9952" s="1" t="s">
        <v>7</v>
      </c>
    </row>
    <row r="9953">
      <c r="A9953" s="1">
        <v>4.90465066E8</v>
      </c>
      <c r="B9953" s="2">
        <v>13018.0</v>
      </c>
      <c r="C9953" s="1" t="s">
        <v>5</v>
      </c>
      <c r="D9953" s="1" t="s">
        <v>8408</v>
      </c>
      <c r="E9953" s="1" t="s">
        <v>7</v>
      </c>
    </row>
    <row r="9954">
      <c r="A9954" s="1">
        <v>4.90465075E8</v>
      </c>
      <c r="B9954" s="2">
        <v>12966.0</v>
      </c>
      <c r="C9954" s="1" t="s">
        <v>5</v>
      </c>
      <c r="D9954" s="1" t="s">
        <v>8409</v>
      </c>
      <c r="E9954" s="1" t="s">
        <v>8410</v>
      </c>
    </row>
    <row r="9955">
      <c r="A9955" s="1">
        <v>4.90465087E8</v>
      </c>
      <c r="B9955" s="2">
        <v>12968.0</v>
      </c>
      <c r="C9955" s="1" t="s">
        <v>5</v>
      </c>
      <c r="D9955" s="1" t="s">
        <v>8411</v>
      </c>
      <c r="E9955" s="1" t="s">
        <v>11</v>
      </c>
    </row>
    <row r="9956">
      <c r="A9956" s="1">
        <v>4.9046509E8</v>
      </c>
      <c r="B9956" s="3">
        <v>12916.0</v>
      </c>
      <c r="C9956" s="1" t="s">
        <v>5</v>
      </c>
      <c r="D9956" s="1" t="s">
        <v>11</v>
      </c>
      <c r="E9956" s="1" t="s">
        <v>7</v>
      </c>
    </row>
    <row r="9957">
      <c r="A9957" s="1">
        <v>4.9046511E8</v>
      </c>
      <c r="B9957" s="3">
        <v>12919.0</v>
      </c>
      <c r="C9957" s="1" t="s">
        <v>5</v>
      </c>
      <c r="D9957" s="1" t="s">
        <v>8412</v>
      </c>
      <c r="E9957" s="1" t="s">
        <v>8413</v>
      </c>
    </row>
    <row r="9958">
      <c r="A9958" s="1">
        <v>4.90465116E8</v>
      </c>
      <c r="B9958" s="2">
        <v>13018.0</v>
      </c>
      <c r="C9958" s="1" t="s">
        <v>5</v>
      </c>
      <c r="D9958" s="1" t="s">
        <v>8414</v>
      </c>
      <c r="E9958" s="1" t="s">
        <v>7</v>
      </c>
    </row>
    <row r="9959">
      <c r="A9959" s="1">
        <v>4.90465161E8</v>
      </c>
      <c r="B9959" s="3">
        <v>12917.0</v>
      </c>
      <c r="C9959" s="1" t="s">
        <v>5</v>
      </c>
      <c r="D9959" s="1" t="s">
        <v>8415</v>
      </c>
      <c r="E9959" s="1" t="s">
        <v>7</v>
      </c>
    </row>
    <row r="9960">
      <c r="A9960" s="1">
        <v>4.90465164E8</v>
      </c>
      <c r="B9960" s="2">
        <v>12947.0</v>
      </c>
      <c r="C9960" s="1" t="s">
        <v>5</v>
      </c>
      <c r="D9960" s="1" t="s">
        <v>8416</v>
      </c>
      <c r="E9960" s="1" t="s">
        <v>7</v>
      </c>
    </row>
    <row r="9961">
      <c r="A9961" s="1">
        <v>4.90465167E8</v>
      </c>
      <c r="B9961" s="2">
        <v>12965.0</v>
      </c>
      <c r="C9961" s="1" t="s">
        <v>5</v>
      </c>
      <c r="D9961" s="1" t="s">
        <v>8417</v>
      </c>
      <c r="E9961" s="1" t="s">
        <v>7</v>
      </c>
    </row>
    <row r="9962">
      <c r="A9962" s="1">
        <v>4.90465187E8</v>
      </c>
      <c r="B9962" s="2">
        <v>13063.0</v>
      </c>
      <c r="C9962" s="1" t="s">
        <v>5</v>
      </c>
      <c r="D9962" s="1" t="s">
        <v>8418</v>
      </c>
      <c r="E9962" s="1" t="s">
        <v>7</v>
      </c>
    </row>
    <row r="9963">
      <c r="A9963" s="1">
        <v>4.90465201E8</v>
      </c>
      <c r="B9963" s="2">
        <v>13026.0</v>
      </c>
      <c r="C9963" s="1" t="s">
        <v>5</v>
      </c>
      <c r="D9963" s="1" t="s">
        <v>8419</v>
      </c>
      <c r="E9963" s="1" t="s">
        <v>11</v>
      </c>
    </row>
    <row r="9964">
      <c r="A9964" s="1">
        <v>4.90465203E8</v>
      </c>
      <c r="B9964" s="2">
        <v>13024.0</v>
      </c>
      <c r="C9964" s="1" t="s">
        <v>5</v>
      </c>
      <c r="D9964" s="1" t="s">
        <v>11</v>
      </c>
      <c r="E9964" s="1" t="s">
        <v>7</v>
      </c>
    </row>
    <row r="9965">
      <c r="A9965" s="1">
        <v>4.90465219E8</v>
      </c>
      <c r="B9965" s="3">
        <v>12926.0</v>
      </c>
      <c r="C9965" s="1" t="s">
        <v>5</v>
      </c>
      <c r="D9965" s="1" t="s">
        <v>8420</v>
      </c>
      <c r="E9965" s="1" t="s">
        <v>11</v>
      </c>
    </row>
    <row r="9966">
      <c r="A9966" s="1">
        <v>4.90465244E8</v>
      </c>
      <c r="B9966" s="2">
        <v>13014.0</v>
      </c>
      <c r="C9966" s="1" t="s">
        <v>5</v>
      </c>
      <c r="D9966" s="1" t="s">
        <v>8421</v>
      </c>
      <c r="E9966" s="1" t="s">
        <v>11</v>
      </c>
    </row>
    <row r="9967">
      <c r="A9967" s="1">
        <v>4.90465284E8</v>
      </c>
      <c r="B9967" s="2">
        <v>12987.0</v>
      </c>
      <c r="C9967" s="1" t="s">
        <v>5</v>
      </c>
      <c r="D9967" s="1" t="s">
        <v>11</v>
      </c>
      <c r="E9967" s="1" t="s">
        <v>7</v>
      </c>
    </row>
    <row r="9968">
      <c r="A9968" s="1">
        <v>4.90465299E8</v>
      </c>
      <c r="B9968" s="2">
        <v>13017.0</v>
      </c>
      <c r="C9968" s="1" t="s">
        <v>5</v>
      </c>
      <c r="D9968" s="1" t="s">
        <v>8422</v>
      </c>
      <c r="E9968" s="1" t="s">
        <v>8423</v>
      </c>
    </row>
    <row r="9969">
      <c r="A9969" s="1">
        <v>4.90465323E8</v>
      </c>
      <c r="B9969" s="2">
        <v>13041.0</v>
      </c>
      <c r="C9969" s="1" t="s">
        <v>5</v>
      </c>
      <c r="D9969" s="1" t="s">
        <v>11</v>
      </c>
      <c r="E9969" s="1" t="s">
        <v>7</v>
      </c>
    </row>
    <row r="9970">
      <c r="A9970" s="1">
        <v>4.90465339E8</v>
      </c>
      <c r="B9970" s="2">
        <v>13027.0</v>
      </c>
      <c r="C9970" s="1" t="s">
        <v>5</v>
      </c>
      <c r="D9970" s="1" t="s">
        <v>8424</v>
      </c>
      <c r="E9970" s="1" t="s">
        <v>11</v>
      </c>
    </row>
    <row r="9971">
      <c r="A9971" s="1">
        <v>4.90465344E8</v>
      </c>
      <c r="B9971" s="2">
        <v>13019.0</v>
      </c>
      <c r="C9971" s="1" t="s">
        <v>5</v>
      </c>
      <c r="D9971" s="1" t="s">
        <v>8425</v>
      </c>
      <c r="E9971" s="1" t="s">
        <v>7</v>
      </c>
    </row>
    <row r="9972">
      <c r="A9972" s="1">
        <v>4.90465346E8</v>
      </c>
      <c r="B9972" s="3">
        <v>12916.0</v>
      </c>
      <c r="C9972" s="1" t="s">
        <v>5</v>
      </c>
      <c r="D9972" s="1" t="s">
        <v>8426</v>
      </c>
      <c r="E9972" s="1" t="s">
        <v>8427</v>
      </c>
    </row>
    <row r="9973">
      <c r="A9973" s="1">
        <v>4.90465361E8</v>
      </c>
      <c r="B9973" s="3">
        <v>12907.0</v>
      </c>
      <c r="C9973" s="1" t="s">
        <v>5</v>
      </c>
      <c r="D9973" s="1" t="s">
        <v>8428</v>
      </c>
      <c r="E9973" s="1" t="s">
        <v>8429</v>
      </c>
    </row>
    <row r="9974">
      <c r="A9974" s="1">
        <v>4.90465364E8</v>
      </c>
      <c r="B9974" s="3">
        <v>12925.0</v>
      </c>
      <c r="C9974" s="1" t="s">
        <v>5</v>
      </c>
      <c r="D9974" s="1" t="s">
        <v>8430</v>
      </c>
      <c r="E9974" s="1" t="s">
        <v>7</v>
      </c>
    </row>
    <row r="9975">
      <c r="A9975" s="1">
        <v>4.90465386E8</v>
      </c>
      <c r="B9975" s="3">
        <v>12916.0</v>
      </c>
      <c r="C9975" s="1" t="s">
        <v>5</v>
      </c>
      <c r="D9975" s="1" t="s">
        <v>8431</v>
      </c>
      <c r="E9975" s="1" t="s">
        <v>7</v>
      </c>
    </row>
    <row r="9976">
      <c r="A9976" s="1">
        <v>4.90465435E8</v>
      </c>
      <c r="B9976" s="2">
        <v>12966.0</v>
      </c>
      <c r="C9976" s="1" t="s">
        <v>5</v>
      </c>
      <c r="D9976" s="1" t="s">
        <v>11</v>
      </c>
      <c r="E9976" s="1" t="s">
        <v>7</v>
      </c>
    </row>
    <row r="9977">
      <c r="A9977" s="1">
        <v>4.90465453E8</v>
      </c>
      <c r="B9977" s="2">
        <v>12816.0</v>
      </c>
      <c r="C9977" s="1" t="s">
        <v>5</v>
      </c>
      <c r="D9977" s="1" t="s">
        <v>8432</v>
      </c>
      <c r="E9977" s="1" t="s">
        <v>7</v>
      </c>
    </row>
    <row r="9978">
      <c r="A9978" s="1">
        <v>4.9046547E8</v>
      </c>
      <c r="B9978" s="2">
        <v>13027.0</v>
      </c>
      <c r="C9978" s="1" t="s">
        <v>5</v>
      </c>
      <c r="D9978" s="1" t="s">
        <v>8433</v>
      </c>
      <c r="E9978" s="1" t="s">
        <v>8434</v>
      </c>
    </row>
    <row r="9979">
      <c r="A9979" s="1">
        <v>4.90465472E8</v>
      </c>
      <c r="B9979" s="2">
        <v>13041.0</v>
      </c>
      <c r="C9979" s="1" t="s">
        <v>5</v>
      </c>
      <c r="D9979" s="1" t="s">
        <v>8435</v>
      </c>
      <c r="E9979" s="1" t="s">
        <v>11</v>
      </c>
    </row>
    <row r="9980">
      <c r="A9980" s="1">
        <v>4.90465485E8</v>
      </c>
      <c r="B9980" s="2">
        <v>13018.0</v>
      </c>
      <c r="C9980" s="1" t="s">
        <v>5</v>
      </c>
      <c r="D9980" s="1" t="s">
        <v>8436</v>
      </c>
      <c r="E9980" s="1" t="s">
        <v>7</v>
      </c>
    </row>
    <row r="9981">
      <c r="A9981" s="1">
        <v>4.90465486E8</v>
      </c>
      <c r="B9981" s="2">
        <v>12969.0</v>
      </c>
      <c r="C9981" s="1" t="s">
        <v>5</v>
      </c>
      <c r="D9981" s="1" t="s">
        <v>8437</v>
      </c>
      <c r="E9981" s="1" t="s">
        <v>7</v>
      </c>
    </row>
    <row r="9982">
      <c r="A9982" s="1">
        <v>4.90465487E8</v>
      </c>
      <c r="B9982" s="3">
        <v>12924.0</v>
      </c>
      <c r="C9982" s="1" t="s">
        <v>5</v>
      </c>
      <c r="D9982" s="1" t="s">
        <v>8438</v>
      </c>
      <c r="E9982" s="1" t="s">
        <v>11</v>
      </c>
    </row>
    <row r="9983">
      <c r="A9983" s="1">
        <v>4.90465513E8</v>
      </c>
      <c r="B9983" s="2">
        <v>12843.0</v>
      </c>
      <c r="C9983" s="1" t="s">
        <v>5</v>
      </c>
      <c r="D9983" s="1" t="s">
        <v>8439</v>
      </c>
      <c r="E9983" s="1" t="s">
        <v>7</v>
      </c>
    </row>
    <row r="9984">
      <c r="A9984" s="1">
        <v>4.90465551E8</v>
      </c>
      <c r="B9984" s="3">
        <v>12923.0</v>
      </c>
      <c r="C9984" s="1" t="s">
        <v>5</v>
      </c>
      <c r="D9984" s="1" t="s">
        <v>8440</v>
      </c>
      <c r="E9984" s="1" t="s">
        <v>7</v>
      </c>
    </row>
    <row r="9985">
      <c r="A9985" s="1">
        <v>4.90465556E8</v>
      </c>
      <c r="B9985" s="2">
        <v>13040.0</v>
      </c>
      <c r="C9985" s="1" t="s">
        <v>5</v>
      </c>
      <c r="D9985" s="1" t="s">
        <v>8441</v>
      </c>
      <c r="E9985" s="1" t="s">
        <v>7</v>
      </c>
    </row>
    <row r="9986">
      <c r="A9986" s="1">
        <v>4.90465567E8</v>
      </c>
      <c r="B9986" s="2">
        <v>12963.0</v>
      </c>
      <c r="C9986" s="1" t="s">
        <v>5</v>
      </c>
      <c r="D9986" s="1" t="s">
        <v>11</v>
      </c>
      <c r="E9986" s="1" t="s">
        <v>7</v>
      </c>
    </row>
    <row r="9987">
      <c r="A9987" s="1">
        <v>4.90465587E8</v>
      </c>
      <c r="B9987" s="2">
        <v>13018.0</v>
      </c>
      <c r="C9987" s="1" t="s">
        <v>5</v>
      </c>
      <c r="D9987" s="1" t="s">
        <v>8442</v>
      </c>
      <c r="E9987" s="1" t="s">
        <v>7</v>
      </c>
    </row>
    <row r="9988">
      <c r="A9988" s="1">
        <v>4.9046559E8</v>
      </c>
      <c r="B9988" s="2">
        <v>13035.0</v>
      </c>
      <c r="C9988" s="1" t="s">
        <v>5</v>
      </c>
      <c r="D9988" s="1" t="s">
        <v>8443</v>
      </c>
      <c r="E9988" s="1" t="s">
        <v>11</v>
      </c>
    </row>
    <row r="9989">
      <c r="A9989" s="1">
        <v>4.90465619E8</v>
      </c>
      <c r="B9989" s="2">
        <v>13019.0</v>
      </c>
      <c r="C9989" s="1" t="s">
        <v>5</v>
      </c>
      <c r="D9989" s="1" t="s">
        <v>11</v>
      </c>
      <c r="E9989" s="1" t="s">
        <v>7</v>
      </c>
    </row>
    <row r="9990">
      <c r="A9990" s="1">
        <v>4.90465636E8</v>
      </c>
      <c r="B9990" s="3">
        <v>12908.0</v>
      </c>
      <c r="C9990" s="1" t="s">
        <v>5</v>
      </c>
      <c r="D9990" s="1" t="s">
        <v>8444</v>
      </c>
      <c r="E9990" s="1" t="s">
        <v>7</v>
      </c>
    </row>
    <row r="9991">
      <c r="A9991" s="1">
        <v>4.90465643E8</v>
      </c>
      <c r="B9991" s="2">
        <v>13027.0</v>
      </c>
      <c r="C9991" s="1" t="s">
        <v>5</v>
      </c>
      <c r="D9991" s="1" t="s">
        <v>11</v>
      </c>
      <c r="E9991" s="1" t="s">
        <v>7</v>
      </c>
    </row>
    <row r="9992">
      <c r="A9992" s="1">
        <v>4.90465656E8</v>
      </c>
      <c r="B9992" s="2">
        <v>12969.0</v>
      </c>
      <c r="C9992" s="1" t="s">
        <v>5</v>
      </c>
      <c r="D9992" s="1" t="s">
        <v>11</v>
      </c>
      <c r="E9992" s="1" t="s">
        <v>7</v>
      </c>
    </row>
    <row r="9993">
      <c r="A9993" s="1">
        <v>4.90465657E8</v>
      </c>
      <c r="B9993" s="2">
        <v>13062.0</v>
      </c>
      <c r="C9993" s="1" t="s">
        <v>5</v>
      </c>
      <c r="D9993" s="1" t="s">
        <v>8445</v>
      </c>
      <c r="E9993" s="1" t="s">
        <v>7</v>
      </c>
    </row>
    <row r="9994">
      <c r="A9994" s="1">
        <v>4.90465665E8</v>
      </c>
      <c r="B9994" s="3">
        <v>12914.0</v>
      </c>
      <c r="C9994" s="1" t="s">
        <v>5</v>
      </c>
      <c r="D9994" s="1" t="s">
        <v>8446</v>
      </c>
      <c r="E9994" s="1" t="s">
        <v>7</v>
      </c>
    </row>
    <row r="9995">
      <c r="A9995" s="1">
        <v>4.90465681E8</v>
      </c>
      <c r="B9995" s="2">
        <v>13035.0</v>
      </c>
      <c r="C9995" s="1" t="s">
        <v>5</v>
      </c>
      <c r="D9995" s="1" t="s">
        <v>8447</v>
      </c>
      <c r="E9995" s="1" t="s">
        <v>11</v>
      </c>
    </row>
    <row r="9996">
      <c r="A9996" s="1">
        <v>4.90465682E8</v>
      </c>
      <c r="B9996" s="3">
        <v>12917.0</v>
      </c>
      <c r="C9996" s="1" t="s">
        <v>5</v>
      </c>
      <c r="D9996" s="1" t="s">
        <v>8448</v>
      </c>
      <c r="E9996" s="1" t="s">
        <v>7</v>
      </c>
    </row>
    <row r="9997">
      <c r="A9997" s="1">
        <v>4.90465697E8</v>
      </c>
      <c r="B9997" s="2">
        <v>13021.0</v>
      </c>
      <c r="C9997" s="1" t="s">
        <v>5</v>
      </c>
      <c r="D9997" s="1" t="s">
        <v>8449</v>
      </c>
      <c r="E9997" s="1" t="s">
        <v>11</v>
      </c>
    </row>
    <row r="9998">
      <c r="A9998" s="1">
        <v>4.90465709E8</v>
      </c>
      <c r="B9998" s="3">
        <v>12915.0</v>
      </c>
      <c r="C9998" s="1" t="s">
        <v>5</v>
      </c>
      <c r="D9998" s="1" t="s">
        <v>8450</v>
      </c>
      <c r="E9998" s="1" t="s">
        <v>7</v>
      </c>
    </row>
    <row r="9999">
      <c r="A9999" s="1">
        <v>4.90465735E8</v>
      </c>
      <c r="B9999" s="2">
        <v>13017.0</v>
      </c>
      <c r="C9999" s="1" t="s">
        <v>5</v>
      </c>
      <c r="D9999" s="1" t="s">
        <v>8451</v>
      </c>
      <c r="E9999" s="1" t="s">
        <v>7</v>
      </c>
    </row>
    <row r="10000">
      <c r="A10000" s="1">
        <v>4.90465756E8</v>
      </c>
      <c r="B10000" s="2">
        <v>13025.0</v>
      </c>
      <c r="C10000" s="1" t="s">
        <v>5</v>
      </c>
      <c r="D10000" s="1" t="s">
        <v>8452</v>
      </c>
      <c r="E10000" s="1" t="s">
        <v>7</v>
      </c>
    </row>
    <row r="10001">
      <c r="A10001" s="1">
        <v>4.90465762E8</v>
      </c>
      <c r="B10001" s="2">
        <v>13033.0</v>
      </c>
      <c r="C10001" s="1" t="s">
        <v>5</v>
      </c>
      <c r="D10001" s="1" t="s">
        <v>8453</v>
      </c>
      <c r="E10001" s="1" t="s">
        <v>7</v>
      </c>
    </row>
    <row r="10002">
      <c r="A10002" s="1">
        <v>4.90465804E8</v>
      </c>
      <c r="B10002" s="2">
        <v>12971.0</v>
      </c>
      <c r="C10002" s="1" t="s">
        <v>5</v>
      </c>
      <c r="D10002" s="1" t="s">
        <v>8454</v>
      </c>
      <c r="E10002" s="1" t="s">
        <v>11</v>
      </c>
    </row>
    <row r="10003">
      <c r="A10003" s="1">
        <v>4.90465821E8</v>
      </c>
      <c r="B10003" s="2">
        <v>12962.0</v>
      </c>
      <c r="C10003" s="1" t="s">
        <v>5</v>
      </c>
      <c r="D10003" s="1" t="s">
        <v>8455</v>
      </c>
      <c r="E10003" s="1" t="s">
        <v>7</v>
      </c>
    </row>
    <row r="10004">
      <c r="A10004" s="1">
        <v>4.90465825E8</v>
      </c>
      <c r="B10004" s="3">
        <v>12920.0</v>
      </c>
      <c r="C10004" s="1" t="s">
        <v>5</v>
      </c>
      <c r="D10004" s="1" t="s">
        <v>8456</v>
      </c>
      <c r="E10004" s="1" t="s">
        <v>7</v>
      </c>
    </row>
    <row r="10005">
      <c r="A10005" s="1">
        <v>4.90465851E8</v>
      </c>
      <c r="B10005" s="2">
        <v>13017.0</v>
      </c>
      <c r="C10005" s="1" t="s">
        <v>5</v>
      </c>
      <c r="D10005" s="1" t="s">
        <v>8457</v>
      </c>
      <c r="E10005" s="1" t="s">
        <v>7</v>
      </c>
    </row>
    <row r="10006">
      <c r="A10006" s="1">
        <v>4.90465852E8</v>
      </c>
      <c r="B10006" s="2">
        <v>13035.0</v>
      </c>
      <c r="C10006" s="1" t="s">
        <v>5</v>
      </c>
      <c r="D10006" s="1" t="s">
        <v>8458</v>
      </c>
      <c r="E10006" s="1" t="s">
        <v>7</v>
      </c>
    </row>
    <row r="10007">
      <c r="A10007" s="1">
        <v>4.90465854E8</v>
      </c>
      <c r="B10007" s="2">
        <v>13016.0</v>
      </c>
      <c r="C10007" s="1" t="s">
        <v>5</v>
      </c>
      <c r="D10007" s="1" t="s">
        <v>8459</v>
      </c>
      <c r="E10007" s="1" t="s">
        <v>7</v>
      </c>
    </row>
    <row r="10008">
      <c r="A10008" s="1">
        <v>4.90465876E8</v>
      </c>
      <c r="B10008" s="3">
        <v>12914.0</v>
      </c>
      <c r="C10008" s="1" t="s">
        <v>5</v>
      </c>
      <c r="D10008" s="1" t="s">
        <v>8460</v>
      </c>
      <c r="E10008" s="1" t="s">
        <v>7</v>
      </c>
    </row>
    <row r="10009">
      <c r="A10009" s="1">
        <v>4.9046591E8</v>
      </c>
      <c r="B10009" s="2">
        <v>13049.0</v>
      </c>
      <c r="C10009" s="1" t="s">
        <v>5</v>
      </c>
      <c r="D10009" s="1" t="s">
        <v>8461</v>
      </c>
      <c r="E10009" s="1" t="s">
        <v>8462</v>
      </c>
    </row>
    <row r="10010">
      <c r="A10010" s="1">
        <v>4.90465924E8</v>
      </c>
      <c r="B10010" s="2">
        <v>12841.0</v>
      </c>
      <c r="C10010" s="1" t="s">
        <v>5</v>
      </c>
      <c r="D10010" s="1" t="s">
        <v>8463</v>
      </c>
      <c r="E10010" s="1" t="s">
        <v>7</v>
      </c>
    </row>
    <row r="10011">
      <c r="A10011" s="1">
        <v>4.90465929E8</v>
      </c>
      <c r="B10011" s="2">
        <v>13016.0</v>
      </c>
      <c r="C10011" s="1" t="s">
        <v>5</v>
      </c>
      <c r="D10011" s="1" t="s">
        <v>8464</v>
      </c>
      <c r="E10011" s="1" t="s">
        <v>7</v>
      </c>
    </row>
    <row r="10012">
      <c r="A10012" s="1">
        <v>4.90465945E8</v>
      </c>
      <c r="B10012" s="2">
        <v>13049.0</v>
      </c>
      <c r="C10012" s="1" t="s">
        <v>5</v>
      </c>
      <c r="D10012" s="1" t="s">
        <v>8465</v>
      </c>
      <c r="E10012" s="1" t="s">
        <v>7</v>
      </c>
    </row>
    <row r="10013">
      <c r="A10013" s="1">
        <v>4.90465947E8</v>
      </c>
      <c r="B10013" s="3">
        <v>12920.0</v>
      </c>
      <c r="C10013" s="1" t="s">
        <v>5</v>
      </c>
      <c r="D10013" s="1" t="s">
        <v>11</v>
      </c>
      <c r="E10013" s="1" t="s">
        <v>7</v>
      </c>
    </row>
    <row r="10014">
      <c r="A10014" s="1">
        <v>4.9046595E8</v>
      </c>
      <c r="B10014" s="3">
        <v>12914.0</v>
      </c>
      <c r="C10014" s="1" t="s">
        <v>5</v>
      </c>
      <c r="D10014" s="1" t="s">
        <v>8466</v>
      </c>
      <c r="E10014" s="1" t="s">
        <v>7</v>
      </c>
    </row>
    <row r="10015">
      <c r="A10015" s="1">
        <v>4.90465962E8</v>
      </c>
      <c r="B10015" s="2">
        <v>12961.0</v>
      </c>
      <c r="C10015" s="1" t="s">
        <v>5</v>
      </c>
      <c r="D10015" s="1" t="s">
        <v>8467</v>
      </c>
      <c r="E10015" s="1" t="s">
        <v>11</v>
      </c>
    </row>
    <row r="10016">
      <c r="A10016" s="1">
        <v>4.90465963E8</v>
      </c>
      <c r="B10016" s="3">
        <v>12906.0</v>
      </c>
      <c r="C10016" s="1" t="s">
        <v>5</v>
      </c>
      <c r="D10016" s="1" t="s">
        <v>8468</v>
      </c>
      <c r="E10016" s="1" t="s">
        <v>11</v>
      </c>
    </row>
    <row r="10017">
      <c r="A10017" s="1">
        <v>4.90465988E8</v>
      </c>
      <c r="B10017" s="2">
        <v>13021.0</v>
      </c>
      <c r="C10017" s="1" t="s">
        <v>5</v>
      </c>
      <c r="D10017" s="1" t="s">
        <v>8469</v>
      </c>
      <c r="E10017" s="1" t="s">
        <v>7</v>
      </c>
    </row>
    <row r="10018">
      <c r="A10018" s="1">
        <v>4.90466015E8</v>
      </c>
      <c r="B10018" s="3">
        <v>12922.0</v>
      </c>
      <c r="C10018" s="1" t="s">
        <v>5</v>
      </c>
      <c r="D10018" s="1" t="s">
        <v>8470</v>
      </c>
      <c r="E10018" s="1" t="s">
        <v>11</v>
      </c>
    </row>
    <row r="10019">
      <c r="A10019" s="1">
        <v>4.90466039E8</v>
      </c>
      <c r="B10019" s="2">
        <v>13017.0</v>
      </c>
      <c r="C10019" s="1" t="s">
        <v>5</v>
      </c>
      <c r="D10019" s="1" t="s">
        <v>8471</v>
      </c>
      <c r="E10019" s="1" t="s">
        <v>11</v>
      </c>
    </row>
    <row r="10020">
      <c r="A10020" s="1">
        <v>4.90466043E8</v>
      </c>
      <c r="B10020" s="2">
        <v>13034.0</v>
      </c>
      <c r="C10020" s="1" t="s">
        <v>5</v>
      </c>
      <c r="D10020" s="1" t="s">
        <v>8472</v>
      </c>
      <c r="E10020" s="1" t="s">
        <v>11</v>
      </c>
    </row>
    <row r="10021">
      <c r="A10021" s="1">
        <v>4.90466049E8</v>
      </c>
      <c r="B10021" s="3">
        <v>12922.0</v>
      </c>
      <c r="C10021" s="1" t="s">
        <v>5</v>
      </c>
      <c r="D10021" s="1" t="s">
        <v>8473</v>
      </c>
      <c r="E10021" s="1" t="s">
        <v>11</v>
      </c>
    </row>
    <row r="10022">
      <c r="A10022" s="1">
        <v>4.90466097E8</v>
      </c>
      <c r="B10022" s="2">
        <v>13041.0</v>
      </c>
      <c r="C10022" s="1" t="s">
        <v>5</v>
      </c>
      <c r="D10022" s="1" t="s">
        <v>8474</v>
      </c>
      <c r="E10022" s="1" t="s">
        <v>7</v>
      </c>
    </row>
    <row r="10023">
      <c r="A10023" s="1">
        <v>4.90466109E8</v>
      </c>
      <c r="B10023" s="3">
        <v>12919.0</v>
      </c>
      <c r="C10023" s="1" t="s">
        <v>5</v>
      </c>
      <c r="D10023" s="1" t="s">
        <v>8475</v>
      </c>
      <c r="E10023" s="1" t="s">
        <v>11</v>
      </c>
    </row>
    <row r="10024">
      <c r="A10024" s="1">
        <v>4.90466132E8</v>
      </c>
      <c r="B10024" s="2">
        <v>13016.0</v>
      </c>
      <c r="C10024" s="1" t="s">
        <v>5</v>
      </c>
      <c r="D10024" s="1" t="s">
        <v>8476</v>
      </c>
      <c r="E10024" s="1" t="s">
        <v>11</v>
      </c>
    </row>
    <row r="10025">
      <c r="A10025" s="1">
        <v>4.90466135E8</v>
      </c>
      <c r="B10025" s="3">
        <v>12915.0</v>
      </c>
      <c r="C10025" s="1" t="s">
        <v>5</v>
      </c>
      <c r="D10025" s="1" t="s">
        <v>8477</v>
      </c>
      <c r="E10025" s="1" t="s">
        <v>7</v>
      </c>
    </row>
    <row r="10026">
      <c r="A10026" s="1">
        <v>4.9046616E8</v>
      </c>
      <c r="B10026" s="2">
        <v>13025.0</v>
      </c>
      <c r="C10026" s="1" t="s">
        <v>5</v>
      </c>
      <c r="D10026" s="1" t="s">
        <v>8478</v>
      </c>
      <c r="E10026" s="1" t="s">
        <v>8479</v>
      </c>
    </row>
    <row r="10027">
      <c r="A10027" s="1">
        <v>4.90466163E8</v>
      </c>
      <c r="B10027" s="2">
        <v>13033.0</v>
      </c>
      <c r="C10027" s="1" t="s">
        <v>5</v>
      </c>
      <c r="D10027" s="1" t="s">
        <v>8480</v>
      </c>
      <c r="E10027" s="1" t="s">
        <v>11</v>
      </c>
    </row>
    <row r="10028">
      <c r="A10028" s="1">
        <v>4.90466166E8</v>
      </c>
      <c r="B10028" s="2">
        <v>13024.0</v>
      </c>
      <c r="C10028" s="1" t="s">
        <v>5</v>
      </c>
      <c r="D10028" s="1" t="s">
        <v>8481</v>
      </c>
      <c r="E10028" s="1" t="s">
        <v>11</v>
      </c>
    </row>
    <row r="10029">
      <c r="A10029" s="1">
        <v>4.9046619E8</v>
      </c>
      <c r="B10029" s="3">
        <v>12913.0</v>
      </c>
      <c r="C10029" s="1" t="s">
        <v>5</v>
      </c>
      <c r="D10029" s="1" t="s">
        <v>8482</v>
      </c>
      <c r="E10029" s="1" t="s">
        <v>7</v>
      </c>
    </row>
    <row r="10030">
      <c r="A10030" s="1">
        <v>4.90466221E8</v>
      </c>
      <c r="B10030" s="2">
        <v>13022.0</v>
      </c>
      <c r="C10030" s="1" t="s">
        <v>5</v>
      </c>
      <c r="D10030" s="1" t="s">
        <v>8483</v>
      </c>
      <c r="E10030" s="1" t="s">
        <v>7</v>
      </c>
    </row>
    <row r="10031">
      <c r="A10031" s="1">
        <v>4.90466267E8</v>
      </c>
      <c r="B10031" s="3">
        <v>12912.0</v>
      </c>
      <c r="C10031" s="1" t="s">
        <v>5</v>
      </c>
      <c r="D10031" s="1" t="s">
        <v>8484</v>
      </c>
      <c r="E10031" s="1" t="s">
        <v>8485</v>
      </c>
    </row>
    <row r="10032">
      <c r="A10032" s="1">
        <v>4.90466279E8</v>
      </c>
      <c r="B10032" s="2">
        <v>13086.0</v>
      </c>
      <c r="C10032" s="1" t="s">
        <v>5</v>
      </c>
      <c r="D10032" s="1" t="s">
        <v>11</v>
      </c>
      <c r="E10032" s="1" t="s">
        <v>7</v>
      </c>
    </row>
    <row r="10033">
      <c r="A10033" s="1">
        <v>4.90466281E8</v>
      </c>
      <c r="B10033" s="2">
        <v>13032.0</v>
      </c>
      <c r="C10033" s="1" t="s">
        <v>5</v>
      </c>
      <c r="D10033" s="1" t="s">
        <v>8486</v>
      </c>
      <c r="E10033" s="1" t="s">
        <v>11</v>
      </c>
    </row>
    <row r="10034">
      <c r="A10034" s="1">
        <v>4.90466298E8</v>
      </c>
      <c r="B10034" s="3">
        <v>12912.0</v>
      </c>
      <c r="C10034" s="1" t="s">
        <v>5</v>
      </c>
      <c r="D10034" s="1" t="s">
        <v>8487</v>
      </c>
      <c r="E10034" s="1" t="s">
        <v>7</v>
      </c>
    </row>
    <row r="10035">
      <c r="A10035" s="1">
        <v>4.90466299E8</v>
      </c>
      <c r="B10035" s="2">
        <v>13063.0</v>
      </c>
      <c r="C10035" s="1" t="s">
        <v>5</v>
      </c>
      <c r="D10035" s="1" t="s">
        <v>8488</v>
      </c>
      <c r="E10035" s="1" t="s">
        <v>7</v>
      </c>
    </row>
    <row r="10036">
      <c r="A10036" s="1">
        <v>4.904663E8</v>
      </c>
      <c r="B10036" s="2">
        <v>12966.0</v>
      </c>
      <c r="C10036" s="1" t="s">
        <v>5</v>
      </c>
      <c r="D10036" s="1" t="s">
        <v>8489</v>
      </c>
      <c r="E10036" s="1" t="s">
        <v>7</v>
      </c>
    </row>
    <row r="10037">
      <c r="A10037" s="1">
        <v>4.90466333E8</v>
      </c>
      <c r="B10037" s="2">
        <v>12983.0</v>
      </c>
      <c r="C10037" s="1" t="s">
        <v>5</v>
      </c>
      <c r="D10037" s="1" t="s">
        <v>8490</v>
      </c>
      <c r="E10037" s="1" t="s">
        <v>11</v>
      </c>
    </row>
    <row r="10038">
      <c r="A10038" s="1">
        <v>4.90466345E8</v>
      </c>
      <c r="B10038" s="2">
        <v>13022.0</v>
      </c>
      <c r="C10038" s="1" t="s">
        <v>5</v>
      </c>
      <c r="D10038" s="1" t="s">
        <v>7</v>
      </c>
      <c r="E10038" s="1" t="s">
        <v>7</v>
      </c>
    </row>
    <row r="10039">
      <c r="A10039" s="1">
        <v>4.90466351E8</v>
      </c>
      <c r="B10039" s="2">
        <v>13009.0</v>
      </c>
      <c r="C10039" s="1" t="s">
        <v>5</v>
      </c>
      <c r="D10039" s="1" t="s">
        <v>8491</v>
      </c>
      <c r="E10039" s="1" t="s">
        <v>7</v>
      </c>
    </row>
    <row r="10040">
      <c r="A10040" s="1">
        <v>4.90466361E8</v>
      </c>
      <c r="B10040" s="2">
        <v>13018.0</v>
      </c>
      <c r="C10040" s="1" t="s">
        <v>5</v>
      </c>
      <c r="D10040" s="1" t="s">
        <v>8492</v>
      </c>
      <c r="E10040" s="1" t="s">
        <v>7</v>
      </c>
    </row>
    <row r="10041">
      <c r="A10041" s="1">
        <v>4.90466363E8</v>
      </c>
      <c r="B10041" s="2">
        <v>13028.0</v>
      </c>
      <c r="C10041" s="1" t="s">
        <v>5</v>
      </c>
      <c r="D10041" s="1" t="s">
        <v>11</v>
      </c>
      <c r="E10041" s="1" t="s">
        <v>7</v>
      </c>
    </row>
    <row r="10042">
      <c r="A10042" s="1">
        <v>4.90466379E8</v>
      </c>
      <c r="B10042" s="3">
        <v>12916.0</v>
      </c>
      <c r="C10042" s="1" t="s">
        <v>5</v>
      </c>
      <c r="D10042" s="1" t="s">
        <v>8493</v>
      </c>
      <c r="E10042" s="1" t="s">
        <v>7</v>
      </c>
    </row>
    <row r="10043">
      <c r="A10043" s="1">
        <v>4.90466389E8</v>
      </c>
      <c r="B10043" s="2">
        <v>12967.0</v>
      </c>
      <c r="C10043" s="1" t="s">
        <v>5</v>
      </c>
      <c r="D10043" s="1" t="s">
        <v>8494</v>
      </c>
      <c r="E10043" s="1" t="s">
        <v>7</v>
      </c>
    </row>
    <row r="10044">
      <c r="A10044" s="1">
        <v>4.90466397E8</v>
      </c>
      <c r="B10044" s="2">
        <v>13022.0</v>
      </c>
      <c r="C10044" s="1" t="s">
        <v>5</v>
      </c>
      <c r="D10044" s="1" t="s">
        <v>8495</v>
      </c>
      <c r="E10044" s="1" t="s">
        <v>11</v>
      </c>
    </row>
    <row r="10045">
      <c r="A10045" s="1">
        <v>4.90466404E8</v>
      </c>
      <c r="B10045" s="3">
        <v>12920.0</v>
      </c>
      <c r="C10045" s="1" t="s">
        <v>5</v>
      </c>
      <c r="D10045" s="1" t="s">
        <v>8496</v>
      </c>
      <c r="E10045" s="1" t="s">
        <v>8497</v>
      </c>
    </row>
    <row r="10046">
      <c r="A10046" s="1">
        <v>4.90466415E8</v>
      </c>
      <c r="B10046" s="2">
        <v>13030.0</v>
      </c>
      <c r="C10046" s="1" t="s">
        <v>5</v>
      </c>
      <c r="D10046" s="1" t="s">
        <v>8498</v>
      </c>
      <c r="E10046" s="1" t="s">
        <v>11</v>
      </c>
    </row>
    <row r="10047">
      <c r="A10047" s="1">
        <v>4.9046642E8</v>
      </c>
      <c r="B10047" s="3">
        <v>12911.0</v>
      </c>
      <c r="C10047" s="1" t="s">
        <v>5</v>
      </c>
      <c r="D10047" s="1" t="s">
        <v>8499</v>
      </c>
      <c r="E10047" s="1" t="s">
        <v>11</v>
      </c>
    </row>
    <row r="10048">
      <c r="A10048" s="1">
        <v>4.90466441E8</v>
      </c>
      <c r="B10048" s="3">
        <v>12912.0</v>
      </c>
      <c r="C10048" s="1" t="s">
        <v>5</v>
      </c>
      <c r="D10048" s="1" t="s">
        <v>8500</v>
      </c>
      <c r="E10048" s="1" t="s">
        <v>8501</v>
      </c>
    </row>
    <row r="10049">
      <c r="A10049" s="1">
        <v>4.90466459E8</v>
      </c>
      <c r="B10049" s="2">
        <v>13049.0</v>
      </c>
      <c r="C10049" s="1" t="s">
        <v>5</v>
      </c>
      <c r="D10049" s="1" t="s">
        <v>8502</v>
      </c>
      <c r="E10049" s="1" t="s">
        <v>7</v>
      </c>
    </row>
    <row r="10050">
      <c r="A10050" s="1">
        <v>4.90466464E8</v>
      </c>
      <c r="B10050" s="2">
        <v>13009.0</v>
      </c>
      <c r="C10050" s="1" t="s">
        <v>5</v>
      </c>
      <c r="D10050" s="1" t="s">
        <v>8503</v>
      </c>
      <c r="E10050" s="1" t="s">
        <v>7</v>
      </c>
    </row>
    <row r="10051">
      <c r="A10051" s="1">
        <v>4.90466472E8</v>
      </c>
      <c r="B10051" s="2">
        <v>13021.0</v>
      </c>
      <c r="C10051" s="1" t="s">
        <v>5</v>
      </c>
      <c r="D10051" s="1" t="s">
        <v>8504</v>
      </c>
      <c r="E10051" s="1" t="s">
        <v>7</v>
      </c>
    </row>
    <row r="10052">
      <c r="A10052" s="1">
        <v>4.90466495E8</v>
      </c>
      <c r="B10052" s="2">
        <v>13028.0</v>
      </c>
      <c r="C10052" s="1" t="s">
        <v>5</v>
      </c>
      <c r="D10052" s="1" t="s">
        <v>8505</v>
      </c>
      <c r="E10052" s="1" t="s">
        <v>7</v>
      </c>
    </row>
    <row r="10053">
      <c r="A10053" s="1">
        <v>4.90466514E8</v>
      </c>
      <c r="B10053" s="2">
        <v>12982.0</v>
      </c>
      <c r="C10053" s="1" t="s">
        <v>5</v>
      </c>
      <c r="D10053" s="1" t="s">
        <v>8506</v>
      </c>
      <c r="E10053" s="1" t="s">
        <v>7</v>
      </c>
    </row>
    <row r="10054">
      <c r="A10054" s="1">
        <v>4.90466516E8</v>
      </c>
      <c r="B10054" s="3">
        <v>12912.0</v>
      </c>
      <c r="C10054" s="1" t="s">
        <v>5</v>
      </c>
      <c r="D10054" s="1" t="s">
        <v>11</v>
      </c>
      <c r="E10054" s="1" t="s">
        <v>7</v>
      </c>
    </row>
    <row r="10055">
      <c r="A10055" s="1">
        <v>4.90466527E8</v>
      </c>
      <c r="B10055" s="2">
        <v>12957.0</v>
      </c>
      <c r="C10055" s="1" t="s">
        <v>5</v>
      </c>
      <c r="D10055" s="1" t="s">
        <v>8507</v>
      </c>
      <c r="E10055" s="1" t="s">
        <v>7</v>
      </c>
    </row>
    <row r="10056">
      <c r="A10056" s="1">
        <v>4.90466537E8</v>
      </c>
      <c r="B10056" s="2">
        <v>13063.0</v>
      </c>
      <c r="C10056" s="1" t="s">
        <v>5</v>
      </c>
      <c r="D10056" s="1" t="s">
        <v>8508</v>
      </c>
      <c r="E10056" s="1" t="s">
        <v>11</v>
      </c>
    </row>
    <row r="10057">
      <c r="A10057" s="1">
        <v>4.90466559E8</v>
      </c>
      <c r="B10057" s="2">
        <v>13017.0</v>
      </c>
      <c r="C10057" s="1" t="s">
        <v>5</v>
      </c>
      <c r="D10057" s="1" t="s">
        <v>8509</v>
      </c>
      <c r="E10057" s="1" t="s">
        <v>7</v>
      </c>
    </row>
    <row r="10058">
      <c r="A10058" s="1">
        <v>4.90466584E8</v>
      </c>
      <c r="B10058" s="2">
        <v>13026.0</v>
      </c>
      <c r="C10058" s="1" t="s">
        <v>5</v>
      </c>
      <c r="D10058" s="1" t="s">
        <v>8510</v>
      </c>
      <c r="E10058" s="1" t="s">
        <v>8511</v>
      </c>
    </row>
    <row r="10059">
      <c r="A10059" s="1">
        <v>4.90466627E8</v>
      </c>
      <c r="B10059" s="2">
        <v>13063.0</v>
      </c>
      <c r="C10059" s="1" t="s">
        <v>5</v>
      </c>
      <c r="D10059" s="1" t="s">
        <v>11</v>
      </c>
      <c r="E10059" s="1" t="s">
        <v>7</v>
      </c>
    </row>
    <row r="10060">
      <c r="A10060" s="1">
        <v>4.90466721E8</v>
      </c>
      <c r="B10060" s="2">
        <v>13079.0</v>
      </c>
      <c r="C10060" s="1" t="s">
        <v>5</v>
      </c>
      <c r="D10060" s="1" t="s">
        <v>8512</v>
      </c>
      <c r="E10060" s="1" t="s">
        <v>7</v>
      </c>
    </row>
    <row r="10061">
      <c r="A10061" s="1">
        <v>4.90466727E8</v>
      </c>
      <c r="B10061" s="2">
        <v>13030.0</v>
      </c>
      <c r="C10061" s="1" t="s">
        <v>5</v>
      </c>
      <c r="D10061" s="1" t="s">
        <v>8513</v>
      </c>
      <c r="E10061" s="1" t="s">
        <v>11</v>
      </c>
    </row>
    <row r="10062">
      <c r="A10062" s="1">
        <v>4.9046673E8</v>
      </c>
      <c r="B10062" s="2">
        <v>13021.0</v>
      </c>
      <c r="C10062" s="1" t="s">
        <v>5</v>
      </c>
      <c r="D10062" s="1" t="s">
        <v>11</v>
      </c>
      <c r="E10062" s="1" t="s">
        <v>7</v>
      </c>
    </row>
    <row r="10063">
      <c r="A10063" s="1">
        <v>4.9046674E8</v>
      </c>
      <c r="B10063" s="2">
        <v>13028.0</v>
      </c>
      <c r="C10063" s="1" t="s">
        <v>5</v>
      </c>
      <c r="D10063" s="1" t="s">
        <v>8514</v>
      </c>
      <c r="E10063" s="1" t="s">
        <v>11</v>
      </c>
    </row>
    <row r="10064">
      <c r="A10064" s="1">
        <v>4.90466741E8</v>
      </c>
      <c r="B10064" s="2">
        <v>12837.0</v>
      </c>
      <c r="C10064" s="1" t="s">
        <v>5</v>
      </c>
      <c r="D10064" s="1" t="s">
        <v>8515</v>
      </c>
      <c r="E10064" s="1" t="s">
        <v>7</v>
      </c>
    </row>
    <row r="10065">
      <c r="A10065" s="1">
        <v>4.90466759E8</v>
      </c>
      <c r="B10065" s="3">
        <v>12911.0</v>
      </c>
      <c r="C10065" s="1" t="s">
        <v>5</v>
      </c>
      <c r="D10065" s="1" t="s">
        <v>11</v>
      </c>
      <c r="E10065" s="1" t="s">
        <v>7</v>
      </c>
    </row>
    <row r="10066">
      <c r="A10066" s="1">
        <v>4.9046678E8</v>
      </c>
      <c r="B10066" s="2">
        <v>13021.0</v>
      </c>
      <c r="C10066" s="1" t="s">
        <v>5</v>
      </c>
      <c r="D10066" s="1" t="s">
        <v>8516</v>
      </c>
      <c r="E10066" s="1" t="s">
        <v>7</v>
      </c>
    </row>
    <row r="10067">
      <c r="A10067" s="1">
        <v>4.90466785E8</v>
      </c>
      <c r="B10067" s="2">
        <v>13008.0</v>
      </c>
      <c r="C10067" s="1" t="s">
        <v>5</v>
      </c>
      <c r="D10067" s="1" t="s">
        <v>8517</v>
      </c>
      <c r="E10067" s="1" t="s">
        <v>7</v>
      </c>
    </row>
    <row r="10068">
      <c r="A10068" s="1">
        <v>4.90466824E8</v>
      </c>
      <c r="B10068" s="2">
        <v>12962.0</v>
      </c>
      <c r="C10068" s="1" t="s">
        <v>5</v>
      </c>
      <c r="D10068" s="1" t="s">
        <v>8518</v>
      </c>
      <c r="E10068" s="1" t="s">
        <v>11</v>
      </c>
    </row>
    <row r="10069">
      <c r="A10069" s="1">
        <v>4.90466825E8</v>
      </c>
      <c r="B10069" s="2">
        <v>13088.0</v>
      </c>
      <c r="C10069" s="1" t="s">
        <v>5</v>
      </c>
      <c r="D10069" s="1" t="s">
        <v>8519</v>
      </c>
      <c r="E10069" s="1" t="s">
        <v>11</v>
      </c>
    </row>
    <row r="10070">
      <c r="A10070" s="1">
        <v>4.90466829E8</v>
      </c>
      <c r="B10070" s="2">
        <v>13029.0</v>
      </c>
      <c r="C10070" s="1" t="s">
        <v>5</v>
      </c>
      <c r="D10070" s="1" t="s">
        <v>8520</v>
      </c>
      <c r="E10070" s="1" t="s">
        <v>7</v>
      </c>
    </row>
    <row r="10071">
      <c r="A10071" s="1">
        <v>4.90466847E8</v>
      </c>
      <c r="B10071" s="2">
        <v>13088.0</v>
      </c>
      <c r="C10071" s="1" t="s">
        <v>5</v>
      </c>
      <c r="D10071" s="1" t="s">
        <v>8521</v>
      </c>
      <c r="E10071" s="1" t="s">
        <v>7</v>
      </c>
    </row>
    <row r="10072">
      <c r="A10072" s="1">
        <v>4.90466872E8</v>
      </c>
      <c r="B10072" s="2">
        <v>13041.0</v>
      </c>
      <c r="C10072" s="1" t="s">
        <v>5</v>
      </c>
      <c r="D10072" s="1" t="s">
        <v>8522</v>
      </c>
      <c r="E10072" s="1" t="s">
        <v>7</v>
      </c>
    </row>
    <row r="10073">
      <c r="A10073" s="1">
        <v>4.90466876E8</v>
      </c>
      <c r="B10073" s="2">
        <v>12836.0</v>
      </c>
      <c r="C10073" s="1" t="s">
        <v>5</v>
      </c>
      <c r="D10073" s="1" t="s">
        <v>8523</v>
      </c>
      <c r="E10073" s="1" t="s">
        <v>7</v>
      </c>
    </row>
    <row r="10074">
      <c r="A10074" s="1">
        <v>4.9046688E8</v>
      </c>
      <c r="B10074" s="2">
        <v>13088.0</v>
      </c>
      <c r="C10074" s="1" t="s">
        <v>5</v>
      </c>
      <c r="D10074" s="1" t="s">
        <v>11</v>
      </c>
      <c r="E10074" s="1" t="s">
        <v>7</v>
      </c>
    </row>
    <row r="10075">
      <c r="A10075" s="1">
        <v>4.90466898E8</v>
      </c>
      <c r="B10075" s="3">
        <v>12908.0</v>
      </c>
      <c r="C10075" s="1" t="s">
        <v>5</v>
      </c>
      <c r="D10075" s="1" t="s">
        <v>8524</v>
      </c>
      <c r="E10075" s="1" t="s">
        <v>8525</v>
      </c>
    </row>
    <row r="10076">
      <c r="A10076" s="1">
        <v>4.90466905E8</v>
      </c>
      <c r="B10076" s="2">
        <v>13040.0</v>
      </c>
      <c r="C10076" s="1" t="s">
        <v>5</v>
      </c>
      <c r="D10076" s="1" t="s">
        <v>8526</v>
      </c>
      <c r="E10076" s="1" t="s">
        <v>8527</v>
      </c>
    </row>
    <row r="10077">
      <c r="A10077" s="1">
        <v>4.90466907E8</v>
      </c>
      <c r="B10077" s="3">
        <v>12910.0</v>
      </c>
      <c r="C10077" s="1" t="s">
        <v>5</v>
      </c>
      <c r="D10077" s="1" t="s">
        <v>8528</v>
      </c>
      <c r="E10077" s="1" t="s">
        <v>7</v>
      </c>
    </row>
    <row r="10078">
      <c r="A10078" s="1">
        <v>4.90466929E8</v>
      </c>
      <c r="B10078" s="2">
        <v>13062.0</v>
      </c>
      <c r="C10078" s="1" t="s">
        <v>5</v>
      </c>
      <c r="D10078" s="1" t="s">
        <v>8529</v>
      </c>
      <c r="E10078" s="1" t="s">
        <v>11</v>
      </c>
    </row>
    <row r="10079">
      <c r="A10079" s="1">
        <v>4.9046693E8</v>
      </c>
      <c r="B10079" s="2">
        <v>13040.0</v>
      </c>
      <c r="C10079" s="1" t="s">
        <v>5</v>
      </c>
      <c r="D10079" s="1" t="s">
        <v>8530</v>
      </c>
      <c r="E10079" s="1" t="s">
        <v>11</v>
      </c>
    </row>
    <row r="10080">
      <c r="A10080" s="1">
        <v>4.90466975E8</v>
      </c>
      <c r="B10080" s="2">
        <v>12966.0</v>
      </c>
      <c r="C10080" s="1" t="s">
        <v>5</v>
      </c>
      <c r="D10080" s="1" t="s">
        <v>8531</v>
      </c>
      <c r="E10080" s="1" t="s">
        <v>7</v>
      </c>
    </row>
    <row r="10081">
      <c r="A10081" s="1">
        <v>4.90466985E8</v>
      </c>
      <c r="B10081" s="2">
        <v>13034.0</v>
      </c>
      <c r="C10081" s="1" t="s">
        <v>5</v>
      </c>
      <c r="D10081" s="1" t="s">
        <v>8532</v>
      </c>
      <c r="E10081" s="1" t="s">
        <v>11</v>
      </c>
    </row>
    <row r="10082">
      <c r="A10082" s="1">
        <v>4.90466989E8</v>
      </c>
      <c r="B10082" s="3">
        <v>12916.0</v>
      </c>
      <c r="C10082" s="1" t="s">
        <v>5</v>
      </c>
      <c r="D10082" s="1" t="s">
        <v>8533</v>
      </c>
      <c r="E10082" s="1" t="s">
        <v>7</v>
      </c>
    </row>
    <row r="10083">
      <c r="A10083" s="1">
        <v>4.90467007E8</v>
      </c>
      <c r="B10083" s="2">
        <v>12966.0</v>
      </c>
      <c r="C10083" s="1" t="s">
        <v>5</v>
      </c>
      <c r="D10083" s="1" t="s">
        <v>8534</v>
      </c>
      <c r="E10083" s="1" t="s">
        <v>11</v>
      </c>
    </row>
    <row r="10084">
      <c r="A10084" s="1">
        <v>4.90467009E8</v>
      </c>
      <c r="B10084" s="2">
        <v>13088.0</v>
      </c>
      <c r="C10084" s="1" t="s">
        <v>5</v>
      </c>
      <c r="D10084" s="1" t="s">
        <v>8535</v>
      </c>
      <c r="E10084" s="1" t="s">
        <v>7</v>
      </c>
    </row>
    <row r="10085">
      <c r="A10085" s="1">
        <v>4.90467011E8</v>
      </c>
      <c r="B10085" s="3">
        <v>12908.0</v>
      </c>
      <c r="C10085" s="1" t="s">
        <v>5</v>
      </c>
      <c r="D10085" s="1" t="s">
        <v>8536</v>
      </c>
      <c r="E10085" s="1" t="s">
        <v>11</v>
      </c>
    </row>
    <row r="10086">
      <c r="A10086" s="1">
        <v>4.90467051E8</v>
      </c>
      <c r="B10086" s="2">
        <v>13024.0</v>
      </c>
      <c r="C10086" s="1" t="s">
        <v>5</v>
      </c>
      <c r="D10086" s="1" t="s">
        <v>8537</v>
      </c>
      <c r="E10086" s="1" t="s">
        <v>7</v>
      </c>
    </row>
    <row r="10087">
      <c r="A10087" s="1">
        <v>4.90467063E8</v>
      </c>
      <c r="B10087" s="2">
        <v>13010.0</v>
      </c>
      <c r="C10087" s="1" t="s">
        <v>5</v>
      </c>
      <c r="D10087" s="1" t="s">
        <v>8538</v>
      </c>
      <c r="E10087" s="1" t="s">
        <v>7</v>
      </c>
    </row>
    <row r="10088">
      <c r="A10088" s="1">
        <v>4.90467066E8</v>
      </c>
      <c r="B10088" s="2">
        <v>13088.0</v>
      </c>
      <c r="C10088" s="1" t="s">
        <v>5</v>
      </c>
      <c r="D10088" s="1" t="s">
        <v>8539</v>
      </c>
      <c r="E10088" s="1" t="s">
        <v>7</v>
      </c>
    </row>
    <row r="10089">
      <c r="A10089" s="1">
        <v>4.90467083E8</v>
      </c>
      <c r="B10089" s="2">
        <v>12966.0</v>
      </c>
      <c r="C10089" s="1" t="s">
        <v>5</v>
      </c>
      <c r="D10089" s="1" t="s">
        <v>5243</v>
      </c>
      <c r="E10089" s="1" t="s">
        <v>7</v>
      </c>
    </row>
    <row r="10090">
      <c r="A10090" s="1">
        <v>4.90467101E8</v>
      </c>
      <c r="B10090" s="2">
        <v>13011.0</v>
      </c>
      <c r="C10090" s="1" t="s">
        <v>5</v>
      </c>
      <c r="D10090" s="1" t="s">
        <v>8540</v>
      </c>
      <c r="E10090" s="1" t="s">
        <v>7</v>
      </c>
    </row>
    <row r="10091">
      <c r="A10091" s="1">
        <v>4.90467109E8</v>
      </c>
      <c r="B10091" s="2">
        <v>13088.0</v>
      </c>
      <c r="C10091" s="1" t="s">
        <v>5</v>
      </c>
      <c r="D10091" s="1" t="s">
        <v>8541</v>
      </c>
      <c r="E10091" s="1" t="s">
        <v>7</v>
      </c>
    </row>
    <row r="10092">
      <c r="A10092" s="1">
        <v>4.90467116E8</v>
      </c>
      <c r="B10092" s="2">
        <v>13062.0</v>
      </c>
      <c r="C10092" s="1" t="s">
        <v>5</v>
      </c>
      <c r="D10092" s="1" t="s">
        <v>8542</v>
      </c>
      <c r="E10092" s="1" t="s">
        <v>11</v>
      </c>
    </row>
    <row r="10093">
      <c r="A10093" s="1">
        <v>4.9046715E8</v>
      </c>
      <c r="B10093" s="2">
        <v>13028.0</v>
      </c>
      <c r="C10093" s="1" t="s">
        <v>5</v>
      </c>
      <c r="D10093" s="1" t="s">
        <v>8543</v>
      </c>
      <c r="E10093" s="1" t="s">
        <v>7</v>
      </c>
    </row>
    <row r="10094">
      <c r="A10094" s="1">
        <v>4.90467156E8</v>
      </c>
      <c r="B10094" s="2">
        <v>13007.0</v>
      </c>
      <c r="C10094" s="1" t="s">
        <v>5</v>
      </c>
      <c r="D10094" s="1" t="s">
        <v>8544</v>
      </c>
      <c r="E10094" s="1" t="s">
        <v>7</v>
      </c>
    </row>
    <row r="10095">
      <c r="A10095" s="1">
        <v>4.90467164E8</v>
      </c>
      <c r="B10095" s="2">
        <v>13033.0</v>
      </c>
      <c r="C10095" s="1" t="s">
        <v>5</v>
      </c>
      <c r="D10095" s="1" t="s">
        <v>8545</v>
      </c>
      <c r="E10095" s="1" t="s">
        <v>8546</v>
      </c>
    </row>
    <row r="10096">
      <c r="A10096" s="1">
        <v>4.90467184E8</v>
      </c>
      <c r="B10096" s="3">
        <v>12909.0</v>
      </c>
      <c r="C10096" s="1" t="s">
        <v>5</v>
      </c>
      <c r="D10096" s="1" t="s">
        <v>8547</v>
      </c>
      <c r="E10096" s="1" t="s">
        <v>7</v>
      </c>
    </row>
    <row r="10097">
      <c r="A10097" s="1">
        <v>4.90467196E8</v>
      </c>
      <c r="B10097" s="2">
        <v>13087.0</v>
      </c>
      <c r="C10097" s="1" t="s">
        <v>5</v>
      </c>
      <c r="D10097" s="1" t="s">
        <v>8548</v>
      </c>
      <c r="E10097" s="1" t="s">
        <v>7</v>
      </c>
    </row>
    <row r="10098">
      <c r="A10098" s="1">
        <v>4.90467204E8</v>
      </c>
      <c r="B10098" s="2">
        <v>13063.0</v>
      </c>
      <c r="C10098" s="1" t="s">
        <v>5</v>
      </c>
      <c r="D10098" s="1" t="s">
        <v>11</v>
      </c>
      <c r="E10098" s="1" t="s">
        <v>7</v>
      </c>
    </row>
    <row r="10099">
      <c r="A10099" s="1">
        <v>4.90467212E8</v>
      </c>
      <c r="B10099" s="2">
        <v>13007.0</v>
      </c>
      <c r="C10099" s="1" t="s">
        <v>5</v>
      </c>
      <c r="D10099" s="1" t="s">
        <v>11</v>
      </c>
      <c r="E10099" s="1" t="s">
        <v>7</v>
      </c>
    </row>
    <row r="10100">
      <c r="A10100" s="1">
        <v>4.90467213E8</v>
      </c>
      <c r="B10100" s="2">
        <v>13006.0</v>
      </c>
      <c r="C10100" s="1" t="s">
        <v>5</v>
      </c>
      <c r="D10100" s="1" t="s">
        <v>8549</v>
      </c>
      <c r="E10100" s="1" t="s">
        <v>7</v>
      </c>
    </row>
    <row r="10101">
      <c r="A10101" s="1">
        <v>4.90467223E8</v>
      </c>
      <c r="B10101" s="3">
        <v>12908.0</v>
      </c>
      <c r="C10101" s="1" t="s">
        <v>5</v>
      </c>
      <c r="D10101" s="1" t="s">
        <v>8550</v>
      </c>
      <c r="E10101" s="1" t="s">
        <v>8551</v>
      </c>
    </row>
    <row r="10102">
      <c r="A10102" s="1">
        <v>4.9046723E8</v>
      </c>
      <c r="B10102" s="2">
        <v>13035.0</v>
      </c>
      <c r="C10102" s="1" t="s">
        <v>5</v>
      </c>
      <c r="D10102" s="1" t="s">
        <v>8552</v>
      </c>
      <c r="E10102" s="1" t="s">
        <v>7</v>
      </c>
    </row>
    <row r="10103">
      <c r="A10103" s="1">
        <v>4.9046724E8</v>
      </c>
      <c r="B10103" s="2">
        <v>12958.0</v>
      </c>
      <c r="C10103" s="1" t="s">
        <v>5</v>
      </c>
      <c r="D10103" s="1" t="s">
        <v>8553</v>
      </c>
      <c r="E10103" s="1" t="s">
        <v>7</v>
      </c>
    </row>
    <row r="10104">
      <c r="A10104" s="1">
        <v>4.90467243E8</v>
      </c>
      <c r="B10104" s="2">
        <v>13020.0</v>
      </c>
      <c r="C10104" s="1" t="s">
        <v>5</v>
      </c>
      <c r="D10104" s="1" t="s">
        <v>8554</v>
      </c>
      <c r="E10104" s="1" t="s">
        <v>7</v>
      </c>
    </row>
    <row r="10105">
      <c r="A10105" s="1">
        <v>4.90467261E8</v>
      </c>
      <c r="B10105" s="2">
        <v>13028.0</v>
      </c>
      <c r="C10105" s="1" t="s">
        <v>5</v>
      </c>
      <c r="D10105" s="1" t="s">
        <v>8555</v>
      </c>
      <c r="E10105" s="1" t="s">
        <v>7</v>
      </c>
    </row>
    <row r="10106">
      <c r="A10106" s="1">
        <v>4.90467276E8</v>
      </c>
      <c r="B10106" s="2">
        <v>13062.0</v>
      </c>
      <c r="C10106" s="1" t="s">
        <v>5</v>
      </c>
      <c r="D10106" s="1" t="s">
        <v>8556</v>
      </c>
      <c r="E10106" s="1" t="s">
        <v>7</v>
      </c>
    </row>
    <row r="10107">
      <c r="A10107" s="1">
        <v>4.90467299E8</v>
      </c>
      <c r="B10107" s="2">
        <v>13079.0</v>
      </c>
      <c r="C10107" s="1" t="s">
        <v>5</v>
      </c>
      <c r="D10107" s="1" t="s">
        <v>8557</v>
      </c>
      <c r="E10107" s="1" t="s">
        <v>7</v>
      </c>
    </row>
    <row r="10108">
      <c r="A10108" s="1">
        <v>4.9046733E8</v>
      </c>
      <c r="B10108" s="2">
        <v>13005.0</v>
      </c>
      <c r="C10108" s="1" t="s">
        <v>5</v>
      </c>
      <c r="D10108" s="1" t="s">
        <v>11</v>
      </c>
      <c r="E10108" s="1" t="s">
        <v>7</v>
      </c>
    </row>
    <row r="10109">
      <c r="A10109" s="1">
        <v>4.90467342E8</v>
      </c>
      <c r="B10109" s="2">
        <v>13018.0</v>
      </c>
      <c r="C10109" s="1" t="s">
        <v>5</v>
      </c>
      <c r="D10109" s="1" t="s">
        <v>8558</v>
      </c>
      <c r="E10109" s="1" t="s">
        <v>7</v>
      </c>
    </row>
    <row r="10110">
      <c r="A10110" s="1">
        <v>4.90467357E8</v>
      </c>
      <c r="B10110" s="2">
        <v>12954.0</v>
      </c>
      <c r="C10110" s="1" t="s">
        <v>5</v>
      </c>
      <c r="D10110" s="1" t="s">
        <v>8559</v>
      </c>
      <c r="E10110" s="1" t="s">
        <v>11</v>
      </c>
    </row>
    <row r="10111">
      <c r="A10111" s="1">
        <v>4.90467367E8</v>
      </c>
      <c r="B10111" s="2">
        <v>13019.0</v>
      </c>
      <c r="C10111" s="1" t="s">
        <v>5</v>
      </c>
      <c r="D10111" s="1" t="s">
        <v>8560</v>
      </c>
      <c r="E10111" s="1" t="s">
        <v>7</v>
      </c>
    </row>
    <row r="10112">
      <c r="A10112" s="1">
        <v>4.90467372E8</v>
      </c>
      <c r="B10112" s="2">
        <v>13063.0</v>
      </c>
      <c r="C10112" s="1" t="s">
        <v>5</v>
      </c>
      <c r="D10112" s="1" t="s">
        <v>8561</v>
      </c>
      <c r="E10112" s="1" t="s">
        <v>11</v>
      </c>
    </row>
    <row r="10113">
      <c r="A10113" s="1">
        <v>4.90467374E8</v>
      </c>
      <c r="B10113" s="3">
        <v>12912.0</v>
      </c>
      <c r="C10113" s="1" t="s">
        <v>5</v>
      </c>
      <c r="D10113" s="1" t="s">
        <v>8562</v>
      </c>
      <c r="E10113" s="1" t="s">
        <v>7</v>
      </c>
    </row>
    <row r="10114">
      <c r="A10114" s="1">
        <v>4.90467387E8</v>
      </c>
      <c r="B10114" s="2">
        <v>13022.0</v>
      </c>
      <c r="C10114" s="1" t="s">
        <v>5</v>
      </c>
      <c r="D10114" s="1" t="s">
        <v>8563</v>
      </c>
      <c r="E10114" s="1" t="s">
        <v>11</v>
      </c>
    </row>
    <row r="10115">
      <c r="A10115" s="1">
        <v>4.90467407E8</v>
      </c>
      <c r="B10115" s="3">
        <v>12907.0</v>
      </c>
      <c r="C10115" s="1" t="s">
        <v>5</v>
      </c>
      <c r="D10115" s="1" t="s">
        <v>8564</v>
      </c>
      <c r="E10115" s="1" t="s">
        <v>7</v>
      </c>
    </row>
    <row r="10116">
      <c r="A10116" s="1">
        <v>4.90467413E8</v>
      </c>
      <c r="B10116" s="2">
        <v>13015.0</v>
      </c>
      <c r="C10116" s="1" t="s">
        <v>5</v>
      </c>
      <c r="D10116" s="1" t="s">
        <v>8565</v>
      </c>
      <c r="E10116" s="1" t="s">
        <v>11</v>
      </c>
    </row>
    <row r="10117">
      <c r="A10117" s="1">
        <v>4.90467414E8</v>
      </c>
      <c r="B10117" s="2">
        <v>13079.0</v>
      </c>
      <c r="C10117" s="1" t="s">
        <v>5</v>
      </c>
      <c r="D10117" s="1" t="s">
        <v>8566</v>
      </c>
      <c r="E10117" s="1" t="s">
        <v>7</v>
      </c>
    </row>
    <row r="10118">
      <c r="A10118" s="1">
        <v>4.90467418E8</v>
      </c>
      <c r="B10118" s="2">
        <v>13062.0</v>
      </c>
      <c r="C10118" s="1" t="s">
        <v>5</v>
      </c>
      <c r="D10118" s="1" t="s">
        <v>8567</v>
      </c>
      <c r="E10118" s="1" t="s">
        <v>7</v>
      </c>
    </row>
    <row r="10119">
      <c r="A10119" s="1">
        <v>4.90467522E8</v>
      </c>
      <c r="B10119" s="2">
        <v>13017.0</v>
      </c>
      <c r="C10119" s="1" t="s">
        <v>5</v>
      </c>
      <c r="D10119" s="1" t="s">
        <v>8568</v>
      </c>
      <c r="E10119" s="1" t="s">
        <v>7</v>
      </c>
    </row>
    <row r="10120">
      <c r="A10120" s="1">
        <v>4.90467534E8</v>
      </c>
      <c r="B10120" s="2">
        <v>13018.0</v>
      </c>
      <c r="C10120" s="1" t="s">
        <v>5</v>
      </c>
      <c r="D10120" s="1" t="s">
        <v>8569</v>
      </c>
      <c r="E10120" s="1" t="s">
        <v>7</v>
      </c>
    </row>
    <row r="10121">
      <c r="A10121" s="1">
        <v>4.90467541E8</v>
      </c>
      <c r="B10121" s="2">
        <v>13087.0</v>
      </c>
      <c r="C10121" s="1" t="s">
        <v>5</v>
      </c>
      <c r="D10121" s="1" t="s">
        <v>8570</v>
      </c>
      <c r="E10121" s="1" t="s">
        <v>11</v>
      </c>
    </row>
    <row r="10122">
      <c r="A10122" s="1">
        <v>4.90467572E8</v>
      </c>
      <c r="B10122" s="2">
        <v>13027.0</v>
      </c>
      <c r="C10122" s="1" t="s">
        <v>5</v>
      </c>
      <c r="D10122" s="1" t="s">
        <v>8571</v>
      </c>
      <c r="E10122" s="1" t="s">
        <v>7</v>
      </c>
    </row>
    <row r="10123">
      <c r="A10123" s="1">
        <v>4.90467579E8</v>
      </c>
      <c r="B10123" s="3">
        <v>12906.0</v>
      </c>
      <c r="C10123" s="1" t="s">
        <v>5</v>
      </c>
      <c r="D10123" s="1" t="s">
        <v>11</v>
      </c>
      <c r="E10123" s="1" t="s">
        <v>7</v>
      </c>
    </row>
    <row r="10124">
      <c r="A10124" s="1">
        <v>4.90467581E8</v>
      </c>
      <c r="B10124" s="2">
        <v>13079.0</v>
      </c>
      <c r="C10124" s="1" t="s">
        <v>5</v>
      </c>
      <c r="D10124" s="1" t="s">
        <v>8572</v>
      </c>
      <c r="E10124" s="1" t="s">
        <v>11</v>
      </c>
    </row>
    <row r="10125">
      <c r="A10125" s="1">
        <v>4.90467597E8</v>
      </c>
      <c r="B10125" s="2">
        <v>13018.0</v>
      </c>
      <c r="C10125" s="1" t="s">
        <v>5</v>
      </c>
      <c r="D10125" s="1" t="s">
        <v>11</v>
      </c>
      <c r="E10125" s="1" t="s">
        <v>7</v>
      </c>
    </row>
    <row r="10126">
      <c r="A10126" s="1">
        <v>4.90467615E8</v>
      </c>
      <c r="B10126" s="2">
        <v>13063.0</v>
      </c>
      <c r="C10126" s="1" t="s">
        <v>5</v>
      </c>
      <c r="D10126" s="1" t="s">
        <v>8573</v>
      </c>
      <c r="E10126" s="1" t="s">
        <v>11</v>
      </c>
    </row>
    <row r="10127">
      <c r="A10127" s="1">
        <v>4.90467623E8</v>
      </c>
      <c r="B10127" s="3">
        <v>12907.0</v>
      </c>
      <c r="C10127" s="1" t="s">
        <v>5</v>
      </c>
      <c r="D10127" s="1" t="s">
        <v>8574</v>
      </c>
      <c r="E10127" s="1" t="s">
        <v>7</v>
      </c>
    </row>
    <row r="10128">
      <c r="A10128" s="1">
        <v>4.90467637E8</v>
      </c>
      <c r="B10128" s="3">
        <v>12908.0</v>
      </c>
      <c r="C10128" s="1" t="s">
        <v>5</v>
      </c>
      <c r="D10128" s="1" t="s">
        <v>8575</v>
      </c>
      <c r="E10128" s="1" t="s">
        <v>11</v>
      </c>
    </row>
    <row r="10129">
      <c r="A10129" s="1">
        <v>4.90467683E8</v>
      </c>
      <c r="B10129" s="2">
        <v>13063.0</v>
      </c>
      <c r="C10129" s="1" t="s">
        <v>5</v>
      </c>
      <c r="D10129" s="1" t="s">
        <v>8576</v>
      </c>
      <c r="E10129" s="1" t="s">
        <v>7</v>
      </c>
    </row>
    <row r="10130">
      <c r="A10130" s="1">
        <v>4.90467757E8</v>
      </c>
      <c r="B10130" s="2">
        <v>13087.0</v>
      </c>
      <c r="C10130" s="1" t="s">
        <v>5</v>
      </c>
      <c r="D10130" s="1" t="s">
        <v>8577</v>
      </c>
      <c r="E10130" s="1" t="s">
        <v>7</v>
      </c>
    </row>
    <row r="10131">
      <c r="A10131" s="1">
        <v>4.90467796E8</v>
      </c>
      <c r="B10131" s="3">
        <v>12908.0</v>
      </c>
      <c r="C10131" s="1" t="s">
        <v>5</v>
      </c>
      <c r="D10131" s="1" t="s">
        <v>11</v>
      </c>
      <c r="E10131" s="1" t="s">
        <v>7</v>
      </c>
    </row>
    <row r="10132">
      <c r="A10132" s="1">
        <v>4.90467797E8</v>
      </c>
      <c r="B10132" s="2">
        <v>13084.0</v>
      </c>
      <c r="C10132" s="1" t="s">
        <v>5</v>
      </c>
      <c r="D10132" s="1" t="s">
        <v>8578</v>
      </c>
      <c r="E10132" s="1" t="s">
        <v>7</v>
      </c>
    </row>
    <row r="10133">
      <c r="A10133" s="1">
        <v>4.90467823E8</v>
      </c>
      <c r="B10133" s="2">
        <v>13084.0</v>
      </c>
      <c r="C10133" s="1" t="s">
        <v>5</v>
      </c>
      <c r="D10133" s="1" t="s">
        <v>8579</v>
      </c>
      <c r="E10133" s="1" t="s">
        <v>7</v>
      </c>
    </row>
    <row r="10134">
      <c r="A10134" s="1">
        <v>4.90467825E8</v>
      </c>
      <c r="B10134" s="2">
        <v>13087.0</v>
      </c>
      <c r="C10134" s="1" t="s">
        <v>5</v>
      </c>
      <c r="D10134" s="1" t="s">
        <v>8580</v>
      </c>
      <c r="E10134" s="1" t="s">
        <v>7</v>
      </c>
    </row>
    <row r="10135">
      <c r="A10135" s="1">
        <v>4.90467861E8</v>
      </c>
      <c r="B10135" s="2">
        <v>13087.0</v>
      </c>
      <c r="C10135" s="1" t="s">
        <v>5</v>
      </c>
      <c r="D10135" s="1" t="s">
        <v>8581</v>
      </c>
      <c r="E10135" s="1" t="s">
        <v>11</v>
      </c>
    </row>
    <row r="10136">
      <c r="A10136" s="1">
        <v>4.90467869E8</v>
      </c>
      <c r="B10136" s="2">
        <v>13032.0</v>
      </c>
      <c r="C10136" s="1" t="s">
        <v>5</v>
      </c>
      <c r="D10136" s="1" t="s">
        <v>8582</v>
      </c>
      <c r="E10136" s="1" t="s">
        <v>11</v>
      </c>
    </row>
    <row r="10137">
      <c r="A10137" s="1">
        <v>4.90467884E8</v>
      </c>
      <c r="B10137" s="2">
        <v>13063.0</v>
      </c>
      <c r="C10137" s="1" t="s">
        <v>5</v>
      </c>
      <c r="D10137" s="1" t="s">
        <v>8583</v>
      </c>
      <c r="E10137" s="1" t="s">
        <v>8584</v>
      </c>
    </row>
    <row r="10138">
      <c r="A10138" s="1">
        <v>4.90467922E8</v>
      </c>
      <c r="B10138" s="2">
        <v>13014.0</v>
      </c>
      <c r="C10138" s="1" t="s">
        <v>5</v>
      </c>
      <c r="D10138" s="1" t="s">
        <v>8585</v>
      </c>
      <c r="E10138" s="1" t="s">
        <v>11</v>
      </c>
    </row>
    <row r="10139">
      <c r="A10139" s="1">
        <v>4.90467947E8</v>
      </c>
      <c r="B10139" s="2">
        <v>13086.0</v>
      </c>
      <c r="C10139" s="1" t="s">
        <v>5</v>
      </c>
      <c r="D10139" s="1" t="s">
        <v>8586</v>
      </c>
      <c r="E10139" s="1" t="s">
        <v>11</v>
      </c>
    </row>
    <row r="10140">
      <c r="A10140" s="1">
        <v>4.90467956E8</v>
      </c>
      <c r="B10140" s="2">
        <v>13063.0</v>
      </c>
      <c r="C10140" s="1" t="s">
        <v>5</v>
      </c>
      <c r="D10140" s="1" t="s">
        <v>11</v>
      </c>
      <c r="E10140" s="1" t="s">
        <v>7</v>
      </c>
    </row>
    <row r="10141">
      <c r="A10141" s="1">
        <v>4.90467985E8</v>
      </c>
      <c r="B10141" s="2">
        <v>12954.0</v>
      </c>
      <c r="C10141" s="1" t="s">
        <v>5</v>
      </c>
      <c r="D10141" s="1" t="s">
        <v>8587</v>
      </c>
      <c r="E10141" s="1" t="s">
        <v>11</v>
      </c>
    </row>
    <row r="10142">
      <c r="A10142" s="1">
        <v>4.9046799E8</v>
      </c>
      <c r="B10142" s="2">
        <v>13016.0</v>
      </c>
      <c r="C10142" s="1" t="s">
        <v>5</v>
      </c>
      <c r="D10142" s="1" t="s">
        <v>8588</v>
      </c>
      <c r="E10142" s="1" t="s">
        <v>7</v>
      </c>
    </row>
    <row r="10143">
      <c r="A10143" s="1">
        <v>4.90468015E8</v>
      </c>
      <c r="B10143" s="2">
        <v>13086.0</v>
      </c>
      <c r="C10143" s="1" t="s">
        <v>5</v>
      </c>
      <c r="D10143" s="1" t="s">
        <v>11</v>
      </c>
      <c r="E10143" s="1" t="s">
        <v>7</v>
      </c>
    </row>
    <row r="10144">
      <c r="A10144" s="1">
        <v>4.90468034E8</v>
      </c>
      <c r="B10144" s="2">
        <v>13020.0</v>
      </c>
      <c r="C10144" s="1" t="s">
        <v>5</v>
      </c>
      <c r="D10144" s="1" t="s">
        <v>7</v>
      </c>
      <c r="E10144" s="1" t="s">
        <v>7</v>
      </c>
    </row>
    <row r="10145">
      <c r="A10145" s="1">
        <v>4.90468044E8</v>
      </c>
      <c r="B10145" s="2">
        <v>12956.0</v>
      </c>
      <c r="C10145" s="1" t="s">
        <v>5</v>
      </c>
      <c r="D10145" s="1" t="s">
        <v>8589</v>
      </c>
      <c r="E10145" s="1" t="s">
        <v>7</v>
      </c>
    </row>
    <row r="10146">
      <c r="A10146" s="1">
        <v>4.90468059E8</v>
      </c>
      <c r="B10146" s="2">
        <v>13062.0</v>
      </c>
      <c r="C10146" s="1" t="s">
        <v>5</v>
      </c>
      <c r="D10146" s="1" t="s">
        <v>11</v>
      </c>
      <c r="E10146" s="1" t="s">
        <v>7</v>
      </c>
    </row>
    <row r="10147">
      <c r="A10147" s="1">
        <v>4.90468062E8</v>
      </c>
      <c r="B10147" s="2">
        <v>13034.0</v>
      </c>
      <c r="C10147" s="1" t="s">
        <v>5</v>
      </c>
      <c r="D10147" s="1" t="s">
        <v>8590</v>
      </c>
      <c r="E10147" s="1" t="s">
        <v>7</v>
      </c>
    </row>
    <row r="10148">
      <c r="A10148" s="1">
        <v>4.90468066E8</v>
      </c>
      <c r="B10148" s="2">
        <v>13014.0</v>
      </c>
      <c r="C10148" s="1" t="s">
        <v>5</v>
      </c>
      <c r="D10148" s="1" t="s">
        <v>8591</v>
      </c>
      <c r="E10148" s="1" t="s">
        <v>7</v>
      </c>
    </row>
    <row r="10149">
      <c r="A10149" s="1">
        <v>4.90468077E8</v>
      </c>
      <c r="B10149" s="2">
        <v>12956.0</v>
      </c>
      <c r="C10149" s="1" t="s">
        <v>5</v>
      </c>
      <c r="D10149" s="1" t="s">
        <v>8592</v>
      </c>
      <c r="E10149" s="1" t="s">
        <v>11</v>
      </c>
    </row>
    <row r="10150">
      <c r="A10150" s="1">
        <v>4.90468083E8</v>
      </c>
      <c r="B10150" s="3">
        <v>12907.0</v>
      </c>
      <c r="C10150" s="1" t="s">
        <v>5</v>
      </c>
      <c r="D10150" s="1" t="s">
        <v>11</v>
      </c>
      <c r="E10150" s="1" t="s">
        <v>7</v>
      </c>
    </row>
    <row r="10151">
      <c r="A10151" s="1">
        <v>4.90468084E8</v>
      </c>
      <c r="B10151" s="2">
        <v>13015.0</v>
      </c>
      <c r="C10151" s="1" t="s">
        <v>5</v>
      </c>
      <c r="D10151" s="1" t="s">
        <v>11</v>
      </c>
      <c r="E10151" s="1" t="s">
        <v>7</v>
      </c>
    </row>
    <row r="10152">
      <c r="A10152" s="1">
        <v>4.90468088E8</v>
      </c>
      <c r="B10152" s="2">
        <v>13062.0</v>
      </c>
      <c r="C10152" s="1" t="s">
        <v>5</v>
      </c>
      <c r="D10152" s="1" t="s">
        <v>11</v>
      </c>
      <c r="E10152" s="1" t="s">
        <v>7</v>
      </c>
    </row>
    <row r="10153">
      <c r="A10153" s="1">
        <v>4.90468091E8</v>
      </c>
      <c r="B10153" s="2">
        <v>13015.0</v>
      </c>
      <c r="C10153" s="1" t="s">
        <v>5</v>
      </c>
      <c r="D10153" s="1" t="s">
        <v>11</v>
      </c>
      <c r="E10153" s="1" t="s">
        <v>7</v>
      </c>
    </row>
    <row r="10154">
      <c r="A10154" s="1">
        <v>4.9046812E8</v>
      </c>
      <c r="B10154" s="2">
        <v>13033.0</v>
      </c>
      <c r="C10154" s="1" t="s">
        <v>5</v>
      </c>
      <c r="D10154" s="1" t="s">
        <v>8593</v>
      </c>
      <c r="E10154" s="1" t="s">
        <v>11</v>
      </c>
    </row>
    <row r="10155">
      <c r="A10155" s="1">
        <v>4.90468127E8</v>
      </c>
      <c r="B10155" s="2">
        <v>13000.0</v>
      </c>
      <c r="C10155" s="1" t="s">
        <v>5</v>
      </c>
      <c r="D10155" s="1" t="s">
        <v>8594</v>
      </c>
      <c r="E10155" s="1" t="s">
        <v>7</v>
      </c>
    </row>
    <row r="10156">
      <c r="A10156" s="1">
        <v>4.90468145E8</v>
      </c>
      <c r="B10156" s="2">
        <v>13088.0</v>
      </c>
      <c r="C10156" s="1" t="s">
        <v>5</v>
      </c>
      <c r="D10156" s="1" t="s">
        <v>8595</v>
      </c>
      <c r="E10156" s="1" t="s">
        <v>8596</v>
      </c>
    </row>
    <row r="10157">
      <c r="A10157" s="1">
        <v>4.90468151E8</v>
      </c>
      <c r="B10157" s="2">
        <v>13081.0</v>
      </c>
      <c r="C10157" s="1" t="s">
        <v>5</v>
      </c>
      <c r="D10157" s="1" t="s">
        <v>8597</v>
      </c>
      <c r="E10157" s="1" t="s">
        <v>7</v>
      </c>
    </row>
    <row r="10158">
      <c r="A10158" s="1">
        <v>4.90468156E8</v>
      </c>
      <c r="B10158" s="2">
        <v>12972.0</v>
      </c>
      <c r="C10158" s="1" t="s">
        <v>5</v>
      </c>
      <c r="D10158" s="1" t="s">
        <v>8598</v>
      </c>
      <c r="E10158" s="1" t="s">
        <v>7</v>
      </c>
    </row>
    <row r="10159">
      <c r="A10159" s="1">
        <v>4.90468163E8</v>
      </c>
      <c r="B10159" s="2">
        <v>12999.0</v>
      </c>
      <c r="C10159" s="1" t="s">
        <v>5</v>
      </c>
      <c r="D10159" s="1" t="s">
        <v>8599</v>
      </c>
      <c r="E10159" s="1" t="s">
        <v>8600</v>
      </c>
    </row>
    <row r="10160">
      <c r="A10160" s="1">
        <v>4.90468183E8</v>
      </c>
      <c r="B10160" s="2">
        <v>12972.0</v>
      </c>
      <c r="C10160" s="1" t="s">
        <v>5</v>
      </c>
      <c r="D10160" s="1" t="s">
        <v>8601</v>
      </c>
      <c r="E10160" s="1" t="s">
        <v>7</v>
      </c>
    </row>
    <row r="10161">
      <c r="A10161" s="1">
        <v>4.90468219E8</v>
      </c>
      <c r="B10161" s="2">
        <v>13032.0</v>
      </c>
      <c r="C10161" s="1" t="s">
        <v>5</v>
      </c>
      <c r="D10161" s="1" t="s">
        <v>8602</v>
      </c>
      <c r="E10161" s="1" t="s">
        <v>8603</v>
      </c>
    </row>
    <row r="10162">
      <c r="A10162" s="1">
        <v>4.90468223E8</v>
      </c>
      <c r="B10162" s="2">
        <v>13085.0</v>
      </c>
      <c r="C10162" s="1" t="s">
        <v>5</v>
      </c>
      <c r="D10162" s="1" t="s">
        <v>8604</v>
      </c>
      <c r="E10162" s="1" t="s">
        <v>8605</v>
      </c>
    </row>
    <row r="10163">
      <c r="A10163" s="1">
        <v>4.90468227E8</v>
      </c>
      <c r="B10163" s="2">
        <v>13003.0</v>
      </c>
      <c r="C10163" s="1" t="s">
        <v>5</v>
      </c>
      <c r="D10163" s="1" t="s">
        <v>8606</v>
      </c>
      <c r="E10163" s="1" t="s">
        <v>11</v>
      </c>
    </row>
    <row r="10164">
      <c r="A10164" s="1">
        <v>4.90468251E8</v>
      </c>
      <c r="B10164" s="2">
        <v>13081.0</v>
      </c>
      <c r="C10164" s="1" t="s">
        <v>5</v>
      </c>
      <c r="D10164" s="1" t="s">
        <v>11</v>
      </c>
      <c r="E10164" s="1" t="s">
        <v>7</v>
      </c>
    </row>
    <row r="10165">
      <c r="A10165" s="1">
        <v>4.90468259E8</v>
      </c>
      <c r="B10165" s="2">
        <v>12963.0</v>
      </c>
      <c r="C10165" s="1" t="s">
        <v>5</v>
      </c>
      <c r="D10165" s="1" t="s">
        <v>8607</v>
      </c>
      <c r="E10165" s="1" t="s">
        <v>7</v>
      </c>
    </row>
    <row r="10166">
      <c r="A10166" s="1">
        <v>4.90468271E8</v>
      </c>
      <c r="B10166" s="2">
        <v>13019.0</v>
      </c>
      <c r="C10166" s="1" t="s">
        <v>5</v>
      </c>
      <c r="D10166" s="1" t="s">
        <v>8608</v>
      </c>
      <c r="E10166" s="1" t="s">
        <v>7</v>
      </c>
    </row>
    <row r="10167">
      <c r="A10167" s="1">
        <v>4.90468302E8</v>
      </c>
      <c r="B10167" s="2">
        <v>13085.0</v>
      </c>
      <c r="C10167" s="1" t="s">
        <v>5</v>
      </c>
      <c r="D10167" s="1" t="s">
        <v>11</v>
      </c>
      <c r="E10167" s="1" t="s">
        <v>7</v>
      </c>
    </row>
    <row r="10168">
      <c r="A10168" s="1">
        <v>4.9046832E8</v>
      </c>
      <c r="B10168" s="2">
        <v>13012.0</v>
      </c>
      <c r="C10168" s="1" t="s">
        <v>5</v>
      </c>
      <c r="D10168" s="1" t="s">
        <v>8609</v>
      </c>
      <c r="E10168" s="1" t="s">
        <v>11</v>
      </c>
    </row>
    <row r="10169">
      <c r="A10169" s="1">
        <v>4.90468323E8</v>
      </c>
      <c r="B10169" s="3">
        <v>12906.0</v>
      </c>
      <c r="C10169" s="1" t="s">
        <v>5</v>
      </c>
      <c r="D10169" s="1" t="s">
        <v>8610</v>
      </c>
      <c r="E10169" s="1" t="s">
        <v>7</v>
      </c>
    </row>
    <row r="10170">
      <c r="A10170" s="1">
        <v>4.90468324E8</v>
      </c>
      <c r="B10170" s="2">
        <v>12825.0</v>
      </c>
      <c r="C10170" s="1" t="s">
        <v>5</v>
      </c>
      <c r="D10170" s="1" t="s">
        <v>8611</v>
      </c>
      <c r="E10170" s="1" t="s">
        <v>8612</v>
      </c>
    </row>
    <row r="10171">
      <c r="A10171" s="1">
        <v>4.90468329E8</v>
      </c>
      <c r="B10171" s="2">
        <v>13015.0</v>
      </c>
      <c r="C10171" s="1" t="s">
        <v>5</v>
      </c>
      <c r="D10171" s="1" t="s">
        <v>8613</v>
      </c>
      <c r="E10171" s="1" t="s">
        <v>11</v>
      </c>
    </row>
    <row r="10172">
      <c r="A10172" s="1">
        <v>4.90468355E8</v>
      </c>
      <c r="B10172" s="2">
        <v>13062.0</v>
      </c>
      <c r="C10172" s="1" t="s">
        <v>5</v>
      </c>
      <c r="D10172" s="1" t="s">
        <v>11</v>
      </c>
      <c r="E10172" s="1" t="s">
        <v>7</v>
      </c>
    </row>
    <row r="10173">
      <c r="A10173" s="1">
        <v>4.90468356E8</v>
      </c>
      <c r="B10173" s="2">
        <v>13012.0</v>
      </c>
      <c r="C10173" s="1" t="s">
        <v>5</v>
      </c>
      <c r="D10173" s="1" t="s">
        <v>8614</v>
      </c>
      <c r="E10173" s="1" t="s">
        <v>8615</v>
      </c>
    </row>
    <row r="10174">
      <c r="A10174" s="1">
        <v>4.90468369E8</v>
      </c>
      <c r="B10174" s="2">
        <v>13031.0</v>
      </c>
      <c r="C10174" s="1" t="s">
        <v>5</v>
      </c>
      <c r="D10174" s="1" t="s">
        <v>8616</v>
      </c>
      <c r="E10174" s="1" t="s">
        <v>8617</v>
      </c>
    </row>
    <row r="10175">
      <c r="A10175" s="1">
        <v>4.90468372E8</v>
      </c>
      <c r="B10175" s="2">
        <v>13016.0</v>
      </c>
      <c r="C10175" s="1" t="s">
        <v>5</v>
      </c>
      <c r="D10175" s="1" t="s">
        <v>8618</v>
      </c>
      <c r="E10175" s="1" t="s">
        <v>7</v>
      </c>
    </row>
    <row r="10176">
      <c r="A10176" s="1">
        <v>4.90468378E8</v>
      </c>
      <c r="B10176" s="2">
        <v>13062.0</v>
      </c>
      <c r="C10176" s="1" t="s">
        <v>5</v>
      </c>
      <c r="D10176" s="1" t="s">
        <v>8619</v>
      </c>
      <c r="E10176" s="1" t="s">
        <v>11</v>
      </c>
    </row>
    <row r="10177">
      <c r="A10177" s="1">
        <v>4.9046842E8</v>
      </c>
      <c r="B10177" s="2">
        <v>12943.0</v>
      </c>
      <c r="C10177" s="1" t="s">
        <v>5</v>
      </c>
      <c r="D10177" s="1" t="s">
        <v>8620</v>
      </c>
      <c r="E10177" s="1" t="s">
        <v>7</v>
      </c>
    </row>
    <row r="10178">
      <c r="A10178" s="1">
        <v>4.90468431E8</v>
      </c>
      <c r="B10178" s="2">
        <v>12964.0</v>
      </c>
      <c r="C10178" s="1" t="s">
        <v>5</v>
      </c>
      <c r="D10178" s="1" t="s">
        <v>8621</v>
      </c>
      <c r="E10178" s="1" t="s">
        <v>11</v>
      </c>
    </row>
    <row r="10179">
      <c r="A10179" s="1">
        <v>4.90468447E8</v>
      </c>
      <c r="B10179" s="2">
        <v>13012.0</v>
      </c>
      <c r="C10179" s="1" t="s">
        <v>5</v>
      </c>
      <c r="D10179" s="1" t="s">
        <v>8622</v>
      </c>
      <c r="E10179" s="1" t="s">
        <v>7</v>
      </c>
    </row>
    <row r="10180">
      <c r="A10180" s="1">
        <v>4.90468451E8</v>
      </c>
      <c r="B10180" s="2">
        <v>12962.0</v>
      </c>
      <c r="C10180" s="1" t="s">
        <v>5</v>
      </c>
      <c r="D10180" s="1" t="s">
        <v>8623</v>
      </c>
      <c r="E10180" s="1" t="s">
        <v>7</v>
      </c>
    </row>
    <row r="10181">
      <c r="A10181" s="1">
        <v>4.90468481E8</v>
      </c>
      <c r="B10181" s="2">
        <v>13030.0</v>
      </c>
      <c r="C10181" s="1" t="s">
        <v>5</v>
      </c>
      <c r="D10181" s="1" t="s">
        <v>8624</v>
      </c>
      <c r="E10181" s="1" t="s">
        <v>7</v>
      </c>
    </row>
    <row r="10182">
      <c r="A10182" s="1">
        <v>4.904685E8</v>
      </c>
      <c r="B10182" s="2">
        <v>12954.0</v>
      </c>
      <c r="C10182" s="1" t="s">
        <v>5</v>
      </c>
      <c r="D10182" s="1" t="s">
        <v>8625</v>
      </c>
      <c r="E10182" s="1" t="s">
        <v>7</v>
      </c>
    </row>
    <row r="10183">
      <c r="A10183" s="1">
        <v>4.90468512E8</v>
      </c>
      <c r="B10183" s="2">
        <v>13086.0</v>
      </c>
      <c r="C10183" s="1" t="s">
        <v>5</v>
      </c>
      <c r="D10183" s="1" t="s">
        <v>8626</v>
      </c>
      <c r="E10183" s="1" t="s">
        <v>8627</v>
      </c>
    </row>
    <row r="10184">
      <c r="A10184" s="1">
        <v>4.90468516E8</v>
      </c>
      <c r="B10184" s="2">
        <v>13016.0</v>
      </c>
      <c r="C10184" s="1" t="s">
        <v>5</v>
      </c>
      <c r="D10184" s="1" t="s">
        <v>11</v>
      </c>
      <c r="E10184" s="1" t="s">
        <v>7</v>
      </c>
    </row>
    <row r="10185">
      <c r="A10185" s="1">
        <v>4.90468539E8</v>
      </c>
      <c r="B10185" s="2">
        <v>13011.0</v>
      </c>
      <c r="C10185" s="1" t="s">
        <v>5</v>
      </c>
      <c r="D10185" s="1" t="s">
        <v>8628</v>
      </c>
      <c r="E10185" s="1" t="s">
        <v>11</v>
      </c>
    </row>
    <row r="10186">
      <c r="A10186" s="1">
        <v>4.90468547E8</v>
      </c>
      <c r="B10186" s="2">
        <v>13088.0</v>
      </c>
      <c r="C10186" s="1" t="s">
        <v>5</v>
      </c>
      <c r="D10186" s="1" t="s">
        <v>8629</v>
      </c>
      <c r="E10186" s="1" t="s">
        <v>7</v>
      </c>
    </row>
    <row r="10187">
      <c r="A10187" s="1">
        <v>4.90468572E8</v>
      </c>
      <c r="B10187" s="2">
        <v>13086.0</v>
      </c>
      <c r="C10187" s="1" t="s">
        <v>5</v>
      </c>
      <c r="D10187" s="1" t="s">
        <v>8630</v>
      </c>
      <c r="E10187" s="1" t="s">
        <v>7</v>
      </c>
    </row>
    <row r="10188">
      <c r="A10188" s="1">
        <v>4.904686E8</v>
      </c>
      <c r="B10188" s="2">
        <v>13017.0</v>
      </c>
      <c r="C10188" s="1" t="s">
        <v>5</v>
      </c>
      <c r="D10188" s="1" t="s">
        <v>11</v>
      </c>
      <c r="E10188" s="1" t="s">
        <v>7</v>
      </c>
    </row>
    <row r="10189">
      <c r="A10189" s="1">
        <v>4.90468611E8</v>
      </c>
      <c r="B10189" s="2">
        <v>13014.0</v>
      </c>
      <c r="C10189" s="1" t="s">
        <v>5</v>
      </c>
      <c r="D10189" s="1" t="s">
        <v>8631</v>
      </c>
      <c r="E10189" s="1" t="s">
        <v>11</v>
      </c>
    </row>
    <row r="10190">
      <c r="A10190" s="1">
        <v>4.90468623E8</v>
      </c>
      <c r="B10190" s="2">
        <v>13088.0</v>
      </c>
      <c r="C10190" s="1" t="s">
        <v>5</v>
      </c>
      <c r="D10190" s="1" t="s">
        <v>11</v>
      </c>
      <c r="E10190" s="1" t="s">
        <v>7</v>
      </c>
    </row>
    <row r="10191">
      <c r="A10191" s="1">
        <v>4.90468629E8</v>
      </c>
      <c r="B10191" s="2">
        <v>13085.0</v>
      </c>
      <c r="C10191" s="1" t="s">
        <v>5</v>
      </c>
      <c r="D10191" s="1" t="s">
        <v>11</v>
      </c>
      <c r="E10191" s="1" t="s">
        <v>7</v>
      </c>
    </row>
    <row r="10192">
      <c r="A10192" s="1">
        <v>4.90468668E8</v>
      </c>
      <c r="B10192" s="2">
        <v>13081.0</v>
      </c>
      <c r="C10192" s="1" t="s">
        <v>5</v>
      </c>
      <c r="D10192" s="1" t="s">
        <v>8632</v>
      </c>
      <c r="E10192" s="1" t="s">
        <v>8633</v>
      </c>
    </row>
    <row r="10193">
      <c r="A10193" s="1">
        <v>4.90468684E8</v>
      </c>
      <c r="B10193" s="2">
        <v>13076.0</v>
      </c>
      <c r="C10193" s="1" t="s">
        <v>5</v>
      </c>
      <c r="D10193" s="1" t="s">
        <v>11</v>
      </c>
      <c r="E10193" s="1" t="s">
        <v>7</v>
      </c>
    </row>
    <row r="10194">
      <c r="A10194" s="1">
        <v>4.90468732E8</v>
      </c>
      <c r="B10194" s="2">
        <v>13087.0</v>
      </c>
      <c r="C10194" s="1" t="s">
        <v>5</v>
      </c>
      <c r="D10194" s="1" t="s">
        <v>8634</v>
      </c>
      <c r="E10194" s="1" t="s">
        <v>7</v>
      </c>
    </row>
    <row r="10195">
      <c r="A10195" s="1">
        <v>4.9046875E8</v>
      </c>
      <c r="B10195" s="2">
        <v>13085.0</v>
      </c>
      <c r="C10195" s="1" t="s">
        <v>5</v>
      </c>
      <c r="D10195" s="1" t="s">
        <v>8635</v>
      </c>
      <c r="E10195" s="1" t="s">
        <v>7</v>
      </c>
    </row>
    <row r="10196">
      <c r="A10196" s="1">
        <v>4.90468782E8</v>
      </c>
      <c r="B10196" s="2">
        <v>12961.0</v>
      </c>
      <c r="C10196" s="1" t="s">
        <v>5</v>
      </c>
      <c r="D10196" s="1" t="s">
        <v>8636</v>
      </c>
      <c r="E10196" s="1" t="s">
        <v>7</v>
      </c>
    </row>
    <row r="10197">
      <c r="A10197" s="1">
        <v>4.90468801E8</v>
      </c>
      <c r="B10197" s="2">
        <v>13014.0</v>
      </c>
      <c r="C10197" s="1" t="s">
        <v>5</v>
      </c>
      <c r="D10197" s="1" t="s">
        <v>8637</v>
      </c>
      <c r="E10197" s="1" t="s">
        <v>7</v>
      </c>
    </row>
    <row r="10198">
      <c r="A10198" s="1">
        <v>4.90468807E8</v>
      </c>
      <c r="B10198" s="2">
        <v>13017.0</v>
      </c>
      <c r="C10198" s="1" t="s">
        <v>5</v>
      </c>
      <c r="D10198" s="1" t="s">
        <v>8638</v>
      </c>
      <c r="E10198" s="1" t="s">
        <v>7</v>
      </c>
    </row>
    <row r="10199">
      <c r="A10199" s="1">
        <v>4.90468822E8</v>
      </c>
      <c r="B10199" s="2">
        <v>13075.0</v>
      </c>
      <c r="C10199" s="1" t="s">
        <v>5</v>
      </c>
      <c r="D10199" s="1" t="s">
        <v>8639</v>
      </c>
      <c r="E10199" s="1" t="s">
        <v>7</v>
      </c>
    </row>
    <row r="10200">
      <c r="A10200" s="1">
        <v>4.9046883E8</v>
      </c>
      <c r="B10200" s="2">
        <v>13084.0</v>
      </c>
      <c r="C10200" s="1" t="s">
        <v>5</v>
      </c>
      <c r="D10200" s="1" t="s">
        <v>11</v>
      </c>
      <c r="E10200" s="1" t="s">
        <v>7</v>
      </c>
    </row>
    <row r="10201">
      <c r="A10201" s="1">
        <v>4.90468843E8</v>
      </c>
      <c r="B10201" s="2">
        <v>13077.0</v>
      </c>
      <c r="C10201" s="1" t="s">
        <v>5</v>
      </c>
      <c r="D10201" s="1" t="s">
        <v>11</v>
      </c>
      <c r="E10201" s="1" t="s">
        <v>7</v>
      </c>
    </row>
    <row r="10202">
      <c r="A10202" s="1">
        <v>4.90468865E8</v>
      </c>
      <c r="B10202" s="2">
        <v>13011.0</v>
      </c>
      <c r="C10202" s="1" t="s">
        <v>5</v>
      </c>
      <c r="D10202" s="1" t="s">
        <v>8640</v>
      </c>
      <c r="E10202" s="1" t="s">
        <v>7</v>
      </c>
    </row>
    <row r="10203">
      <c r="A10203" s="1">
        <v>4.90468868E8</v>
      </c>
      <c r="B10203" s="2">
        <v>13013.0</v>
      </c>
      <c r="C10203" s="1" t="s">
        <v>5</v>
      </c>
      <c r="D10203" s="1" t="s">
        <v>8641</v>
      </c>
      <c r="E10203" s="1" t="s">
        <v>8642</v>
      </c>
    </row>
    <row r="10204">
      <c r="A10204" s="1">
        <v>4.9046887E8</v>
      </c>
      <c r="B10204" s="2">
        <v>13077.0</v>
      </c>
      <c r="C10204" s="1" t="s">
        <v>5</v>
      </c>
      <c r="D10204" s="1" t="s">
        <v>8643</v>
      </c>
      <c r="E10204" s="1" t="s">
        <v>11</v>
      </c>
    </row>
    <row r="10205">
      <c r="A10205" s="1">
        <v>4.90468892E8</v>
      </c>
      <c r="B10205" s="2">
        <v>13009.0</v>
      </c>
      <c r="C10205" s="1" t="s">
        <v>5</v>
      </c>
      <c r="D10205" s="1" t="s">
        <v>8644</v>
      </c>
      <c r="E10205" s="1" t="s">
        <v>7</v>
      </c>
    </row>
    <row r="10206">
      <c r="A10206" s="1">
        <v>4.90468921E8</v>
      </c>
      <c r="B10206" s="2">
        <v>12945.0</v>
      </c>
      <c r="C10206" s="1" t="s">
        <v>5</v>
      </c>
      <c r="D10206" s="1" t="s">
        <v>8645</v>
      </c>
      <c r="E10206" s="1" t="s">
        <v>7</v>
      </c>
    </row>
    <row r="10207">
      <c r="A10207" s="1">
        <v>4.90468936E8</v>
      </c>
      <c r="B10207" s="2">
        <v>13028.0</v>
      </c>
      <c r="C10207" s="1" t="s">
        <v>5</v>
      </c>
      <c r="D10207" s="1" t="s">
        <v>8646</v>
      </c>
      <c r="E10207" s="1" t="s">
        <v>7</v>
      </c>
    </row>
    <row r="10208">
      <c r="A10208" s="1">
        <v>4.90468942E8</v>
      </c>
      <c r="B10208" s="2">
        <v>13001.0</v>
      </c>
      <c r="C10208" s="1" t="s">
        <v>5</v>
      </c>
      <c r="D10208" s="1" t="s">
        <v>8647</v>
      </c>
      <c r="E10208" s="1" t="s">
        <v>11</v>
      </c>
    </row>
    <row r="10209">
      <c r="A10209" s="1">
        <v>4.90468947E8</v>
      </c>
      <c r="B10209" s="2">
        <v>13016.0</v>
      </c>
      <c r="C10209" s="1" t="s">
        <v>5</v>
      </c>
      <c r="D10209" s="1" t="s">
        <v>8648</v>
      </c>
      <c r="E10209" s="1" t="s">
        <v>7</v>
      </c>
    </row>
    <row r="10210">
      <c r="A10210" s="1">
        <v>4.90468967E8</v>
      </c>
      <c r="B10210" s="2">
        <v>13084.0</v>
      </c>
      <c r="C10210" s="1" t="s">
        <v>5</v>
      </c>
      <c r="D10210" s="1" t="s">
        <v>8649</v>
      </c>
      <c r="E10210" s="1" t="s">
        <v>11</v>
      </c>
    </row>
    <row r="10211">
      <c r="A10211" s="1">
        <v>4.90469044E8</v>
      </c>
      <c r="B10211" s="2">
        <v>13013.0</v>
      </c>
      <c r="C10211" s="1" t="s">
        <v>5</v>
      </c>
      <c r="D10211" s="1" t="s">
        <v>11</v>
      </c>
      <c r="E10211" s="1" t="s">
        <v>7</v>
      </c>
    </row>
    <row r="10212">
      <c r="A10212" s="1">
        <v>4.90469062E8</v>
      </c>
      <c r="B10212" s="2">
        <v>13086.0</v>
      </c>
      <c r="C10212" s="1" t="s">
        <v>5</v>
      </c>
      <c r="D10212" s="1" t="s">
        <v>8650</v>
      </c>
      <c r="E10212" s="1" t="s">
        <v>7</v>
      </c>
    </row>
    <row r="10213">
      <c r="A10213" s="1">
        <v>4.9046908E8</v>
      </c>
      <c r="B10213" s="2">
        <v>12999.0</v>
      </c>
      <c r="C10213" s="1" t="s">
        <v>5</v>
      </c>
      <c r="D10213" s="1" t="s">
        <v>8651</v>
      </c>
      <c r="E10213" s="1" t="s">
        <v>7</v>
      </c>
    </row>
    <row r="10214">
      <c r="A10214" s="1">
        <v>4.90469081E8</v>
      </c>
      <c r="B10214" s="2">
        <v>13008.0</v>
      </c>
      <c r="C10214" s="1" t="s">
        <v>5</v>
      </c>
      <c r="D10214" s="1" t="s">
        <v>11</v>
      </c>
      <c r="E10214" s="1" t="s">
        <v>7</v>
      </c>
    </row>
    <row r="10215">
      <c r="A10215" s="1">
        <v>4.90469099E8</v>
      </c>
      <c r="B10215" s="2">
        <v>13077.0</v>
      </c>
      <c r="C10215" s="1" t="s">
        <v>5</v>
      </c>
      <c r="D10215" s="1" t="s">
        <v>8652</v>
      </c>
      <c r="E10215" s="1" t="s">
        <v>7</v>
      </c>
    </row>
    <row r="10216">
      <c r="A10216" s="1">
        <v>4.90469104E8</v>
      </c>
      <c r="B10216" s="2">
        <v>13016.0</v>
      </c>
      <c r="C10216" s="1" t="s">
        <v>5</v>
      </c>
      <c r="D10216" s="1" t="s">
        <v>8653</v>
      </c>
      <c r="E10216" s="1" t="s">
        <v>7</v>
      </c>
    </row>
    <row r="10217">
      <c r="A10217" s="1">
        <v>4.90469123E8</v>
      </c>
      <c r="B10217" s="2">
        <v>13014.0</v>
      </c>
      <c r="C10217" s="1" t="s">
        <v>5</v>
      </c>
      <c r="D10217" s="1" t="s">
        <v>8654</v>
      </c>
      <c r="E10217" s="1" t="s">
        <v>11</v>
      </c>
    </row>
    <row r="10218">
      <c r="A10218" s="1">
        <v>4.9046913E8</v>
      </c>
      <c r="B10218" s="2">
        <v>12958.0</v>
      </c>
      <c r="C10218" s="1" t="s">
        <v>5</v>
      </c>
      <c r="D10218" s="1" t="s">
        <v>8655</v>
      </c>
      <c r="E10218" s="1" t="s">
        <v>7</v>
      </c>
    </row>
    <row r="10219">
      <c r="A10219" s="1">
        <v>4.90469139E8</v>
      </c>
      <c r="B10219" s="2">
        <v>13012.0</v>
      </c>
      <c r="C10219" s="1" t="s">
        <v>5</v>
      </c>
      <c r="D10219" s="1" t="s">
        <v>8656</v>
      </c>
      <c r="E10219" s="1" t="s">
        <v>8657</v>
      </c>
    </row>
    <row r="10220">
      <c r="A10220" s="1">
        <v>4.90469148E8</v>
      </c>
      <c r="B10220" s="2">
        <v>13077.0</v>
      </c>
      <c r="C10220" s="1" t="s">
        <v>5</v>
      </c>
      <c r="D10220" s="1" t="s">
        <v>8658</v>
      </c>
      <c r="E10220" s="1" t="s">
        <v>7</v>
      </c>
    </row>
    <row r="10221">
      <c r="A10221" s="1">
        <v>4.90469161E8</v>
      </c>
      <c r="B10221" s="2">
        <v>13014.0</v>
      </c>
      <c r="C10221" s="1" t="s">
        <v>5</v>
      </c>
      <c r="D10221" s="1" t="s">
        <v>8659</v>
      </c>
      <c r="E10221" s="1" t="s">
        <v>11</v>
      </c>
    </row>
    <row r="10222">
      <c r="A10222" s="1">
        <v>4.90469196E8</v>
      </c>
      <c r="B10222" s="2">
        <v>13085.0</v>
      </c>
      <c r="C10222" s="1" t="s">
        <v>5</v>
      </c>
      <c r="D10222" s="1" t="s">
        <v>8660</v>
      </c>
      <c r="E10222" s="1" t="s">
        <v>11</v>
      </c>
    </row>
    <row r="10223">
      <c r="A10223" s="1">
        <v>4.90469199E8</v>
      </c>
      <c r="B10223" s="2">
        <v>13077.0</v>
      </c>
      <c r="C10223" s="1" t="s">
        <v>5</v>
      </c>
      <c r="D10223" s="1" t="s">
        <v>8661</v>
      </c>
      <c r="E10223" s="1" t="s">
        <v>11</v>
      </c>
    </row>
    <row r="10224">
      <c r="A10224" s="1">
        <v>4.90469244E8</v>
      </c>
      <c r="B10224" s="2">
        <v>13077.0</v>
      </c>
      <c r="C10224" s="1" t="s">
        <v>5</v>
      </c>
      <c r="D10224" s="1" t="s">
        <v>8662</v>
      </c>
      <c r="E10224" s="1" t="s">
        <v>11</v>
      </c>
    </row>
    <row r="10225">
      <c r="A10225" s="1">
        <v>4.90469259E8</v>
      </c>
      <c r="B10225" s="2">
        <v>13025.0</v>
      </c>
      <c r="C10225" s="1" t="s">
        <v>5</v>
      </c>
      <c r="D10225" s="1" t="s">
        <v>8663</v>
      </c>
      <c r="E10225" s="1" t="s">
        <v>7</v>
      </c>
    </row>
    <row r="10226">
      <c r="A10226" s="1">
        <v>4.90469261E8</v>
      </c>
      <c r="B10226" s="2">
        <v>13000.0</v>
      </c>
      <c r="C10226" s="1" t="s">
        <v>5</v>
      </c>
      <c r="D10226" s="1" t="s">
        <v>8664</v>
      </c>
      <c r="E10226" s="1" t="s">
        <v>7</v>
      </c>
    </row>
    <row r="10227">
      <c r="A10227" s="1">
        <v>4.90469279E8</v>
      </c>
      <c r="B10227" s="2">
        <v>13012.0</v>
      </c>
      <c r="C10227" s="1" t="s">
        <v>5</v>
      </c>
      <c r="D10227" s="1" t="s">
        <v>8665</v>
      </c>
      <c r="E10227" s="1" t="s">
        <v>11</v>
      </c>
    </row>
    <row r="10228">
      <c r="A10228" s="1">
        <v>4.90469305E8</v>
      </c>
      <c r="B10228" s="2">
        <v>13007.0</v>
      </c>
      <c r="C10228" s="1" t="s">
        <v>5</v>
      </c>
      <c r="D10228" s="1" t="s">
        <v>8666</v>
      </c>
      <c r="E10228" s="1" t="s">
        <v>7</v>
      </c>
    </row>
    <row r="10229">
      <c r="A10229" s="1">
        <v>4.90469381E8</v>
      </c>
      <c r="B10229" s="2">
        <v>13084.0</v>
      </c>
      <c r="C10229" s="1" t="s">
        <v>5</v>
      </c>
      <c r="D10229" s="1" t="s">
        <v>8667</v>
      </c>
      <c r="E10229" s="1" t="s">
        <v>7</v>
      </c>
    </row>
    <row r="10230">
      <c r="A10230" s="1">
        <v>4.90469401E8</v>
      </c>
      <c r="B10230" s="2">
        <v>13055.0</v>
      </c>
      <c r="C10230" s="1" t="s">
        <v>5</v>
      </c>
      <c r="D10230" s="1" t="s">
        <v>8668</v>
      </c>
      <c r="E10230" s="1" t="s">
        <v>8669</v>
      </c>
    </row>
    <row r="10231">
      <c r="A10231" s="1">
        <v>4.90469404E8</v>
      </c>
      <c r="B10231" s="2">
        <v>12964.0</v>
      </c>
      <c r="C10231" s="1" t="s">
        <v>5</v>
      </c>
      <c r="D10231" s="1" t="s">
        <v>8670</v>
      </c>
      <c r="E10231" s="1" t="s">
        <v>7</v>
      </c>
    </row>
    <row r="10232">
      <c r="A10232" s="1">
        <v>4.90469424E8</v>
      </c>
      <c r="B10232" s="2">
        <v>13083.0</v>
      </c>
      <c r="C10232" s="1" t="s">
        <v>5</v>
      </c>
      <c r="D10232" s="1" t="s">
        <v>8671</v>
      </c>
      <c r="E10232" s="1" t="s">
        <v>8672</v>
      </c>
    </row>
    <row r="10233">
      <c r="A10233" s="1">
        <v>4.90469429E8</v>
      </c>
      <c r="B10233" s="2">
        <v>13023.0</v>
      </c>
      <c r="C10233" s="1" t="s">
        <v>5</v>
      </c>
      <c r="D10233" s="1" t="s">
        <v>11</v>
      </c>
      <c r="E10233" s="1" t="s">
        <v>7</v>
      </c>
    </row>
    <row r="10234">
      <c r="A10234" s="1">
        <v>4.90469447E8</v>
      </c>
      <c r="B10234" s="2">
        <v>13014.0</v>
      </c>
      <c r="C10234" s="1" t="s">
        <v>5</v>
      </c>
      <c r="D10234" s="1" t="s">
        <v>8673</v>
      </c>
      <c r="E10234" s="1" t="s">
        <v>7</v>
      </c>
    </row>
    <row r="10235">
      <c r="A10235" s="1">
        <v>4.90469455E8</v>
      </c>
      <c r="B10235" s="2">
        <v>13074.0</v>
      </c>
      <c r="C10235" s="1" t="s">
        <v>5</v>
      </c>
      <c r="D10235" s="1" t="s">
        <v>8674</v>
      </c>
      <c r="E10235" s="1" t="s">
        <v>7</v>
      </c>
    </row>
    <row r="10236">
      <c r="A10236" s="1">
        <v>4.90469467E8</v>
      </c>
      <c r="B10236" s="2">
        <v>12997.0</v>
      </c>
      <c r="C10236" s="1" t="s">
        <v>5</v>
      </c>
      <c r="D10236" s="1" t="s">
        <v>11</v>
      </c>
      <c r="E10236" s="1" t="s">
        <v>7</v>
      </c>
    </row>
    <row r="10237">
      <c r="A10237" s="1">
        <v>4.90469477E8</v>
      </c>
      <c r="B10237" s="2">
        <v>13055.0</v>
      </c>
      <c r="C10237" s="1" t="s">
        <v>5</v>
      </c>
      <c r="D10237" s="1" t="s">
        <v>8675</v>
      </c>
      <c r="E10237" s="1" t="s">
        <v>11</v>
      </c>
    </row>
    <row r="10238">
      <c r="A10238" s="1">
        <v>4.90469484E8</v>
      </c>
      <c r="B10238" s="2">
        <v>13084.0</v>
      </c>
      <c r="C10238" s="1" t="s">
        <v>5</v>
      </c>
      <c r="D10238" s="1" t="s">
        <v>11</v>
      </c>
      <c r="E10238" s="1" t="s">
        <v>7</v>
      </c>
    </row>
    <row r="10239">
      <c r="A10239" s="1">
        <v>4.90469499E8</v>
      </c>
      <c r="B10239" s="2">
        <v>13088.0</v>
      </c>
      <c r="C10239" s="1" t="s">
        <v>5</v>
      </c>
      <c r="D10239" s="1" t="s">
        <v>8676</v>
      </c>
      <c r="E10239" s="1" t="s">
        <v>11</v>
      </c>
    </row>
    <row r="10240">
      <c r="A10240" s="1">
        <v>4.90469504E8</v>
      </c>
      <c r="B10240" s="2">
        <v>12964.0</v>
      </c>
      <c r="C10240" s="1" t="s">
        <v>5</v>
      </c>
      <c r="D10240" s="1" t="s">
        <v>11</v>
      </c>
      <c r="E10240" s="1" t="s">
        <v>7</v>
      </c>
    </row>
    <row r="10241">
      <c r="A10241" s="1">
        <v>4.90469509E8</v>
      </c>
      <c r="B10241" s="2">
        <v>12997.0</v>
      </c>
      <c r="C10241" s="1" t="s">
        <v>5</v>
      </c>
      <c r="D10241" s="1" t="s">
        <v>8677</v>
      </c>
      <c r="E10241" s="1" t="s">
        <v>7</v>
      </c>
    </row>
    <row r="10242">
      <c r="A10242" s="1">
        <v>4.90469521E8</v>
      </c>
      <c r="B10242" s="2">
        <v>12965.0</v>
      </c>
      <c r="C10242" s="1" t="s">
        <v>5</v>
      </c>
      <c r="D10242" s="1" t="s">
        <v>11</v>
      </c>
      <c r="E10242" s="1" t="s">
        <v>7</v>
      </c>
    </row>
    <row r="10243">
      <c r="A10243" s="1">
        <v>4.90469524E8</v>
      </c>
      <c r="B10243" s="2">
        <v>13084.0</v>
      </c>
      <c r="C10243" s="1" t="s">
        <v>5</v>
      </c>
      <c r="D10243" s="1" t="s">
        <v>8678</v>
      </c>
      <c r="E10243" s="1" t="s">
        <v>7</v>
      </c>
    </row>
    <row r="10244">
      <c r="A10244" s="1">
        <v>4.90469535E8</v>
      </c>
      <c r="B10244" s="2">
        <v>13023.0</v>
      </c>
      <c r="C10244" s="1" t="s">
        <v>5</v>
      </c>
      <c r="D10244" s="1" t="s">
        <v>8679</v>
      </c>
      <c r="E10244" s="1" t="s">
        <v>11</v>
      </c>
    </row>
    <row r="10245">
      <c r="A10245" s="1">
        <v>4.90469579E8</v>
      </c>
      <c r="B10245" s="2">
        <v>12955.0</v>
      </c>
      <c r="C10245" s="1" t="s">
        <v>5</v>
      </c>
      <c r="D10245" s="1" t="s">
        <v>8680</v>
      </c>
      <c r="E10245" s="1" t="s">
        <v>7</v>
      </c>
    </row>
    <row r="10246">
      <c r="A10246" s="1">
        <v>4.90469581E8</v>
      </c>
      <c r="B10246" s="2">
        <v>12965.0</v>
      </c>
      <c r="C10246" s="1" t="s">
        <v>5</v>
      </c>
      <c r="D10246" s="1" t="s">
        <v>8681</v>
      </c>
      <c r="E10246" s="1" t="s">
        <v>7</v>
      </c>
    </row>
    <row r="10247">
      <c r="A10247" s="1">
        <v>4.9046959E8</v>
      </c>
      <c r="B10247" s="2">
        <v>13023.0</v>
      </c>
      <c r="C10247" s="1" t="s">
        <v>5</v>
      </c>
      <c r="D10247" s="1" t="s">
        <v>11</v>
      </c>
      <c r="E10247" s="1" t="s">
        <v>7</v>
      </c>
    </row>
    <row r="10248">
      <c r="A10248" s="1">
        <v>4.90469628E8</v>
      </c>
      <c r="B10248" s="2">
        <v>13082.0</v>
      </c>
      <c r="C10248" s="1" t="s">
        <v>5</v>
      </c>
      <c r="D10248" s="1" t="s">
        <v>8682</v>
      </c>
      <c r="E10248" s="1" t="s">
        <v>7</v>
      </c>
    </row>
    <row r="10249">
      <c r="A10249" s="1">
        <v>4.90469654E8</v>
      </c>
      <c r="B10249" s="2">
        <v>13073.0</v>
      </c>
      <c r="C10249" s="1" t="s">
        <v>5</v>
      </c>
      <c r="D10249" s="1" t="s">
        <v>11</v>
      </c>
      <c r="E10249" s="1" t="s">
        <v>7</v>
      </c>
    </row>
    <row r="10250">
      <c r="A10250" s="1">
        <v>4.90469687E8</v>
      </c>
      <c r="B10250" s="2">
        <v>13084.0</v>
      </c>
      <c r="C10250" s="1" t="s">
        <v>5</v>
      </c>
      <c r="D10250" s="1" t="s">
        <v>8683</v>
      </c>
      <c r="E10250" s="1" t="s">
        <v>7</v>
      </c>
    </row>
    <row r="10251">
      <c r="A10251" s="1">
        <v>4.90469693E8</v>
      </c>
      <c r="B10251" s="2">
        <v>12956.0</v>
      </c>
      <c r="C10251" s="1" t="s">
        <v>5</v>
      </c>
      <c r="D10251" s="1" t="s">
        <v>11</v>
      </c>
      <c r="E10251" s="1" t="s">
        <v>7</v>
      </c>
    </row>
    <row r="10252">
      <c r="A10252" s="1">
        <v>4.90469697E8</v>
      </c>
      <c r="B10252" s="2">
        <v>13078.0</v>
      </c>
      <c r="C10252" s="1" t="s">
        <v>5</v>
      </c>
      <c r="D10252" s="1" t="s">
        <v>8684</v>
      </c>
      <c r="E10252" s="1" t="s">
        <v>7</v>
      </c>
    </row>
    <row r="10253">
      <c r="A10253" s="1">
        <v>4.90469741E8</v>
      </c>
      <c r="B10253" s="2">
        <v>13075.0</v>
      </c>
      <c r="C10253" s="1" t="s">
        <v>5</v>
      </c>
      <c r="D10253" s="1" t="s">
        <v>11</v>
      </c>
      <c r="E10253" s="1" t="s">
        <v>7</v>
      </c>
    </row>
    <row r="10254">
      <c r="A10254" s="1">
        <v>4.90469796E8</v>
      </c>
      <c r="B10254" s="2">
        <v>13010.0</v>
      </c>
      <c r="C10254" s="1" t="s">
        <v>5</v>
      </c>
      <c r="D10254" s="1" t="s">
        <v>8685</v>
      </c>
      <c r="E10254" s="1" t="s">
        <v>8686</v>
      </c>
    </row>
    <row r="10255">
      <c r="A10255" s="1">
        <v>4.90469802E8</v>
      </c>
      <c r="B10255" s="2">
        <v>13006.0</v>
      </c>
      <c r="C10255" s="1" t="s">
        <v>5</v>
      </c>
      <c r="D10255" s="1" t="s">
        <v>11</v>
      </c>
      <c r="E10255" s="1" t="s">
        <v>7</v>
      </c>
    </row>
    <row r="10256">
      <c r="A10256" s="1">
        <v>4.90469807E8</v>
      </c>
      <c r="B10256" s="2">
        <v>13080.0</v>
      </c>
      <c r="C10256" s="1" t="s">
        <v>5</v>
      </c>
      <c r="D10256" s="1" t="s">
        <v>8687</v>
      </c>
      <c r="E10256" s="1" t="s">
        <v>11</v>
      </c>
    </row>
    <row r="10257">
      <c r="A10257" s="1">
        <v>4.90469811E8</v>
      </c>
      <c r="B10257" s="2">
        <v>12964.0</v>
      </c>
      <c r="C10257" s="1" t="s">
        <v>5</v>
      </c>
      <c r="D10257" s="1" t="s">
        <v>11</v>
      </c>
      <c r="E10257" s="1" t="s">
        <v>7</v>
      </c>
    </row>
    <row r="10258">
      <c r="A10258" s="1">
        <v>4.90469844E8</v>
      </c>
      <c r="B10258" s="2">
        <v>13080.0</v>
      </c>
      <c r="C10258" s="1" t="s">
        <v>5</v>
      </c>
      <c r="D10258" s="1" t="s">
        <v>8688</v>
      </c>
      <c r="E10258" s="1" t="s">
        <v>7</v>
      </c>
    </row>
    <row r="10259">
      <c r="A10259" s="1">
        <v>4.90469864E8</v>
      </c>
      <c r="B10259" s="2">
        <v>13009.0</v>
      </c>
      <c r="C10259" s="1" t="s">
        <v>5</v>
      </c>
      <c r="D10259" s="1" t="s">
        <v>8689</v>
      </c>
      <c r="E10259" s="1" t="s">
        <v>7</v>
      </c>
    </row>
    <row r="10260">
      <c r="A10260" s="1">
        <v>4.9046988E8</v>
      </c>
      <c r="B10260" s="2">
        <v>13077.0</v>
      </c>
      <c r="C10260" s="1" t="s">
        <v>5</v>
      </c>
      <c r="D10260" s="1" t="s">
        <v>11</v>
      </c>
      <c r="E10260" s="1" t="s">
        <v>7</v>
      </c>
    </row>
    <row r="10261">
      <c r="A10261" s="1">
        <v>4.90469881E8</v>
      </c>
      <c r="B10261" s="2">
        <v>13082.0</v>
      </c>
      <c r="C10261" s="1" t="s">
        <v>5</v>
      </c>
      <c r="D10261" s="1" t="s">
        <v>8690</v>
      </c>
      <c r="E10261" s="1" t="s">
        <v>7</v>
      </c>
    </row>
    <row r="10262">
      <c r="A10262" s="1">
        <v>4.90469888E8</v>
      </c>
      <c r="B10262" s="2">
        <v>13007.0</v>
      </c>
      <c r="C10262" s="1" t="s">
        <v>5</v>
      </c>
      <c r="D10262" s="1" t="s">
        <v>8691</v>
      </c>
      <c r="E10262" s="1" t="s">
        <v>11</v>
      </c>
    </row>
    <row r="10263">
      <c r="A10263" s="1">
        <v>4.90469901E8</v>
      </c>
      <c r="B10263" s="2">
        <v>13084.0</v>
      </c>
      <c r="C10263" s="1" t="s">
        <v>5</v>
      </c>
      <c r="D10263" s="1" t="s">
        <v>11</v>
      </c>
      <c r="E10263" s="1" t="s">
        <v>7</v>
      </c>
    </row>
    <row r="10264">
      <c r="A10264" s="1">
        <v>4.90469907E8</v>
      </c>
      <c r="B10264" s="2">
        <v>13009.0</v>
      </c>
      <c r="C10264" s="1" t="s">
        <v>5</v>
      </c>
      <c r="D10264" s="1" t="s">
        <v>11</v>
      </c>
      <c r="E10264" s="1" t="s">
        <v>7</v>
      </c>
    </row>
    <row r="10265">
      <c r="A10265" s="1">
        <v>4.90469961E8</v>
      </c>
      <c r="B10265" s="2">
        <v>13005.0</v>
      </c>
      <c r="C10265" s="1" t="s">
        <v>5</v>
      </c>
      <c r="D10265" s="1" t="s">
        <v>8692</v>
      </c>
      <c r="E10265" s="1" t="s">
        <v>8693</v>
      </c>
    </row>
    <row r="10266">
      <c r="A10266" s="1">
        <v>4.90469971E8</v>
      </c>
      <c r="B10266" s="2">
        <v>13069.0</v>
      </c>
      <c r="C10266" s="1" t="s">
        <v>5</v>
      </c>
      <c r="D10266" s="1" t="s">
        <v>8694</v>
      </c>
      <c r="E10266" s="1" t="s">
        <v>11</v>
      </c>
    </row>
    <row r="10267">
      <c r="A10267" s="1">
        <v>4.9046998E8</v>
      </c>
      <c r="B10267" s="2">
        <v>13055.0</v>
      </c>
      <c r="C10267" s="1" t="s">
        <v>5</v>
      </c>
      <c r="D10267" s="1" t="s">
        <v>8695</v>
      </c>
      <c r="E10267" s="1" t="s">
        <v>7</v>
      </c>
    </row>
    <row r="10268">
      <c r="A10268" s="1">
        <v>4.90469981E8</v>
      </c>
      <c r="B10268" s="2">
        <v>12961.0</v>
      </c>
      <c r="C10268" s="1" t="s">
        <v>5</v>
      </c>
      <c r="D10268" s="1" t="s">
        <v>11</v>
      </c>
      <c r="E10268" s="1" t="s">
        <v>7</v>
      </c>
    </row>
    <row r="10269">
      <c r="A10269" s="1">
        <v>4.90470007E8</v>
      </c>
      <c r="B10269" s="2">
        <v>12962.0</v>
      </c>
      <c r="C10269" s="1" t="s">
        <v>5</v>
      </c>
      <c r="D10269" s="1" t="s">
        <v>8696</v>
      </c>
      <c r="E10269" s="1" t="s">
        <v>8697</v>
      </c>
    </row>
    <row r="10270">
      <c r="A10270" s="1">
        <v>4.90470021E8</v>
      </c>
      <c r="B10270" s="2">
        <v>12955.0</v>
      </c>
      <c r="C10270" s="1" t="s">
        <v>5</v>
      </c>
      <c r="D10270" s="1" t="s">
        <v>8698</v>
      </c>
      <c r="E10270" s="1" t="s">
        <v>7</v>
      </c>
    </row>
    <row r="10271">
      <c r="A10271" s="1">
        <v>4.90470023E8</v>
      </c>
      <c r="B10271" s="2">
        <v>13069.0</v>
      </c>
      <c r="C10271" s="1" t="s">
        <v>5</v>
      </c>
      <c r="D10271" s="1" t="s">
        <v>8699</v>
      </c>
      <c r="E10271" s="1" t="s">
        <v>11</v>
      </c>
    </row>
    <row r="10272">
      <c r="A10272" s="1">
        <v>4.90470025E8</v>
      </c>
      <c r="B10272" s="2">
        <v>12957.0</v>
      </c>
      <c r="C10272" s="1" t="s">
        <v>5</v>
      </c>
      <c r="D10272" s="1" t="s">
        <v>8700</v>
      </c>
      <c r="E10272" s="1" t="s">
        <v>8701</v>
      </c>
    </row>
    <row r="10273">
      <c r="A10273" s="1">
        <v>4.90470061E8</v>
      </c>
      <c r="B10273" s="2">
        <v>12957.0</v>
      </c>
      <c r="C10273" s="1" t="s">
        <v>5</v>
      </c>
      <c r="D10273" s="1" t="s">
        <v>11</v>
      </c>
      <c r="E10273" s="1" t="s">
        <v>7</v>
      </c>
    </row>
    <row r="10274">
      <c r="A10274" s="1">
        <v>4.90470066E8</v>
      </c>
      <c r="B10274" s="2">
        <v>13020.0</v>
      </c>
      <c r="C10274" s="1" t="s">
        <v>5</v>
      </c>
      <c r="D10274" s="1" t="s">
        <v>8702</v>
      </c>
      <c r="E10274" s="1" t="s">
        <v>11</v>
      </c>
    </row>
    <row r="10275">
      <c r="A10275" s="1">
        <v>4.90470091E8</v>
      </c>
      <c r="B10275" s="2">
        <v>12962.0</v>
      </c>
      <c r="C10275" s="1" t="s">
        <v>5</v>
      </c>
      <c r="D10275" s="1" t="s">
        <v>8703</v>
      </c>
      <c r="E10275" s="1" t="s">
        <v>11</v>
      </c>
    </row>
    <row r="10276">
      <c r="A10276" s="1">
        <v>4.90470097E8</v>
      </c>
      <c r="B10276" s="2">
        <v>13073.0</v>
      </c>
      <c r="C10276" s="1" t="s">
        <v>5</v>
      </c>
      <c r="D10276" s="1" t="s">
        <v>8704</v>
      </c>
      <c r="E10276" s="1" t="s">
        <v>11</v>
      </c>
    </row>
    <row r="10277">
      <c r="A10277" s="1">
        <v>4.90470112E8</v>
      </c>
      <c r="B10277" s="2">
        <v>13081.0</v>
      </c>
      <c r="C10277" s="1" t="s">
        <v>5</v>
      </c>
      <c r="D10277" s="1" t="s">
        <v>8705</v>
      </c>
      <c r="E10277" s="1" t="s">
        <v>7</v>
      </c>
    </row>
    <row r="10278">
      <c r="A10278" s="1">
        <v>4.9047013E8</v>
      </c>
      <c r="B10278" s="2">
        <v>13023.0</v>
      </c>
      <c r="C10278" s="1" t="s">
        <v>5</v>
      </c>
      <c r="D10278" s="1" t="s">
        <v>8706</v>
      </c>
      <c r="E10278" s="1" t="s">
        <v>7</v>
      </c>
    </row>
    <row r="10279">
      <c r="A10279" s="1">
        <v>4.90470144E8</v>
      </c>
      <c r="B10279" s="2">
        <v>12961.0</v>
      </c>
      <c r="C10279" s="1" t="s">
        <v>5</v>
      </c>
      <c r="D10279" s="1" t="s">
        <v>8707</v>
      </c>
      <c r="E10279" s="1" t="s">
        <v>8708</v>
      </c>
    </row>
    <row r="10280">
      <c r="A10280" s="1">
        <v>4.9047015E8</v>
      </c>
      <c r="B10280" s="2">
        <v>13084.0</v>
      </c>
      <c r="C10280" s="1" t="s">
        <v>5</v>
      </c>
      <c r="D10280" s="1" t="s">
        <v>8709</v>
      </c>
      <c r="E10280" s="1" t="s">
        <v>7</v>
      </c>
    </row>
    <row r="10281">
      <c r="A10281" s="1">
        <v>4.90470157E8</v>
      </c>
      <c r="B10281" s="2">
        <v>13084.0</v>
      </c>
      <c r="C10281" s="1" t="s">
        <v>5</v>
      </c>
      <c r="D10281" s="1" t="s">
        <v>11</v>
      </c>
      <c r="E10281" s="1" t="s">
        <v>7</v>
      </c>
    </row>
    <row r="10282">
      <c r="A10282" s="1">
        <v>4.90470172E8</v>
      </c>
      <c r="B10282" s="2">
        <v>12947.0</v>
      </c>
      <c r="C10282" s="1" t="s">
        <v>5</v>
      </c>
      <c r="D10282" s="1" t="s">
        <v>8710</v>
      </c>
      <c r="E10282" s="1" t="s">
        <v>7</v>
      </c>
    </row>
    <row r="10283">
      <c r="A10283" s="1">
        <v>4.90470196E8</v>
      </c>
      <c r="B10283" s="2">
        <v>13009.0</v>
      </c>
      <c r="C10283" s="1" t="s">
        <v>5</v>
      </c>
      <c r="D10283" s="1" t="s">
        <v>8711</v>
      </c>
      <c r="E10283" s="1" t="s">
        <v>11</v>
      </c>
    </row>
    <row r="10284">
      <c r="A10284" s="1">
        <v>4.9047021E8</v>
      </c>
      <c r="B10284" s="2">
        <v>13052.0</v>
      </c>
      <c r="C10284" s="1" t="s">
        <v>5</v>
      </c>
      <c r="D10284" s="1" t="s">
        <v>8712</v>
      </c>
      <c r="E10284" s="1" t="s">
        <v>7</v>
      </c>
    </row>
    <row r="10285">
      <c r="A10285" s="1">
        <v>4.90470211E8</v>
      </c>
      <c r="B10285" s="2">
        <v>13022.0</v>
      </c>
      <c r="C10285" s="1" t="s">
        <v>5</v>
      </c>
      <c r="D10285" s="1" t="s">
        <v>8713</v>
      </c>
      <c r="E10285" s="1" t="s">
        <v>7</v>
      </c>
    </row>
    <row r="10286">
      <c r="A10286" s="1">
        <v>4.90470219E8</v>
      </c>
      <c r="B10286" s="2">
        <v>13073.0</v>
      </c>
      <c r="C10286" s="1" t="s">
        <v>5</v>
      </c>
      <c r="D10286" s="1" t="s">
        <v>11</v>
      </c>
      <c r="E10286" s="1" t="s">
        <v>7</v>
      </c>
    </row>
    <row r="10287">
      <c r="A10287" s="1">
        <v>4.90470237E8</v>
      </c>
      <c r="B10287" s="2">
        <v>13020.0</v>
      </c>
      <c r="C10287" s="1" t="s">
        <v>5</v>
      </c>
      <c r="D10287" s="1" t="s">
        <v>8714</v>
      </c>
      <c r="E10287" s="1" t="s">
        <v>7</v>
      </c>
    </row>
    <row r="10288">
      <c r="A10288" s="1">
        <v>4.90470244E8</v>
      </c>
      <c r="B10288" s="2">
        <v>12956.0</v>
      </c>
      <c r="C10288" s="1" t="s">
        <v>5</v>
      </c>
      <c r="D10288" s="1" t="s">
        <v>8715</v>
      </c>
      <c r="E10288" s="1" t="s">
        <v>7</v>
      </c>
    </row>
    <row r="10289">
      <c r="A10289" s="1">
        <v>4.90470267E8</v>
      </c>
      <c r="B10289" s="2">
        <v>13009.0</v>
      </c>
      <c r="C10289" s="1" t="s">
        <v>5</v>
      </c>
      <c r="D10289" s="1" t="s">
        <v>8716</v>
      </c>
      <c r="E10289" s="1" t="s">
        <v>8717</v>
      </c>
    </row>
    <row r="10290">
      <c r="A10290" s="1">
        <v>4.9047027E8</v>
      </c>
      <c r="B10290" s="2">
        <v>13070.0</v>
      </c>
      <c r="C10290" s="1" t="s">
        <v>5</v>
      </c>
      <c r="D10290" s="1" t="s">
        <v>8718</v>
      </c>
      <c r="E10290" s="1" t="s">
        <v>7</v>
      </c>
    </row>
    <row r="10291">
      <c r="A10291" s="1">
        <v>4.90470309E8</v>
      </c>
      <c r="B10291" s="2">
        <v>13080.0</v>
      </c>
      <c r="C10291" s="1" t="s">
        <v>5</v>
      </c>
      <c r="D10291" s="1" t="s">
        <v>11</v>
      </c>
      <c r="E10291" s="1" t="s">
        <v>7</v>
      </c>
    </row>
    <row r="10292">
      <c r="A10292" s="1">
        <v>4.90470321E8</v>
      </c>
      <c r="B10292" s="2">
        <v>13009.0</v>
      </c>
      <c r="C10292" s="1" t="s">
        <v>5</v>
      </c>
      <c r="D10292" s="1" t="s">
        <v>8719</v>
      </c>
      <c r="E10292" s="1" t="s">
        <v>11</v>
      </c>
    </row>
    <row r="10293">
      <c r="A10293" s="1">
        <v>4.90470382E8</v>
      </c>
      <c r="B10293" s="2">
        <v>13082.0</v>
      </c>
      <c r="C10293" s="1" t="s">
        <v>5</v>
      </c>
      <c r="D10293" s="1" t="s">
        <v>8720</v>
      </c>
      <c r="E10293" s="1" t="s">
        <v>7</v>
      </c>
    </row>
    <row r="10294">
      <c r="A10294" s="1">
        <v>4.90470425E8</v>
      </c>
      <c r="B10294" s="2">
        <v>12958.0</v>
      </c>
      <c r="C10294" s="1" t="s">
        <v>5</v>
      </c>
      <c r="D10294" s="1" t="s">
        <v>8721</v>
      </c>
      <c r="E10294" s="1" t="s">
        <v>7</v>
      </c>
    </row>
    <row r="10295">
      <c r="A10295" s="1">
        <v>4.90470458E8</v>
      </c>
      <c r="B10295" s="2">
        <v>13072.0</v>
      </c>
      <c r="C10295" s="1" t="s">
        <v>5</v>
      </c>
      <c r="D10295" s="1" t="s">
        <v>11</v>
      </c>
      <c r="E10295" s="1" t="s">
        <v>7</v>
      </c>
    </row>
    <row r="10296">
      <c r="A10296" s="1">
        <v>4.90470501E8</v>
      </c>
      <c r="B10296" s="2">
        <v>13008.0</v>
      </c>
      <c r="C10296" s="1" t="s">
        <v>5</v>
      </c>
      <c r="D10296" s="1" t="s">
        <v>11</v>
      </c>
      <c r="E10296" s="1" t="s">
        <v>7</v>
      </c>
    </row>
    <row r="10297">
      <c r="A10297" s="1">
        <v>4.9047051E8</v>
      </c>
      <c r="B10297" s="2">
        <v>13004.0</v>
      </c>
      <c r="C10297" s="1" t="s">
        <v>5</v>
      </c>
      <c r="D10297" s="1" t="s">
        <v>8722</v>
      </c>
      <c r="E10297" s="1" t="s">
        <v>7</v>
      </c>
    </row>
    <row r="10298">
      <c r="A10298" s="1">
        <v>4.90470524E8</v>
      </c>
      <c r="B10298" s="2">
        <v>13071.0</v>
      </c>
      <c r="C10298" s="1" t="s">
        <v>5</v>
      </c>
      <c r="D10298" s="1" t="s">
        <v>8723</v>
      </c>
      <c r="E10298" s="1" t="s">
        <v>7</v>
      </c>
    </row>
    <row r="10299">
      <c r="A10299" s="1">
        <v>4.90470545E8</v>
      </c>
      <c r="B10299" s="2">
        <v>13049.0</v>
      </c>
      <c r="C10299" s="1" t="s">
        <v>5</v>
      </c>
      <c r="D10299" s="1" t="s">
        <v>8724</v>
      </c>
      <c r="E10299" s="1" t="s">
        <v>7</v>
      </c>
    </row>
    <row r="10300">
      <c r="A10300" s="1">
        <v>4.90470552E8</v>
      </c>
      <c r="B10300" s="2">
        <v>13069.0</v>
      </c>
      <c r="C10300" s="1" t="s">
        <v>5</v>
      </c>
      <c r="D10300" s="1" t="s">
        <v>11</v>
      </c>
      <c r="E10300" s="1" t="s">
        <v>7</v>
      </c>
    </row>
    <row r="10301">
      <c r="A10301" s="1">
        <v>4.90470573E8</v>
      </c>
      <c r="B10301" s="2">
        <v>13007.0</v>
      </c>
      <c r="C10301" s="1" t="s">
        <v>5</v>
      </c>
      <c r="D10301" s="1" t="s">
        <v>8725</v>
      </c>
      <c r="E10301" s="1" t="s">
        <v>7</v>
      </c>
    </row>
    <row r="10302">
      <c r="A10302" s="1">
        <v>4.90470577E8</v>
      </c>
      <c r="B10302" s="2">
        <v>12957.0</v>
      </c>
      <c r="C10302" s="1" t="s">
        <v>5</v>
      </c>
      <c r="D10302" s="1" t="s">
        <v>11</v>
      </c>
      <c r="E10302" s="1" t="s">
        <v>7</v>
      </c>
    </row>
    <row r="10303">
      <c r="A10303" s="1">
        <v>4.90470583E8</v>
      </c>
      <c r="B10303" s="2">
        <v>13080.0</v>
      </c>
      <c r="C10303" s="1" t="s">
        <v>5</v>
      </c>
      <c r="D10303" s="1" t="s">
        <v>8726</v>
      </c>
      <c r="E10303" s="1" t="s">
        <v>7</v>
      </c>
    </row>
    <row r="10304">
      <c r="A10304" s="1">
        <v>4.904706E8</v>
      </c>
      <c r="B10304" s="2">
        <v>13077.0</v>
      </c>
      <c r="C10304" s="1" t="s">
        <v>5</v>
      </c>
      <c r="D10304" s="1" t="s">
        <v>8727</v>
      </c>
      <c r="E10304" s="1" t="s">
        <v>8728</v>
      </c>
    </row>
    <row r="10305">
      <c r="A10305" s="1">
        <v>4.90470611E8</v>
      </c>
      <c r="B10305" s="2">
        <v>13050.0</v>
      </c>
      <c r="C10305" s="1" t="s">
        <v>5</v>
      </c>
      <c r="D10305" s="1" t="s">
        <v>8729</v>
      </c>
      <c r="E10305" s="1" t="s">
        <v>8730</v>
      </c>
    </row>
    <row r="10306">
      <c r="A10306" s="1">
        <v>4.90470615E8</v>
      </c>
      <c r="B10306" s="2">
        <v>13008.0</v>
      </c>
      <c r="C10306" s="1" t="s">
        <v>5</v>
      </c>
      <c r="D10306" s="1" t="s">
        <v>8731</v>
      </c>
      <c r="E10306" s="1" t="s">
        <v>7</v>
      </c>
    </row>
    <row r="10307">
      <c r="A10307" s="1">
        <v>4.90470617E8</v>
      </c>
      <c r="B10307" s="2">
        <v>12960.0</v>
      </c>
      <c r="C10307" s="1" t="s">
        <v>5</v>
      </c>
      <c r="D10307" s="1" t="s">
        <v>8732</v>
      </c>
      <c r="E10307" s="1" t="s">
        <v>11</v>
      </c>
    </row>
    <row r="10308">
      <c r="A10308" s="1">
        <v>4.90470619E8</v>
      </c>
      <c r="B10308" s="2">
        <v>13003.0</v>
      </c>
      <c r="C10308" s="1" t="s">
        <v>5</v>
      </c>
      <c r="D10308" s="1" t="s">
        <v>11</v>
      </c>
      <c r="E10308" s="1" t="s">
        <v>7</v>
      </c>
    </row>
    <row r="10309">
      <c r="A10309" s="1">
        <v>4.90470629E8</v>
      </c>
      <c r="B10309" s="2">
        <v>13071.0</v>
      </c>
      <c r="C10309" s="1" t="s">
        <v>5</v>
      </c>
      <c r="D10309" s="1" t="s">
        <v>8733</v>
      </c>
      <c r="E10309" s="1" t="s">
        <v>8734</v>
      </c>
    </row>
    <row r="10310">
      <c r="A10310" s="1">
        <v>4.90470649E8</v>
      </c>
      <c r="B10310" s="2">
        <v>13020.0</v>
      </c>
      <c r="C10310" s="1" t="s">
        <v>5</v>
      </c>
      <c r="D10310" s="1" t="s">
        <v>8735</v>
      </c>
      <c r="E10310" s="1" t="s">
        <v>11</v>
      </c>
    </row>
    <row r="10311">
      <c r="A10311" s="1">
        <v>4.90470663E8</v>
      </c>
      <c r="B10311" s="2">
        <v>13077.0</v>
      </c>
      <c r="C10311" s="1" t="s">
        <v>5</v>
      </c>
      <c r="D10311" s="1" t="s">
        <v>8736</v>
      </c>
      <c r="E10311" s="1" t="s">
        <v>11</v>
      </c>
    </row>
    <row r="10312">
      <c r="A10312" s="1">
        <v>4.90470665E8</v>
      </c>
      <c r="B10312" s="2">
        <v>12957.0</v>
      </c>
      <c r="C10312" s="1" t="s">
        <v>5</v>
      </c>
      <c r="D10312" s="1" t="s">
        <v>8737</v>
      </c>
      <c r="E10312" s="1" t="s">
        <v>7</v>
      </c>
    </row>
    <row r="10313">
      <c r="A10313" s="1">
        <v>4.90470683E8</v>
      </c>
      <c r="B10313" s="2">
        <v>13007.0</v>
      </c>
      <c r="C10313" s="1" t="s">
        <v>5</v>
      </c>
      <c r="D10313" s="1" t="s">
        <v>8738</v>
      </c>
      <c r="E10313" s="1" t="s">
        <v>8739</v>
      </c>
    </row>
    <row r="10314">
      <c r="A10314" s="1">
        <v>4.90470708E8</v>
      </c>
      <c r="B10314" s="2">
        <v>13007.0</v>
      </c>
      <c r="C10314" s="1" t="s">
        <v>5</v>
      </c>
      <c r="D10314" s="1" t="s">
        <v>8740</v>
      </c>
      <c r="E10314" s="1" t="s">
        <v>7</v>
      </c>
    </row>
    <row r="10315">
      <c r="A10315" s="1">
        <v>4.90470709E8</v>
      </c>
      <c r="B10315" s="2">
        <v>13078.0</v>
      </c>
      <c r="C10315" s="1" t="s">
        <v>5</v>
      </c>
      <c r="D10315" s="1" t="s">
        <v>8741</v>
      </c>
      <c r="E10315" s="1" t="s">
        <v>7</v>
      </c>
    </row>
    <row r="10316">
      <c r="A10316" s="1">
        <v>4.90470728E8</v>
      </c>
      <c r="B10316" s="2">
        <v>13049.0</v>
      </c>
      <c r="C10316" s="1" t="s">
        <v>5</v>
      </c>
      <c r="D10316" s="1" t="s">
        <v>11</v>
      </c>
      <c r="E10316" s="1" t="s">
        <v>7</v>
      </c>
    </row>
    <row r="10317">
      <c r="A10317" s="1">
        <v>4.90470735E8</v>
      </c>
      <c r="B10317" s="2">
        <v>13047.0</v>
      </c>
      <c r="C10317" s="1" t="s">
        <v>5</v>
      </c>
      <c r="D10317" s="1" t="s">
        <v>8742</v>
      </c>
      <c r="E10317" s="1" t="s">
        <v>7</v>
      </c>
    </row>
    <row r="10318">
      <c r="A10318" s="1">
        <v>4.90470775E8</v>
      </c>
      <c r="B10318" s="2">
        <v>13070.0</v>
      </c>
      <c r="C10318" s="1" t="s">
        <v>5</v>
      </c>
      <c r="D10318" s="1" t="s">
        <v>11</v>
      </c>
      <c r="E10318" s="1" t="s">
        <v>7</v>
      </c>
    </row>
    <row r="10319">
      <c r="A10319" s="1">
        <v>4.90470781E8</v>
      </c>
      <c r="B10319" s="2">
        <v>12956.0</v>
      </c>
      <c r="C10319" s="1" t="s">
        <v>5</v>
      </c>
      <c r="D10319" s="1" t="s">
        <v>8743</v>
      </c>
      <c r="E10319" s="1" t="s">
        <v>7</v>
      </c>
    </row>
    <row r="10320">
      <c r="A10320" s="1">
        <v>4.90470785E8</v>
      </c>
      <c r="B10320" s="2">
        <v>12944.0</v>
      </c>
      <c r="C10320" s="1" t="s">
        <v>5</v>
      </c>
      <c r="D10320" s="1" t="s">
        <v>8744</v>
      </c>
      <c r="E10320" s="1" t="s">
        <v>7</v>
      </c>
    </row>
    <row r="10321">
      <c r="A10321" s="1">
        <v>4.90470803E8</v>
      </c>
      <c r="B10321" s="2">
        <v>13075.0</v>
      </c>
      <c r="C10321" s="1" t="s">
        <v>5</v>
      </c>
      <c r="D10321" s="1" t="s">
        <v>11</v>
      </c>
      <c r="E10321" s="1" t="s">
        <v>7</v>
      </c>
    </row>
    <row r="10322">
      <c r="A10322" s="1">
        <v>4.90470813E8</v>
      </c>
      <c r="B10322" s="2">
        <v>12943.0</v>
      </c>
      <c r="C10322" s="1" t="s">
        <v>5</v>
      </c>
      <c r="D10322" s="1" t="s">
        <v>8745</v>
      </c>
      <c r="E10322" s="1" t="s">
        <v>8746</v>
      </c>
    </row>
    <row r="10323">
      <c r="A10323" s="1">
        <v>4.90470867E8</v>
      </c>
      <c r="B10323" s="2">
        <v>13019.0</v>
      </c>
      <c r="C10323" s="1" t="s">
        <v>5</v>
      </c>
      <c r="D10323" s="1" t="s">
        <v>11</v>
      </c>
      <c r="E10323" s="4" t="s">
        <v>8747</v>
      </c>
    </row>
    <row r="10324">
      <c r="A10324" s="1">
        <v>4.90470884E8</v>
      </c>
      <c r="B10324" s="2">
        <v>13064.0</v>
      </c>
      <c r="C10324" s="1" t="s">
        <v>5</v>
      </c>
      <c r="D10324" s="1" t="s">
        <v>8748</v>
      </c>
      <c r="E10324" s="1" t="s">
        <v>11</v>
      </c>
    </row>
    <row r="10325">
      <c r="A10325" s="1">
        <v>4.90470924E8</v>
      </c>
      <c r="B10325" s="2">
        <v>13068.0</v>
      </c>
      <c r="C10325" s="1" t="s">
        <v>5</v>
      </c>
      <c r="D10325" s="1" t="s">
        <v>8749</v>
      </c>
      <c r="E10325" s="1" t="s">
        <v>11</v>
      </c>
    </row>
    <row r="10326">
      <c r="A10326" s="1">
        <v>4.90470931E8</v>
      </c>
      <c r="B10326" s="2">
        <v>13074.0</v>
      </c>
      <c r="C10326" s="1" t="s">
        <v>5</v>
      </c>
      <c r="D10326" s="1" t="s">
        <v>8750</v>
      </c>
      <c r="E10326" s="1" t="s">
        <v>8751</v>
      </c>
    </row>
    <row r="10327">
      <c r="A10327" s="1">
        <v>4.90470944E8</v>
      </c>
      <c r="B10327" s="2">
        <v>13007.0</v>
      </c>
      <c r="C10327" s="1" t="s">
        <v>5</v>
      </c>
      <c r="D10327" s="1" t="s">
        <v>8752</v>
      </c>
      <c r="E10327" s="1" t="s">
        <v>11</v>
      </c>
    </row>
    <row r="10328">
      <c r="A10328" s="1">
        <v>4.90470971E8</v>
      </c>
      <c r="B10328" s="2">
        <v>13067.0</v>
      </c>
      <c r="C10328" s="1" t="s">
        <v>5</v>
      </c>
      <c r="D10328" s="1" t="s">
        <v>8753</v>
      </c>
      <c r="E10328" s="1" t="s">
        <v>8754</v>
      </c>
    </row>
    <row r="10329">
      <c r="A10329" s="1">
        <v>4.90470986E8</v>
      </c>
      <c r="B10329" s="2">
        <v>13048.0</v>
      </c>
      <c r="C10329" s="1" t="s">
        <v>5</v>
      </c>
      <c r="D10329" s="1" t="s">
        <v>11</v>
      </c>
      <c r="E10329" s="1" t="s">
        <v>7</v>
      </c>
    </row>
    <row r="10330">
      <c r="A10330" s="1">
        <v>4.90471027E8</v>
      </c>
      <c r="B10330" s="2">
        <v>13007.0</v>
      </c>
      <c r="C10330" s="1" t="s">
        <v>5</v>
      </c>
      <c r="D10330" s="1" t="s">
        <v>8755</v>
      </c>
      <c r="E10330" s="1" t="s">
        <v>7</v>
      </c>
    </row>
    <row r="10331">
      <c r="A10331" s="1">
        <v>4.90471051E8</v>
      </c>
      <c r="B10331" s="2">
        <v>13006.0</v>
      </c>
      <c r="C10331" s="1" t="s">
        <v>5</v>
      </c>
      <c r="D10331" s="1" t="s">
        <v>8756</v>
      </c>
      <c r="E10331" s="1" t="s">
        <v>11</v>
      </c>
    </row>
    <row r="10332">
      <c r="A10332" s="1">
        <v>4.90471069E8</v>
      </c>
      <c r="B10332" s="2">
        <v>13077.0</v>
      </c>
      <c r="C10332" s="1" t="s">
        <v>5</v>
      </c>
      <c r="D10332" s="1" t="s">
        <v>8757</v>
      </c>
      <c r="E10332" s="1" t="s">
        <v>11</v>
      </c>
    </row>
    <row r="10333">
      <c r="A10333" s="1">
        <v>4.90471072E8</v>
      </c>
      <c r="B10333" s="2">
        <v>13014.0</v>
      </c>
      <c r="C10333" s="1" t="s">
        <v>5</v>
      </c>
      <c r="D10333" s="1" t="s">
        <v>8758</v>
      </c>
      <c r="E10333" s="1" t="s">
        <v>7</v>
      </c>
    </row>
    <row r="10334">
      <c r="A10334" s="1">
        <v>4.90471101E8</v>
      </c>
      <c r="B10334" s="2">
        <v>13060.0</v>
      </c>
      <c r="C10334" s="1" t="s">
        <v>5</v>
      </c>
      <c r="D10334" s="1" t="s">
        <v>8759</v>
      </c>
      <c r="E10334" s="1" t="s">
        <v>11</v>
      </c>
    </row>
    <row r="10335">
      <c r="A10335" s="1">
        <v>4.90471102E8</v>
      </c>
      <c r="B10335" s="2">
        <v>13018.0</v>
      </c>
      <c r="C10335" s="1" t="s">
        <v>5</v>
      </c>
      <c r="D10335" s="1" t="s">
        <v>8760</v>
      </c>
      <c r="E10335" s="1" t="s">
        <v>7</v>
      </c>
    </row>
    <row r="10336">
      <c r="A10336" s="1">
        <v>4.90471106E8</v>
      </c>
      <c r="B10336" s="2">
        <v>13074.0</v>
      </c>
      <c r="C10336" s="1" t="s">
        <v>5</v>
      </c>
      <c r="D10336" s="1" t="s">
        <v>8761</v>
      </c>
      <c r="E10336" s="1" t="s">
        <v>7</v>
      </c>
    </row>
    <row r="10337">
      <c r="A10337" s="1">
        <v>4.90471115E8</v>
      </c>
      <c r="B10337" s="2">
        <v>13060.0</v>
      </c>
      <c r="C10337" s="1" t="s">
        <v>5</v>
      </c>
      <c r="D10337" s="1" t="s">
        <v>8762</v>
      </c>
      <c r="E10337" s="1" t="s">
        <v>7</v>
      </c>
    </row>
    <row r="10338">
      <c r="A10338" s="1">
        <v>4.90471128E8</v>
      </c>
      <c r="B10338" s="2">
        <v>13004.0</v>
      </c>
      <c r="C10338" s="1" t="s">
        <v>5</v>
      </c>
      <c r="D10338" s="1" t="s">
        <v>8763</v>
      </c>
      <c r="E10338" s="1" t="s">
        <v>7</v>
      </c>
    </row>
    <row r="10339">
      <c r="A10339" s="1">
        <v>4.90471133E8</v>
      </c>
      <c r="B10339" s="2">
        <v>13066.0</v>
      </c>
      <c r="C10339" s="1" t="s">
        <v>5</v>
      </c>
      <c r="D10339" s="1" t="s">
        <v>8764</v>
      </c>
      <c r="E10339" s="1" t="s">
        <v>11</v>
      </c>
    </row>
    <row r="10340">
      <c r="A10340" s="1">
        <v>4.90471138E8</v>
      </c>
      <c r="B10340" s="2">
        <v>13050.0</v>
      </c>
      <c r="C10340" s="1" t="s">
        <v>5</v>
      </c>
      <c r="D10340" s="1" t="s">
        <v>8765</v>
      </c>
      <c r="E10340" s="1" t="s">
        <v>11</v>
      </c>
    </row>
    <row r="10341">
      <c r="A10341" s="1">
        <v>4.90471139E8</v>
      </c>
      <c r="B10341" s="2">
        <v>13004.0</v>
      </c>
      <c r="C10341" s="1" t="s">
        <v>5</v>
      </c>
      <c r="D10341" s="1" t="s">
        <v>8766</v>
      </c>
      <c r="E10341" s="1" t="s">
        <v>11</v>
      </c>
    </row>
    <row r="10342">
      <c r="A10342" s="1">
        <v>4.90471142E8</v>
      </c>
      <c r="B10342" s="2">
        <v>12945.0</v>
      </c>
      <c r="C10342" s="1" t="s">
        <v>5</v>
      </c>
      <c r="D10342" s="1" t="s">
        <v>8767</v>
      </c>
      <c r="E10342" s="1" t="s">
        <v>11</v>
      </c>
    </row>
    <row r="10343">
      <c r="A10343" s="1">
        <v>4.90471185E8</v>
      </c>
      <c r="B10343" s="2">
        <v>13070.0</v>
      </c>
      <c r="C10343" s="1" t="s">
        <v>5</v>
      </c>
      <c r="D10343" s="1" t="s">
        <v>11</v>
      </c>
      <c r="E10343" s="1" t="s">
        <v>7</v>
      </c>
    </row>
    <row r="10344">
      <c r="A10344" s="1">
        <v>4.90471192E8</v>
      </c>
      <c r="B10344" s="2">
        <v>13044.0</v>
      </c>
      <c r="C10344" s="1" t="s">
        <v>5</v>
      </c>
      <c r="D10344" s="1" t="s">
        <v>8768</v>
      </c>
      <c r="E10344" s="1" t="s">
        <v>7</v>
      </c>
    </row>
    <row r="10345">
      <c r="A10345" s="1">
        <v>4.90471217E8</v>
      </c>
      <c r="B10345" s="2">
        <v>13074.0</v>
      </c>
      <c r="C10345" s="1" t="s">
        <v>5</v>
      </c>
      <c r="D10345" s="1" t="s">
        <v>8769</v>
      </c>
      <c r="E10345" s="1" t="s">
        <v>11</v>
      </c>
    </row>
    <row r="10346">
      <c r="A10346" s="1">
        <v>4.90471221E8</v>
      </c>
      <c r="B10346" s="2">
        <v>13076.0</v>
      </c>
      <c r="C10346" s="1" t="s">
        <v>5</v>
      </c>
      <c r="D10346" s="1" t="s">
        <v>8770</v>
      </c>
      <c r="E10346" s="1" t="s">
        <v>11</v>
      </c>
    </row>
    <row r="10347">
      <c r="A10347" s="1">
        <v>4.90471226E8</v>
      </c>
      <c r="B10347" s="2">
        <v>12945.0</v>
      </c>
      <c r="C10347" s="1" t="s">
        <v>5</v>
      </c>
      <c r="D10347" s="1" t="s">
        <v>8771</v>
      </c>
      <c r="E10347" s="1" t="s">
        <v>11</v>
      </c>
    </row>
    <row r="10348">
      <c r="A10348" s="1">
        <v>4.90471235E8</v>
      </c>
      <c r="B10348" s="2">
        <v>13070.0</v>
      </c>
      <c r="C10348" s="1" t="s">
        <v>5</v>
      </c>
      <c r="D10348" s="1" t="s">
        <v>8772</v>
      </c>
      <c r="E10348" s="1" t="s">
        <v>7</v>
      </c>
    </row>
    <row r="10349">
      <c r="A10349" s="1">
        <v>4.90471257E8</v>
      </c>
      <c r="B10349" s="2">
        <v>13074.0</v>
      </c>
      <c r="C10349" s="1" t="s">
        <v>5</v>
      </c>
      <c r="D10349" s="1" t="s">
        <v>8773</v>
      </c>
      <c r="E10349" s="1" t="s">
        <v>7</v>
      </c>
    </row>
    <row r="10350">
      <c r="A10350" s="1">
        <v>4.90471277E8</v>
      </c>
      <c r="B10350" s="2">
        <v>13076.0</v>
      </c>
      <c r="C10350" s="1" t="s">
        <v>5</v>
      </c>
      <c r="D10350" s="1" t="s">
        <v>8774</v>
      </c>
      <c r="E10350" s="1" t="s">
        <v>7</v>
      </c>
    </row>
    <row r="10351">
      <c r="A10351" s="1">
        <v>4.90471326E8</v>
      </c>
      <c r="B10351" s="2">
        <v>13001.0</v>
      </c>
      <c r="C10351" s="1" t="s">
        <v>5</v>
      </c>
      <c r="D10351" s="1" t="s">
        <v>8775</v>
      </c>
      <c r="E10351" s="1" t="s">
        <v>7</v>
      </c>
    </row>
    <row r="10352">
      <c r="A10352" s="1">
        <v>4.90471344E8</v>
      </c>
      <c r="B10352" s="2">
        <v>13072.0</v>
      </c>
      <c r="C10352" s="1" t="s">
        <v>5</v>
      </c>
      <c r="D10352" s="1" t="s">
        <v>8776</v>
      </c>
      <c r="E10352" s="1" t="s">
        <v>8777</v>
      </c>
    </row>
    <row r="10353">
      <c r="A10353" s="1">
        <v>4.90471345E8</v>
      </c>
      <c r="B10353" s="2">
        <v>13001.0</v>
      </c>
      <c r="C10353" s="1" t="s">
        <v>5</v>
      </c>
      <c r="D10353" s="1" t="s">
        <v>8778</v>
      </c>
      <c r="E10353" s="1" t="s">
        <v>7</v>
      </c>
    </row>
    <row r="10354">
      <c r="A10354" s="1">
        <v>4.9047136E8</v>
      </c>
      <c r="B10354" s="2">
        <v>13049.0</v>
      </c>
      <c r="C10354" s="1" t="s">
        <v>5</v>
      </c>
      <c r="D10354" s="1" t="s">
        <v>11</v>
      </c>
      <c r="E10354" s="1" t="s">
        <v>7</v>
      </c>
    </row>
    <row r="10355">
      <c r="A10355" s="1">
        <v>4.90471377E8</v>
      </c>
      <c r="B10355" s="2">
        <v>13046.0</v>
      </c>
      <c r="C10355" s="1" t="s">
        <v>5</v>
      </c>
      <c r="D10355" s="1" t="s">
        <v>8779</v>
      </c>
      <c r="E10355" s="1" t="s">
        <v>7</v>
      </c>
    </row>
    <row r="10356">
      <c r="A10356" s="1">
        <v>4.90471381E8</v>
      </c>
      <c r="B10356" s="2">
        <v>13005.0</v>
      </c>
      <c r="C10356" s="1" t="s">
        <v>5</v>
      </c>
      <c r="D10356" s="1" t="s">
        <v>11</v>
      </c>
      <c r="E10356" s="1" t="s">
        <v>7</v>
      </c>
    </row>
    <row r="10357">
      <c r="A10357" s="1">
        <v>4.90471408E8</v>
      </c>
      <c r="B10357" s="2">
        <v>13005.0</v>
      </c>
      <c r="C10357" s="1" t="s">
        <v>5</v>
      </c>
      <c r="D10357" s="1" t="s">
        <v>8780</v>
      </c>
      <c r="E10357" s="1" t="s">
        <v>7</v>
      </c>
    </row>
    <row r="10358">
      <c r="A10358" s="1">
        <v>4.9047141E8</v>
      </c>
      <c r="B10358" s="2">
        <v>13000.0</v>
      </c>
      <c r="C10358" s="1" t="s">
        <v>5</v>
      </c>
      <c r="D10358" s="1" t="s">
        <v>8781</v>
      </c>
      <c r="E10358" s="1" t="s">
        <v>8782</v>
      </c>
    </row>
    <row r="10359">
      <c r="A10359" s="1">
        <v>4.90471417E8</v>
      </c>
      <c r="B10359" s="2">
        <v>12949.0</v>
      </c>
      <c r="C10359" s="1" t="s">
        <v>5</v>
      </c>
      <c r="D10359" s="1" t="s">
        <v>2384</v>
      </c>
      <c r="E10359" s="1" t="s">
        <v>11</v>
      </c>
    </row>
    <row r="10360">
      <c r="A10360" s="1">
        <v>4.90471418E8</v>
      </c>
      <c r="B10360" s="2">
        <v>12947.0</v>
      </c>
      <c r="C10360" s="1" t="s">
        <v>5</v>
      </c>
      <c r="D10360" s="1" t="s">
        <v>8783</v>
      </c>
      <c r="E10360" s="1" t="s">
        <v>11</v>
      </c>
    </row>
    <row r="10361">
      <c r="A10361" s="1">
        <v>4.90471421E8</v>
      </c>
      <c r="B10361" s="2">
        <v>13043.0</v>
      </c>
      <c r="C10361" s="1" t="s">
        <v>5</v>
      </c>
      <c r="D10361" s="1" t="s">
        <v>8784</v>
      </c>
      <c r="E10361" s="1" t="s">
        <v>11</v>
      </c>
    </row>
    <row r="10362">
      <c r="A10362" s="1">
        <v>4.90471431E8</v>
      </c>
      <c r="B10362" s="2">
        <v>13000.0</v>
      </c>
      <c r="C10362" s="1" t="s">
        <v>5</v>
      </c>
      <c r="D10362" s="1" t="s">
        <v>8785</v>
      </c>
      <c r="E10362" s="1" t="s">
        <v>11</v>
      </c>
    </row>
    <row r="10363">
      <c r="A10363" s="1">
        <v>4.90471442E8</v>
      </c>
      <c r="B10363" s="2">
        <v>13072.0</v>
      </c>
      <c r="C10363" s="1" t="s">
        <v>5</v>
      </c>
      <c r="D10363" s="1" t="s">
        <v>8786</v>
      </c>
      <c r="E10363" s="1" t="s">
        <v>7</v>
      </c>
    </row>
    <row r="10364">
      <c r="A10364" s="1">
        <v>4.90471444E8</v>
      </c>
      <c r="B10364" s="2">
        <v>13045.0</v>
      </c>
      <c r="C10364" s="1" t="s">
        <v>5</v>
      </c>
      <c r="D10364" s="1" t="s">
        <v>8787</v>
      </c>
      <c r="E10364" s="1" t="s">
        <v>7</v>
      </c>
    </row>
    <row r="10365">
      <c r="A10365" s="1">
        <v>4.90471464E8</v>
      </c>
      <c r="B10365" s="2">
        <v>12945.0</v>
      </c>
      <c r="C10365" s="1" t="s">
        <v>5</v>
      </c>
      <c r="D10365" s="1" t="s">
        <v>8788</v>
      </c>
      <c r="E10365" s="1" t="s">
        <v>7</v>
      </c>
    </row>
    <row r="10366">
      <c r="A10366" s="1">
        <v>4.90471468E8</v>
      </c>
      <c r="B10366" s="2">
        <v>13010.0</v>
      </c>
      <c r="C10366" s="1" t="s">
        <v>5</v>
      </c>
      <c r="D10366" s="1" t="s">
        <v>8789</v>
      </c>
      <c r="E10366" s="1" t="s">
        <v>11</v>
      </c>
    </row>
    <row r="10367">
      <c r="A10367" s="1">
        <v>4.90471486E8</v>
      </c>
      <c r="B10367" s="2">
        <v>13073.0</v>
      </c>
      <c r="C10367" s="1" t="s">
        <v>5</v>
      </c>
      <c r="D10367" s="1" t="s">
        <v>8790</v>
      </c>
      <c r="E10367" s="1" t="s">
        <v>7</v>
      </c>
    </row>
    <row r="10368">
      <c r="A10368" s="1">
        <v>4.90471498E8</v>
      </c>
      <c r="B10368" s="2">
        <v>13000.0</v>
      </c>
      <c r="C10368" s="1" t="s">
        <v>5</v>
      </c>
      <c r="D10368" s="1" t="s">
        <v>8791</v>
      </c>
      <c r="E10368" s="1" t="s">
        <v>7</v>
      </c>
    </row>
    <row r="10369">
      <c r="A10369" s="1">
        <v>4.904715E8</v>
      </c>
      <c r="B10369" s="2">
        <v>13064.0</v>
      </c>
      <c r="C10369" s="1" t="s">
        <v>5</v>
      </c>
      <c r="D10369" s="1" t="s">
        <v>8792</v>
      </c>
      <c r="E10369" s="1" t="s">
        <v>7</v>
      </c>
    </row>
    <row r="10370">
      <c r="A10370" s="1">
        <v>4.90471501E8</v>
      </c>
      <c r="B10370" s="2">
        <v>13074.0</v>
      </c>
      <c r="C10370" s="1" t="s">
        <v>5</v>
      </c>
      <c r="D10370" s="1" t="s">
        <v>8793</v>
      </c>
      <c r="E10370" s="1" t="s">
        <v>7</v>
      </c>
    </row>
    <row r="10371">
      <c r="A10371" s="1">
        <v>4.90471504E8</v>
      </c>
      <c r="B10371" s="2">
        <v>13048.0</v>
      </c>
      <c r="C10371" s="1" t="s">
        <v>5</v>
      </c>
      <c r="D10371" s="1" t="s">
        <v>11</v>
      </c>
      <c r="E10371" s="1" t="s">
        <v>7</v>
      </c>
    </row>
    <row r="10372">
      <c r="A10372" s="1">
        <v>4.90471524E8</v>
      </c>
      <c r="B10372" s="2">
        <v>13071.0</v>
      </c>
      <c r="C10372" s="1" t="s">
        <v>5</v>
      </c>
      <c r="D10372" s="1" t="s">
        <v>8794</v>
      </c>
      <c r="E10372" s="1" t="s">
        <v>7</v>
      </c>
    </row>
    <row r="10373">
      <c r="A10373" s="1">
        <v>4.90471546E8</v>
      </c>
      <c r="B10373" s="2">
        <v>13005.0</v>
      </c>
      <c r="C10373" s="1" t="s">
        <v>5</v>
      </c>
      <c r="D10373" s="1" t="s">
        <v>8795</v>
      </c>
      <c r="E10373" s="1" t="s">
        <v>7</v>
      </c>
    </row>
    <row r="10374">
      <c r="A10374" s="1">
        <v>4.90471557E8</v>
      </c>
      <c r="B10374" s="2">
        <v>13044.0</v>
      </c>
      <c r="C10374" s="1" t="s">
        <v>5</v>
      </c>
      <c r="D10374" s="1" t="s">
        <v>8796</v>
      </c>
      <c r="E10374" s="1" t="s">
        <v>11</v>
      </c>
    </row>
    <row r="10375">
      <c r="A10375" s="1">
        <v>4.9047156E8</v>
      </c>
      <c r="B10375" s="2">
        <v>13071.0</v>
      </c>
      <c r="C10375" s="1" t="s">
        <v>5</v>
      </c>
      <c r="D10375" s="1" t="s">
        <v>8797</v>
      </c>
      <c r="E10375" s="1" t="s">
        <v>11</v>
      </c>
    </row>
    <row r="10376">
      <c r="A10376" s="1">
        <v>4.90471576E8</v>
      </c>
      <c r="B10376" s="2">
        <v>12945.0</v>
      </c>
      <c r="C10376" s="1" t="s">
        <v>5</v>
      </c>
      <c r="D10376" s="1" t="s">
        <v>8798</v>
      </c>
      <c r="E10376" s="1" t="s">
        <v>7</v>
      </c>
    </row>
    <row r="10377">
      <c r="A10377" s="1">
        <v>4.90471604E8</v>
      </c>
      <c r="B10377" s="2">
        <v>13045.0</v>
      </c>
      <c r="C10377" s="1" t="s">
        <v>5</v>
      </c>
      <c r="D10377" s="1" t="s">
        <v>8799</v>
      </c>
      <c r="E10377" s="1" t="s">
        <v>8800</v>
      </c>
    </row>
    <row r="10378">
      <c r="A10378" s="1">
        <v>4.90471615E8</v>
      </c>
      <c r="B10378" s="2">
        <v>13067.0</v>
      </c>
      <c r="C10378" s="1" t="s">
        <v>5</v>
      </c>
      <c r="D10378" s="1" t="s">
        <v>11</v>
      </c>
      <c r="E10378" s="1" t="s">
        <v>7</v>
      </c>
    </row>
    <row r="10379">
      <c r="A10379" s="1">
        <v>4.90471633E8</v>
      </c>
      <c r="B10379" s="2">
        <v>13068.0</v>
      </c>
      <c r="C10379" s="1" t="s">
        <v>5</v>
      </c>
      <c r="D10379" s="1" t="s">
        <v>8801</v>
      </c>
      <c r="E10379" s="1" t="s">
        <v>11</v>
      </c>
    </row>
    <row r="10380">
      <c r="A10380" s="1">
        <v>4.90471636E8</v>
      </c>
      <c r="B10380" s="2">
        <v>13072.0</v>
      </c>
      <c r="C10380" s="1" t="s">
        <v>5</v>
      </c>
      <c r="D10380" s="1" t="s">
        <v>8802</v>
      </c>
      <c r="E10380" s="1" t="s">
        <v>8803</v>
      </c>
    </row>
    <row r="10381">
      <c r="A10381" s="1">
        <v>4.90471651E8</v>
      </c>
      <c r="B10381" s="2">
        <v>13070.0</v>
      </c>
      <c r="C10381" s="1" t="s">
        <v>5</v>
      </c>
      <c r="D10381" s="1" t="s">
        <v>11</v>
      </c>
      <c r="E10381" s="1" t="s">
        <v>7</v>
      </c>
    </row>
    <row r="10382">
      <c r="A10382" s="1">
        <v>4.9047166E8</v>
      </c>
      <c r="B10382" s="2">
        <v>13070.0</v>
      </c>
      <c r="C10382" s="1" t="s">
        <v>5</v>
      </c>
      <c r="D10382" s="1" t="s">
        <v>8804</v>
      </c>
      <c r="E10382" s="1" t="s">
        <v>7</v>
      </c>
    </row>
    <row r="10383">
      <c r="A10383" s="1">
        <v>4.90471676E8</v>
      </c>
      <c r="B10383" s="2">
        <v>12955.0</v>
      </c>
      <c r="C10383" s="1" t="s">
        <v>5</v>
      </c>
      <c r="D10383" s="1" t="s">
        <v>11</v>
      </c>
      <c r="E10383" s="1" t="s">
        <v>7</v>
      </c>
    </row>
    <row r="10384">
      <c r="A10384" s="1">
        <v>4.90471682E8</v>
      </c>
      <c r="B10384" s="2">
        <v>13074.0</v>
      </c>
      <c r="C10384" s="1" t="s">
        <v>5</v>
      </c>
      <c r="D10384" s="1" t="s">
        <v>8805</v>
      </c>
      <c r="E10384" s="1" t="s">
        <v>8806</v>
      </c>
    </row>
    <row r="10385">
      <c r="A10385" s="1">
        <v>4.90471704E8</v>
      </c>
      <c r="B10385" s="2">
        <v>13004.0</v>
      </c>
      <c r="C10385" s="1" t="s">
        <v>5</v>
      </c>
      <c r="D10385" s="1" t="s">
        <v>8807</v>
      </c>
      <c r="E10385" s="1" t="s">
        <v>11</v>
      </c>
    </row>
    <row r="10386">
      <c r="A10386" s="1">
        <v>4.9047171E8</v>
      </c>
      <c r="B10386" s="2">
        <v>13000.0</v>
      </c>
      <c r="C10386" s="1" t="s">
        <v>5</v>
      </c>
      <c r="D10386" s="1" t="s">
        <v>11</v>
      </c>
      <c r="E10386" s="1" t="s">
        <v>7</v>
      </c>
    </row>
    <row r="10387">
      <c r="A10387" s="1">
        <v>4.90471727E8</v>
      </c>
      <c r="B10387" s="2">
        <v>13065.0</v>
      </c>
      <c r="C10387" s="1" t="s">
        <v>5</v>
      </c>
      <c r="D10387" s="1" t="s">
        <v>11</v>
      </c>
      <c r="E10387" s="1" t="s">
        <v>7</v>
      </c>
    </row>
    <row r="10388">
      <c r="A10388" s="1">
        <v>4.90471743E8</v>
      </c>
      <c r="B10388" s="2">
        <v>13090.0</v>
      </c>
      <c r="C10388" s="1" t="s">
        <v>5</v>
      </c>
      <c r="D10388" s="1" t="s">
        <v>8808</v>
      </c>
      <c r="E10388" s="1" t="s">
        <v>11</v>
      </c>
    </row>
    <row r="10389">
      <c r="A10389" s="1">
        <v>4.90471752E8</v>
      </c>
      <c r="B10389" s="2">
        <v>13070.0</v>
      </c>
      <c r="C10389" s="1" t="s">
        <v>5</v>
      </c>
      <c r="D10389" s="1" t="s">
        <v>8809</v>
      </c>
      <c r="E10389" s="1" t="s">
        <v>11</v>
      </c>
    </row>
    <row r="10390">
      <c r="A10390" s="1">
        <v>4.90471774E8</v>
      </c>
      <c r="B10390" s="2">
        <v>13074.0</v>
      </c>
      <c r="C10390" s="1" t="s">
        <v>5</v>
      </c>
      <c r="D10390" s="1" t="s">
        <v>11</v>
      </c>
      <c r="E10390" s="1" t="s">
        <v>7</v>
      </c>
    </row>
    <row r="10391">
      <c r="A10391" s="1">
        <v>4.90471781E8</v>
      </c>
      <c r="B10391" s="2">
        <v>12999.0</v>
      </c>
      <c r="C10391" s="1" t="s">
        <v>5</v>
      </c>
      <c r="D10391" s="1" t="s">
        <v>8810</v>
      </c>
      <c r="E10391" s="1" t="s">
        <v>7</v>
      </c>
    </row>
    <row r="10392">
      <c r="A10392" s="1">
        <v>4.90471786E8</v>
      </c>
      <c r="B10392" s="2">
        <v>13014.0</v>
      </c>
      <c r="C10392" s="1" t="s">
        <v>5</v>
      </c>
      <c r="D10392" s="1" t="s">
        <v>8811</v>
      </c>
      <c r="E10392" s="1" t="s">
        <v>7</v>
      </c>
    </row>
    <row r="10393">
      <c r="A10393" s="1">
        <v>4.90471792E8</v>
      </c>
      <c r="B10393" s="2">
        <v>13061.0</v>
      </c>
      <c r="C10393" s="1" t="s">
        <v>5</v>
      </c>
      <c r="D10393" s="1" t="s">
        <v>8812</v>
      </c>
      <c r="E10393" s="1" t="s">
        <v>7</v>
      </c>
    </row>
    <row r="10394">
      <c r="A10394" s="1">
        <v>4.90471799E8</v>
      </c>
      <c r="B10394" s="2">
        <v>13042.0</v>
      </c>
      <c r="C10394" s="1" t="s">
        <v>5</v>
      </c>
      <c r="D10394" s="1" t="s">
        <v>8813</v>
      </c>
      <c r="E10394" s="1" t="s">
        <v>11</v>
      </c>
    </row>
    <row r="10395">
      <c r="A10395" s="1">
        <v>4.90471817E8</v>
      </c>
      <c r="B10395" s="2">
        <v>13069.0</v>
      </c>
      <c r="C10395" s="1" t="s">
        <v>5</v>
      </c>
      <c r="D10395" s="1" t="s">
        <v>11</v>
      </c>
      <c r="E10395" s="1" t="s">
        <v>7</v>
      </c>
    </row>
    <row r="10396">
      <c r="A10396" s="1">
        <v>4.90471823E8</v>
      </c>
      <c r="B10396" s="2">
        <v>13042.0</v>
      </c>
      <c r="C10396" s="1" t="s">
        <v>5</v>
      </c>
      <c r="D10396" s="1" t="s">
        <v>8814</v>
      </c>
      <c r="E10396" s="1" t="s">
        <v>7</v>
      </c>
    </row>
    <row r="10397">
      <c r="A10397" s="1">
        <v>4.90471836E8</v>
      </c>
      <c r="B10397" s="2">
        <v>13002.0</v>
      </c>
      <c r="C10397" s="1" t="s">
        <v>5</v>
      </c>
      <c r="D10397" s="1" t="s">
        <v>8815</v>
      </c>
      <c r="E10397" s="1" t="s">
        <v>7</v>
      </c>
    </row>
    <row r="10398">
      <c r="A10398" s="1">
        <v>4.9047184E8</v>
      </c>
      <c r="B10398" s="2">
        <v>13070.0</v>
      </c>
      <c r="C10398" s="1" t="s">
        <v>5</v>
      </c>
      <c r="D10398" s="1" t="s">
        <v>8816</v>
      </c>
      <c r="E10398" s="1" t="s">
        <v>11</v>
      </c>
    </row>
    <row r="10399">
      <c r="A10399" s="1">
        <v>4.90471843E8</v>
      </c>
      <c r="B10399" s="2">
        <v>13042.0</v>
      </c>
      <c r="C10399" s="1" t="s">
        <v>5</v>
      </c>
      <c r="D10399" s="1" t="s">
        <v>8817</v>
      </c>
      <c r="E10399" s="1" t="s">
        <v>11</v>
      </c>
    </row>
    <row r="10400">
      <c r="A10400" s="1">
        <v>4.90471854E8</v>
      </c>
      <c r="B10400" s="2">
        <v>13068.0</v>
      </c>
      <c r="C10400" s="1" t="s">
        <v>5</v>
      </c>
      <c r="D10400" s="1" t="s">
        <v>8818</v>
      </c>
      <c r="E10400" s="1" t="s">
        <v>7</v>
      </c>
    </row>
    <row r="10401">
      <c r="A10401" s="1">
        <v>4.90471866E8</v>
      </c>
      <c r="B10401" s="2">
        <v>13042.0</v>
      </c>
      <c r="C10401" s="1" t="s">
        <v>5</v>
      </c>
      <c r="D10401" s="1" t="s">
        <v>8819</v>
      </c>
      <c r="E10401" s="1" t="s">
        <v>11</v>
      </c>
    </row>
    <row r="10402">
      <c r="A10402" s="1">
        <v>4.90471883E8</v>
      </c>
      <c r="B10402" s="2">
        <v>13071.0</v>
      </c>
      <c r="C10402" s="1" t="s">
        <v>5</v>
      </c>
      <c r="D10402" s="1" t="s">
        <v>8820</v>
      </c>
      <c r="E10402" s="1" t="s">
        <v>7</v>
      </c>
    </row>
    <row r="10403">
      <c r="A10403" s="1">
        <v>4.90471907E8</v>
      </c>
      <c r="B10403" s="2">
        <v>13068.0</v>
      </c>
      <c r="C10403" s="1" t="s">
        <v>5</v>
      </c>
      <c r="D10403" s="1" t="s">
        <v>8821</v>
      </c>
      <c r="E10403" s="1" t="s">
        <v>11</v>
      </c>
    </row>
    <row r="10404">
      <c r="A10404" s="1">
        <v>4.90471915E8</v>
      </c>
      <c r="B10404" s="2">
        <v>13003.0</v>
      </c>
      <c r="C10404" s="1" t="s">
        <v>5</v>
      </c>
      <c r="D10404" s="1" t="s">
        <v>8822</v>
      </c>
      <c r="E10404" s="1" t="s">
        <v>7</v>
      </c>
    </row>
    <row r="10405">
      <c r="A10405" s="1">
        <v>4.90471928E8</v>
      </c>
      <c r="B10405" s="2">
        <v>13001.0</v>
      </c>
      <c r="C10405" s="1" t="s">
        <v>5</v>
      </c>
      <c r="D10405" s="1" t="s">
        <v>8823</v>
      </c>
      <c r="E10405" s="1" t="s">
        <v>7</v>
      </c>
    </row>
    <row r="10406">
      <c r="A10406" s="1">
        <v>4.90471951E8</v>
      </c>
      <c r="B10406" s="2">
        <v>13071.0</v>
      </c>
      <c r="C10406" s="1" t="s">
        <v>5</v>
      </c>
      <c r="D10406" s="1" t="s">
        <v>8824</v>
      </c>
      <c r="E10406" s="1" t="s">
        <v>11</v>
      </c>
    </row>
    <row r="10407">
      <c r="A10407" s="1">
        <v>4.90471955E8</v>
      </c>
      <c r="B10407" s="2">
        <v>13003.0</v>
      </c>
      <c r="C10407" s="1" t="s">
        <v>5</v>
      </c>
      <c r="D10407" s="1" t="s">
        <v>11</v>
      </c>
      <c r="E10407" s="1" t="s">
        <v>7</v>
      </c>
    </row>
    <row r="10408">
      <c r="A10408" s="1">
        <v>4.90471971E8</v>
      </c>
      <c r="B10408" s="2">
        <v>13039.0</v>
      </c>
      <c r="C10408" s="1" t="s">
        <v>5</v>
      </c>
      <c r="D10408" s="1" t="s">
        <v>8825</v>
      </c>
      <c r="E10408" s="1" t="s">
        <v>8826</v>
      </c>
    </row>
    <row r="10409">
      <c r="A10409" s="1">
        <v>4.90471975E8</v>
      </c>
      <c r="B10409" s="2">
        <v>13001.0</v>
      </c>
      <c r="C10409" s="1" t="s">
        <v>5</v>
      </c>
      <c r="D10409" s="1" t="s">
        <v>8827</v>
      </c>
      <c r="E10409" s="1" t="s">
        <v>7</v>
      </c>
    </row>
    <row r="10410">
      <c r="A10410" s="1">
        <v>4.90471981E8</v>
      </c>
      <c r="B10410" s="2">
        <v>13066.0</v>
      </c>
      <c r="C10410" s="1" t="s">
        <v>5</v>
      </c>
      <c r="D10410" s="1" t="s">
        <v>11</v>
      </c>
      <c r="E10410" s="1" t="s">
        <v>7</v>
      </c>
    </row>
    <row r="10411">
      <c r="A10411" s="1">
        <v>4.90471984E8</v>
      </c>
      <c r="B10411" s="2">
        <v>13060.0</v>
      </c>
      <c r="C10411" s="1" t="s">
        <v>5</v>
      </c>
      <c r="D10411" s="1" t="s">
        <v>8828</v>
      </c>
      <c r="E10411" s="1" t="s">
        <v>7</v>
      </c>
    </row>
    <row r="10412">
      <c r="A10412" s="1">
        <v>4.90471993E8</v>
      </c>
      <c r="B10412" s="2">
        <v>13070.0</v>
      </c>
      <c r="C10412" s="1" t="s">
        <v>5</v>
      </c>
      <c r="D10412" s="1" t="s">
        <v>8829</v>
      </c>
      <c r="E10412" s="1" t="s">
        <v>11</v>
      </c>
    </row>
    <row r="10413">
      <c r="A10413" s="1">
        <v>4.90472004E8</v>
      </c>
      <c r="B10413" s="2">
        <v>13039.0</v>
      </c>
      <c r="C10413" s="1" t="s">
        <v>5</v>
      </c>
      <c r="D10413" s="1" t="s">
        <v>8830</v>
      </c>
      <c r="E10413" s="1" t="s">
        <v>7</v>
      </c>
    </row>
    <row r="10414">
      <c r="A10414" s="1">
        <v>4.90472006E8</v>
      </c>
      <c r="B10414" s="2">
        <v>13003.0</v>
      </c>
      <c r="C10414" s="1" t="s">
        <v>5</v>
      </c>
      <c r="D10414" s="1" t="s">
        <v>8831</v>
      </c>
      <c r="E10414" s="1" t="s">
        <v>7</v>
      </c>
    </row>
    <row r="10415">
      <c r="A10415" s="1">
        <v>4.90472053E8</v>
      </c>
      <c r="B10415" s="2">
        <v>13003.0</v>
      </c>
      <c r="C10415" s="1" t="s">
        <v>5</v>
      </c>
      <c r="D10415" s="1" t="s">
        <v>8832</v>
      </c>
      <c r="E10415" s="1" t="s">
        <v>7</v>
      </c>
    </row>
    <row r="10416">
      <c r="A10416" s="1">
        <v>4.9047206E8</v>
      </c>
      <c r="B10416" s="2">
        <v>13069.0</v>
      </c>
      <c r="C10416" s="1" t="s">
        <v>5</v>
      </c>
      <c r="D10416" s="1" t="s">
        <v>8833</v>
      </c>
      <c r="E10416" s="1" t="s">
        <v>7</v>
      </c>
    </row>
    <row r="10417">
      <c r="A10417" s="1">
        <v>4.90472062E8</v>
      </c>
      <c r="B10417" s="2">
        <v>13042.0</v>
      </c>
      <c r="C10417" s="1" t="s">
        <v>5</v>
      </c>
      <c r="D10417" s="1" t="s">
        <v>8834</v>
      </c>
      <c r="E10417" s="1" t="s">
        <v>7</v>
      </c>
    </row>
    <row r="10418">
      <c r="A10418" s="1">
        <v>4.90472093E8</v>
      </c>
      <c r="B10418" s="2">
        <v>13000.0</v>
      </c>
      <c r="C10418" s="1" t="s">
        <v>5</v>
      </c>
      <c r="D10418" s="1" t="s">
        <v>8835</v>
      </c>
      <c r="E10418" s="1" t="s">
        <v>7</v>
      </c>
    </row>
    <row r="10419">
      <c r="A10419" s="1">
        <v>4.90472122E8</v>
      </c>
      <c r="B10419" s="2">
        <v>13042.0</v>
      </c>
      <c r="C10419" s="1" t="s">
        <v>5</v>
      </c>
      <c r="D10419" s="1" t="s">
        <v>11</v>
      </c>
      <c r="E10419" s="1" t="s">
        <v>7</v>
      </c>
    </row>
    <row r="10420">
      <c r="A10420" s="1">
        <v>4.90472126E8</v>
      </c>
      <c r="B10420" s="2">
        <v>13001.0</v>
      </c>
      <c r="C10420" s="1" t="s">
        <v>5</v>
      </c>
      <c r="D10420" s="1" t="s">
        <v>8836</v>
      </c>
      <c r="E10420" s="1" t="s">
        <v>8837</v>
      </c>
    </row>
    <row r="10421">
      <c r="A10421" s="1">
        <v>4.90472143E8</v>
      </c>
      <c r="B10421" s="2">
        <v>13067.0</v>
      </c>
      <c r="C10421" s="1" t="s">
        <v>5</v>
      </c>
      <c r="D10421" s="1" t="s">
        <v>7</v>
      </c>
      <c r="E10421" s="1" t="s">
        <v>7</v>
      </c>
    </row>
    <row r="10422">
      <c r="A10422" s="1">
        <v>4.90472191E8</v>
      </c>
      <c r="B10422" s="2">
        <v>12997.0</v>
      </c>
      <c r="C10422" s="1" t="s">
        <v>5</v>
      </c>
      <c r="D10422" s="1" t="s">
        <v>8838</v>
      </c>
      <c r="E10422" s="1" t="s">
        <v>7</v>
      </c>
    </row>
    <row r="10423">
      <c r="A10423" s="1">
        <v>4.90472217E8</v>
      </c>
      <c r="B10423" s="2">
        <v>13066.0</v>
      </c>
      <c r="C10423" s="1" t="s">
        <v>5</v>
      </c>
      <c r="D10423" s="1" t="s">
        <v>8839</v>
      </c>
      <c r="E10423" s="1" t="s">
        <v>7</v>
      </c>
    </row>
    <row r="10424">
      <c r="A10424" s="1">
        <v>4.90472221E8</v>
      </c>
      <c r="B10424" s="2">
        <v>13070.0</v>
      </c>
      <c r="C10424" s="1" t="s">
        <v>5</v>
      </c>
      <c r="D10424" s="1" t="s">
        <v>8840</v>
      </c>
      <c r="E10424" s="1" t="s">
        <v>7</v>
      </c>
    </row>
    <row r="10425">
      <c r="A10425" s="1">
        <v>4.9047225E8</v>
      </c>
      <c r="B10425" s="2">
        <v>13068.0</v>
      </c>
      <c r="C10425" s="1" t="s">
        <v>5</v>
      </c>
      <c r="D10425" s="1" t="s">
        <v>11</v>
      </c>
      <c r="E10425" s="1" t="s">
        <v>7</v>
      </c>
    </row>
    <row r="10426">
      <c r="A10426" s="1">
        <v>4.90472285E8</v>
      </c>
      <c r="B10426" s="2">
        <v>13010.0</v>
      </c>
      <c r="C10426" s="1" t="s">
        <v>5</v>
      </c>
      <c r="D10426" s="1" t="s">
        <v>8841</v>
      </c>
      <c r="E10426" s="1" t="s">
        <v>11</v>
      </c>
    </row>
    <row r="10427">
      <c r="A10427" s="1">
        <v>4.90472291E8</v>
      </c>
      <c r="B10427" s="2">
        <v>13057.0</v>
      </c>
      <c r="C10427" s="1" t="s">
        <v>5</v>
      </c>
      <c r="D10427" s="1" t="s">
        <v>8842</v>
      </c>
      <c r="E10427" s="1" t="s">
        <v>7</v>
      </c>
    </row>
    <row r="10428">
      <c r="A10428" s="1">
        <v>4.90472341E8</v>
      </c>
      <c r="B10428" s="2">
        <v>13070.0</v>
      </c>
      <c r="C10428" s="1" t="s">
        <v>5</v>
      </c>
      <c r="D10428" s="1" t="s">
        <v>11</v>
      </c>
      <c r="E10428" s="1" t="s">
        <v>7</v>
      </c>
    </row>
    <row r="10429">
      <c r="A10429" s="1">
        <v>4.9047235E8</v>
      </c>
      <c r="B10429" s="2">
        <v>13064.0</v>
      </c>
      <c r="C10429" s="1" t="s">
        <v>5</v>
      </c>
      <c r="D10429" s="1" t="s">
        <v>11</v>
      </c>
      <c r="E10429" s="1" t="s">
        <v>7</v>
      </c>
    </row>
    <row r="10430">
      <c r="A10430" s="1">
        <v>4.90472364E8</v>
      </c>
      <c r="B10430" s="2">
        <v>13068.0</v>
      </c>
      <c r="C10430" s="1" t="s">
        <v>5</v>
      </c>
      <c r="D10430" s="1" t="s">
        <v>11</v>
      </c>
      <c r="E10430" s="1" t="s">
        <v>7</v>
      </c>
    </row>
    <row r="10431">
      <c r="A10431" s="1">
        <v>4.90472371E8</v>
      </c>
      <c r="B10431" s="2">
        <v>13068.0</v>
      </c>
      <c r="C10431" s="1" t="s">
        <v>5</v>
      </c>
      <c r="D10431" s="1" t="s">
        <v>8843</v>
      </c>
      <c r="E10431" s="1" t="s">
        <v>7</v>
      </c>
    </row>
    <row r="10432">
      <c r="A10432" s="1">
        <v>4.90472392E8</v>
      </c>
      <c r="B10432" s="2">
        <v>13064.0</v>
      </c>
      <c r="C10432" s="1" t="s">
        <v>5</v>
      </c>
      <c r="D10432" s="1" t="s">
        <v>8844</v>
      </c>
      <c r="E10432" s="1" t="s">
        <v>11</v>
      </c>
    </row>
    <row r="10433">
      <c r="A10433" s="1">
        <v>4.90472401E8</v>
      </c>
      <c r="B10433" s="2">
        <v>13104.0</v>
      </c>
      <c r="C10433" s="1" t="s">
        <v>5</v>
      </c>
      <c r="D10433" s="1" t="s">
        <v>8845</v>
      </c>
      <c r="E10433" s="1" t="s">
        <v>7</v>
      </c>
    </row>
    <row r="10434">
      <c r="A10434" s="1">
        <v>4.90472407E8</v>
      </c>
      <c r="B10434" s="2">
        <v>13090.0</v>
      </c>
      <c r="C10434" s="1" t="s">
        <v>5</v>
      </c>
      <c r="D10434" s="1" t="s">
        <v>8846</v>
      </c>
      <c r="E10434" s="1" t="s">
        <v>7</v>
      </c>
    </row>
    <row r="10435">
      <c r="A10435" s="1">
        <v>4.90472424E8</v>
      </c>
      <c r="B10435" s="2">
        <v>13069.0</v>
      </c>
      <c r="C10435" s="1" t="s">
        <v>5</v>
      </c>
      <c r="D10435" s="1" t="s">
        <v>8847</v>
      </c>
      <c r="E10435" s="1" t="s">
        <v>8848</v>
      </c>
    </row>
    <row r="10436">
      <c r="A10436" s="1">
        <v>4.90472447E8</v>
      </c>
      <c r="B10436" s="2">
        <v>13067.0</v>
      </c>
      <c r="C10436" s="1" t="s">
        <v>5</v>
      </c>
      <c r="D10436" s="1" t="s">
        <v>8849</v>
      </c>
      <c r="E10436" s="1" t="s">
        <v>7</v>
      </c>
    </row>
    <row r="10437">
      <c r="A10437" s="1">
        <v>4.90472454E8</v>
      </c>
      <c r="B10437" s="2">
        <v>13090.0</v>
      </c>
      <c r="C10437" s="1" t="s">
        <v>5</v>
      </c>
      <c r="D10437" s="1" t="s">
        <v>8850</v>
      </c>
      <c r="E10437" s="1" t="s">
        <v>11</v>
      </c>
    </row>
    <row r="10438">
      <c r="A10438" s="1">
        <v>4.90472455E8</v>
      </c>
      <c r="B10438" s="2">
        <v>13004.0</v>
      </c>
      <c r="C10438" s="1" t="s">
        <v>5</v>
      </c>
      <c r="D10438" s="1" t="s">
        <v>8851</v>
      </c>
      <c r="E10438" s="1" t="s">
        <v>7</v>
      </c>
    </row>
    <row r="10439">
      <c r="A10439" s="1">
        <v>4.9047247E8</v>
      </c>
      <c r="B10439" s="2">
        <v>13061.0</v>
      </c>
      <c r="C10439" s="1" t="s">
        <v>5</v>
      </c>
      <c r="D10439" s="1" t="s">
        <v>8852</v>
      </c>
      <c r="E10439" s="1" t="s">
        <v>7</v>
      </c>
    </row>
    <row r="10440">
      <c r="A10440" s="1">
        <v>4.90472474E8</v>
      </c>
      <c r="B10440" s="2">
        <v>13069.0</v>
      </c>
      <c r="C10440" s="1" t="s">
        <v>5</v>
      </c>
      <c r="D10440" s="1" t="s">
        <v>8853</v>
      </c>
      <c r="E10440" s="1" t="s">
        <v>7</v>
      </c>
    </row>
    <row r="10441">
      <c r="A10441" s="1">
        <v>4.90472505E8</v>
      </c>
      <c r="B10441" s="2">
        <v>13039.0</v>
      </c>
      <c r="C10441" s="1" t="s">
        <v>5</v>
      </c>
      <c r="D10441" s="1" t="s">
        <v>8854</v>
      </c>
      <c r="E10441" s="1" t="s">
        <v>7</v>
      </c>
    </row>
    <row r="10442">
      <c r="A10442" s="1">
        <v>4.90472511E8</v>
      </c>
      <c r="B10442" s="2">
        <v>12997.0</v>
      </c>
      <c r="C10442" s="1" t="s">
        <v>5</v>
      </c>
      <c r="D10442" s="1" t="s">
        <v>11</v>
      </c>
      <c r="E10442" s="1" t="s">
        <v>7</v>
      </c>
    </row>
    <row r="10443">
      <c r="A10443" s="1">
        <v>4.9047256E8</v>
      </c>
      <c r="B10443" s="2">
        <v>12998.0</v>
      </c>
      <c r="C10443" s="1" t="s">
        <v>5</v>
      </c>
      <c r="D10443" s="1" t="s">
        <v>11</v>
      </c>
      <c r="E10443" s="1" t="s">
        <v>7</v>
      </c>
    </row>
    <row r="10444">
      <c r="A10444" s="1">
        <v>4.90472563E8</v>
      </c>
      <c r="B10444" s="2">
        <v>13056.0</v>
      </c>
      <c r="C10444" s="1" t="s">
        <v>5</v>
      </c>
      <c r="D10444" s="1" t="s">
        <v>8855</v>
      </c>
      <c r="E10444" s="1" t="s">
        <v>11</v>
      </c>
    </row>
    <row r="10445">
      <c r="A10445" s="1">
        <v>4.90472591E8</v>
      </c>
      <c r="B10445" s="2">
        <v>13068.0</v>
      </c>
      <c r="C10445" s="1" t="s">
        <v>5</v>
      </c>
      <c r="D10445" s="1" t="s">
        <v>8856</v>
      </c>
      <c r="E10445" s="1" t="s">
        <v>7</v>
      </c>
    </row>
    <row r="10446">
      <c r="A10446" s="1">
        <v>4.90472607E8</v>
      </c>
      <c r="B10446" s="2">
        <v>13008.0</v>
      </c>
      <c r="C10446" s="1" t="s">
        <v>5</v>
      </c>
      <c r="D10446" s="1" t="s">
        <v>11</v>
      </c>
      <c r="E10446" s="1" t="s">
        <v>7</v>
      </c>
    </row>
    <row r="10447">
      <c r="A10447" s="1">
        <v>4.90472621E8</v>
      </c>
      <c r="B10447" s="2">
        <v>13067.0</v>
      </c>
      <c r="C10447" s="1" t="s">
        <v>5</v>
      </c>
      <c r="D10447" s="1" t="s">
        <v>11</v>
      </c>
      <c r="E10447" s="1" t="s">
        <v>7</v>
      </c>
    </row>
    <row r="10448">
      <c r="A10448" s="1">
        <v>4.90472627E8</v>
      </c>
      <c r="B10448" s="2">
        <v>13115.0</v>
      </c>
      <c r="C10448" s="1" t="s">
        <v>5</v>
      </c>
      <c r="D10448" s="1" t="s">
        <v>8857</v>
      </c>
      <c r="E10448" s="1" t="s">
        <v>8858</v>
      </c>
    </row>
    <row r="10449">
      <c r="A10449" s="1">
        <v>4.90472644E8</v>
      </c>
      <c r="B10449" s="2">
        <v>13037.0</v>
      </c>
      <c r="C10449" s="1" t="s">
        <v>5</v>
      </c>
      <c r="D10449" s="1" t="s">
        <v>8859</v>
      </c>
      <c r="E10449" s="1" t="s">
        <v>7</v>
      </c>
    </row>
    <row r="10450">
      <c r="A10450" s="1">
        <v>4.90472648E8</v>
      </c>
      <c r="B10450" s="2">
        <v>13104.0</v>
      </c>
      <c r="C10450" s="1" t="s">
        <v>5</v>
      </c>
      <c r="D10450" s="1" t="s">
        <v>8860</v>
      </c>
      <c r="E10450" s="1" t="s">
        <v>7</v>
      </c>
    </row>
    <row r="10451">
      <c r="A10451" s="1">
        <v>4.90472658E8</v>
      </c>
      <c r="B10451" s="2">
        <v>13066.0</v>
      </c>
      <c r="C10451" s="1" t="s">
        <v>5</v>
      </c>
      <c r="D10451" s="1" t="s">
        <v>8861</v>
      </c>
      <c r="E10451" s="1" t="s">
        <v>7</v>
      </c>
    </row>
    <row r="10452">
      <c r="A10452" s="1">
        <v>4.90472664E8</v>
      </c>
      <c r="B10452" s="2">
        <v>13104.0</v>
      </c>
      <c r="C10452" s="1" t="s">
        <v>5</v>
      </c>
      <c r="D10452" s="1" t="s">
        <v>8862</v>
      </c>
      <c r="E10452" s="1" t="s">
        <v>7</v>
      </c>
    </row>
    <row r="10453">
      <c r="A10453" s="1">
        <v>4.90472669E8</v>
      </c>
      <c r="B10453" s="2">
        <v>13056.0</v>
      </c>
      <c r="C10453" s="1" t="s">
        <v>5</v>
      </c>
      <c r="D10453" s="1" t="s">
        <v>8863</v>
      </c>
      <c r="E10453" s="1" t="s">
        <v>7</v>
      </c>
    </row>
    <row r="10454">
      <c r="A10454" s="1">
        <v>4.90472697E8</v>
      </c>
      <c r="B10454" s="2">
        <v>13070.0</v>
      </c>
      <c r="C10454" s="1" t="s">
        <v>5</v>
      </c>
      <c r="D10454" s="1" t="s">
        <v>8864</v>
      </c>
      <c r="E10454" s="1" t="s">
        <v>7</v>
      </c>
    </row>
    <row r="10455">
      <c r="A10455" s="1">
        <v>4.904727E8</v>
      </c>
      <c r="B10455" s="2">
        <v>13033.0</v>
      </c>
      <c r="C10455" s="1" t="s">
        <v>5</v>
      </c>
      <c r="D10455" s="1" t="s">
        <v>8865</v>
      </c>
      <c r="E10455" s="1" t="s">
        <v>7</v>
      </c>
    </row>
    <row r="10456">
      <c r="A10456" s="1">
        <v>4.90472707E8</v>
      </c>
      <c r="B10456" s="2">
        <v>13040.0</v>
      </c>
      <c r="C10456" s="1" t="s">
        <v>5</v>
      </c>
      <c r="D10456" s="1" t="s">
        <v>8866</v>
      </c>
      <c r="E10456" s="1" t="s">
        <v>7</v>
      </c>
    </row>
    <row r="10457">
      <c r="A10457" s="1">
        <v>4.90472734E8</v>
      </c>
      <c r="B10457" s="2">
        <v>12997.0</v>
      </c>
      <c r="C10457" s="1" t="s">
        <v>5</v>
      </c>
      <c r="D10457" s="1" t="s">
        <v>8867</v>
      </c>
      <c r="E10457" s="1" t="s">
        <v>11</v>
      </c>
    </row>
    <row r="10458">
      <c r="A10458" s="1">
        <v>4.90472772E8</v>
      </c>
      <c r="B10458" s="2">
        <v>12998.0</v>
      </c>
      <c r="C10458" s="1" t="s">
        <v>5</v>
      </c>
      <c r="D10458" s="1" t="s">
        <v>8868</v>
      </c>
      <c r="E10458" s="1" t="s">
        <v>7</v>
      </c>
    </row>
    <row r="10459">
      <c r="A10459" s="1">
        <v>4.9047281E8</v>
      </c>
      <c r="B10459" s="2">
        <v>13060.0</v>
      </c>
      <c r="C10459" s="1" t="s">
        <v>5</v>
      </c>
      <c r="D10459" s="1" t="s">
        <v>8869</v>
      </c>
      <c r="E10459" s="1" t="s">
        <v>11</v>
      </c>
    </row>
    <row r="10460">
      <c r="A10460" s="1">
        <v>4.90472823E8</v>
      </c>
      <c r="B10460" s="2">
        <v>13066.0</v>
      </c>
      <c r="C10460" s="1" t="s">
        <v>5</v>
      </c>
      <c r="D10460" s="1" t="s">
        <v>8870</v>
      </c>
      <c r="E10460" s="1" t="s">
        <v>7</v>
      </c>
    </row>
    <row r="10461">
      <c r="A10461" s="1">
        <v>4.90472829E8</v>
      </c>
      <c r="B10461" s="2">
        <v>13058.0</v>
      </c>
      <c r="C10461" s="1" t="s">
        <v>5</v>
      </c>
      <c r="D10461" s="1" t="s">
        <v>8871</v>
      </c>
      <c r="E10461" s="1" t="s">
        <v>11</v>
      </c>
    </row>
    <row r="10462">
      <c r="A10462" s="1">
        <v>4.90472833E8</v>
      </c>
      <c r="B10462" s="2">
        <v>12999.0</v>
      </c>
      <c r="C10462" s="1" t="s">
        <v>5</v>
      </c>
      <c r="D10462" s="1" t="s">
        <v>8872</v>
      </c>
      <c r="E10462" s="1" t="s">
        <v>7</v>
      </c>
    </row>
    <row r="10463">
      <c r="A10463" s="1">
        <v>4.90472861E8</v>
      </c>
      <c r="B10463" s="2">
        <v>13070.0</v>
      </c>
      <c r="C10463" s="1" t="s">
        <v>5</v>
      </c>
      <c r="D10463" s="1" t="s">
        <v>8873</v>
      </c>
      <c r="E10463" s="1" t="s">
        <v>7</v>
      </c>
    </row>
    <row r="10464">
      <c r="A10464" s="1">
        <v>4.90472862E8</v>
      </c>
      <c r="B10464" s="2">
        <v>13007.0</v>
      </c>
      <c r="C10464" s="1" t="s">
        <v>5</v>
      </c>
      <c r="D10464" s="1" t="s">
        <v>8874</v>
      </c>
      <c r="E10464" s="1" t="s">
        <v>7</v>
      </c>
    </row>
    <row r="10465">
      <c r="A10465" s="1">
        <v>4.90472864E8</v>
      </c>
      <c r="B10465" s="2">
        <v>13066.0</v>
      </c>
      <c r="C10465" s="1" t="s">
        <v>5</v>
      </c>
      <c r="D10465" s="1" t="s">
        <v>8875</v>
      </c>
      <c r="E10465" s="1" t="s">
        <v>8876</v>
      </c>
    </row>
    <row r="10466">
      <c r="A10466" s="1">
        <v>4.90472874E8</v>
      </c>
      <c r="B10466" s="2">
        <v>13029.0</v>
      </c>
      <c r="C10466" s="1" t="s">
        <v>5</v>
      </c>
      <c r="D10466" s="1" t="s">
        <v>11</v>
      </c>
      <c r="E10466" s="1" t="s">
        <v>7</v>
      </c>
    </row>
    <row r="10467">
      <c r="A10467" s="1">
        <v>4.9047289E8</v>
      </c>
      <c r="B10467" s="2">
        <v>13118.0</v>
      </c>
      <c r="C10467" s="1" t="s">
        <v>5</v>
      </c>
      <c r="D10467" s="1" t="s">
        <v>8877</v>
      </c>
      <c r="E10467" s="1" t="s">
        <v>7</v>
      </c>
    </row>
    <row r="10468">
      <c r="A10468" s="1">
        <v>4.904729E8</v>
      </c>
      <c r="B10468" s="2">
        <v>13054.0</v>
      </c>
      <c r="C10468" s="1" t="s">
        <v>5</v>
      </c>
      <c r="D10468" s="1" t="s">
        <v>8878</v>
      </c>
      <c r="E10468" s="1" t="s">
        <v>8879</v>
      </c>
    </row>
    <row r="10469">
      <c r="A10469" s="1">
        <v>4.90472905E8</v>
      </c>
      <c r="B10469" s="2">
        <v>13065.0</v>
      </c>
      <c r="C10469" s="1" t="s">
        <v>5</v>
      </c>
      <c r="D10469" s="1" t="s">
        <v>8880</v>
      </c>
      <c r="E10469" s="1" t="s">
        <v>7</v>
      </c>
    </row>
    <row r="10470">
      <c r="A10470" s="1">
        <v>4.90472926E8</v>
      </c>
      <c r="B10470" s="2">
        <v>13066.0</v>
      </c>
      <c r="C10470" s="1" t="s">
        <v>5</v>
      </c>
      <c r="D10470" s="1" t="s">
        <v>8881</v>
      </c>
      <c r="E10470" s="1" t="s">
        <v>7</v>
      </c>
    </row>
    <row r="10471">
      <c r="A10471" s="1">
        <v>4.90472981E8</v>
      </c>
      <c r="B10471" s="2">
        <v>13114.0</v>
      </c>
      <c r="C10471" s="1" t="s">
        <v>5</v>
      </c>
      <c r="D10471" s="1" t="s">
        <v>8882</v>
      </c>
      <c r="E10471" s="1" t="s">
        <v>11</v>
      </c>
    </row>
    <row r="10472">
      <c r="A10472" s="1">
        <v>4.90472991E8</v>
      </c>
      <c r="B10472" s="2">
        <v>13065.0</v>
      </c>
      <c r="C10472" s="1" t="s">
        <v>5</v>
      </c>
      <c r="D10472" s="1" t="s">
        <v>8883</v>
      </c>
      <c r="E10472" s="1" t="s">
        <v>8884</v>
      </c>
    </row>
    <row r="10473">
      <c r="A10473" s="1">
        <v>4.90473001E8</v>
      </c>
      <c r="B10473" s="2">
        <v>13064.0</v>
      </c>
      <c r="C10473" s="1" t="s">
        <v>5</v>
      </c>
      <c r="D10473" s="1" t="s">
        <v>8885</v>
      </c>
      <c r="E10473" s="1" t="s">
        <v>7</v>
      </c>
    </row>
    <row r="10474">
      <c r="A10474" s="1">
        <v>4.90473005E8</v>
      </c>
      <c r="B10474" s="2">
        <v>13067.0</v>
      </c>
      <c r="C10474" s="1" t="s">
        <v>5</v>
      </c>
      <c r="D10474" s="1" t="s">
        <v>8886</v>
      </c>
      <c r="E10474" s="1" t="s">
        <v>7</v>
      </c>
    </row>
    <row r="10475">
      <c r="A10475" s="1">
        <v>4.90473039E8</v>
      </c>
      <c r="B10475" s="2">
        <v>13116.0</v>
      </c>
      <c r="C10475" s="1" t="s">
        <v>5</v>
      </c>
      <c r="D10475" s="1" t="s">
        <v>8887</v>
      </c>
      <c r="E10475" s="1" t="s">
        <v>11</v>
      </c>
    </row>
    <row r="10476">
      <c r="A10476" s="1">
        <v>4.9047305E8</v>
      </c>
      <c r="B10476" s="2">
        <v>13058.0</v>
      </c>
      <c r="C10476" s="1" t="s">
        <v>5</v>
      </c>
      <c r="D10476" s="1" t="s">
        <v>8888</v>
      </c>
      <c r="E10476" s="1" t="s">
        <v>7</v>
      </c>
    </row>
    <row r="10477">
      <c r="A10477" s="1">
        <v>4.90473055E8</v>
      </c>
      <c r="B10477" s="2">
        <v>13068.0</v>
      </c>
      <c r="C10477" s="1" t="s">
        <v>5</v>
      </c>
      <c r="D10477" s="1" t="s">
        <v>8889</v>
      </c>
      <c r="E10477" s="1" t="s">
        <v>8890</v>
      </c>
    </row>
    <row r="10478">
      <c r="A10478" s="1">
        <v>4.90473077E8</v>
      </c>
      <c r="B10478" s="2">
        <v>13065.0</v>
      </c>
      <c r="C10478" s="1" t="s">
        <v>5</v>
      </c>
      <c r="D10478" s="1" t="s">
        <v>8891</v>
      </c>
      <c r="E10478" s="1" t="s">
        <v>7</v>
      </c>
    </row>
    <row r="10479">
      <c r="A10479" s="1">
        <v>4.90473104E8</v>
      </c>
      <c r="B10479" s="2">
        <v>13004.0</v>
      </c>
      <c r="C10479" s="1" t="s">
        <v>5</v>
      </c>
      <c r="D10479" s="1" t="s">
        <v>8892</v>
      </c>
      <c r="E10479" s="1" t="s">
        <v>7</v>
      </c>
    </row>
    <row r="10480">
      <c r="A10480" s="1">
        <v>4.90473107E8</v>
      </c>
      <c r="B10480" s="2">
        <v>13113.0</v>
      </c>
      <c r="C10480" s="1" t="s">
        <v>5</v>
      </c>
      <c r="D10480" s="1" t="s">
        <v>8893</v>
      </c>
      <c r="E10480" s="1" t="s">
        <v>7</v>
      </c>
    </row>
    <row r="10481">
      <c r="A10481" s="1">
        <v>4.90473117E8</v>
      </c>
      <c r="B10481" s="2">
        <v>13037.0</v>
      </c>
      <c r="C10481" s="1" t="s">
        <v>5</v>
      </c>
      <c r="D10481" s="1" t="s">
        <v>8894</v>
      </c>
      <c r="E10481" s="1" t="s">
        <v>7</v>
      </c>
    </row>
    <row r="10482">
      <c r="A10482" s="1">
        <v>4.90473131E8</v>
      </c>
      <c r="B10482" s="2">
        <v>13067.0</v>
      </c>
      <c r="C10482" s="1" t="s">
        <v>5</v>
      </c>
      <c r="D10482" s="1" t="s">
        <v>11</v>
      </c>
      <c r="E10482" s="1" t="s">
        <v>7</v>
      </c>
    </row>
    <row r="10483">
      <c r="A10483" s="1">
        <v>4.90473141E8</v>
      </c>
      <c r="B10483" s="2">
        <v>13116.0</v>
      </c>
      <c r="C10483" s="1" t="s">
        <v>5</v>
      </c>
      <c r="D10483" s="1" t="s">
        <v>8895</v>
      </c>
      <c r="E10483" s="1" t="s">
        <v>7</v>
      </c>
    </row>
    <row r="10484">
      <c r="A10484" s="1">
        <v>4.90473144E8</v>
      </c>
      <c r="B10484" s="2">
        <v>13068.0</v>
      </c>
      <c r="C10484" s="1" t="s">
        <v>5</v>
      </c>
      <c r="D10484" s="1" t="s">
        <v>8896</v>
      </c>
      <c r="E10484" s="1" t="s">
        <v>11</v>
      </c>
    </row>
    <row r="10485">
      <c r="A10485" s="1">
        <v>4.90473161E8</v>
      </c>
      <c r="B10485" s="2">
        <v>13057.0</v>
      </c>
      <c r="C10485" s="1" t="s">
        <v>5</v>
      </c>
      <c r="D10485" s="1" t="s">
        <v>8897</v>
      </c>
      <c r="E10485" s="1" t="s">
        <v>7</v>
      </c>
    </row>
    <row r="10486">
      <c r="A10486" s="1">
        <v>4.90473199E8</v>
      </c>
      <c r="B10486" s="2">
        <v>13060.0</v>
      </c>
      <c r="C10486" s="1" t="s">
        <v>5</v>
      </c>
      <c r="D10486" s="1" t="s">
        <v>11</v>
      </c>
      <c r="E10486" s="1" t="s">
        <v>7</v>
      </c>
    </row>
    <row r="10487">
      <c r="A10487" s="1">
        <v>4.90473214E8</v>
      </c>
      <c r="B10487" s="2">
        <v>12997.0</v>
      </c>
      <c r="C10487" s="1" t="s">
        <v>5</v>
      </c>
      <c r="D10487" s="1" t="s">
        <v>8898</v>
      </c>
      <c r="E10487" s="1" t="s">
        <v>11</v>
      </c>
    </row>
    <row r="10488">
      <c r="A10488" s="1">
        <v>4.90473253E8</v>
      </c>
      <c r="B10488" s="2">
        <v>13114.0</v>
      </c>
      <c r="C10488" s="1" t="s">
        <v>5</v>
      </c>
      <c r="D10488" s="1" t="s">
        <v>8899</v>
      </c>
      <c r="E10488" s="1" t="s">
        <v>8900</v>
      </c>
    </row>
    <row r="10489">
      <c r="A10489" s="1">
        <v>4.90473254E8</v>
      </c>
      <c r="B10489" s="2">
        <v>13061.0</v>
      </c>
      <c r="C10489" s="1" t="s">
        <v>5</v>
      </c>
      <c r="D10489" s="1" t="s">
        <v>8901</v>
      </c>
      <c r="E10489" s="1" t="s">
        <v>11</v>
      </c>
    </row>
    <row r="10490">
      <c r="A10490" s="1">
        <v>4.90473261E8</v>
      </c>
      <c r="B10490" s="2">
        <v>13055.0</v>
      </c>
      <c r="C10490" s="1" t="s">
        <v>5</v>
      </c>
      <c r="D10490" s="1" t="s">
        <v>8902</v>
      </c>
      <c r="E10490" s="1" t="s">
        <v>8903</v>
      </c>
    </row>
    <row r="10491">
      <c r="A10491" s="1">
        <v>4.90473264E8</v>
      </c>
      <c r="B10491" s="2">
        <v>13090.0</v>
      </c>
      <c r="C10491" s="1" t="s">
        <v>5</v>
      </c>
      <c r="D10491" s="1" t="s">
        <v>8904</v>
      </c>
      <c r="E10491" s="1" t="s">
        <v>7</v>
      </c>
    </row>
    <row r="10492">
      <c r="A10492" s="1">
        <v>4.90473288E8</v>
      </c>
      <c r="B10492" s="2">
        <v>13056.0</v>
      </c>
      <c r="C10492" s="1" t="s">
        <v>5</v>
      </c>
      <c r="D10492" s="1" t="s">
        <v>8905</v>
      </c>
      <c r="E10492" s="1" t="s">
        <v>7</v>
      </c>
    </row>
    <row r="10493">
      <c r="A10493" s="1">
        <v>4.90473295E8</v>
      </c>
      <c r="B10493" s="2">
        <v>13055.0</v>
      </c>
      <c r="C10493" s="1" t="s">
        <v>5</v>
      </c>
      <c r="D10493" s="1" t="s">
        <v>8906</v>
      </c>
      <c r="E10493" s="1" t="s">
        <v>11</v>
      </c>
    </row>
    <row r="10494">
      <c r="A10494" s="1">
        <v>4.90473307E8</v>
      </c>
      <c r="B10494" s="2">
        <v>13113.0</v>
      </c>
      <c r="C10494" s="1" t="s">
        <v>5</v>
      </c>
      <c r="D10494" s="1" t="s">
        <v>8907</v>
      </c>
      <c r="E10494" s="1" t="s">
        <v>11</v>
      </c>
    </row>
    <row r="10495">
      <c r="A10495" s="1">
        <v>4.90473324E8</v>
      </c>
      <c r="B10495" s="2">
        <v>13067.0</v>
      </c>
      <c r="C10495" s="1" t="s">
        <v>5</v>
      </c>
      <c r="D10495" s="1" t="s">
        <v>8908</v>
      </c>
      <c r="E10495" s="1" t="s">
        <v>8909</v>
      </c>
    </row>
    <row r="10496">
      <c r="A10496" s="1">
        <v>4.90473334E8</v>
      </c>
      <c r="B10496" s="2">
        <v>13059.0</v>
      </c>
      <c r="C10496" s="1" t="s">
        <v>5</v>
      </c>
      <c r="D10496" s="1" t="s">
        <v>8910</v>
      </c>
      <c r="E10496" s="1" t="s">
        <v>7</v>
      </c>
    </row>
    <row r="10497">
      <c r="A10497" s="1">
        <v>4.90473344E8</v>
      </c>
      <c r="B10497" s="2">
        <v>13118.0</v>
      </c>
      <c r="C10497" s="1" t="s">
        <v>5</v>
      </c>
      <c r="D10497" s="1" t="s">
        <v>8911</v>
      </c>
      <c r="E10497" s="1" t="s">
        <v>11</v>
      </c>
    </row>
    <row r="10498">
      <c r="A10498" s="1">
        <v>4.90473357E8</v>
      </c>
      <c r="B10498" s="2">
        <v>13061.0</v>
      </c>
      <c r="C10498" s="1" t="s">
        <v>5</v>
      </c>
      <c r="D10498" s="1" t="s">
        <v>8912</v>
      </c>
      <c r="E10498" s="1" t="s">
        <v>7</v>
      </c>
    </row>
    <row r="10499">
      <c r="A10499" s="1">
        <v>4.90473363E8</v>
      </c>
      <c r="B10499" s="2">
        <v>13060.0</v>
      </c>
      <c r="C10499" s="1" t="s">
        <v>5</v>
      </c>
      <c r="D10499" s="1" t="s">
        <v>8913</v>
      </c>
      <c r="E10499" s="1" t="s">
        <v>7</v>
      </c>
    </row>
    <row r="10500">
      <c r="A10500" s="1">
        <v>4.9047338E8</v>
      </c>
      <c r="B10500" s="2">
        <v>13111.0</v>
      </c>
      <c r="C10500" s="1" t="s">
        <v>5</v>
      </c>
      <c r="D10500" s="1" t="s">
        <v>11</v>
      </c>
      <c r="E10500" s="1" t="s">
        <v>7</v>
      </c>
    </row>
    <row r="10501">
      <c r="A10501" s="1">
        <v>4.90473403E8</v>
      </c>
      <c r="B10501" s="2">
        <v>13064.0</v>
      </c>
      <c r="C10501" s="1" t="s">
        <v>5</v>
      </c>
      <c r="D10501" s="1" t="s">
        <v>7</v>
      </c>
      <c r="E10501" s="1" t="s">
        <v>7</v>
      </c>
    </row>
    <row r="10502">
      <c r="A10502" s="1">
        <v>4.90473404E8</v>
      </c>
      <c r="B10502" s="2">
        <v>13056.0</v>
      </c>
      <c r="C10502" s="1" t="s">
        <v>5</v>
      </c>
      <c r="D10502" s="1" t="s">
        <v>8914</v>
      </c>
      <c r="E10502" s="1" t="s">
        <v>7</v>
      </c>
    </row>
    <row r="10503">
      <c r="A10503" s="1">
        <v>4.90473411E8</v>
      </c>
      <c r="B10503" s="2">
        <v>13058.0</v>
      </c>
      <c r="C10503" s="1" t="s">
        <v>5</v>
      </c>
      <c r="D10503" s="1" t="s">
        <v>8915</v>
      </c>
      <c r="E10503" s="1" t="s">
        <v>8916</v>
      </c>
    </row>
    <row r="10504">
      <c r="A10504" s="1">
        <v>4.90473422E8</v>
      </c>
      <c r="B10504" s="2">
        <v>13031.0</v>
      </c>
      <c r="C10504" s="1" t="s">
        <v>5</v>
      </c>
      <c r="D10504" s="1" t="s">
        <v>7</v>
      </c>
      <c r="E10504" s="1" t="s">
        <v>7</v>
      </c>
    </row>
    <row r="10505">
      <c r="A10505" s="1">
        <v>4.90473427E8</v>
      </c>
      <c r="B10505" s="2">
        <v>13058.0</v>
      </c>
      <c r="C10505" s="1" t="s">
        <v>5</v>
      </c>
      <c r="D10505" s="1" t="s">
        <v>8917</v>
      </c>
      <c r="E10505" s="1" t="s">
        <v>8918</v>
      </c>
    </row>
    <row r="10506">
      <c r="A10506" s="1">
        <v>4.90473461E8</v>
      </c>
      <c r="B10506" s="2">
        <v>13091.0</v>
      </c>
      <c r="C10506" s="1" t="s">
        <v>5</v>
      </c>
      <c r="D10506" s="1" t="s">
        <v>8919</v>
      </c>
      <c r="E10506" s="1" t="s">
        <v>8920</v>
      </c>
    </row>
    <row r="10507">
      <c r="A10507" s="1">
        <v>4.9047349E8</v>
      </c>
      <c r="B10507" s="2">
        <v>13001.0</v>
      </c>
      <c r="C10507" s="1" t="s">
        <v>5</v>
      </c>
      <c r="D10507" s="1" t="s">
        <v>8921</v>
      </c>
      <c r="E10507" s="1" t="s">
        <v>7</v>
      </c>
    </row>
    <row r="10508">
      <c r="A10508" s="1">
        <v>4.90473501E8</v>
      </c>
      <c r="B10508" s="2">
        <v>13053.0</v>
      </c>
      <c r="C10508" s="1" t="s">
        <v>5</v>
      </c>
      <c r="D10508" s="1" t="s">
        <v>8922</v>
      </c>
      <c r="E10508" s="1" t="s">
        <v>7</v>
      </c>
    </row>
    <row r="10509">
      <c r="A10509" s="1">
        <v>4.90473524E8</v>
      </c>
      <c r="B10509" s="2">
        <v>13116.0</v>
      </c>
      <c r="C10509" s="1" t="s">
        <v>5</v>
      </c>
      <c r="D10509" s="1" t="s">
        <v>8923</v>
      </c>
      <c r="E10509" s="1" t="s">
        <v>11</v>
      </c>
    </row>
    <row r="10510">
      <c r="A10510" s="1">
        <v>4.90473553E8</v>
      </c>
      <c r="B10510" s="2">
        <v>13051.0</v>
      </c>
      <c r="C10510" s="1" t="s">
        <v>5</v>
      </c>
      <c r="D10510" s="1" t="s">
        <v>11</v>
      </c>
      <c r="E10510" s="1" t="s">
        <v>7</v>
      </c>
    </row>
    <row r="10511">
      <c r="A10511" s="1">
        <v>4.90473586E8</v>
      </c>
      <c r="B10511" s="2">
        <v>13112.0</v>
      </c>
      <c r="C10511" s="1" t="s">
        <v>5</v>
      </c>
      <c r="D10511" s="1" t="s">
        <v>8924</v>
      </c>
      <c r="E10511" s="1" t="s">
        <v>7</v>
      </c>
    </row>
    <row r="10512">
      <c r="A10512" s="1">
        <v>4.90473593E8</v>
      </c>
      <c r="B10512" s="2">
        <v>13056.0</v>
      </c>
      <c r="C10512" s="1" t="s">
        <v>5</v>
      </c>
      <c r="D10512" s="1" t="s">
        <v>8925</v>
      </c>
      <c r="E10512" s="1" t="s">
        <v>7</v>
      </c>
    </row>
    <row r="10513">
      <c r="A10513" s="1">
        <v>4.90473661E8</v>
      </c>
      <c r="B10513" s="2">
        <v>13053.0</v>
      </c>
      <c r="C10513" s="1" t="s">
        <v>5</v>
      </c>
      <c r="D10513" s="1" t="s">
        <v>8926</v>
      </c>
      <c r="E10513" s="1" t="s">
        <v>7</v>
      </c>
    </row>
    <row r="10514">
      <c r="A10514" s="1">
        <v>4.90473677E8</v>
      </c>
      <c r="B10514" s="2">
        <v>13091.0</v>
      </c>
      <c r="C10514" s="1" t="s">
        <v>5</v>
      </c>
      <c r="D10514" s="1" t="s">
        <v>8927</v>
      </c>
      <c r="E10514" s="1" t="s">
        <v>8928</v>
      </c>
    </row>
    <row r="10515">
      <c r="A10515" s="1">
        <v>4.90473691E8</v>
      </c>
      <c r="B10515" s="2">
        <v>13053.0</v>
      </c>
      <c r="C10515" s="1" t="s">
        <v>5</v>
      </c>
      <c r="D10515" s="1" t="s">
        <v>8929</v>
      </c>
      <c r="E10515" s="1" t="s">
        <v>7</v>
      </c>
    </row>
    <row r="10516">
      <c r="A10516" s="1">
        <v>4.90473724E8</v>
      </c>
      <c r="B10516" s="2">
        <v>13065.0</v>
      </c>
      <c r="C10516" s="1" t="s">
        <v>5</v>
      </c>
      <c r="D10516" s="1" t="s">
        <v>8930</v>
      </c>
      <c r="E10516" s="1" t="s">
        <v>8931</v>
      </c>
    </row>
    <row r="10517">
      <c r="A10517" s="1">
        <v>4.90473726E8</v>
      </c>
      <c r="B10517" s="2">
        <v>13050.0</v>
      </c>
      <c r="C10517" s="1" t="s">
        <v>5</v>
      </c>
      <c r="D10517" s="1" t="s">
        <v>8932</v>
      </c>
      <c r="E10517" s="1" t="s">
        <v>7</v>
      </c>
    </row>
    <row r="10518">
      <c r="A10518" s="1">
        <v>4.90473733E8</v>
      </c>
      <c r="B10518" s="2">
        <v>13052.0</v>
      </c>
      <c r="C10518" s="1" t="s">
        <v>5</v>
      </c>
      <c r="D10518" s="1" t="s">
        <v>8933</v>
      </c>
      <c r="E10518" s="1" t="s">
        <v>7</v>
      </c>
    </row>
    <row r="10519">
      <c r="A10519" s="1">
        <v>4.90473755E8</v>
      </c>
      <c r="B10519" s="2">
        <v>13111.0</v>
      </c>
      <c r="C10519" s="1" t="s">
        <v>5</v>
      </c>
      <c r="D10519" s="1" t="s">
        <v>8934</v>
      </c>
      <c r="E10519" s="1" t="s">
        <v>11</v>
      </c>
    </row>
    <row r="10520">
      <c r="A10520" s="1">
        <v>4.90473761E8</v>
      </c>
      <c r="B10520" s="2">
        <v>13058.0</v>
      </c>
      <c r="C10520" s="1" t="s">
        <v>5</v>
      </c>
      <c r="D10520" s="1" t="s">
        <v>8935</v>
      </c>
      <c r="E10520" s="1" t="s">
        <v>7</v>
      </c>
    </row>
    <row r="10521">
      <c r="A10521" s="1">
        <v>4.90473777E8</v>
      </c>
      <c r="B10521" s="2">
        <v>13113.0</v>
      </c>
      <c r="C10521" s="1" t="s">
        <v>5</v>
      </c>
      <c r="D10521" s="1" t="s">
        <v>8936</v>
      </c>
      <c r="E10521" s="1" t="s">
        <v>7</v>
      </c>
    </row>
    <row r="10522">
      <c r="A10522" s="1">
        <v>4.90473797E8</v>
      </c>
      <c r="B10522" s="2">
        <v>13116.0</v>
      </c>
      <c r="C10522" s="1" t="s">
        <v>5</v>
      </c>
      <c r="D10522" s="1" t="s">
        <v>8937</v>
      </c>
      <c r="E10522" s="1" t="s">
        <v>8938</v>
      </c>
    </row>
    <row r="10523">
      <c r="A10523" s="1">
        <v>4.90473821E8</v>
      </c>
      <c r="B10523" s="2">
        <v>13049.0</v>
      </c>
      <c r="C10523" s="1" t="s">
        <v>5</v>
      </c>
      <c r="D10523" s="1" t="s">
        <v>8939</v>
      </c>
      <c r="E10523" s="1" t="s">
        <v>11</v>
      </c>
    </row>
    <row r="10524">
      <c r="A10524" s="1">
        <v>4.90473839E8</v>
      </c>
      <c r="B10524" s="2">
        <v>13123.0</v>
      </c>
      <c r="C10524" s="1" t="s">
        <v>5</v>
      </c>
      <c r="D10524" s="1" t="s">
        <v>8940</v>
      </c>
      <c r="E10524" s="1" t="s">
        <v>8941</v>
      </c>
    </row>
    <row r="10525">
      <c r="A10525" s="1">
        <v>4.90473843E8</v>
      </c>
      <c r="B10525" s="2">
        <v>13049.0</v>
      </c>
      <c r="C10525" s="1" t="s">
        <v>5</v>
      </c>
      <c r="D10525" s="1" t="s">
        <v>8942</v>
      </c>
      <c r="E10525" s="1" t="s">
        <v>7</v>
      </c>
    </row>
    <row r="10526">
      <c r="A10526" s="1">
        <v>4.9047386E8</v>
      </c>
      <c r="B10526" s="2">
        <v>13055.0</v>
      </c>
      <c r="C10526" s="1" t="s">
        <v>5</v>
      </c>
      <c r="D10526" s="1" t="s">
        <v>11</v>
      </c>
      <c r="E10526" s="4" t="s">
        <v>8943</v>
      </c>
    </row>
    <row r="10527">
      <c r="A10527" s="1">
        <v>4.90473862E8</v>
      </c>
      <c r="B10527" s="2">
        <v>13180.0</v>
      </c>
      <c r="C10527" s="1" t="s">
        <v>5</v>
      </c>
      <c r="D10527" s="1" t="s">
        <v>8944</v>
      </c>
      <c r="E10527" s="1" t="s">
        <v>7</v>
      </c>
    </row>
    <row r="10528">
      <c r="A10528" s="1">
        <v>4.90473864E8</v>
      </c>
      <c r="B10528" s="2">
        <v>13112.0</v>
      </c>
      <c r="C10528" s="1" t="s">
        <v>5</v>
      </c>
      <c r="D10528" s="1" t="s">
        <v>8945</v>
      </c>
      <c r="E10528" s="1" t="s">
        <v>7</v>
      </c>
    </row>
    <row r="10529">
      <c r="A10529" s="1">
        <v>4.90473893E8</v>
      </c>
      <c r="B10529" s="2">
        <v>13123.0</v>
      </c>
      <c r="C10529" s="1" t="s">
        <v>5</v>
      </c>
      <c r="D10529" s="1" t="s">
        <v>8946</v>
      </c>
      <c r="E10529" s="1" t="s">
        <v>11</v>
      </c>
    </row>
    <row r="10530">
      <c r="A10530" s="1">
        <v>4.90473937E8</v>
      </c>
      <c r="B10530" s="2">
        <v>13090.0</v>
      </c>
      <c r="C10530" s="1" t="s">
        <v>5</v>
      </c>
      <c r="D10530" s="1" t="s">
        <v>8947</v>
      </c>
      <c r="E10530" s="1" t="s">
        <v>11</v>
      </c>
    </row>
    <row r="10531">
      <c r="A10531" s="1">
        <v>4.90473946E8</v>
      </c>
      <c r="B10531" s="2">
        <v>13052.0</v>
      </c>
      <c r="C10531" s="1" t="s">
        <v>5</v>
      </c>
      <c r="D10531" s="1" t="s">
        <v>8948</v>
      </c>
      <c r="E10531" s="1" t="s">
        <v>7</v>
      </c>
    </row>
    <row r="10532">
      <c r="A10532" s="1">
        <v>4.90473947E8</v>
      </c>
      <c r="B10532" s="2">
        <v>13050.0</v>
      </c>
      <c r="C10532" s="1" t="s">
        <v>5</v>
      </c>
      <c r="D10532" s="1" t="s">
        <v>8949</v>
      </c>
      <c r="E10532" s="1" t="s">
        <v>7</v>
      </c>
    </row>
    <row r="10533">
      <c r="A10533" s="1">
        <v>4.90473949E8</v>
      </c>
      <c r="B10533" s="2">
        <v>13054.0</v>
      </c>
      <c r="C10533" s="1" t="s">
        <v>5</v>
      </c>
      <c r="D10533" s="1" t="s">
        <v>11</v>
      </c>
      <c r="E10533" s="1" t="s">
        <v>7</v>
      </c>
    </row>
    <row r="10534">
      <c r="A10534" s="1">
        <v>4.90473953E8</v>
      </c>
      <c r="B10534" s="2">
        <v>13108.0</v>
      </c>
      <c r="C10534" s="1" t="s">
        <v>5</v>
      </c>
      <c r="D10534" s="1" t="s">
        <v>11</v>
      </c>
      <c r="E10534" s="1" t="s">
        <v>7</v>
      </c>
    </row>
    <row r="10535">
      <c r="A10535" s="1">
        <v>4.90473961E8</v>
      </c>
      <c r="B10535" s="2">
        <v>13109.0</v>
      </c>
      <c r="C10535" s="1" t="s">
        <v>5</v>
      </c>
      <c r="D10535" s="1" t="s">
        <v>8950</v>
      </c>
      <c r="E10535" s="1" t="s">
        <v>7</v>
      </c>
    </row>
    <row r="10536">
      <c r="A10536" s="1">
        <v>4.90473963E8</v>
      </c>
      <c r="B10536" s="2">
        <v>13090.0</v>
      </c>
      <c r="C10536" s="1" t="s">
        <v>5</v>
      </c>
      <c r="D10536" s="1" t="s">
        <v>8951</v>
      </c>
      <c r="E10536" s="1" t="s">
        <v>7</v>
      </c>
    </row>
    <row r="10537">
      <c r="A10537" s="1">
        <v>4.90473972E8</v>
      </c>
      <c r="B10537" s="2">
        <v>13118.0</v>
      </c>
      <c r="C10537" s="1" t="s">
        <v>5</v>
      </c>
      <c r="D10537" s="1" t="s">
        <v>7481</v>
      </c>
      <c r="E10537" s="1" t="s">
        <v>7</v>
      </c>
    </row>
    <row r="10538">
      <c r="A10538" s="1">
        <v>4.90473973E8</v>
      </c>
      <c r="B10538" s="2">
        <v>13180.0</v>
      </c>
      <c r="C10538" s="1" t="s">
        <v>5</v>
      </c>
      <c r="D10538" s="1" t="s">
        <v>11</v>
      </c>
      <c r="E10538" s="1" t="s">
        <v>7</v>
      </c>
    </row>
    <row r="10539">
      <c r="A10539" s="1">
        <v>4.90474034E8</v>
      </c>
      <c r="B10539" s="2">
        <v>13091.0</v>
      </c>
      <c r="C10539" s="1" t="s">
        <v>5</v>
      </c>
      <c r="D10539" s="1" t="s">
        <v>8952</v>
      </c>
      <c r="E10539" s="1" t="s">
        <v>7</v>
      </c>
    </row>
    <row r="10540">
      <c r="A10540" s="1">
        <v>4.90474047E8</v>
      </c>
      <c r="B10540" s="2">
        <v>13059.0</v>
      </c>
      <c r="C10540" s="1" t="s">
        <v>5</v>
      </c>
      <c r="D10540" s="1" t="s">
        <v>11</v>
      </c>
      <c r="E10540" s="1" t="s">
        <v>7</v>
      </c>
    </row>
    <row r="10541">
      <c r="A10541" s="1">
        <v>4.90474048E8</v>
      </c>
      <c r="B10541" s="2">
        <v>13109.0</v>
      </c>
      <c r="C10541" s="1" t="s">
        <v>5</v>
      </c>
      <c r="D10541" s="1" t="s">
        <v>8953</v>
      </c>
      <c r="E10541" s="1" t="s">
        <v>7</v>
      </c>
    </row>
    <row r="10542">
      <c r="A10542" s="1">
        <v>4.90474055E8</v>
      </c>
      <c r="B10542" s="2">
        <v>13091.0</v>
      </c>
      <c r="C10542" s="1" t="s">
        <v>5</v>
      </c>
      <c r="D10542" s="1" t="s">
        <v>8954</v>
      </c>
      <c r="E10542" s="1" t="s">
        <v>7</v>
      </c>
    </row>
    <row r="10543">
      <c r="A10543" s="1">
        <v>4.9047406E8</v>
      </c>
      <c r="B10543" s="2">
        <v>13180.0</v>
      </c>
      <c r="C10543" s="1" t="s">
        <v>5</v>
      </c>
      <c r="D10543" s="1" t="s">
        <v>8955</v>
      </c>
      <c r="E10543" s="1" t="s">
        <v>7</v>
      </c>
    </row>
    <row r="10544">
      <c r="A10544" s="1">
        <v>4.90474064E8</v>
      </c>
      <c r="B10544" s="2">
        <v>13109.0</v>
      </c>
      <c r="C10544" s="1" t="s">
        <v>5</v>
      </c>
      <c r="D10544" s="1" t="s">
        <v>8956</v>
      </c>
      <c r="E10544" s="1" t="s">
        <v>7</v>
      </c>
    </row>
    <row r="10545">
      <c r="A10545" s="1">
        <v>4.90474082E8</v>
      </c>
      <c r="B10545" s="2">
        <v>13115.0</v>
      </c>
      <c r="C10545" s="1" t="s">
        <v>5</v>
      </c>
      <c r="D10545" s="1" t="s">
        <v>8957</v>
      </c>
      <c r="E10545" s="1" t="s">
        <v>11</v>
      </c>
    </row>
    <row r="10546">
      <c r="A10546" s="1">
        <v>4.90474119E8</v>
      </c>
      <c r="B10546" s="2">
        <v>13054.0</v>
      </c>
      <c r="C10546" s="1" t="s">
        <v>5</v>
      </c>
      <c r="D10546" s="1" t="s">
        <v>11</v>
      </c>
      <c r="E10546" s="1" t="s">
        <v>7</v>
      </c>
    </row>
    <row r="10547">
      <c r="A10547" s="1">
        <v>4.9047414E8</v>
      </c>
      <c r="B10547" s="2">
        <v>13116.0</v>
      </c>
      <c r="C10547" s="1" t="s">
        <v>5</v>
      </c>
      <c r="D10547" s="1" t="s">
        <v>8958</v>
      </c>
      <c r="E10547" s="1" t="s">
        <v>11</v>
      </c>
    </row>
    <row r="10548">
      <c r="A10548" s="1">
        <v>4.90474141E8</v>
      </c>
      <c r="B10548" s="2">
        <v>13180.0</v>
      </c>
      <c r="C10548" s="1" t="s">
        <v>5</v>
      </c>
      <c r="D10548" s="1" t="s">
        <v>8959</v>
      </c>
      <c r="E10548" s="1" t="s">
        <v>7</v>
      </c>
    </row>
    <row r="10549">
      <c r="A10549" s="1">
        <v>4.90474155E8</v>
      </c>
      <c r="B10549" s="2">
        <v>13054.0</v>
      </c>
      <c r="C10549" s="1" t="s">
        <v>5</v>
      </c>
      <c r="D10549" s="1" t="s">
        <v>11</v>
      </c>
      <c r="E10549" s="1" t="s">
        <v>7</v>
      </c>
    </row>
    <row r="10550">
      <c r="A10550" s="1">
        <v>4.90474206E8</v>
      </c>
      <c r="B10550" s="2">
        <v>13104.0</v>
      </c>
      <c r="C10550" s="1" t="s">
        <v>5</v>
      </c>
      <c r="D10550" s="1" t="s">
        <v>11</v>
      </c>
      <c r="E10550" s="1" t="s">
        <v>7</v>
      </c>
    </row>
    <row r="10551">
      <c r="A10551" s="1">
        <v>4.90474219E8</v>
      </c>
      <c r="B10551" s="2">
        <v>13048.0</v>
      </c>
      <c r="C10551" s="1" t="s">
        <v>5</v>
      </c>
      <c r="D10551" s="1" t="s">
        <v>8960</v>
      </c>
      <c r="E10551" s="1" t="s">
        <v>11</v>
      </c>
    </row>
    <row r="10552">
      <c r="A10552" s="1">
        <v>4.9047425E8</v>
      </c>
      <c r="B10552" s="2">
        <v>13050.0</v>
      </c>
      <c r="C10552" s="1" t="s">
        <v>5</v>
      </c>
      <c r="D10552" s="1" t="s">
        <v>8961</v>
      </c>
      <c r="E10552" s="1" t="s">
        <v>8962</v>
      </c>
    </row>
    <row r="10553">
      <c r="A10553" s="1">
        <v>4.90474291E8</v>
      </c>
      <c r="B10553" s="2">
        <v>13091.0</v>
      </c>
      <c r="C10553" s="1" t="s">
        <v>5</v>
      </c>
      <c r="D10553" s="1" t="s">
        <v>8963</v>
      </c>
      <c r="E10553" s="1" t="s">
        <v>7</v>
      </c>
    </row>
    <row r="10554">
      <c r="A10554" s="1">
        <v>4.90474375E8</v>
      </c>
      <c r="B10554" s="2">
        <v>13050.0</v>
      </c>
      <c r="C10554" s="1" t="s">
        <v>5</v>
      </c>
      <c r="D10554" s="1" t="s">
        <v>11</v>
      </c>
      <c r="E10554" s="1" t="s">
        <v>7</v>
      </c>
    </row>
    <row r="10555">
      <c r="A10555" s="1">
        <v>4.904744E8</v>
      </c>
      <c r="B10555" s="2">
        <v>13046.0</v>
      </c>
      <c r="C10555" s="1" t="s">
        <v>5</v>
      </c>
      <c r="D10555" s="1" t="s">
        <v>8964</v>
      </c>
      <c r="E10555" s="1" t="s">
        <v>11</v>
      </c>
    </row>
    <row r="10556">
      <c r="A10556" s="1">
        <v>4.90474407E8</v>
      </c>
      <c r="B10556" s="2">
        <v>13047.0</v>
      </c>
      <c r="C10556" s="1" t="s">
        <v>5</v>
      </c>
      <c r="D10556" s="1" t="s">
        <v>8965</v>
      </c>
      <c r="E10556" s="1" t="s">
        <v>11</v>
      </c>
    </row>
    <row r="10557">
      <c r="A10557" s="1">
        <v>4.90474417E8</v>
      </c>
      <c r="B10557" s="2">
        <v>13114.0</v>
      </c>
      <c r="C10557" s="1" t="s">
        <v>5</v>
      </c>
      <c r="D10557" s="1" t="s">
        <v>8966</v>
      </c>
      <c r="E10557" s="1" t="s">
        <v>8967</v>
      </c>
    </row>
    <row r="10558">
      <c r="A10558" s="1">
        <v>4.90474424E8</v>
      </c>
      <c r="B10558" s="2">
        <v>13053.0</v>
      </c>
      <c r="C10558" s="1" t="s">
        <v>5</v>
      </c>
      <c r="D10558" s="1" t="s">
        <v>11</v>
      </c>
      <c r="E10558" s="1" t="s">
        <v>7</v>
      </c>
    </row>
    <row r="10559">
      <c r="A10559" s="1">
        <v>4.9047443E8</v>
      </c>
      <c r="B10559" s="2">
        <v>13052.0</v>
      </c>
      <c r="C10559" s="1" t="s">
        <v>5</v>
      </c>
      <c r="D10559" s="1" t="s">
        <v>8968</v>
      </c>
      <c r="E10559" s="1" t="s">
        <v>7</v>
      </c>
    </row>
    <row r="10560">
      <c r="A10560" s="1">
        <v>4.90474443E8</v>
      </c>
      <c r="B10560" s="2">
        <v>13045.0</v>
      </c>
      <c r="C10560" s="1" t="s">
        <v>5</v>
      </c>
      <c r="D10560" s="1" t="s">
        <v>8969</v>
      </c>
      <c r="E10560" s="1" t="s">
        <v>11</v>
      </c>
    </row>
    <row r="10561">
      <c r="A10561" s="1">
        <v>4.90474453E8</v>
      </c>
      <c r="B10561" s="2">
        <v>13091.0</v>
      </c>
      <c r="C10561" s="1" t="s">
        <v>5</v>
      </c>
      <c r="D10561" s="1" t="s">
        <v>8970</v>
      </c>
      <c r="E10561" s="1" t="s">
        <v>7</v>
      </c>
    </row>
    <row r="10562">
      <c r="A10562" s="1">
        <v>4.90474459E8</v>
      </c>
      <c r="B10562" s="2">
        <v>13052.0</v>
      </c>
      <c r="C10562" s="1" t="s">
        <v>5</v>
      </c>
      <c r="D10562" s="1" t="s">
        <v>8971</v>
      </c>
      <c r="E10562" s="1" t="s">
        <v>7</v>
      </c>
    </row>
    <row r="10563">
      <c r="A10563" s="1">
        <v>4.90474462E8</v>
      </c>
      <c r="B10563" s="2">
        <v>13114.0</v>
      </c>
      <c r="C10563" s="1" t="s">
        <v>5</v>
      </c>
      <c r="D10563" s="1" t="s">
        <v>8972</v>
      </c>
      <c r="E10563" s="1" t="s">
        <v>11</v>
      </c>
    </row>
    <row r="10564">
      <c r="A10564" s="1">
        <v>4.90474472E8</v>
      </c>
      <c r="B10564" s="2">
        <v>13106.0</v>
      </c>
      <c r="C10564" s="1" t="s">
        <v>5</v>
      </c>
      <c r="D10564" s="1" t="s">
        <v>8973</v>
      </c>
      <c r="E10564" s="1" t="s">
        <v>7</v>
      </c>
    </row>
    <row r="10565">
      <c r="A10565" s="1">
        <v>4.90474485E8</v>
      </c>
      <c r="B10565" s="2">
        <v>13180.0</v>
      </c>
      <c r="C10565" s="1" t="s">
        <v>5</v>
      </c>
      <c r="D10565" s="1" t="s">
        <v>8974</v>
      </c>
      <c r="E10565" s="1" t="s">
        <v>8975</v>
      </c>
    </row>
    <row r="10566">
      <c r="A10566" s="1">
        <v>4.90474523E8</v>
      </c>
      <c r="B10566" s="2">
        <v>13171.0</v>
      </c>
      <c r="C10566" s="1" t="s">
        <v>5</v>
      </c>
      <c r="D10566" s="1" t="s">
        <v>8976</v>
      </c>
      <c r="E10566" s="1" t="s">
        <v>11</v>
      </c>
    </row>
    <row r="10567">
      <c r="A10567" s="1">
        <v>4.90474541E8</v>
      </c>
      <c r="B10567" s="2">
        <v>13045.0</v>
      </c>
      <c r="C10567" s="1" t="s">
        <v>5</v>
      </c>
      <c r="D10567" s="1" t="s">
        <v>8977</v>
      </c>
      <c r="E10567" s="1" t="s">
        <v>7</v>
      </c>
    </row>
    <row r="10568">
      <c r="A10568" s="1">
        <v>4.90474544E8</v>
      </c>
      <c r="B10568" s="2">
        <v>13055.0</v>
      </c>
      <c r="C10568" s="1" t="s">
        <v>5</v>
      </c>
      <c r="D10568" s="1" t="s">
        <v>8978</v>
      </c>
      <c r="E10568" s="1" t="s">
        <v>7</v>
      </c>
    </row>
    <row r="10569">
      <c r="A10569" s="1">
        <v>4.90474578E8</v>
      </c>
      <c r="B10569" s="2">
        <v>13170.0</v>
      </c>
      <c r="C10569" s="1" t="s">
        <v>5</v>
      </c>
      <c r="D10569" s="1" t="s">
        <v>8979</v>
      </c>
      <c r="E10569" s="1" t="s">
        <v>7</v>
      </c>
    </row>
    <row r="10570">
      <c r="A10570" s="1">
        <v>4.9047458E8</v>
      </c>
      <c r="B10570" s="2">
        <v>13110.0</v>
      </c>
      <c r="C10570" s="1" t="s">
        <v>5</v>
      </c>
      <c r="D10570" s="1" t="s">
        <v>11</v>
      </c>
      <c r="E10570" s="1" t="s">
        <v>7</v>
      </c>
    </row>
    <row r="10571">
      <c r="A10571" s="1">
        <v>4.90474611E8</v>
      </c>
      <c r="B10571" s="2">
        <v>13047.0</v>
      </c>
      <c r="C10571" s="1" t="s">
        <v>5</v>
      </c>
      <c r="D10571" s="1" t="s">
        <v>8980</v>
      </c>
      <c r="E10571" s="1" t="s">
        <v>11</v>
      </c>
    </row>
    <row r="10572">
      <c r="A10572" s="1">
        <v>4.90474651E8</v>
      </c>
      <c r="B10572" s="2">
        <v>13044.0</v>
      </c>
      <c r="C10572" s="1" t="s">
        <v>5</v>
      </c>
      <c r="D10572" s="1" t="s">
        <v>8981</v>
      </c>
      <c r="E10572" s="1" t="s">
        <v>7</v>
      </c>
    </row>
    <row r="10573">
      <c r="A10573" s="1">
        <v>4.90474666E8</v>
      </c>
      <c r="B10573" s="2">
        <v>13175.0</v>
      </c>
      <c r="C10573" s="1" t="s">
        <v>5</v>
      </c>
      <c r="D10573" s="1" t="s">
        <v>8982</v>
      </c>
      <c r="E10573" s="1" t="s">
        <v>11</v>
      </c>
    </row>
    <row r="10574">
      <c r="A10574" s="1">
        <v>4.90474672E8</v>
      </c>
      <c r="B10574" s="2">
        <v>13044.0</v>
      </c>
      <c r="C10574" s="1" t="s">
        <v>5</v>
      </c>
      <c r="D10574" s="1" t="s">
        <v>11</v>
      </c>
      <c r="E10574" s="1" t="s">
        <v>7</v>
      </c>
    </row>
    <row r="10575">
      <c r="A10575" s="1">
        <v>4.90474674E8</v>
      </c>
      <c r="B10575" s="2">
        <v>13174.0</v>
      </c>
      <c r="C10575" s="1" t="s">
        <v>5</v>
      </c>
      <c r="D10575" s="1" t="s">
        <v>8983</v>
      </c>
      <c r="E10575" s="1" t="s">
        <v>7</v>
      </c>
    </row>
    <row r="10576">
      <c r="A10576" s="1">
        <v>4.90474675E8</v>
      </c>
      <c r="B10576" s="2">
        <v>13113.0</v>
      </c>
      <c r="C10576" s="1" t="s">
        <v>5</v>
      </c>
      <c r="D10576" s="1" t="s">
        <v>8984</v>
      </c>
      <c r="E10576" s="1" t="s">
        <v>8985</v>
      </c>
    </row>
    <row r="10577">
      <c r="A10577" s="1">
        <v>4.90474684E8</v>
      </c>
      <c r="B10577" s="2">
        <v>13105.0</v>
      </c>
      <c r="C10577" s="1" t="s">
        <v>5</v>
      </c>
      <c r="D10577" s="1" t="s">
        <v>8986</v>
      </c>
      <c r="E10577" s="1" t="s">
        <v>7</v>
      </c>
    </row>
    <row r="10578">
      <c r="A10578" s="1">
        <v>4.90474692E8</v>
      </c>
      <c r="B10578" s="2">
        <v>13175.0</v>
      </c>
      <c r="C10578" s="1" t="s">
        <v>5</v>
      </c>
      <c r="D10578" s="1" t="s">
        <v>8987</v>
      </c>
      <c r="E10578" s="1" t="s">
        <v>11</v>
      </c>
    </row>
    <row r="10579">
      <c r="A10579" s="1">
        <v>4.90474735E8</v>
      </c>
      <c r="B10579" s="2">
        <v>13169.0</v>
      </c>
      <c r="C10579" s="1" t="s">
        <v>5</v>
      </c>
      <c r="D10579" s="1" t="s">
        <v>8988</v>
      </c>
      <c r="E10579" s="1" t="s">
        <v>7</v>
      </c>
    </row>
    <row r="10580">
      <c r="A10580" s="1">
        <v>4.9047475E8</v>
      </c>
      <c r="B10580" s="2">
        <v>13051.0</v>
      </c>
      <c r="C10580" s="1" t="s">
        <v>5</v>
      </c>
      <c r="D10580" s="1" t="s">
        <v>8989</v>
      </c>
      <c r="E10580" s="1" t="s">
        <v>7</v>
      </c>
    </row>
    <row r="10581">
      <c r="A10581" s="1">
        <v>4.90474786E8</v>
      </c>
      <c r="B10581" s="2">
        <v>13168.0</v>
      </c>
      <c r="C10581" s="1" t="s">
        <v>5</v>
      </c>
      <c r="D10581" s="1" t="s">
        <v>8990</v>
      </c>
      <c r="E10581" s="1" t="s">
        <v>7</v>
      </c>
    </row>
    <row r="10582">
      <c r="A10582" s="1">
        <v>4.90474791E8</v>
      </c>
      <c r="B10582" s="2">
        <v>13104.0</v>
      </c>
      <c r="C10582" s="1" t="s">
        <v>5</v>
      </c>
      <c r="D10582" s="1" t="s">
        <v>8991</v>
      </c>
      <c r="E10582" s="1" t="s">
        <v>7</v>
      </c>
    </row>
    <row r="10583">
      <c r="A10583" s="1">
        <v>4.90474797E8</v>
      </c>
      <c r="B10583" s="2">
        <v>13172.0</v>
      </c>
      <c r="C10583" s="1" t="s">
        <v>5</v>
      </c>
      <c r="D10583" s="1" t="s">
        <v>8992</v>
      </c>
      <c r="E10583" s="1" t="s">
        <v>7</v>
      </c>
    </row>
    <row r="10584">
      <c r="A10584" s="1">
        <v>4.90474815E8</v>
      </c>
      <c r="B10584" s="2">
        <v>13109.0</v>
      </c>
      <c r="C10584" s="1" t="s">
        <v>5</v>
      </c>
      <c r="D10584" s="1" t="s">
        <v>8993</v>
      </c>
      <c r="E10584" s="1" t="s">
        <v>8994</v>
      </c>
    </row>
    <row r="10585">
      <c r="A10585" s="1">
        <v>4.90474833E8</v>
      </c>
      <c r="B10585" s="2">
        <v>13044.0</v>
      </c>
      <c r="C10585" s="1" t="s">
        <v>5</v>
      </c>
      <c r="D10585" s="1" t="s">
        <v>8995</v>
      </c>
      <c r="E10585" s="1" t="s">
        <v>11</v>
      </c>
    </row>
    <row r="10586">
      <c r="A10586" s="1">
        <v>4.90474865E8</v>
      </c>
      <c r="B10586" s="2">
        <v>13114.0</v>
      </c>
      <c r="C10586" s="1" t="s">
        <v>5</v>
      </c>
      <c r="D10586" s="1" t="s">
        <v>8996</v>
      </c>
      <c r="E10586" s="1" t="s">
        <v>11</v>
      </c>
    </row>
    <row r="10587">
      <c r="A10587" s="1">
        <v>4.90474882E8</v>
      </c>
      <c r="B10587" s="2">
        <v>13043.0</v>
      </c>
      <c r="C10587" s="1" t="s">
        <v>5</v>
      </c>
      <c r="D10587" s="1" t="s">
        <v>8997</v>
      </c>
      <c r="E10587" s="1" t="s">
        <v>7</v>
      </c>
    </row>
    <row r="10588">
      <c r="A10588" s="1">
        <v>4.90474883E8</v>
      </c>
      <c r="B10588" s="2">
        <v>13114.0</v>
      </c>
      <c r="C10588" s="1" t="s">
        <v>5</v>
      </c>
      <c r="D10588" s="1" t="s">
        <v>8998</v>
      </c>
      <c r="E10588" s="1" t="s">
        <v>8999</v>
      </c>
    </row>
    <row r="10589">
      <c r="A10589" s="1">
        <v>4.90474901E8</v>
      </c>
      <c r="B10589" s="2">
        <v>13102.0</v>
      </c>
      <c r="C10589" s="1" t="s">
        <v>5</v>
      </c>
      <c r="D10589" s="1" t="s">
        <v>7</v>
      </c>
      <c r="E10589" s="1" t="s">
        <v>7</v>
      </c>
    </row>
    <row r="10590">
      <c r="A10590" s="1">
        <v>4.90474923E8</v>
      </c>
      <c r="B10590" s="2">
        <v>13111.0</v>
      </c>
      <c r="C10590" s="1" t="s">
        <v>5</v>
      </c>
      <c r="D10590" s="1" t="s">
        <v>11</v>
      </c>
      <c r="E10590" s="1" t="s">
        <v>7</v>
      </c>
    </row>
    <row r="10591">
      <c r="A10591" s="1">
        <v>4.90474924E8</v>
      </c>
      <c r="B10591" s="2">
        <v>13107.0</v>
      </c>
      <c r="C10591" s="1" t="s">
        <v>5</v>
      </c>
      <c r="D10591" s="1" t="s">
        <v>9000</v>
      </c>
      <c r="E10591" s="1" t="s">
        <v>7</v>
      </c>
    </row>
    <row r="10592">
      <c r="A10592" s="1">
        <v>4.90474926E8</v>
      </c>
      <c r="B10592" s="2">
        <v>13102.0</v>
      </c>
      <c r="C10592" s="1" t="s">
        <v>5</v>
      </c>
      <c r="D10592" s="1" t="s">
        <v>9001</v>
      </c>
      <c r="E10592" s="1" t="s">
        <v>7</v>
      </c>
    </row>
    <row r="10593">
      <c r="A10593" s="1">
        <v>4.90474933E8</v>
      </c>
      <c r="B10593" s="2">
        <v>13104.0</v>
      </c>
      <c r="C10593" s="1" t="s">
        <v>5</v>
      </c>
      <c r="D10593" s="1" t="s">
        <v>9002</v>
      </c>
      <c r="E10593" s="1" t="s">
        <v>11</v>
      </c>
    </row>
    <row r="10594">
      <c r="A10594" s="1">
        <v>4.90474934E8</v>
      </c>
      <c r="B10594" s="2">
        <v>13050.0</v>
      </c>
      <c r="C10594" s="1" t="s">
        <v>5</v>
      </c>
      <c r="D10594" s="1" t="s">
        <v>9003</v>
      </c>
      <c r="E10594" s="1" t="s">
        <v>11</v>
      </c>
    </row>
    <row r="10595">
      <c r="A10595" s="1">
        <v>4.90474935E8</v>
      </c>
      <c r="B10595" s="2">
        <v>13049.0</v>
      </c>
      <c r="C10595" s="1" t="s">
        <v>5</v>
      </c>
      <c r="D10595" s="1" t="s">
        <v>9004</v>
      </c>
      <c r="E10595" s="1" t="s">
        <v>7</v>
      </c>
    </row>
    <row r="10596">
      <c r="A10596" s="1">
        <v>4.90474959E8</v>
      </c>
      <c r="B10596" s="2">
        <v>13113.0</v>
      </c>
      <c r="C10596" s="1" t="s">
        <v>5</v>
      </c>
      <c r="D10596" s="1" t="s">
        <v>9005</v>
      </c>
      <c r="E10596" s="1" t="s">
        <v>11</v>
      </c>
    </row>
    <row r="10597">
      <c r="A10597" s="1">
        <v>4.90474985E8</v>
      </c>
      <c r="B10597" s="2">
        <v>13116.0</v>
      </c>
      <c r="C10597" s="1" t="s">
        <v>5</v>
      </c>
      <c r="D10597" s="1" t="s">
        <v>9006</v>
      </c>
      <c r="E10597" s="1" t="s">
        <v>11</v>
      </c>
    </row>
    <row r="10598">
      <c r="A10598" s="1">
        <v>4.90474986E8</v>
      </c>
      <c r="B10598" s="2">
        <v>13172.0</v>
      </c>
      <c r="C10598" s="1" t="s">
        <v>5</v>
      </c>
      <c r="D10598" s="1" t="s">
        <v>9007</v>
      </c>
      <c r="E10598" s="1" t="s">
        <v>7</v>
      </c>
    </row>
    <row r="10599">
      <c r="A10599" s="1">
        <v>4.90475021E8</v>
      </c>
      <c r="B10599" s="2">
        <v>13047.0</v>
      </c>
      <c r="C10599" s="1" t="s">
        <v>5</v>
      </c>
      <c r="D10599" s="1" t="s">
        <v>9008</v>
      </c>
      <c r="E10599" s="1" t="s">
        <v>7</v>
      </c>
    </row>
    <row r="10600">
      <c r="A10600" s="1">
        <v>4.90475029E8</v>
      </c>
      <c r="B10600" s="2">
        <v>13114.0</v>
      </c>
      <c r="C10600" s="1" t="s">
        <v>5</v>
      </c>
      <c r="D10600" s="1" t="s">
        <v>9009</v>
      </c>
      <c r="E10600" s="1" t="s">
        <v>7</v>
      </c>
    </row>
    <row r="10601">
      <c r="A10601" s="1">
        <v>4.90475076E8</v>
      </c>
      <c r="B10601" s="2">
        <v>13046.0</v>
      </c>
      <c r="C10601" s="1" t="s">
        <v>5</v>
      </c>
      <c r="D10601" s="1" t="s">
        <v>11</v>
      </c>
      <c r="E10601" s="1" t="s">
        <v>7</v>
      </c>
    </row>
    <row r="10602">
      <c r="A10602" s="1">
        <v>4.90475081E8</v>
      </c>
      <c r="B10602" s="2">
        <v>13170.0</v>
      </c>
      <c r="C10602" s="1" t="s">
        <v>5</v>
      </c>
      <c r="D10602" s="1" t="s">
        <v>9010</v>
      </c>
      <c r="E10602" s="1" t="s">
        <v>11</v>
      </c>
    </row>
    <row r="10603">
      <c r="A10603" s="1">
        <v>4.90475094E8</v>
      </c>
      <c r="B10603" s="2">
        <v>13050.0</v>
      </c>
      <c r="C10603" s="1" t="s">
        <v>5</v>
      </c>
      <c r="D10603" s="1" t="s">
        <v>9011</v>
      </c>
      <c r="E10603" s="1" t="s">
        <v>11</v>
      </c>
    </row>
    <row r="10604">
      <c r="A10604" s="1">
        <v>4.90475101E8</v>
      </c>
      <c r="B10604" s="2">
        <v>13046.0</v>
      </c>
      <c r="C10604" s="1" t="s">
        <v>5</v>
      </c>
      <c r="D10604" s="1" t="s">
        <v>9012</v>
      </c>
      <c r="E10604" s="1" t="s">
        <v>11</v>
      </c>
    </row>
    <row r="10605">
      <c r="A10605" s="1">
        <v>4.90475124E8</v>
      </c>
      <c r="B10605" s="2">
        <v>13046.0</v>
      </c>
      <c r="C10605" s="1" t="s">
        <v>5</v>
      </c>
      <c r="D10605" s="1" t="s">
        <v>9013</v>
      </c>
      <c r="E10605" s="1" t="s">
        <v>11</v>
      </c>
    </row>
    <row r="10606">
      <c r="A10606" s="1">
        <v>4.90475139E8</v>
      </c>
      <c r="B10606" s="2">
        <v>13112.0</v>
      </c>
      <c r="C10606" s="1" t="s">
        <v>5</v>
      </c>
      <c r="D10606" s="1" t="s">
        <v>11</v>
      </c>
      <c r="E10606" s="1" t="s">
        <v>7</v>
      </c>
    </row>
    <row r="10607">
      <c r="A10607" s="1">
        <v>4.90475148E8</v>
      </c>
      <c r="B10607" s="2">
        <v>13172.0</v>
      </c>
      <c r="C10607" s="1" t="s">
        <v>5</v>
      </c>
      <c r="D10607" s="1" t="s">
        <v>9014</v>
      </c>
      <c r="E10607" s="1" t="s">
        <v>7</v>
      </c>
    </row>
    <row r="10608">
      <c r="A10608" s="1">
        <v>4.90475157E8</v>
      </c>
      <c r="B10608" s="2">
        <v>13042.0</v>
      </c>
      <c r="C10608" s="1" t="s">
        <v>5</v>
      </c>
      <c r="D10608" s="1" t="s">
        <v>9015</v>
      </c>
      <c r="E10608" s="1" t="s">
        <v>11</v>
      </c>
    </row>
    <row r="10609">
      <c r="A10609" s="1">
        <v>4.90475189E8</v>
      </c>
      <c r="B10609" s="2">
        <v>13108.0</v>
      </c>
      <c r="C10609" s="1" t="s">
        <v>5</v>
      </c>
      <c r="D10609" s="1" t="s">
        <v>11</v>
      </c>
      <c r="E10609" s="1" t="s">
        <v>7</v>
      </c>
    </row>
    <row r="10610">
      <c r="A10610" s="1">
        <v>4.9047519E8</v>
      </c>
      <c r="B10610" s="2">
        <v>13046.0</v>
      </c>
      <c r="C10610" s="1" t="s">
        <v>5</v>
      </c>
      <c r="D10610" s="1" t="s">
        <v>9016</v>
      </c>
      <c r="E10610" s="1" t="s">
        <v>7</v>
      </c>
    </row>
    <row r="10611">
      <c r="A10611" s="1">
        <v>4.90475197E8</v>
      </c>
      <c r="B10611" s="2">
        <v>13112.0</v>
      </c>
      <c r="C10611" s="1" t="s">
        <v>5</v>
      </c>
      <c r="D10611" s="1" t="s">
        <v>9017</v>
      </c>
      <c r="E10611" s="1" t="s">
        <v>7</v>
      </c>
    </row>
    <row r="10612">
      <c r="A10612" s="1">
        <v>4.90475199E8</v>
      </c>
      <c r="B10612" s="2">
        <v>13044.0</v>
      </c>
      <c r="C10612" s="1" t="s">
        <v>5</v>
      </c>
      <c r="D10612" s="1" t="s">
        <v>9018</v>
      </c>
      <c r="E10612" s="1" t="s">
        <v>7</v>
      </c>
    </row>
    <row r="10613">
      <c r="A10613" s="1">
        <v>4.9047522E8</v>
      </c>
      <c r="B10613" s="2">
        <v>13099.0</v>
      </c>
      <c r="C10613" s="1" t="s">
        <v>5</v>
      </c>
      <c r="D10613" s="1" t="s">
        <v>9019</v>
      </c>
      <c r="E10613" s="1" t="s">
        <v>7</v>
      </c>
    </row>
    <row r="10614">
      <c r="A10614" s="1">
        <v>4.90475236E8</v>
      </c>
      <c r="B10614" s="2">
        <v>13107.0</v>
      </c>
      <c r="C10614" s="1" t="s">
        <v>5</v>
      </c>
      <c r="D10614" s="1" t="s">
        <v>9020</v>
      </c>
      <c r="E10614" s="1" t="s">
        <v>11</v>
      </c>
    </row>
    <row r="10615">
      <c r="A10615" s="1">
        <v>4.90475244E8</v>
      </c>
      <c r="B10615" s="2">
        <v>13113.0</v>
      </c>
      <c r="C10615" s="1" t="s">
        <v>5</v>
      </c>
      <c r="D10615" s="1" t="s">
        <v>9021</v>
      </c>
      <c r="E10615" s="1" t="s">
        <v>7</v>
      </c>
    </row>
    <row r="10616">
      <c r="A10616" s="1">
        <v>4.90475259E8</v>
      </c>
      <c r="B10616" s="2">
        <v>13171.0</v>
      </c>
      <c r="C10616" s="1" t="s">
        <v>5</v>
      </c>
      <c r="D10616" s="1" t="s">
        <v>9022</v>
      </c>
      <c r="E10616" s="1" t="s">
        <v>7</v>
      </c>
    </row>
    <row r="10617">
      <c r="A10617" s="1">
        <v>4.90475276E8</v>
      </c>
      <c r="B10617" s="2">
        <v>13112.0</v>
      </c>
      <c r="C10617" s="1" t="s">
        <v>5</v>
      </c>
      <c r="D10617" s="1" t="s">
        <v>9023</v>
      </c>
      <c r="E10617" s="1" t="s">
        <v>9024</v>
      </c>
    </row>
    <row r="10618">
      <c r="A10618" s="1">
        <v>4.90475292E8</v>
      </c>
      <c r="B10618" s="2">
        <v>13168.0</v>
      </c>
      <c r="C10618" s="1" t="s">
        <v>5</v>
      </c>
      <c r="D10618" s="1" t="s">
        <v>9025</v>
      </c>
      <c r="E10618" s="1" t="s">
        <v>7</v>
      </c>
    </row>
    <row r="10619">
      <c r="A10619" s="1">
        <v>4.90475293E8</v>
      </c>
      <c r="B10619" s="2">
        <v>13049.0</v>
      </c>
      <c r="C10619" s="1" t="s">
        <v>5</v>
      </c>
      <c r="D10619" s="1" t="s">
        <v>9026</v>
      </c>
      <c r="E10619" s="1" t="s">
        <v>11</v>
      </c>
    </row>
    <row r="10620">
      <c r="A10620" s="1">
        <v>4.90475308E8</v>
      </c>
      <c r="B10620" s="2">
        <v>13045.0</v>
      </c>
      <c r="C10620" s="1" t="s">
        <v>5</v>
      </c>
      <c r="D10620" s="1" t="s">
        <v>9027</v>
      </c>
      <c r="E10620" s="1" t="s">
        <v>11</v>
      </c>
    </row>
    <row r="10621">
      <c r="A10621" s="1">
        <v>4.90475328E8</v>
      </c>
      <c r="B10621" s="2">
        <v>13049.0</v>
      </c>
      <c r="C10621" s="1" t="s">
        <v>5</v>
      </c>
      <c r="D10621" s="1" t="s">
        <v>7</v>
      </c>
      <c r="E10621" s="1" t="s">
        <v>7</v>
      </c>
    </row>
    <row r="10622">
      <c r="A10622" s="1">
        <v>4.90475349E8</v>
      </c>
      <c r="B10622" s="2">
        <v>13111.0</v>
      </c>
      <c r="C10622" s="1" t="s">
        <v>5</v>
      </c>
      <c r="D10622" s="1" t="s">
        <v>9028</v>
      </c>
      <c r="E10622" s="1" t="s">
        <v>9029</v>
      </c>
    </row>
    <row r="10623">
      <c r="A10623" s="1">
        <v>4.90475392E8</v>
      </c>
      <c r="B10623" s="2">
        <v>13048.0</v>
      </c>
      <c r="C10623" s="1" t="s">
        <v>5</v>
      </c>
      <c r="D10623" s="1" t="s">
        <v>9030</v>
      </c>
      <c r="E10623" s="1" t="s">
        <v>7</v>
      </c>
    </row>
    <row r="10624">
      <c r="A10624" s="1">
        <v>4.90475394E8</v>
      </c>
      <c r="B10624" s="2">
        <v>13107.0</v>
      </c>
      <c r="C10624" s="1" t="s">
        <v>5</v>
      </c>
      <c r="D10624" s="1" t="s">
        <v>9031</v>
      </c>
      <c r="E10624" s="1" t="s">
        <v>7</v>
      </c>
    </row>
    <row r="10625">
      <c r="A10625" s="1">
        <v>4.9047547E8</v>
      </c>
      <c r="B10625" s="2">
        <v>13105.0</v>
      </c>
      <c r="C10625" s="1" t="s">
        <v>5</v>
      </c>
      <c r="D10625" s="1" t="s">
        <v>9032</v>
      </c>
      <c r="E10625" s="1" t="s">
        <v>7</v>
      </c>
    </row>
    <row r="10626">
      <c r="A10626" s="1">
        <v>4.90475531E8</v>
      </c>
      <c r="B10626" s="2">
        <v>13109.0</v>
      </c>
      <c r="C10626" s="1" t="s">
        <v>5</v>
      </c>
      <c r="D10626" s="1" t="s">
        <v>9033</v>
      </c>
      <c r="E10626" s="1" t="s">
        <v>9034</v>
      </c>
    </row>
    <row r="10627">
      <c r="A10627" s="1">
        <v>4.90475545E8</v>
      </c>
      <c r="B10627" s="2">
        <v>13168.0</v>
      </c>
      <c r="C10627" s="1" t="s">
        <v>5</v>
      </c>
      <c r="D10627" s="1" t="s">
        <v>9035</v>
      </c>
      <c r="E10627" s="1" t="s">
        <v>7</v>
      </c>
    </row>
    <row r="10628">
      <c r="A10628" s="1">
        <v>4.90475559E8</v>
      </c>
      <c r="B10628" s="2">
        <v>13110.0</v>
      </c>
      <c r="C10628" s="1" t="s">
        <v>5</v>
      </c>
      <c r="D10628" s="1" t="s">
        <v>9036</v>
      </c>
      <c r="E10628" s="1" t="s">
        <v>7</v>
      </c>
    </row>
    <row r="10629">
      <c r="A10629" s="1">
        <v>4.90475578E8</v>
      </c>
      <c r="B10629" s="2">
        <v>13111.0</v>
      </c>
      <c r="C10629" s="1" t="s">
        <v>5</v>
      </c>
      <c r="D10629" s="1" t="s">
        <v>9037</v>
      </c>
      <c r="E10629" s="1" t="s">
        <v>7</v>
      </c>
    </row>
    <row r="10630">
      <c r="A10630" s="1">
        <v>4.9047562E8</v>
      </c>
      <c r="B10630" s="2">
        <v>13104.0</v>
      </c>
      <c r="C10630" s="1" t="s">
        <v>5</v>
      </c>
      <c r="D10630" s="1" t="s">
        <v>9038</v>
      </c>
      <c r="E10630" s="1" t="s">
        <v>7</v>
      </c>
    </row>
    <row r="10631">
      <c r="A10631" s="1">
        <v>4.90475626E8</v>
      </c>
      <c r="B10631" s="2">
        <v>13100.0</v>
      </c>
      <c r="C10631" s="1" t="s">
        <v>5</v>
      </c>
      <c r="D10631" s="1" t="s">
        <v>9039</v>
      </c>
      <c r="E10631" s="1" t="s">
        <v>7</v>
      </c>
    </row>
    <row r="10632">
      <c r="A10632" s="1">
        <v>4.90475654E8</v>
      </c>
      <c r="B10632" s="2">
        <v>13046.0</v>
      </c>
      <c r="C10632" s="1" t="s">
        <v>5</v>
      </c>
      <c r="D10632" s="1" t="s">
        <v>11</v>
      </c>
      <c r="E10632" s="1" t="s">
        <v>7</v>
      </c>
    </row>
    <row r="10633">
      <c r="A10633" s="1">
        <v>4.90475658E8</v>
      </c>
      <c r="B10633" s="2">
        <v>13108.0</v>
      </c>
      <c r="C10633" s="1" t="s">
        <v>5</v>
      </c>
      <c r="D10633" s="1" t="s">
        <v>9040</v>
      </c>
      <c r="E10633" s="1" t="s">
        <v>7</v>
      </c>
    </row>
    <row r="10634">
      <c r="A10634" s="1">
        <v>4.9047567E8</v>
      </c>
      <c r="B10634" s="2">
        <v>13098.0</v>
      </c>
      <c r="C10634" s="1" t="s">
        <v>5</v>
      </c>
      <c r="D10634" s="1" t="s">
        <v>9041</v>
      </c>
      <c r="E10634" s="1" t="s">
        <v>7</v>
      </c>
    </row>
    <row r="10635">
      <c r="A10635" s="1">
        <v>4.90475699E8</v>
      </c>
      <c r="B10635" s="2">
        <v>13101.0</v>
      </c>
      <c r="C10635" s="1" t="s">
        <v>5</v>
      </c>
      <c r="D10635" s="1" t="s">
        <v>9042</v>
      </c>
      <c r="E10635" s="1" t="s">
        <v>7</v>
      </c>
    </row>
    <row r="10636">
      <c r="A10636" s="1">
        <v>4.90475703E8</v>
      </c>
      <c r="B10636" s="2">
        <v>13166.0</v>
      </c>
      <c r="C10636" s="1" t="s">
        <v>5</v>
      </c>
      <c r="D10636" s="1" t="s">
        <v>9043</v>
      </c>
      <c r="E10636" s="1" t="s">
        <v>7</v>
      </c>
    </row>
    <row r="10637">
      <c r="A10637" s="1">
        <v>4.90475712E8</v>
      </c>
      <c r="B10637" s="2">
        <v>13123.0</v>
      </c>
      <c r="C10637" s="1" t="s">
        <v>5</v>
      </c>
      <c r="D10637" s="1" t="s">
        <v>9044</v>
      </c>
      <c r="E10637" s="1" t="s">
        <v>11</v>
      </c>
    </row>
    <row r="10638">
      <c r="A10638" s="1">
        <v>4.90475714E8</v>
      </c>
      <c r="B10638" s="2">
        <v>13099.0</v>
      </c>
      <c r="C10638" s="1" t="s">
        <v>5</v>
      </c>
      <c r="D10638" s="1" t="s">
        <v>9045</v>
      </c>
      <c r="E10638" s="1" t="s">
        <v>9046</v>
      </c>
    </row>
    <row r="10639">
      <c r="A10639" s="1">
        <v>4.90475727E8</v>
      </c>
      <c r="B10639" s="2">
        <v>13046.0</v>
      </c>
      <c r="C10639" s="1" t="s">
        <v>5</v>
      </c>
      <c r="D10639" s="1" t="s">
        <v>9047</v>
      </c>
      <c r="E10639" s="1" t="s">
        <v>11</v>
      </c>
    </row>
    <row r="10640">
      <c r="A10640" s="1">
        <v>4.90475754E8</v>
      </c>
      <c r="B10640" s="2">
        <v>13039.0</v>
      </c>
      <c r="C10640" s="1" t="s">
        <v>5</v>
      </c>
      <c r="D10640" s="1" t="s">
        <v>9048</v>
      </c>
      <c r="E10640" s="1" t="s">
        <v>7</v>
      </c>
    </row>
    <row r="10641">
      <c r="A10641" s="1">
        <v>4.90475762E8</v>
      </c>
      <c r="B10641" s="2">
        <v>13038.0</v>
      </c>
      <c r="C10641" s="1" t="s">
        <v>5</v>
      </c>
      <c r="D10641" s="1" t="s">
        <v>9049</v>
      </c>
      <c r="E10641" s="1" t="s">
        <v>7</v>
      </c>
    </row>
    <row r="10642">
      <c r="A10642" s="1">
        <v>4.90475764E8</v>
      </c>
      <c r="B10642" s="2">
        <v>13123.0</v>
      </c>
      <c r="C10642" s="1" t="s">
        <v>5</v>
      </c>
      <c r="D10642" s="1" t="s">
        <v>9050</v>
      </c>
      <c r="E10642" s="1" t="s">
        <v>11</v>
      </c>
    </row>
    <row r="10643">
      <c r="A10643" s="1">
        <v>4.90475766E8</v>
      </c>
      <c r="B10643" s="2">
        <v>13042.0</v>
      </c>
      <c r="C10643" s="1" t="s">
        <v>5</v>
      </c>
      <c r="D10643" s="1" t="s">
        <v>7</v>
      </c>
      <c r="E10643" s="1" t="s">
        <v>7</v>
      </c>
    </row>
    <row r="10644">
      <c r="A10644" s="1">
        <v>4.90475797E8</v>
      </c>
      <c r="B10644" s="2">
        <v>13045.0</v>
      </c>
      <c r="C10644" s="1" t="s">
        <v>5</v>
      </c>
      <c r="D10644" s="1" t="s">
        <v>9051</v>
      </c>
      <c r="E10644" s="1" t="s">
        <v>7</v>
      </c>
    </row>
    <row r="10645">
      <c r="A10645" s="1">
        <v>4.90475827E8</v>
      </c>
      <c r="B10645" s="2">
        <v>13167.0</v>
      </c>
      <c r="C10645" s="1" t="s">
        <v>5</v>
      </c>
      <c r="D10645" s="1" t="s">
        <v>9052</v>
      </c>
      <c r="E10645" s="1" t="s">
        <v>11</v>
      </c>
    </row>
    <row r="10646">
      <c r="A10646" s="1">
        <v>4.90475832E8</v>
      </c>
      <c r="B10646" s="2">
        <v>13090.0</v>
      </c>
      <c r="C10646" s="1" t="s">
        <v>5</v>
      </c>
      <c r="D10646" s="1" t="s">
        <v>9053</v>
      </c>
      <c r="E10646" s="1" t="s">
        <v>11</v>
      </c>
    </row>
    <row r="10647">
      <c r="A10647" s="1">
        <v>4.9047586E8</v>
      </c>
      <c r="B10647" s="2">
        <v>13101.0</v>
      </c>
      <c r="C10647" s="1" t="s">
        <v>5</v>
      </c>
      <c r="D10647" s="1" t="s">
        <v>9054</v>
      </c>
      <c r="E10647" s="1" t="s">
        <v>7</v>
      </c>
    </row>
    <row r="10648">
      <c r="A10648" s="1">
        <v>4.90475861E8</v>
      </c>
      <c r="B10648" s="2">
        <v>13109.0</v>
      </c>
      <c r="C10648" s="1" t="s">
        <v>5</v>
      </c>
      <c r="D10648" s="1" t="s">
        <v>11</v>
      </c>
      <c r="E10648" s="1" t="s">
        <v>7</v>
      </c>
    </row>
    <row r="10649">
      <c r="A10649" s="1">
        <v>4.90475872E8</v>
      </c>
      <c r="B10649" s="2">
        <v>13179.0</v>
      </c>
      <c r="C10649" s="1" t="s">
        <v>5</v>
      </c>
      <c r="D10649" s="1" t="s">
        <v>9055</v>
      </c>
      <c r="E10649" s="1" t="s">
        <v>9056</v>
      </c>
    </row>
    <row r="10650">
      <c r="A10650" s="1">
        <v>4.90475885E8</v>
      </c>
      <c r="B10650" s="2">
        <v>13097.0</v>
      </c>
      <c r="C10650" s="1" t="s">
        <v>5</v>
      </c>
      <c r="D10650" s="1" t="s">
        <v>11</v>
      </c>
      <c r="E10650" s="1" t="s">
        <v>7</v>
      </c>
    </row>
    <row r="10651">
      <c r="A10651" s="1">
        <v>4.90475899E8</v>
      </c>
      <c r="B10651" s="2">
        <v>13039.0</v>
      </c>
      <c r="C10651" s="1" t="s">
        <v>5</v>
      </c>
      <c r="D10651" s="1" t="s">
        <v>9057</v>
      </c>
      <c r="E10651" s="1" t="s">
        <v>7</v>
      </c>
    </row>
    <row r="10652">
      <c r="A10652" s="1">
        <v>4.90475914E8</v>
      </c>
      <c r="B10652" s="2">
        <v>13044.0</v>
      </c>
      <c r="C10652" s="1" t="s">
        <v>5</v>
      </c>
      <c r="D10652" s="1" t="s">
        <v>9058</v>
      </c>
      <c r="E10652" s="1" t="s">
        <v>7</v>
      </c>
    </row>
    <row r="10653">
      <c r="A10653" s="1">
        <v>4.90475917E8</v>
      </c>
      <c r="B10653" s="2">
        <v>13037.0</v>
      </c>
      <c r="C10653" s="1" t="s">
        <v>5</v>
      </c>
      <c r="D10653" s="1" t="s">
        <v>11</v>
      </c>
      <c r="E10653" s="1" t="s">
        <v>7</v>
      </c>
    </row>
    <row r="10654">
      <c r="A10654" s="1">
        <v>4.90475918E8</v>
      </c>
      <c r="B10654" s="2">
        <v>13099.0</v>
      </c>
      <c r="C10654" s="1" t="s">
        <v>5</v>
      </c>
      <c r="D10654" s="1" t="s">
        <v>9059</v>
      </c>
      <c r="E10654" s="1" t="s">
        <v>7</v>
      </c>
    </row>
    <row r="10655">
      <c r="A10655" s="1">
        <v>4.90475949E8</v>
      </c>
      <c r="B10655" s="2">
        <v>13103.0</v>
      </c>
      <c r="C10655" s="1" t="s">
        <v>5</v>
      </c>
      <c r="D10655" s="1" t="s">
        <v>9060</v>
      </c>
      <c r="E10655" s="1" t="s">
        <v>11</v>
      </c>
    </row>
    <row r="10656">
      <c r="A10656" s="1">
        <v>4.90475963E8</v>
      </c>
      <c r="B10656" s="2">
        <v>13037.0</v>
      </c>
      <c r="C10656" s="1" t="s">
        <v>5</v>
      </c>
      <c r="D10656" s="1" t="s">
        <v>9061</v>
      </c>
      <c r="E10656" s="1" t="s">
        <v>7</v>
      </c>
    </row>
    <row r="10657">
      <c r="A10657" s="1">
        <v>4.9047597E8</v>
      </c>
      <c r="B10657" s="2">
        <v>13161.0</v>
      </c>
      <c r="C10657" s="1" t="s">
        <v>5</v>
      </c>
      <c r="D10657" s="1" t="s">
        <v>9062</v>
      </c>
      <c r="E10657" s="1" t="s">
        <v>11</v>
      </c>
    </row>
    <row r="10658">
      <c r="A10658" s="1">
        <v>4.90475985E8</v>
      </c>
      <c r="B10658" s="2">
        <v>13046.0</v>
      </c>
      <c r="C10658" s="1" t="s">
        <v>5</v>
      </c>
      <c r="D10658" s="1" t="s">
        <v>9063</v>
      </c>
      <c r="E10658" s="1" t="s">
        <v>7</v>
      </c>
    </row>
    <row r="10659">
      <c r="A10659" s="1">
        <v>4.90475989E8</v>
      </c>
      <c r="B10659" s="2">
        <v>13108.0</v>
      </c>
      <c r="C10659" s="1" t="s">
        <v>5</v>
      </c>
      <c r="D10659" s="1" t="s">
        <v>9064</v>
      </c>
      <c r="E10659" s="1" t="s">
        <v>7</v>
      </c>
    </row>
    <row r="10660">
      <c r="A10660" s="1">
        <v>4.90476007E8</v>
      </c>
      <c r="B10660" s="2">
        <v>13035.0</v>
      </c>
      <c r="C10660" s="1" t="s">
        <v>5</v>
      </c>
      <c r="D10660" s="1" t="s">
        <v>9065</v>
      </c>
      <c r="E10660" s="1" t="s">
        <v>7</v>
      </c>
    </row>
    <row r="10661">
      <c r="A10661" s="1">
        <v>4.90476027E8</v>
      </c>
      <c r="B10661" s="2">
        <v>13044.0</v>
      </c>
      <c r="C10661" s="1" t="s">
        <v>5</v>
      </c>
      <c r="D10661" s="1" t="s">
        <v>9066</v>
      </c>
      <c r="E10661" s="1" t="s">
        <v>11</v>
      </c>
    </row>
    <row r="10662">
      <c r="A10662" s="1">
        <v>4.9047606E8</v>
      </c>
      <c r="B10662" s="2">
        <v>13039.0</v>
      </c>
      <c r="C10662" s="1" t="s">
        <v>5</v>
      </c>
      <c r="D10662" s="1" t="s">
        <v>9067</v>
      </c>
      <c r="E10662" s="1" t="s">
        <v>7</v>
      </c>
    </row>
    <row r="10663">
      <c r="A10663" s="1">
        <v>4.90476061E8</v>
      </c>
      <c r="B10663" s="2">
        <v>13044.0</v>
      </c>
      <c r="C10663" s="1" t="s">
        <v>5</v>
      </c>
      <c r="D10663" s="1" t="s">
        <v>9068</v>
      </c>
      <c r="E10663" s="1" t="s">
        <v>11</v>
      </c>
    </row>
    <row r="10664">
      <c r="A10664" s="1">
        <v>4.90476077E8</v>
      </c>
      <c r="B10664" s="2">
        <v>13044.0</v>
      </c>
      <c r="C10664" s="1" t="s">
        <v>5</v>
      </c>
      <c r="D10664" s="1" t="s">
        <v>9069</v>
      </c>
      <c r="E10664" s="1" t="s">
        <v>11</v>
      </c>
    </row>
    <row r="10665">
      <c r="A10665" s="1">
        <v>4.90476136E8</v>
      </c>
      <c r="B10665" s="2">
        <v>13098.0</v>
      </c>
      <c r="C10665" s="1" t="s">
        <v>5</v>
      </c>
      <c r="D10665" s="1" t="s">
        <v>9070</v>
      </c>
      <c r="E10665" s="1" t="s">
        <v>9071</v>
      </c>
    </row>
    <row r="10666">
      <c r="A10666" s="1">
        <v>4.90476142E8</v>
      </c>
      <c r="B10666" s="2">
        <v>13042.0</v>
      </c>
      <c r="C10666" s="1" t="s">
        <v>5</v>
      </c>
      <c r="D10666" s="1" t="s">
        <v>9072</v>
      </c>
      <c r="E10666" s="1" t="s">
        <v>11</v>
      </c>
    </row>
    <row r="10667">
      <c r="A10667" s="1">
        <v>4.90476143E8</v>
      </c>
      <c r="B10667" s="2">
        <v>13171.0</v>
      </c>
      <c r="C10667" s="1" t="s">
        <v>5</v>
      </c>
      <c r="D10667" s="1" t="s">
        <v>9073</v>
      </c>
      <c r="E10667" s="1" t="s">
        <v>7</v>
      </c>
    </row>
    <row r="10668">
      <c r="A10668" s="1">
        <v>4.90476147E8</v>
      </c>
      <c r="B10668" s="2">
        <v>13038.0</v>
      </c>
      <c r="C10668" s="1" t="s">
        <v>5</v>
      </c>
      <c r="D10668" s="1" t="s">
        <v>9074</v>
      </c>
      <c r="E10668" s="1" t="s">
        <v>7</v>
      </c>
    </row>
    <row r="10669">
      <c r="A10669" s="1">
        <v>4.90476157E8</v>
      </c>
      <c r="B10669" s="2">
        <v>13102.0</v>
      </c>
      <c r="C10669" s="1" t="s">
        <v>5</v>
      </c>
      <c r="D10669" s="1" t="s">
        <v>9075</v>
      </c>
      <c r="E10669" s="1" t="s">
        <v>11</v>
      </c>
    </row>
    <row r="10670">
      <c r="A10670" s="1">
        <v>4.90476199E8</v>
      </c>
      <c r="B10670" s="2">
        <v>13040.0</v>
      </c>
      <c r="C10670" s="1" t="s">
        <v>5</v>
      </c>
      <c r="D10670" s="1" t="s">
        <v>11</v>
      </c>
      <c r="E10670" s="1" t="s">
        <v>7</v>
      </c>
    </row>
    <row r="10671">
      <c r="A10671" s="1">
        <v>4.90476228E8</v>
      </c>
      <c r="B10671" s="2">
        <v>13037.0</v>
      </c>
      <c r="C10671" s="1" t="s">
        <v>5</v>
      </c>
      <c r="D10671" s="1" t="s">
        <v>11</v>
      </c>
      <c r="E10671" s="1" t="s">
        <v>7</v>
      </c>
    </row>
    <row r="10672">
      <c r="A10672" s="1">
        <v>4.9047625E8</v>
      </c>
      <c r="B10672" s="2">
        <v>13042.0</v>
      </c>
      <c r="C10672" s="1" t="s">
        <v>5</v>
      </c>
      <c r="D10672" s="1" t="s">
        <v>9076</v>
      </c>
      <c r="E10672" s="1" t="s">
        <v>9077</v>
      </c>
    </row>
    <row r="10673">
      <c r="A10673" s="1">
        <v>4.90476299E8</v>
      </c>
      <c r="B10673" s="2">
        <v>13098.0</v>
      </c>
      <c r="C10673" s="1" t="s">
        <v>5</v>
      </c>
      <c r="D10673" s="1" t="s">
        <v>9078</v>
      </c>
      <c r="E10673" s="1" t="s">
        <v>7</v>
      </c>
    </row>
    <row r="10674">
      <c r="A10674" s="1">
        <v>4.9047634E8</v>
      </c>
      <c r="B10674" s="2">
        <v>13159.0</v>
      </c>
      <c r="C10674" s="1" t="s">
        <v>5</v>
      </c>
      <c r="D10674" s="1" t="s">
        <v>9079</v>
      </c>
      <c r="E10674" s="1" t="s">
        <v>11</v>
      </c>
    </row>
    <row r="10675">
      <c r="A10675" s="1">
        <v>4.90476347E8</v>
      </c>
      <c r="B10675" s="2">
        <v>13034.0</v>
      </c>
      <c r="C10675" s="1" t="s">
        <v>5</v>
      </c>
      <c r="D10675" s="1" t="s">
        <v>9080</v>
      </c>
      <c r="E10675" s="1" t="s">
        <v>7</v>
      </c>
    </row>
    <row r="10676">
      <c r="A10676" s="1">
        <v>4.90476362E8</v>
      </c>
      <c r="B10676" s="2">
        <v>13173.0</v>
      </c>
      <c r="C10676" s="1" t="s">
        <v>5</v>
      </c>
      <c r="D10676" s="1" t="s">
        <v>9081</v>
      </c>
      <c r="E10676" s="1" t="s">
        <v>11</v>
      </c>
    </row>
    <row r="10677">
      <c r="A10677" s="1">
        <v>4.90476363E8</v>
      </c>
      <c r="B10677" s="2">
        <v>13036.0</v>
      </c>
      <c r="C10677" s="1" t="s">
        <v>5</v>
      </c>
      <c r="D10677" s="1" t="s">
        <v>9082</v>
      </c>
      <c r="E10677" s="1" t="s">
        <v>7</v>
      </c>
    </row>
    <row r="10678">
      <c r="A10678" s="1">
        <v>4.90476369E8</v>
      </c>
      <c r="B10678" s="2">
        <v>13106.0</v>
      </c>
      <c r="C10678" s="1" t="s">
        <v>5</v>
      </c>
      <c r="D10678" s="1" t="s">
        <v>7</v>
      </c>
      <c r="E10678" s="1" t="s">
        <v>7</v>
      </c>
    </row>
    <row r="10679">
      <c r="A10679" s="1">
        <v>4.90476381E8</v>
      </c>
      <c r="B10679" s="2">
        <v>13039.0</v>
      </c>
      <c r="C10679" s="1" t="s">
        <v>5</v>
      </c>
      <c r="D10679" s="1" t="s">
        <v>9083</v>
      </c>
      <c r="E10679" s="1" t="s">
        <v>7</v>
      </c>
    </row>
    <row r="10680">
      <c r="A10680" s="1">
        <v>4.90476396E8</v>
      </c>
      <c r="B10680" s="2">
        <v>13035.0</v>
      </c>
      <c r="C10680" s="1" t="s">
        <v>5</v>
      </c>
      <c r="D10680" s="1" t="s">
        <v>9084</v>
      </c>
      <c r="E10680" s="1" t="s">
        <v>7</v>
      </c>
    </row>
    <row r="10681">
      <c r="A10681" s="1">
        <v>4.90476397E8</v>
      </c>
      <c r="B10681" s="2">
        <v>13165.0</v>
      </c>
      <c r="C10681" s="1" t="s">
        <v>5</v>
      </c>
      <c r="D10681" s="1" t="s">
        <v>9085</v>
      </c>
      <c r="E10681" s="1" t="s">
        <v>7</v>
      </c>
    </row>
    <row r="10682">
      <c r="A10682" s="1">
        <v>4.90476399E8</v>
      </c>
      <c r="B10682" s="2">
        <v>13094.0</v>
      </c>
      <c r="C10682" s="1" t="s">
        <v>5</v>
      </c>
      <c r="D10682" s="1" t="s">
        <v>9086</v>
      </c>
      <c r="E10682" s="1" t="s">
        <v>7</v>
      </c>
    </row>
    <row r="10683">
      <c r="A10683" s="1">
        <v>4.90476408E8</v>
      </c>
      <c r="B10683" s="2">
        <v>13042.0</v>
      </c>
      <c r="C10683" s="1" t="s">
        <v>5</v>
      </c>
      <c r="D10683" s="1" t="s">
        <v>9087</v>
      </c>
      <c r="E10683" s="1" t="s">
        <v>7</v>
      </c>
    </row>
    <row r="10684">
      <c r="A10684" s="1">
        <v>4.90476421E8</v>
      </c>
      <c r="B10684" s="2">
        <v>13164.0</v>
      </c>
      <c r="C10684" s="1" t="s">
        <v>5</v>
      </c>
      <c r="D10684" s="1" t="s">
        <v>9088</v>
      </c>
      <c r="E10684" s="1" t="s">
        <v>7</v>
      </c>
    </row>
    <row r="10685">
      <c r="A10685" s="1">
        <v>4.90476424E8</v>
      </c>
      <c r="B10685" s="2">
        <v>13035.0</v>
      </c>
      <c r="C10685" s="1" t="s">
        <v>5</v>
      </c>
      <c r="D10685" s="1" t="s">
        <v>9089</v>
      </c>
      <c r="E10685" s="1" t="s">
        <v>7</v>
      </c>
    </row>
    <row r="10686">
      <c r="A10686" s="1">
        <v>4.90476427E8</v>
      </c>
      <c r="B10686" s="2">
        <v>13032.0</v>
      </c>
      <c r="C10686" s="1" t="s">
        <v>5</v>
      </c>
      <c r="D10686" s="1" t="s">
        <v>9090</v>
      </c>
      <c r="E10686" s="1" t="s">
        <v>7</v>
      </c>
    </row>
    <row r="10687">
      <c r="A10687" s="1">
        <v>4.90476431E8</v>
      </c>
      <c r="B10687" s="2">
        <v>13118.0</v>
      </c>
      <c r="C10687" s="1" t="s">
        <v>5</v>
      </c>
      <c r="D10687" s="1" t="s">
        <v>9091</v>
      </c>
      <c r="E10687" s="1" t="s">
        <v>7</v>
      </c>
    </row>
    <row r="10688">
      <c r="A10688" s="1">
        <v>4.9047644E8</v>
      </c>
      <c r="B10688" s="2">
        <v>13098.0</v>
      </c>
      <c r="C10688" s="1" t="s">
        <v>5</v>
      </c>
      <c r="D10688" s="1" t="s">
        <v>9092</v>
      </c>
      <c r="E10688" s="1" t="s">
        <v>7</v>
      </c>
    </row>
    <row r="10689">
      <c r="A10689" s="1">
        <v>4.90476451E8</v>
      </c>
      <c r="B10689" s="2">
        <v>13164.0</v>
      </c>
      <c r="C10689" s="1" t="s">
        <v>5</v>
      </c>
      <c r="D10689" s="1" t="s">
        <v>9093</v>
      </c>
      <c r="E10689" s="1" t="s">
        <v>9094</v>
      </c>
    </row>
    <row r="10690">
      <c r="A10690" s="1">
        <v>4.90476459E8</v>
      </c>
      <c r="B10690" s="2">
        <v>13180.0</v>
      </c>
      <c r="C10690" s="1" t="s">
        <v>5</v>
      </c>
      <c r="D10690" s="1" t="s">
        <v>9095</v>
      </c>
      <c r="E10690" s="1" t="s">
        <v>11</v>
      </c>
    </row>
    <row r="10691">
      <c r="A10691" s="1">
        <v>4.90476464E8</v>
      </c>
      <c r="B10691" s="2">
        <v>13031.0</v>
      </c>
      <c r="C10691" s="1" t="s">
        <v>5</v>
      </c>
      <c r="D10691" s="1" t="s">
        <v>9096</v>
      </c>
      <c r="E10691" s="1" t="s">
        <v>7</v>
      </c>
    </row>
    <row r="10692">
      <c r="A10692" s="1">
        <v>4.90476488E8</v>
      </c>
      <c r="B10692" s="2">
        <v>13156.0</v>
      </c>
      <c r="C10692" s="1" t="s">
        <v>5</v>
      </c>
      <c r="D10692" s="1" t="s">
        <v>9097</v>
      </c>
      <c r="E10692" s="1" t="s">
        <v>9098</v>
      </c>
    </row>
    <row r="10693">
      <c r="A10693" s="1">
        <v>4.90476511E8</v>
      </c>
      <c r="B10693" s="2">
        <v>13165.0</v>
      </c>
      <c r="C10693" s="1" t="s">
        <v>5</v>
      </c>
      <c r="D10693" s="1" t="s">
        <v>9099</v>
      </c>
      <c r="E10693" s="1" t="s">
        <v>7</v>
      </c>
    </row>
    <row r="10694">
      <c r="A10694" s="1">
        <v>4.90476539E8</v>
      </c>
      <c r="B10694" s="2">
        <v>13112.0</v>
      </c>
      <c r="C10694" s="1" t="s">
        <v>5</v>
      </c>
      <c r="D10694" s="1" t="s">
        <v>9100</v>
      </c>
      <c r="E10694" s="1" t="s">
        <v>7</v>
      </c>
    </row>
    <row r="10695">
      <c r="A10695" s="1">
        <v>4.90476547E8</v>
      </c>
      <c r="B10695" s="2">
        <v>13031.0</v>
      </c>
      <c r="C10695" s="1" t="s">
        <v>5</v>
      </c>
      <c r="D10695" s="1" t="s">
        <v>9101</v>
      </c>
      <c r="E10695" s="1" t="s">
        <v>11</v>
      </c>
    </row>
    <row r="10696">
      <c r="A10696" s="1">
        <v>4.90476564E8</v>
      </c>
      <c r="B10696" s="2">
        <v>13116.0</v>
      </c>
      <c r="C10696" s="1" t="s">
        <v>5</v>
      </c>
      <c r="D10696" s="1" t="s">
        <v>9102</v>
      </c>
      <c r="E10696" s="1" t="s">
        <v>7</v>
      </c>
    </row>
    <row r="10697">
      <c r="A10697" s="1">
        <v>4.90476587E8</v>
      </c>
      <c r="B10697" s="2">
        <v>13175.0</v>
      </c>
      <c r="C10697" s="1" t="s">
        <v>5</v>
      </c>
      <c r="D10697" s="1" t="s">
        <v>9103</v>
      </c>
      <c r="E10697" s="1" t="s">
        <v>7</v>
      </c>
    </row>
    <row r="10698">
      <c r="A10698" s="1">
        <v>4.90476595E8</v>
      </c>
      <c r="B10698" s="2">
        <v>13173.0</v>
      </c>
      <c r="C10698" s="1" t="s">
        <v>5</v>
      </c>
      <c r="D10698" s="1" t="s">
        <v>11</v>
      </c>
      <c r="E10698" s="1" t="s">
        <v>7</v>
      </c>
    </row>
    <row r="10699">
      <c r="A10699" s="1">
        <v>4.90476597E8</v>
      </c>
      <c r="B10699" s="2">
        <v>13170.0</v>
      </c>
      <c r="C10699" s="1" t="s">
        <v>5</v>
      </c>
      <c r="D10699" s="1" t="s">
        <v>9104</v>
      </c>
      <c r="E10699" s="1" t="s">
        <v>9105</v>
      </c>
    </row>
    <row r="10700">
      <c r="A10700" s="1">
        <v>4.90476622E8</v>
      </c>
      <c r="B10700" s="2">
        <v>13042.0</v>
      </c>
      <c r="C10700" s="1" t="s">
        <v>5</v>
      </c>
      <c r="D10700" s="1" t="s">
        <v>9106</v>
      </c>
      <c r="E10700" s="1" t="s">
        <v>7</v>
      </c>
    </row>
    <row r="10701">
      <c r="A10701" s="1">
        <v>4.9047666E8</v>
      </c>
      <c r="B10701" s="2">
        <v>13116.0</v>
      </c>
      <c r="C10701" s="1" t="s">
        <v>5</v>
      </c>
      <c r="D10701" s="1" t="s">
        <v>9107</v>
      </c>
      <c r="E10701" s="1" t="s">
        <v>7</v>
      </c>
    </row>
    <row r="10702">
      <c r="A10702" s="1">
        <v>4.90476661E8</v>
      </c>
      <c r="B10702" s="2">
        <v>13158.0</v>
      </c>
      <c r="C10702" s="1" t="s">
        <v>5</v>
      </c>
      <c r="D10702" s="1" t="s">
        <v>11</v>
      </c>
      <c r="E10702" s="1" t="s">
        <v>7</v>
      </c>
    </row>
    <row r="10703">
      <c r="A10703" s="1">
        <v>4.9047667E8</v>
      </c>
      <c r="B10703" s="2">
        <v>13175.0</v>
      </c>
      <c r="C10703" s="1" t="s">
        <v>5</v>
      </c>
      <c r="D10703" s="1" t="s">
        <v>11</v>
      </c>
      <c r="E10703" s="1" t="s">
        <v>7</v>
      </c>
    </row>
    <row r="10704">
      <c r="A10704" s="1">
        <v>4.90476672E8</v>
      </c>
      <c r="B10704" s="2">
        <v>13042.0</v>
      </c>
      <c r="C10704" s="1" t="s">
        <v>5</v>
      </c>
      <c r="D10704" s="1" t="s">
        <v>9108</v>
      </c>
      <c r="E10704" s="1" t="s">
        <v>7</v>
      </c>
    </row>
    <row r="10705">
      <c r="A10705" s="1">
        <v>4.90476677E8</v>
      </c>
      <c r="B10705" s="2">
        <v>13037.0</v>
      </c>
      <c r="C10705" s="1" t="s">
        <v>5</v>
      </c>
      <c r="D10705" s="1" t="s">
        <v>9109</v>
      </c>
      <c r="E10705" s="1" t="s">
        <v>7</v>
      </c>
    </row>
    <row r="10706">
      <c r="A10706" s="1">
        <v>4.90476699E8</v>
      </c>
      <c r="B10706" s="2">
        <v>13163.0</v>
      </c>
      <c r="C10706" s="1" t="s">
        <v>5</v>
      </c>
      <c r="D10706" s="1" t="s">
        <v>9110</v>
      </c>
      <c r="E10706" s="1" t="s">
        <v>7</v>
      </c>
    </row>
    <row r="10707">
      <c r="A10707" s="1">
        <v>4.90476703E8</v>
      </c>
      <c r="B10707" s="2">
        <v>13123.0</v>
      </c>
      <c r="C10707" s="1" t="s">
        <v>5</v>
      </c>
      <c r="D10707" s="1" t="s">
        <v>9111</v>
      </c>
      <c r="E10707" s="1" t="s">
        <v>11</v>
      </c>
    </row>
    <row r="10708">
      <c r="A10708" s="1">
        <v>4.9047671E8</v>
      </c>
      <c r="B10708" s="2">
        <v>13042.0</v>
      </c>
      <c r="C10708" s="1" t="s">
        <v>5</v>
      </c>
      <c r="D10708" s="1" t="s">
        <v>11</v>
      </c>
      <c r="E10708" s="1" t="s">
        <v>7</v>
      </c>
    </row>
    <row r="10709">
      <c r="A10709" s="1">
        <v>4.90476715E8</v>
      </c>
      <c r="B10709" s="2">
        <v>13105.0</v>
      </c>
      <c r="C10709" s="1" t="s">
        <v>5</v>
      </c>
      <c r="D10709" s="1" t="s">
        <v>9112</v>
      </c>
      <c r="E10709" s="1" t="s">
        <v>7</v>
      </c>
    </row>
    <row r="10710">
      <c r="A10710" s="1">
        <v>4.90476779E8</v>
      </c>
      <c r="B10710" s="2">
        <v>13041.0</v>
      </c>
      <c r="C10710" s="1" t="s">
        <v>5</v>
      </c>
      <c r="D10710" s="1" t="s">
        <v>9113</v>
      </c>
      <c r="E10710" s="1" t="s">
        <v>7</v>
      </c>
    </row>
    <row r="10711">
      <c r="A10711" s="1">
        <v>4.90476798E8</v>
      </c>
      <c r="B10711" s="2">
        <v>13163.0</v>
      </c>
      <c r="C10711" s="1" t="s">
        <v>5</v>
      </c>
      <c r="D10711" s="1" t="s">
        <v>11</v>
      </c>
      <c r="E10711" s="1" t="s">
        <v>7</v>
      </c>
    </row>
    <row r="10712">
      <c r="A10712" s="1">
        <v>4.90476827E8</v>
      </c>
      <c r="B10712" s="2">
        <v>13174.0</v>
      </c>
      <c r="C10712" s="1" t="s">
        <v>5</v>
      </c>
      <c r="D10712" s="1" t="s">
        <v>9114</v>
      </c>
      <c r="E10712" s="1" t="s">
        <v>11</v>
      </c>
    </row>
    <row r="10713">
      <c r="A10713" s="1">
        <v>4.90476882E8</v>
      </c>
      <c r="B10713" s="2">
        <v>13063.0</v>
      </c>
      <c r="C10713" s="1" t="s">
        <v>5</v>
      </c>
      <c r="D10713" s="1" t="s">
        <v>9115</v>
      </c>
      <c r="E10713" s="1" t="s">
        <v>9116</v>
      </c>
    </row>
    <row r="10714">
      <c r="A10714" s="1">
        <v>4.90476897E8</v>
      </c>
      <c r="B10714" s="2">
        <v>13098.0</v>
      </c>
      <c r="C10714" s="1" t="s">
        <v>5</v>
      </c>
      <c r="D10714" s="1" t="s">
        <v>11</v>
      </c>
      <c r="E10714" s="1" t="s">
        <v>7</v>
      </c>
    </row>
    <row r="10715">
      <c r="A10715" s="1">
        <v>4.90476898E8</v>
      </c>
      <c r="B10715" s="2">
        <v>13158.0</v>
      </c>
      <c r="C10715" s="1" t="s">
        <v>5</v>
      </c>
      <c r="D10715" s="1" t="s">
        <v>9117</v>
      </c>
      <c r="E10715" s="1" t="s">
        <v>7</v>
      </c>
    </row>
    <row r="10716">
      <c r="A10716" s="1">
        <v>4.90476932E8</v>
      </c>
      <c r="B10716" s="2">
        <v>13063.0</v>
      </c>
      <c r="C10716" s="1" t="s">
        <v>5</v>
      </c>
      <c r="D10716" s="1" t="s">
        <v>9118</v>
      </c>
      <c r="E10716" s="1" t="s">
        <v>11</v>
      </c>
    </row>
    <row r="10717">
      <c r="A10717" s="1">
        <v>4.90476984E8</v>
      </c>
      <c r="B10717" s="2">
        <v>13116.0</v>
      </c>
      <c r="C10717" s="1" t="s">
        <v>5</v>
      </c>
      <c r="D10717" s="1" t="s">
        <v>9119</v>
      </c>
      <c r="E10717" s="1" t="s">
        <v>7</v>
      </c>
    </row>
    <row r="10718">
      <c r="A10718" s="1">
        <v>4.90476992E8</v>
      </c>
      <c r="B10718" s="2">
        <v>13167.0</v>
      </c>
      <c r="C10718" s="1" t="s">
        <v>5</v>
      </c>
      <c r="D10718" s="1" t="s">
        <v>9120</v>
      </c>
      <c r="E10718" s="1" t="s">
        <v>11</v>
      </c>
    </row>
    <row r="10719">
      <c r="A10719" s="1">
        <v>4.90477009E8</v>
      </c>
      <c r="B10719" s="2">
        <v>13116.0</v>
      </c>
      <c r="C10719" s="1" t="s">
        <v>5</v>
      </c>
      <c r="D10719" s="1" t="s">
        <v>11</v>
      </c>
      <c r="E10719" s="1" t="s">
        <v>7</v>
      </c>
    </row>
    <row r="10720">
      <c r="A10720" s="1">
        <v>4.90477021E8</v>
      </c>
      <c r="B10720" s="2">
        <v>13156.0</v>
      </c>
      <c r="C10720" s="1" t="s">
        <v>5</v>
      </c>
      <c r="D10720" s="1" t="s">
        <v>9121</v>
      </c>
      <c r="E10720" s="1" t="s">
        <v>7</v>
      </c>
    </row>
    <row r="10721">
      <c r="A10721" s="1">
        <v>4.90477106E8</v>
      </c>
      <c r="B10721" s="2">
        <v>13153.0</v>
      </c>
      <c r="C10721" s="1" t="s">
        <v>5</v>
      </c>
      <c r="D10721" s="1" t="s">
        <v>9122</v>
      </c>
      <c r="E10721" s="1" t="s">
        <v>7</v>
      </c>
    </row>
    <row r="10722">
      <c r="A10722" s="1">
        <v>4.90477119E8</v>
      </c>
      <c r="B10722" s="2">
        <v>13098.0</v>
      </c>
      <c r="C10722" s="1" t="s">
        <v>5</v>
      </c>
      <c r="D10722" s="1" t="s">
        <v>11</v>
      </c>
      <c r="E10722" s="1" t="s">
        <v>7</v>
      </c>
    </row>
    <row r="10723">
      <c r="A10723" s="1">
        <v>4.90477125E8</v>
      </c>
      <c r="B10723" s="2">
        <v>13099.0</v>
      </c>
      <c r="C10723" s="1" t="s">
        <v>5</v>
      </c>
      <c r="D10723" s="1" t="s">
        <v>7</v>
      </c>
      <c r="E10723" s="1" t="s">
        <v>7</v>
      </c>
    </row>
    <row r="10724">
      <c r="A10724" s="1">
        <v>4.90477131E8</v>
      </c>
      <c r="B10724" s="2">
        <v>13103.0</v>
      </c>
      <c r="C10724" s="1" t="s">
        <v>5</v>
      </c>
      <c r="D10724" s="1" t="s">
        <v>9123</v>
      </c>
      <c r="E10724" s="1" t="s">
        <v>11</v>
      </c>
    </row>
    <row r="10725">
      <c r="A10725" s="1">
        <v>4.90477141E8</v>
      </c>
      <c r="B10725" s="2">
        <v>13038.0</v>
      </c>
      <c r="C10725" s="1" t="s">
        <v>5</v>
      </c>
      <c r="D10725" s="1" t="s">
        <v>11</v>
      </c>
      <c r="E10725" s="1" t="s">
        <v>7</v>
      </c>
    </row>
    <row r="10726">
      <c r="A10726" s="1">
        <v>4.90477164E8</v>
      </c>
      <c r="B10726" s="2">
        <v>13101.0</v>
      </c>
      <c r="C10726" s="1" t="s">
        <v>5</v>
      </c>
      <c r="D10726" s="1" t="s">
        <v>9124</v>
      </c>
      <c r="E10726" s="1" t="s">
        <v>7</v>
      </c>
    </row>
    <row r="10727">
      <c r="A10727" s="1">
        <v>4.90477187E8</v>
      </c>
      <c r="B10727" s="2">
        <v>13091.0</v>
      </c>
      <c r="C10727" s="1" t="s">
        <v>5</v>
      </c>
      <c r="D10727" s="1" t="s">
        <v>9125</v>
      </c>
      <c r="E10727" s="1" t="s">
        <v>7</v>
      </c>
    </row>
    <row r="10728">
      <c r="A10728" s="1">
        <v>4.90477213E8</v>
      </c>
      <c r="B10728" s="2">
        <v>13149.0</v>
      </c>
      <c r="C10728" s="1" t="s">
        <v>5</v>
      </c>
      <c r="D10728" s="1" t="s">
        <v>9126</v>
      </c>
      <c r="E10728" s="1" t="s">
        <v>7</v>
      </c>
    </row>
    <row r="10729">
      <c r="A10729" s="1">
        <v>4.90477214E8</v>
      </c>
      <c r="B10729" s="2">
        <v>13153.0</v>
      </c>
      <c r="C10729" s="1" t="s">
        <v>5</v>
      </c>
      <c r="D10729" s="1" t="s">
        <v>9127</v>
      </c>
      <c r="E10729" s="1" t="s">
        <v>7</v>
      </c>
    </row>
    <row r="10730">
      <c r="A10730" s="1">
        <v>4.90477248E8</v>
      </c>
      <c r="B10730" s="2">
        <v>13167.0</v>
      </c>
      <c r="C10730" s="1" t="s">
        <v>5</v>
      </c>
      <c r="D10730" s="1" t="s">
        <v>11</v>
      </c>
      <c r="E10730" s="1" t="s">
        <v>7</v>
      </c>
    </row>
    <row r="10731">
      <c r="A10731" s="1">
        <v>4.90477256E8</v>
      </c>
      <c r="B10731" s="2">
        <v>13102.0</v>
      </c>
      <c r="C10731" s="1" t="s">
        <v>5</v>
      </c>
      <c r="D10731" s="1" t="s">
        <v>11</v>
      </c>
      <c r="E10731" s="1" t="s">
        <v>7</v>
      </c>
    </row>
    <row r="10732">
      <c r="A10732" s="1">
        <v>4.90477302E8</v>
      </c>
      <c r="B10732" s="2">
        <v>13166.0</v>
      </c>
      <c r="C10732" s="1" t="s">
        <v>5</v>
      </c>
      <c r="D10732" s="1" t="s">
        <v>11</v>
      </c>
      <c r="E10732" s="1" t="s">
        <v>7</v>
      </c>
    </row>
    <row r="10733">
      <c r="A10733" s="1">
        <v>4.90477309E8</v>
      </c>
      <c r="B10733" s="2">
        <v>13097.0</v>
      </c>
      <c r="C10733" s="1" t="s">
        <v>5</v>
      </c>
      <c r="D10733" s="1" t="s">
        <v>9128</v>
      </c>
      <c r="E10733" s="1" t="s">
        <v>9129</v>
      </c>
    </row>
    <row r="10734">
      <c r="A10734" s="1">
        <v>4.90477344E8</v>
      </c>
      <c r="B10734" s="2">
        <v>13099.0</v>
      </c>
      <c r="C10734" s="1" t="s">
        <v>5</v>
      </c>
      <c r="D10734" s="1" t="s">
        <v>9130</v>
      </c>
      <c r="E10734" s="1" t="s">
        <v>9131</v>
      </c>
    </row>
    <row r="10735">
      <c r="A10735" s="1">
        <v>4.90477351E8</v>
      </c>
      <c r="B10735" s="2">
        <v>13037.0</v>
      </c>
      <c r="C10735" s="1" t="s">
        <v>5</v>
      </c>
      <c r="D10735" s="1" t="s">
        <v>9132</v>
      </c>
      <c r="E10735" s="1" t="s">
        <v>11</v>
      </c>
    </row>
    <row r="10736">
      <c r="A10736" s="1">
        <v>4.90477357E8</v>
      </c>
      <c r="B10736" s="2">
        <v>13089.0</v>
      </c>
      <c r="C10736" s="1" t="s">
        <v>5</v>
      </c>
      <c r="D10736" s="1" t="s">
        <v>9133</v>
      </c>
      <c r="E10736" s="1" t="s">
        <v>11</v>
      </c>
    </row>
    <row r="10737">
      <c r="A10737" s="1">
        <v>4.90477362E8</v>
      </c>
      <c r="B10737" s="2">
        <v>13154.0</v>
      </c>
      <c r="C10737" s="1" t="s">
        <v>5</v>
      </c>
      <c r="D10737" s="1" t="s">
        <v>11</v>
      </c>
      <c r="E10737" s="1" t="s">
        <v>7</v>
      </c>
    </row>
    <row r="10738">
      <c r="A10738" s="1">
        <v>4.9047738E8</v>
      </c>
      <c r="B10738" s="2">
        <v>13089.0</v>
      </c>
      <c r="C10738" s="1" t="s">
        <v>5</v>
      </c>
      <c r="D10738" s="1" t="s">
        <v>11</v>
      </c>
      <c r="E10738" s="4" t="s">
        <v>9134</v>
      </c>
    </row>
    <row r="10739">
      <c r="A10739" s="1">
        <v>4.90477386E8</v>
      </c>
      <c r="B10739" s="2">
        <v>13109.0</v>
      </c>
      <c r="C10739" s="1" t="s">
        <v>5</v>
      </c>
      <c r="D10739" s="1" t="s">
        <v>11</v>
      </c>
      <c r="E10739" s="1" t="s">
        <v>7</v>
      </c>
    </row>
    <row r="10740">
      <c r="A10740" s="1">
        <v>4.90477413E8</v>
      </c>
      <c r="B10740" s="2">
        <v>13102.0</v>
      </c>
      <c r="C10740" s="1" t="s">
        <v>5</v>
      </c>
      <c r="D10740" s="1" t="s">
        <v>11</v>
      </c>
      <c r="E10740" s="1" t="s">
        <v>7</v>
      </c>
    </row>
    <row r="10741">
      <c r="A10741" s="1">
        <v>4.90477421E8</v>
      </c>
      <c r="B10741" s="2">
        <v>13164.0</v>
      </c>
      <c r="C10741" s="1" t="s">
        <v>5</v>
      </c>
      <c r="D10741" s="1" t="s">
        <v>11</v>
      </c>
      <c r="E10741" s="1" t="s">
        <v>7</v>
      </c>
    </row>
    <row r="10742">
      <c r="A10742" s="1">
        <v>4.90477434E8</v>
      </c>
      <c r="B10742" s="2">
        <v>13099.0</v>
      </c>
      <c r="C10742" s="1" t="s">
        <v>5</v>
      </c>
      <c r="D10742" s="1" t="s">
        <v>9135</v>
      </c>
      <c r="E10742" s="1" t="s">
        <v>7</v>
      </c>
    </row>
    <row r="10743">
      <c r="A10743" s="1">
        <v>4.90477451E8</v>
      </c>
      <c r="B10743" s="2">
        <v>13174.0</v>
      </c>
      <c r="C10743" s="1" t="s">
        <v>5</v>
      </c>
      <c r="D10743" s="1" t="s">
        <v>11</v>
      </c>
      <c r="E10743" s="1" t="s">
        <v>7</v>
      </c>
    </row>
    <row r="10744">
      <c r="A10744" s="1">
        <v>4.90477458E8</v>
      </c>
      <c r="B10744" s="2">
        <v>13123.0</v>
      </c>
      <c r="C10744" s="1" t="s">
        <v>5</v>
      </c>
      <c r="D10744" s="1" t="s">
        <v>9136</v>
      </c>
      <c r="E10744" s="1" t="s">
        <v>9137</v>
      </c>
    </row>
    <row r="10745">
      <c r="A10745" s="1">
        <v>4.90477466E8</v>
      </c>
      <c r="B10745" s="2">
        <v>13108.0</v>
      </c>
      <c r="C10745" s="1" t="s">
        <v>5</v>
      </c>
      <c r="D10745" s="1" t="s">
        <v>9138</v>
      </c>
      <c r="E10745" s="1" t="s">
        <v>7</v>
      </c>
    </row>
    <row r="10746">
      <c r="A10746" s="1">
        <v>4.90477484E8</v>
      </c>
      <c r="B10746" s="2">
        <v>13098.0</v>
      </c>
      <c r="C10746" s="1" t="s">
        <v>5</v>
      </c>
      <c r="D10746" s="1" t="s">
        <v>9139</v>
      </c>
      <c r="E10746" s="1" t="s">
        <v>7</v>
      </c>
    </row>
    <row r="10747">
      <c r="A10747" s="1">
        <v>4.90477518E8</v>
      </c>
      <c r="B10747" s="2">
        <v>13168.0</v>
      </c>
      <c r="C10747" s="1" t="s">
        <v>5</v>
      </c>
      <c r="D10747" s="1" t="s">
        <v>9140</v>
      </c>
      <c r="E10747" s="1" t="s">
        <v>7</v>
      </c>
    </row>
    <row r="10748">
      <c r="A10748" s="1">
        <v>4.90477521E8</v>
      </c>
      <c r="B10748" s="2">
        <v>13174.0</v>
      </c>
      <c r="C10748" s="1" t="s">
        <v>5</v>
      </c>
      <c r="D10748" s="1" t="s">
        <v>11</v>
      </c>
      <c r="E10748" s="1" t="s">
        <v>7</v>
      </c>
    </row>
    <row r="10749">
      <c r="A10749" s="1">
        <v>4.90477533E8</v>
      </c>
      <c r="B10749" s="2">
        <v>13108.0</v>
      </c>
      <c r="C10749" s="1" t="s">
        <v>5</v>
      </c>
      <c r="D10749" s="1" t="s">
        <v>9141</v>
      </c>
      <c r="E10749" s="1" t="s">
        <v>7</v>
      </c>
    </row>
    <row r="10750">
      <c r="A10750" s="1">
        <v>4.9047754E8</v>
      </c>
      <c r="B10750" s="2">
        <v>13101.0</v>
      </c>
      <c r="C10750" s="1" t="s">
        <v>5</v>
      </c>
      <c r="D10750" s="1" t="s">
        <v>9142</v>
      </c>
      <c r="E10750" s="1" t="s">
        <v>7</v>
      </c>
    </row>
    <row r="10751">
      <c r="A10751" s="1">
        <v>4.90477551E8</v>
      </c>
      <c r="B10751" s="2">
        <v>13159.0</v>
      </c>
      <c r="C10751" s="1" t="s">
        <v>5</v>
      </c>
      <c r="D10751" s="1" t="s">
        <v>9143</v>
      </c>
      <c r="E10751" s="1" t="s">
        <v>7</v>
      </c>
    </row>
    <row r="10752">
      <c r="A10752" s="1">
        <v>4.9047758E8</v>
      </c>
      <c r="B10752" s="2">
        <v>13156.0</v>
      </c>
      <c r="C10752" s="1" t="s">
        <v>5</v>
      </c>
      <c r="D10752" s="1" t="s">
        <v>11</v>
      </c>
      <c r="E10752" s="1" t="s">
        <v>7</v>
      </c>
    </row>
    <row r="10753">
      <c r="A10753" s="1">
        <v>4.90477589E8</v>
      </c>
      <c r="B10753" s="2">
        <v>13146.0</v>
      </c>
      <c r="C10753" s="1" t="s">
        <v>5</v>
      </c>
      <c r="D10753" s="1" t="s">
        <v>9144</v>
      </c>
      <c r="E10753" s="1" t="s">
        <v>11</v>
      </c>
    </row>
    <row r="10754">
      <c r="A10754" s="1">
        <v>4.90477634E8</v>
      </c>
      <c r="B10754" s="2">
        <v>13161.0</v>
      </c>
      <c r="C10754" s="1" t="s">
        <v>5</v>
      </c>
      <c r="D10754" s="1" t="s">
        <v>11</v>
      </c>
      <c r="E10754" s="1" t="s">
        <v>7</v>
      </c>
    </row>
    <row r="10755">
      <c r="A10755" s="1">
        <v>4.90477635E8</v>
      </c>
      <c r="B10755" s="2">
        <v>13031.0</v>
      </c>
      <c r="C10755" s="1" t="s">
        <v>5</v>
      </c>
      <c r="D10755" s="1" t="s">
        <v>9145</v>
      </c>
      <c r="E10755" s="1" t="s">
        <v>7</v>
      </c>
    </row>
    <row r="10756">
      <c r="A10756" s="1">
        <v>4.90477643E8</v>
      </c>
      <c r="B10756" s="2">
        <v>13147.0</v>
      </c>
      <c r="C10756" s="1" t="s">
        <v>5</v>
      </c>
      <c r="D10756" s="1" t="s">
        <v>9146</v>
      </c>
      <c r="E10756" s="1" t="s">
        <v>7</v>
      </c>
    </row>
    <row r="10757">
      <c r="A10757" s="1">
        <v>4.90477669E8</v>
      </c>
      <c r="B10757" s="2">
        <v>13172.0</v>
      </c>
      <c r="C10757" s="1" t="s">
        <v>5</v>
      </c>
      <c r="D10757" s="1" t="s">
        <v>9147</v>
      </c>
      <c r="E10757" s="1" t="s">
        <v>7</v>
      </c>
    </row>
    <row r="10758">
      <c r="A10758" s="1">
        <v>4.90477677E8</v>
      </c>
      <c r="B10758" s="2">
        <v>13154.0</v>
      </c>
      <c r="C10758" s="1" t="s">
        <v>5</v>
      </c>
      <c r="D10758" s="1" t="s">
        <v>9148</v>
      </c>
      <c r="E10758" s="1" t="s">
        <v>7</v>
      </c>
    </row>
    <row r="10759">
      <c r="A10759" s="1">
        <v>4.90477689E8</v>
      </c>
      <c r="B10759" s="2">
        <v>13147.0</v>
      </c>
      <c r="C10759" s="1" t="s">
        <v>5</v>
      </c>
      <c r="D10759" s="1" t="s">
        <v>9149</v>
      </c>
      <c r="E10759" s="1" t="s">
        <v>9150</v>
      </c>
    </row>
    <row r="10760">
      <c r="A10760" s="1">
        <v>4.90477699E8</v>
      </c>
      <c r="B10760" s="2">
        <v>13168.0</v>
      </c>
      <c r="C10760" s="1" t="s">
        <v>5</v>
      </c>
      <c r="D10760" s="1" t="s">
        <v>9151</v>
      </c>
      <c r="E10760" s="1" t="s">
        <v>7</v>
      </c>
    </row>
    <row r="10761">
      <c r="A10761" s="1">
        <v>4.90477704E8</v>
      </c>
      <c r="B10761" s="2">
        <v>13037.0</v>
      </c>
      <c r="C10761" s="1" t="s">
        <v>5</v>
      </c>
      <c r="D10761" s="1" t="s">
        <v>11</v>
      </c>
      <c r="E10761" s="1" t="s">
        <v>7</v>
      </c>
    </row>
    <row r="10762">
      <c r="A10762" s="1">
        <v>4.90477711E8</v>
      </c>
      <c r="B10762" s="2">
        <v>13101.0</v>
      </c>
      <c r="C10762" s="1" t="s">
        <v>5</v>
      </c>
      <c r="D10762" s="1" t="s">
        <v>9152</v>
      </c>
      <c r="E10762" s="1" t="s">
        <v>7</v>
      </c>
    </row>
    <row r="10763">
      <c r="A10763" s="1">
        <v>4.90477721E8</v>
      </c>
      <c r="B10763" s="2">
        <v>13172.0</v>
      </c>
      <c r="C10763" s="1" t="s">
        <v>5</v>
      </c>
      <c r="D10763" s="1" t="s">
        <v>9153</v>
      </c>
      <c r="E10763" s="1" t="s">
        <v>7</v>
      </c>
    </row>
    <row r="10764">
      <c r="A10764" s="1">
        <v>4.90477728E8</v>
      </c>
      <c r="B10764" s="2">
        <v>13092.0</v>
      </c>
      <c r="C10764" s="1" t="s">
        <v>5</v>
      </c>
      <c r="D10764" s="1" t="s">
        <v>9154</v>
      </c>
      <c r="E10764" s="1" t="s">
        <v>7</v>
      </c>
    </row>
    <row r="10765">
      <c r="A10765" s="1">
        <v>4.90477738E8</v>
      </c>
      <c r="B10765" s="2">
        <v>13180.0</v>
      </c>
      <c r="C10765" s="1" t="s">
        <v>5</v>
      </c>
      <c r="D10765" s="1" t="s">
        <v>11</v>
      </c>
      <c r="E10765" s="1" t="s">
        <v>7</v>
      </c>
    </row>
    <row r="10766">
      <c r="A10766" s="1">
        <v>4.90477757E8</v>
      </c>
      <c r="B10766" s="2">
        <v>13161.0</v>
      </c>
      <c r="C10766" s="1" t="s">
        <v>5</v>
      </c>
      <c r="D10766" s="1" t="s">
        <v>7</v>
      </c>
      <c r="E10766" s="1" t="s">
        <v>7</v>
      </c>
    </row>
    <row r="10767">
      <c r="A10767" s="1">
        <v>4.90477765E8</v>
      </c>
      <c r="B10767" s="2">
        <v>13173.0</v>
      </c>
      <c r="C10767" s="1" t="s">
        <v>5</v>
      </c>
      <c r="D10767" s="1" t="s">
        <v>11</v>
      </c>
      <c r="E10767" s="1" t="s">
        <v>7</v>
      </c>
    </row>
    <row r="10768">
      <c r="A10768" s="1">
        <v>4.90477779E8</v>
      </c>
      <c r="B10768" s="2">
        <v>13158.0</v>
      </c>
      <c r="C10768" s="1" t="s">
        <v>5</v>
      </c>
      <c r="D10768" s="1" t="s">
        <v>11</v>
      </c>
      <c r="E10768" s="1" t="s">
        <v>7</v>
      </c>
    </row>
    <row r="10769">
      <c r="A10769" s="1">
        <v>4.90477805E8</v>
      </c>
      <c r="B10769" s="2">
        <v>13154.0</v>
      </c>
      <c r="C10769" s="1" t="s">
        <v>5</v>
      </c>
      <c r="D10769" s="1" t="s">
        <v>9155</v>
      </c>
      <c r="E10769" s="1" t="s">
        <v>9156</v>
      </c>
    </row>
    <row r="10770">
      <c r="A10770" s="1">
        <v>4.90477814E8</v>
      </c>
      <c r="B10770" s="2">
        <v>13091.0</v>
      </c>
      <c r="C10770" s="1" t="s">
        <v>5</v>
      </c>
      <c r="D10770" s="1" t="s">
        <v>9157</v>
      </c>
      <c r="E10770" s="1" t="s">
        <v>7</v>
      </c>
    </row>
    <row r="10771">
      <c r="A10771" s="1">
        <v>4.90477843E8</v>
      </c>
      <c r="B10771" s="2">
        <v>13092.0</v>
      </c>
      <c r="C10771" s="1" t="s">
        <v>5</v>
      </c>
      <c r="D10771" s="1" t="s">
        <v>9158</v>
      </c>
      <c r="E10771" s="1" t="s">
        <v>7</v>
      </c>
    </row>
    <row r="10772">
      <c r="A10772" s="1">
        <v>4.90477871E8</v>
      </c>
      <c r="B10772" s="2">
        <v>13175.0</v>
      </c>
      <c r="C10772" s="1" t="s">
        <v>5</v>
      </c>
      <c r="D10772" s="1" t="s">
        <v>9159</v>
      </c>
      <c r="E10772" s="1" t="s">
        <v>7</v>
      </c>
    </row>
    <row r="10773">
      <c r="A10773" s="1">
        <v>4.90477889E8</v>
      </c>
      <c r="B10773" s="2">
        <v>13092.0</v>
      </c>
      <c r="C10773" s="1" t="s">
        <v>5</v>
      </c>
      <c r="D10773" s="1" t="s">
        <v>11</v>
      </c>
      <c r="E10773" s="1" t="s">
        <v>7</v>
      </c>
    </row>
    <row r="10774">
      <c r="A10774" s="1">
        <v>4.90477947E8</v>
      </c>
      <c r="B10774" s="2">
        <v>13034.0</v>
      </c>
      <c r="C10774" s="1" t="s">
        <v>5</v>
      </c>
      <c r="D10774" s="1" t="s">
        <v>9160</v>
      </c>
      <c r="E10774" s="1" t="s">
        <v>11</v>
      </c>
    </row>
    <row r="10775">
      <c r="A10775" s="1">
        <v>4.90477963E8</v>
      </c>
      <c r="B10775" s="2">
        <v>13172.0</v>
      </c>
      <c r="C10775" s="1" t="s">
        <v>5</v>
      </c>
      <c r="D10775" s="1" t="s">
        <v>11</v>
      </c>
      <c r="E10775" s="1" t="s">
        <v>7</v>
      </c>
    </row>
    <row r="10776">
      <c r="A10776" s="1">
        <v>4.90477972E8</v>
      </c>
      <c r="B10776" s="2">
        <v>13089.0</v>
      </c>
      <c r="C10776" s="1" t="s">
        <v>5</v>
      </c>
      <c r="D10776" s="1" t="s">
        <v>9161</v>
      </c>
      <c r="E10776" s="1" t="s">
        <v>9162</v>
      </c>
    </row>
    <row r="10777">
      <c r="A10777" s="1">
        <v>4.90477976E8</v>
      </c>
      <c r="B10777" s="2">
        <v>13209.0</v>
      </c>
      <c r="C10777" s="1" t="s">
        <v>5</v>
      </c>
      <c r="D10777" s="1" t="s">
        <v>11</v>
      </c>
      <c r="E10777" s="1" t="s">
        <v>7</v>
      </c>
    </row>
    <row r="10778">
      <c r="A10778" s="1">
        <v>4.90477979E8</v>
      </c>
      <c r="B10778" s="2">
        <v>13146.0</v>
      </c>
      <c r="C10778" s="1" t="s">
        <v>5</v>
      </c>
      <c r="D10778" s="1" t="s">
        <v>9163</v>
      </c>
      <c r="E10778" s="1" t="s">
        <v>11</v>
      </c>
    </row>
    <row r="10779">
      <c r="A10779" s="1">
        <v>4.90477984E8</v>
      </c>
      <c r="B10779" s="2">
        <v>13144.0</v>
      </c>
      <c r="C10779" s="1" t="s">
        <v>5</v>
      </c>
      <c r="D10779" s="1" t="s">
        <v>9164</v>
      </c>
      <c r="E10779" s="1" t="s">
        <v>7</v>
      </c>
    </row>
    <row r="10780">
      <c r="A10780" s="1">
        <v>4.90478008E8</v>
      </c>
      <c r="B10780" s="2">
        <v>13146.0</v>
      </c>
      <c r="C10780" s="1" t="s">
        <v>5</v>
      </c>
      <c r="D10780" s="1" t="s">
        <v>9165</v>
      </c>
      <c r="E10780" s="1" t="s">
        <v>11</v>
      </c>
    </row>
    <row r="10781">
      <c r="A10781" s="1">
        <v>4.90478009E8</v>
      </c>
      <c r="B10781" s="2">
        <v>13159.0</v>
      </c>
      <c r="C10781" s="1" t="s">
        <v>5</v>
      </c>
      <c r="D10781" s="1" t="s">
        <v>9166</v>
      </c>
      <c r="E10781" s="1" t="s">
        <v>7</v>
      </c>
    </row>
    <row r="10782">
      <c r="A10782" s="1">
        <v>4.90478027E8</v>
      </c>
      <c r="B10782" s="2">
        <v>13162.0</v>
      </c>
      <c r="C10782" s="1" t="s">
        <v>5</v>
      </c>
      <c r="D10782" s="1" t="s">
        <v>9167</v>
      </c>
      <c r="E10782" s="1" t="s">
        <v>7</v>
      </c>
    </row>
    <row r="10783">
      <c r="A10783" s="1">
        <v>4.90478042E8</v>
      </c>
      <c r="B10783" s="2">
        <v>13155.0</v>
      </c>
      <c r="C10783" s="1" t="s">
        <v>5</v>
      </c>
      <c r="D10783" s="1" t="s">
        <v>9168</v>
      </c>
      <c r="E10783" s="1" t="s">
        <v>9169</v>
      </c>
    </row>
    <row r="10784">
      <c r="A10784" s="1">
        <v>4.90478064E8</v>
      </c>
      <c r="B10784" s="2">
        <v>13100.0</v>
      </c>
      <c r="C10784" s="1" t="s">
        <v>5</v>
      </c>
      <c r="D10784" s="1" t="s">
        <v>9170</v>
      </c>
      <c r="E10784" s="1" t="s">
        <v>7</v>
      </c>
    </row>
    <row r="10785">
      <c r="A10785" s="1">
        <v>4.90478067E8</v>
      </c>
      <c r="B10785" s="2">
        <v>13034.0</v>
      </c>
      <c r="C10785" s="1" t="s">
        <v>5</v>
      </c>
      <c r="D10785" s="1" t="s">
        <v>11</v>
      </c>
      <c r="E10785" s="1" t="s">
        <v>7</v>
      </c>
    </row>
    <row r="10786">
      <c r="A10786" s="1">
        <v>4.90478078E8</v>
      </c>
      <c r="B10786" s="2">
        <v>13032.0</v>
      </c>
      <c r="C10786" s="1" t="s">
        <v>5</v>
      </c>
      <c r="D10786" s="1" t="s">
        <v>9171</v>
      </c>
      <c r="E10786" s="1" t="s">
        <v>7</v>
      </c>
    </row>
    <row r="10787">
      <c r="A10787" s="1">
        <v>4.90478084E8</v>
      </c>
      <c r="B10787" s="2">
        <v>13034.0</v>
      </c>
      <c r="C10787" s="1" t="s">
        <v>5</v>
      </c>
      <c r="D10787" s="1" t="s">
        <v>9172</v>
      </c>
      <c r="E10787" s="1" t="s">
        <v>11</v>
      </c>
    </row>
    <row r="10788">
      <c r="A10788" s="1">
        <v>4.90478085E8</v>
      </c>
      <c r="B10788" s="2">
        <v>13034.0</v>
      </c>
      <c r="C10788" s="1" t="s">
        <v>5</v>
      </c>
      <c r="D10788" s="1" t="s">
        <v>9173</v>
      </c>
      <c r="E10788" s="1" t="s">
        <v>7</v>
      </c>
    </row>
    <row r="10789">
      <c r="A10789" s="1">
        <v>4.90478098E8</v>
      </c>
      <c r="B10789" s="2">
        <v>13091.0</v>
      </c>
      <c r="C10789" s="1" t="s">
        <v>5</v>
      </c>
      <c r="D10789" s="1" t="s">
        <v>9174</v>
      </c>
      <c r="E10789" s="1" t="s">
        <v>7</v>
      </c>
    </row>
    <row r="10790">
      <c r="A10790" s="1">
        <v>4.90478099E8</v>
      </c>
      <c r="B10790" s="2">
        <v>13165.0</v>
      </c>
      <c r="C10790" s="1" t="s">
        <v>5</v>
      </c>
      <c r="D10790" s="1" t="s">
        <v>11</v>
      </c>
      <c r="E10790" s="4" t="s">
        <v>9175</v>
      </c>
    </row>
    <row r="10791">
      <c r="A10791" s="1">
        <v>4.90478133E8</v>
      </c>
      <c r="B10791" s="2">
        <v>13155.0</v>
      </c>
      <c r="C10791" s="1" t="s">
        <v>5</v>
      </c>
      <c r="D10791" s="1" t="s">
        <v>9176</v>
      </c>
      <c r="E10791" s="1" t="s">
        <v>11</v>
      </c>
    </row>
    <row r="10792">
      <c r="A10792" s="1">
        <v>4.90478164E8</v>
      </c>
      <c r="B10792" s="2">
        <v>13105.0</v>
      </c>
      <c r="C10792" s="1" t="s">
        <v>5</v>
      </c>
      <c r="D10792" s="1" t="s">
        <v>9177</v>
      </c>
      <c r="E10792" s="1" t="s">
        <v>11</v>
      </c>
    </row>
    <row r="10793">
      <c r="A10793" s="1">
        <v>4.9047817E8</v>
      </c>
      <c r="B10793" s="2">
        <v>13037.0</v>
      </c>
      <c r="C10793" s="1" t="s">
        <v>5</v>
      </c>
      <c r="D10793" s="1" t="s">
        <v>9178</v>
      </c>
      <c r="E10793" s="1" t="s">
        <v>7</v>
      </c>
    </row>
    <row r="10794">
      <c r="A10794" s="1">
        <v>4.90478171E8</v>
      </c>
      <c r="B10794" s="2">
        <v>13154.0</v>
      </c>
      <c r="C10794" s="1" t="s">
        <v>5</v>
      </c>
      <c r="D10794" s="1" t="s">
        <v>9179</v>
      </c>
      <c r="E10794" s="1" t="s">
        <v>7</v>
      </c>
    </row>
    <row r="10795">
      <c r="A10795" s="1">
        <v>4.90478186E8</v>
      </c>
      <c r="B10795" s="2">
        <v>13099.0</v>
      </c>
      <c r="C10795" s="1" t="s">
        <v>5</v>
      </c>
      <c r="D10795" s="1" t="s">
        <v>9180</v>
      </c>
      <c r="E10795" s="1" t="s">
        <v>7</v>
      </c>
    </row>
    <row r="10796">
      <c r="A10796" s="1">
        <v>4.90478205E8</v>
      </c>
      <c r="B10796" s="2">
        <v>13158.0</v>
      </c>
      <c r="C10796" s="1" t="s">
        <v>5</v>
      </c>
      <c r="D10796" s="1" t="s">
        <v>9181</v>
      </c>
      <c r="E10796" s="1" t="s">
        <v>11</v>
      </c>
    </row>
    <row r="10797">
      <c r="A10797" s="1">
        <v>4.90478291E8</v>
      </c>
      <c r="B10797" s="2">
        <v>13164.0</v>
      </c>
      <c r="C10797" s="1" t="s">
        <v>5</v>
      </c>
      <c r="D10797" s="1" t="s">
        <v>9182</v>
      </c>
      <c r="E10797" s="1" t="s">
        <v>7</v>
      </c>
    </row>
    <row r="10798">
      <c r="A10798" s="1">
        <v>4.90478332E8</v>
      </c>
      <c r="B10798" s="2">
        <v>13099.0</v>
      </c>
      <c r="C10798" s="1" t="s">
        <v>5</v>
      </c>
      <c r="D10798" s="1" t="s">
        <v>9183</v>
      </c>
      <c r="E10798" s="1" t="s">
        <v>7</v>
      </c>
    </row>
    <row r="10799">
      <c r="A10799" s="1">
        <v>4.90478338E8</v>
      </c>
      <c r="B10799" s="2">
        <v>13153.0</v>
      </c>
      <c r="C10799" s="1" t="s">
        <v>5</v>
      </c>
      <c r="D10799" s="1" t="s">
        <v>11</v>
      </c>
      <c r="E10799" s="1" t="s">
        <v>7</v>
      </c>
    </row>
    <row r="10800">
      <c r="A10800" s="1">
        <v>4.90478361E8</v>
      </c>
      <c r="B10800" s="2">
        <v>13147.0</v>
      </c>
      <c r="C10800" s="1" t="s">
        <v>5</v>
      </c>
      <c r="D10800" s="1" t="s">
        <v>9184</v>
      </c>
      <c r="E10800" s="1" t="s">
        <v>11</v>
      </c>
    </row>
    <row r="10801">
      <c r="A10801" s="1">
        <v>4.90478364E8</v>
      </c>
      <c r="B10801" s="2">
        <v>13098.0</v>
      </c>
      <c r="C10801" s="1" t="s">
        <v>5</v>
      </c>
      <c r="D10801" s="1" t="s">
        <v>9185</v>
      </c>
      <c r="E10801" s="1" t="s">
        <v>7</v>
      </c>
    </row>
    <row r="10802">
      <c r="A10802" s="1">
        <v>4.90478386E8</v>
      </c>
      <c r="B10802" s="2">
        <v>13159.0</v>
      </c>
      <c r="C10802" s="1" t="s">
        <v>5</v>
      </c>
      <c r="D10802" s="1" t="s">
        <v>9186</v>
      </c>
      <c r="E10802" s="1" t="s">
        <v>7</v>
      </c>
    </row>
    <row r="10803">
      <c r="A10803" s="1">
        <v>4.904784E8</v>
      </c>
      <c r="B10803" s="2">
        <v>13094.0</v>
      </c>
      <c r="C10803" s="1" t="s">
        <v>5</v>
      </c>
      <c r="D10803" s="1" t="s">
        <v>11</v>
      </c>
      <c r="E10803" s="1" t="s">
        <v>7</v>
      </c>
    </row>
    <row r="10804">
      <c r="A10804" s="1">
        <v>4.90478406E8</v>
      </c>
      <c r="B10804" s="2">
        <v>13168.0</v>
      </c>
      <c r="C10804" s="1" t="s">
        <v>5</v>
      </c>
      <c r="D10804" s="1" t="s">
        <v>9187</v>
      </c>
      <c r="E10804" s="1" t="s">
        <v>7</v>
      </c>
    </row>
    <row r="10805">
      <c r="A10805" s="1">
        <v>4.90478408E8</v>
      </c>
      <c r="B10805" s="2">
        <v>13207.0</v>
      </c>
      <c r="C10805" s="1" t="s">
        <v>5</v>
      </c>
      <c r="D10805" s="1" t="s">
        <v>9188</v>
      </c>
      <c r="E10805" s="1" t="s">
        <v>11</v>
      </c>
    </row>
    <row r="10806">
      <c r="A10806" s="1">
        <v>4.90478445E8</v>
      </c>
      <c r="B10806" s="2">
        <v>13157.0</v>
      </c>
      <c r="C10806" s="1" t="s">
        <v>5</v>
      </c>
      <c r="D10806" s="1" t="s">
        <v>9189</v>
      </c>
      <c r="E10806" s="1" t="s">
        <v>11</v>
      </c>
    </row>
    <row r="10807">
      <c r="A10807" s="1">
        <v>4.90478463E8</v>
      </c>
      <c r="B10807" s="2">
        <v>13144.0</v>
      </c>
      <c r="C10807" s="1" t="s">
        <v>5</v>
      </c>
      <c r="D10807" s="1" t="s">
        <v>9190</v>
      </c>
      <c r="E10807" s="1" t="s">
        <v>11</v>
      </c>
    </row>
    <row r="10808">
      <c r="A10808" s="1">
        <v>4.90478467E8</v>
      </c>
      <c r="B10808" s="2">
        <v>13170.0</v>
      </c>
      <c r="C10808" s="1" t="s">
        <v>5</v>
      </c>
      <c r="D10808" s="1" t="s">
        <v>9191</v>
      </c>
      <c r="E10808" s="1" t="s">
        <v>7</v>
      </c>
    </row>
    <row r="10809">
      <c r="A10809" s="1">
        <v>4.90478485E8</v>
      </c>
      <c r="B10809" s="2">
        <v>13095.0</v>
      </c>
      <c r="C10809" s="1" t="s">
        <v>5</v>
      </c>
      <c r="D10809" s="1" t="s">
        <v>9192</v>
      </c>
      <c r="E10809" s="1" t="s">
        <v>11</v>
      </c>
    </row>
    <row r="10810">
      <c r="A10810" s="1">
        <v>4.90478488E8</v>
      </c>
      <c r="B10810" s="2">
        <v>13141.0</v>
      </c>
      <c r="C10810" s="1" t="s">
        <v>5</v>
      </c>
      <c r="D10810" s="1" t="s">
        <v>9193</v>
      </c>
      <c r="E10810" s="1" t="s">
        <v>9194</v>
      </c>
    </row>
    <row r="10811">
      <c r="A10811" s="1">
        <v>4.904785E8</v>
      </c>
      <c r="B10811" s="2">
        <v>13098.0</v>
      </c>
      <c r="C10811" s="1" t="s">
        <v>5</v>
      </c>
      <c r="D10811" s="1" t="s">
        <v>9195</v>
      </c>
      <c r="E10811" s="1" t="s">
        <v>7</v>
      </c>
    </row>
    <row r="10812">
      <c r="A10812" s="1">
        <v>4.90478504E8</v>
      </c>
      <c r="B10812" s="2">
        <v>13169.0</v>
      </c>
      <c r="C10812" s="1" t="s">
        <v>5</v>
      </c>
      <c r="D10812" s="1" t="s">
        <v>9196</v>
      </c>
      <c r="E10812" s="1" t="s">
        <v>7</v>
      </c>
    </row>
    <row r="10813">
      <c r="A10813" s="1">
        <v>4.90478517E8</v>
      </c>
      <c r="B10813" s="2">
        <v>13157.0</v>
      </c>
      <c r="C10813" s="1" t="s">
        <v>5</v>
      </c>
      <c r="D10813" s="1" t="s">
        <v>9197</v>
      </c>
      <c r="E10813" s="1" t="s">
        <v>7</v>
      </c>
    </row>
    <row r="10814">
      <c r="A10814" s="1">
        <v>4.90478526E8</v>
      </c>
      <c r="B10814" s="2">
        <v>13098.0</v>
      </c>
      <c r="C10814" s="1" t="s">
        <v>5</v>
      </c>
      <c r="D10814" s="1" t="s">
        <v>9198</v>
      </c>
      <c r="E10814" s="1" t="s">
        <v>7</v>
      </c>
    </row>
    <row r="10815">
      <c r="A10815" s="1">
        <v>4.90478549E8</v>
      </c>
      <c r="B10815" s="2">
        <v>13063.0</v>
      </c>
      <c r="C10815" s="1" t="s">
        <v>5</v>
      </c>
      <c r="D10815" s="1" t="s">
        <v>9199</v>
      </c>
      <c r="E10815" s="1" t="s">
        <v>7</v>
      </c>
    </row>
    <row r="10816">
      <c r="A10816" s="1">
        <v>4.90478571E8</v>
      </c>
      <c r="B10816" s="2">
        <v>13093.0</v>
      </c>
      <c r="C10816" s="1" t="s">
        <v>5</v>
      </c>
      <c r="D10816" s="1" t="s">
        <v>9200</v>
      </c>
      <c r="E10816" s="1" t="s">
        <v>11</v>
      </c>
    </row>
    <row r="10817">
      <c r="A10817" s="1">
        <v>4.90478602E8</v>
      </c>
      <c r="B10817" s="2">
        <v>13079.0</v>
      </c>
      <c r="C10817" s="1" t="s">
        <v>5</v>
      </c>
      <c r="D10817" s="1" t="s">
        <v>9201</v>
      </c>
      <c r="E10817" s="1" t="s">
        <v>9202</v>
      </c>
    </row>
    <row r="10818">
      <c r="A10818" s="1">
        <v>4.90478637E8</v>
      </c>
      <c r="B10818" s="2">
        <v>13079.0</v>
      </c>
      <c r="C10818" s="1" t="s">
        <v>5</v>
      </c>
      <c r="D10818" s="1" t="s">
        <v>11</v>
      </c>
      <c r="E10818" s="1" t="s">
        <v>7</v>
      </c>
    </row>
    <row r="10819">
      <c r="A10819" s="1">
        <v>4.90478648E8</v>
      </c>
      <c r="B10819" s="2">
        <v>13098.0</v>
      </c>
      <c r="C10819" s="1" t="s">
        <v>5</v>
      </c>
      <c r="D10819" s="1" t="s">
        <v>9203</v>
      </c>
      <c r="E10819" s="1" t="s">
        <v>11</v>
      </c>
    </row>
    <row r="10820">
      <c r="A10820" s="1">
        <v>4.90478666E8</v>
      </c>
      <c r="B10820" s="2">
        <v>13150.0</v>
      </c>
      <c r="C10820" s="1" t="s">
        <v>5</v>
      </c>
      <c r="D10820" s="1" t="s">
        <v>9204</v>
      </c>
      <c r="E10820" s="1" t="s">
        <v>9205</v>
      </c>
    </row>
    <row r="10821">
      <c r="A10821" s="1">
        <v>4.90478697E8</v>
      </c>
      <c r="B10821" s="2">
        <v>13150.0</v>
      </c>
      <c r="C10821" s="1" t="s">
        <v>5</v>
      </c>
      <c r="D10821" s="1" t="s">
        <v>11</v>
      </c>
      <c r="E10821" s="1" t="s">
        <v>7</v>
      </c>
    </row>
    <row r="10822">
      <c r="A10822" s="1">
        <v>4.90478698E8</v>
      </c>
      <c r="B10822" s="2">
        <v>13155.0</v>
      </c>
      <c r="C10822" s="1" t="s">
        <v>5</v>
      </c>
      <c r="D10822" s="1" t="s">
        <v>9206</v>
      </c>
      <c r="E10822" s="1" t="s">
        <v>7</v>
      </c>
    </row>
    <row r="10823">
      <c r="A10823" s="1">
        <v>4.90478721E8</v>
      </c>
      <c r="B10823" s="2">
        <v>13063.0</v>
      </c>
      <c r="C10823" s="1" t="s">
        <v>5</v>
      </c>
      <c r="D10823" s="1" t="s">
        <v>9207</v>
      </c>
      <c r="E10823" s="1" t="s">
        <v>7</v>
      </c>
    </row>
    <row r="10824">
      <c r="A10824" s="1">
        <v>4.90478725E8</v>
      </c>
      <c r="B10824" s="2">
        <v>13155.0</v>
      </c>
      <c r="C10824" s="1" t="s">
        <v>5</v>
      </c>
      <c r="D10824" s="1" t="s">
        <v>9208</v>
      </c>
      <c r="E10824" s="1" t="s">
        <v>11</v>
      </c>
    </row>
    <row r="10825">
      <c r="A10825" s="1">
        <v>4.90478741E8</v>
      </c>
      <c r="B10825" s="2">
        <v>13159.0</v>
      </c>
      <c r="C10825" s="1" t="s">
        <v>5</v>
      </c>
      <c r="D10825" s="1" t="s">
        <v>11</v>
      </c>
      <c r="E10825" s="1" t="s">
        <v>7</v>
      </c>
    </row>
    <row r="10826">
      <c r="A10826" s="1">
        <v>4.90478751E8</v>
      </c>
      <c r="B10826" s="2">
        <v>13155.0</v>
      </c>
      <c r="C10826" s="1" t="s">
        <v>5</v>
      </c>
      <c r="D10826" s="1" t="s">
        <v>11</v>
      </c>
      <c r="E10826" s="1" t="s">
        <v>7</v>
      </c>
    </row>
    <row r="10827">
      <c r="A10827" s="1">
        <v>4.90478757E8</v>
      </c>
      <c r="B10827" s="2">
        <v>13097.0</v>
      </c>
      <c r="C10827" s="1" t="s">
        <v>5</v>
      </c>
      <c r="D10827" s="1" t="s">
        <v>9209</v>
      </c>
      <c r="E10827" s="1" t="s">
        <v>11</v>
      </c>
    </row>
    <row r="10828">
      <c r="A10828" s="1">
        <v>4.90478764E8</v>
      </c>
      <c r="B10828" s="2">
        <v>13150.0</v>
      </c>
      <c r="C10828" s="1" t="s">
        <v>5</v>
      </c>
      <c r="D10828" s="1" t="s">
        <v>9210</v>
      </c>
      <c r="E10828" s="1" t="s">
        <v>7</v>
      </c>
    </row>
    <row r="10829">
      <c r="A10829" s="1">
        <v>4.90478766E8</v>
      </c>
      <c r="B10829" s="2">
        <v>13100.0</v>
      </c>
      <c r="C10829" s="1" t="s">
        <v>5</v>
      </c>
      <c r="D10829" s="1" t="s">
        <v>9211</v>
      </c>
      <c r="E10829" s="1" t="s">
        <v>7</v>
      </c>
    </row>
    <row r="10830">
      <c r="A10830" s="1">
        <v>4.90478773E8</v>
      </c>
      <c r="B10830" s="2">
        <v>13155.0</v>
      </c>
      <c r="C10830" s="1" t="s">
        <v>5</v>
      </c>
      <c r="D10830" s="1" t="s">
        <v>11</v>
      </c>
      <c r="E10830" s="1" t="s">
        <v>7</v>
      </c>
    </row>
    <row r="10831">
      <c r="A10831" s="1">
        <v>4.90478824E8</v>
      </c>
      <c r="B10831" s="2">
        <v>13097.0</v>
      </c>
      <c r="C10831" s="1" t="s">
        <v>5</v>
      </c>
      <c r="D10831" s="1" t="s">
        <v>11</v>
      </c>
      <c r="E10831" s="1" t="s">
        <v>7</v>
      </c>
    </row>
    <row r="10832">
      <c r="A10832" s="1">
        <v>4.90478841E8</v>
      </c>
      <c r="B10832" s="2">
        <v>13163.0</v>
      </c>
      <c r="C10832" s="1" t="s">
        <v>5</v>
      </c>
      <c r="D10832" s="1" t="s">
        <v>9212</v>
      </c>
      <c r="E10832" s="1" t="s">
        <v>7</v>
      </c>
    </row>
    <row r="10833">
      <c r="A10833" s="1">
        <v>4.90478843E8</v>
      </c>
      <c r="B10833" s="2">
        <v>13141.0</v>
      </c>
      <c r="C10833" s="1" t="s">
        <v>5</v>
      </c>
      <c r="D10833" s="1" t="s">
        <v>9213</v>
      </c>
      <c r="E10833" s="1" t="s">
        <v>9214</v>
      </c>
    </row>
    <row r="10834">
      <c r="A10834" s="1">
        <v>4.90478874E8</v>
      </c>
      <c r="B10834" s="2">
        <v>13152.0</v>
      </c>
      <c r="C10834" s="1" t="s">
        <v>5</v>
      </c>
      <c r="D10834" s="1" t="s">
        <v>9215</v>
      </c>
      <c r="E10834" s="1" t="s">
        <v>7</v>
      </c>
    </row>
    <row r="10835">
      <c r="A10835" s="1">
        <v>4.90478919E8</v>
      </c>
      <c r="B10835" s="2">
        <v>13158.0</v>
      </c>
      <c r="C10835" s="1" t="s">
        <v>5</v>
      </c>
      <c r="D10835" s="1" t="s">
        <v>9216</v>
      </c>
      <c r="E10835" s="1" t="s">
        <v>7</v>
      </c>
    </row>
    <row r="10836">
      <c r="A10836" s="1">
        <v>4.90478933E8</v>
      </c>
      <c r="B10836" s="2">
        <v>13152.0</v>
      </c>
      <c r="C10836" s="1" t="s">
        <v>5</v>
      </c>
      <c r="D10836" s="1" t="s">
        <v>9217</v>
      </c>
      <c r="E10836" s="1" t="s">
        <v>7</v>
      </c>
    </row>
    <row r="10837">
      <c r="A10837" s="1">
        <v>4.90478948E8</v>
      </c>
      <c r="B10837" s="2">
        <v>13100.0</v>
      </c>
      <c r="C10837" s="1" t="s">
        <v>5</v>
      </c>
      <c r="D10837" s="1" t="s">
        <v>9218</v>
      </c>
      <c r="E10837" s="1" t="s">
        <v>11</v>
      </c>
    </row>
    <row r="10838">
      <c r="A10838" s="1">
        <v>4.90478949E8</v>
      </c>
      <c r="B10838" s="2">
        <v>13089.0</v>
      </c>
      <c r="C10838" s="1" t="s">
        <v>5</v>
      </c>
      <c r="D10838" s="1" t="s">
        <v>9219</v>
      </c>
      <c r="E10838" s="1" t="s">
        <v>7</v>
      </c>
    </row>
    <row r="10839">
      <c r="A10839" s="1">
        <v>4.90478963E8</v>
      </c>
      <c r="B10839" s="2">
        <v>13139.0</v>
      </c>
      <c r="C10839" s="1" t="s">
        <v>5</v>
      </c>
      <c r="D10839" s="1" t="s">
        <v>9220</v>
      </c>
      <c r="E10839" s="1" t="s">
        <v>11</v>
      </c>
    </row>
    <row r="10840">
      <c r="A10840" s="1">
        <v>4.90478973E8</v>
      </c>
      <c r="B10840" s="2">
        <v>13154.0</v>
      </c>
      <c r="C10840" s="1" t="s">
        <v>5</v>
      </c>
      <c r="D10840" s="1" t="s">
        <v>9221</v>
      </c>
      <c r="E10840" s="1" t="s">
        <v>11</v>
      </c>
    </row>
    <row r="10841">
      <c r="A10841" s="1">
        <v>4.90478987E8</v>
      </c>
      <c r="B10841" s="2">
        <v>13092.0</v>
      </c>
      <c r="C10841" s="1" t="s">
        <v>5</v>
      </c>
      <c r="D10841" s="1" t="s">
        <v>9222</v>
      </c>
      <c r="E10841" s="1" t="s">
        <v>7</v>
      </c>
    </row>
    <row r="10842">
      <c r="A10842" s="1">
        <v>4.90478991E8</v>
      </c>
      <c r="B10842" s="2">
        <v>13149.0</v>
      </c>
      <c r="C10842" s="1" t="s">
        <v>5</v>
      </c>
      <c r="D10842" s="1" t="s">
        <v>11</v>
      </c>
      <c r="E10842" s="1" t="s">
        <v>7</v>
      </c>
    </row>
    <row r="10843">
      <c r="A10843" s="1">
        <v>4.90478997E8</v>
      </c>
      <c r="B10843" s="2">
        <v>13096.0</v>
      </c>
      <c r="C10843" s="1" t="s">
        <v>5</v>
      </c>
      <c r="D10843" s="1" t="s">
        <v>9223</v>
      </c>
      <c r="E10843" s="1" t="s">
        <v>7</v>
      </c>
    </row>
    <row r="10844">
      <c r="A10844" s="1">
        <v>4.90478999E8</v>
      </c>
      <c r="B10844" s="2">
        <v>13167.0</v>
      </c>
      <c r="C10844" s="1" t="s">
        <v>5</v>
      </c>
      <c r="D10844" s="1" t="s">
        <v>9224</v>
      </c>
      <c r="E10844" s="1" t="s">
        <v>7</v>
      </c>
    </row>
    <row r="10845">
      <c r="A10845" s="1">
        <v>4.90479037E8</v>
      </c>
      <c r="B10845" s="2">
        <v>13096.0</v>
      </c>
      <c r="C10845" s="1" t="s">
        <v>5</v>
      </c>
      <c r="D10845" s="1" t="s">
        <v>9225</v>
      </c>
      <c r="E10845" s="1" t="s">
        <v>7</v>
      </c>
    </row>
    <row r="10846">
      <c r="A10846" s="1">
        <v>4.90479088E8</v>
      </c>
      <c r="B10846" s="2">
        <v>13153.0</v>
      </c>
      <c r="C10846" s="1" t="s">
        <v>5</v>
      </c>
      <c r="D10846" s="1" t="s">
        <v>9226</v>
      </c>
      <c r="E10846" s="1" t="s">
        <v>7</v>
      </c>
    </row>
    <row r="10847">
      <c r="A10847" s="1">
        <v>4.904791E8</v>
      </c>
      <c r="B10847" s="2">
        <v>13145.0</v>
      </c>
      <c r="C10847" s="1" t="s">
        <v>5</v>
      </c>
      <c r="D10847" s="1" t="s">
        <v>9227</v>
      </c>
      <c r="E10847" s="1" t="s">
        <v>11</v>
      </c>
    </row>
    <row r="10848">
      <c r="A10848" s="1">
        <v>4.90479117E8</v>
      </c>
      <c r="B10848" s="2">
        <v>13200.0</v>
      </c>
      <c r="C10848" s="1" t="s">
        <v>5</v>
      </c>
      <c r="D10848" s="1" t="s">
        <v>9228</v>
      </c>
      <c r="E10848" s="1" t="s">
        <v>7</v>
      </c>
    </row>
    <row r="10849">
      <c r="A10849" s="1">
        <v>4.9047913E8</v>
      </c>
      <c r="B10849" s="2">
        <v>13095.0</v>
      </c>
      <c r="C10849" s="1" t="s">
        <v>5</v>
      </c>
      <c r="D10849" s="1" t="s">
        <v>9229</v>
      </c>
      <c r="E10849" s="1" t="s">
        <v>7</v>
      </c>
    </row>
    <row r="10850">
      <c r="A10850" s="1">
        <v>4.90479156E8</v>
      </c>
      <c r="B10850" s="2">
        <v>13139.0</v>
      </c>
      <c r="C10850" s="1" t="s">
        <v>5</v>
      </c>
      <c r="D10850" s="1" t="s">
        <v>9230</v>
      </c>
      <c r="E10850" s="1" t="s">
        <v>7</v>
      </c>
    </row>
    <row r="10851">
      <c r="A10851" s="1">
        <v>4.90479157E8</v>
      </c>
      <c r="B10851" s="2">
        <v>13152.0</v>
      </c>
      <c r="C10851" s="1" t="s">
        <v>5</v>
      </c>
      <c r="D10851" s="1" t="s">
        <v>9231</v>
      </c>
      <c r="E10851" s="1" t="s">
        <v>7</v>
      </c>
    </row>
    <row r="10852">
      <c r="A10852" s="1">
        <v>4.90479159E8</v>
      </c>
      <c r="B10852" s="2">
        <v>13162.0</v>
      </c>
      <c r="C10852" s="1" t="s">
        <v>5</v>
      </c>
      <c r="D10852" s="1" t="s">
        <v>9232</v>
      </c>
      <c r="E10852" s="1" t="s">
        <v>7</v>
      </c>
    </row>
    <row r="10853">
      <c r="A10853" s="1">
        <v>4.90479176E8</v>
      </c>
      <c r="B10853" s="2">
        <v>13037.0</v>
      </c>
      <c r="C10853" s="1" t="s">
        <v>5</v>
      </c>
      <c r="D10853" s="1" t="s">
        <v>11</v>
      </c>
      <c r="E10853" s="1" t="s">
        <v>7</v>
      </c>
    </row>
    <row r="10854">
      <c r="A10854" s="1">
        <v>4.90479184E8</v>
      </c>
      <c r="B10854" s="2">
        <v>13146.0</v>
      </c>
      <c r="C10854" s="1" t="s">
        <v>5</v>
      </c>
      <c r="D10854" s="1" t="s">
        <v>9233</v>
      </c>
      <c r="E10854" s="1" t="s">
        <v>7</v>
      </c>
    </row>
    <row r="10855">
      <c r="A10855" s="1">
        <v>4.90479191E8</v>
      </c>
      <c r="B10855" s="2">
        <v>13152.0</v>
      </c>
      <c r="C10855" s="1" t="s">
        <v>5</v>
      </c>
      <c r="D10855" s="1" t="s">
        <v>9234</v>
      </c>
      <c r="E10855" s="1" t="s">
        <v>7</v>
      </c>
    </row>
    <row r="10856">
      <c r="A10856" s="1">
        <v>4.90479199E8</v>
      </c>
      <c r="B10856" s="2">
        <v>13199.0</v>
      </c>
      <c r="C10856" s="1" t="s">
        <v>5</v>
      </c>
      <c r="D10856" s="1" t="s">
        <v>9235</v>
      </c>
      <c r="E10856" s="1" t="s">
        <v>11</v>
      </c>
    </row>
    <row r="10857">
      <c r="A10857" s="1">
        <v>4.90479212E8</v>
      </c>
      <c r="B10857" s="2">
        <v>13099.0</v>
      </c>
      <c r="C10857" s="1" t="s">
        <v>5</v>
      </c>
      <c r="D10857" s="1" t="s">
        <v>9236</v>
      </c>
      <c r="E10857" s="1" t="s">
        <v>11</v>
      </c>
    </row>
    <row r="10858">
      <c r="A10858" s="1">
        <v>4.9047922E8</v>
      </c>
      <c r="B10858" s="2">
        <v>13095.0</v>
      </c>
      <c r="C10858" s="1" t="s">
        <v>5</v>
      </c>
      <c r="D10858" s="1" t="s">
        <v>11</v>
      </c>
      <c r="E10858" s="1" t="s">
        <v>7</v>
      </c>
    </row>
    <row r="10859">
      <c r="A10859" s="1">
        <v>4.90479224E8</v>
      </c>
      <c r="B10859" s="2">
        <v>13149.0</v>
      </c>
      <c r="C10859" s="1" t="s">
        <v>5</v>
      </c>
      <c r="D10859" s="1" t="s">
        <v>9237</v>
      </c>
      <c r="E10859" s="1" t="s">
        <v>7</v>
      </c>
    </row>
    <row r="10860">
      <c r="A10860" s="1">
        <v>4.9047928E8</v>
      </c>
      <c r="B10860" s="2">
        <v>13154.0</v>
      </c>
      <c r="C10860" s="1" t="s">
        <v>5</v>
      </c>
      <c r="D10860" s="1" t="s">
        <v>9238</v>
      </c>
      <c r="E10860" s="1" t="s">
        <v>7</v>
      </c>
    </row>
    <row r="10861">
      <c r="A10861" s="1">
        <v>4.90479283E8</v>
      </c>
      <c r="B10861" s="2">
        <v>13155.0</v>
      </c>
      <c r="C10861" s="1" t="s">
        <v>5</v>
      </c>
      <c r="D10861" s="1" t="s">
        <v>9239</v>
      </c>
      <c r="E10861" s="1" t="s">
        <v>7</v>
      </c>
    </row>
    <row r="10862">
      <c r="A10862" s="1">
        <v>4.90479289E8</v>
      </c>
      <c r="B10862" s="2">
        <v>13156.0</v>
      </c>
      <c r="C10862" s="1" t="s">
        <v>5</v>
      </c>
      <c r="D10862" s="1" t="s">
        <v>9240</v>
      </c>
      <c r="E10862" s="1" t="s">
        <v>7</v>
      </c>
    </row>
    <row r="10863">
      <c r="A10863" s="1">
        <v>4.90479304E8</v>
      </c>
      <c r="B10863" s="2">
        <v>13151.0</v>
      </c>
      <c r="C10863" s="1" t="s">
        <v>5</v>
      </c>
      <c r="D10863" s="1" t="s">
        <v>9241</v>
      </c>
      <c r="E10863" s="1" t="s">
        <v>7</v>
      </c>
    </row>
    <row r="10864">
      <c r="A10864" s="1">
        <v>4.90479344E8</v>
      </c>
      <c r="B10864" s="2">
        <v>13147.0</v>
      </c>
      <c r="C10864" s="1" t="s">
        <v>5</v>
      </c>
      <c r="D10864" s="1" t="s">
        <v>9242</v>
      </c>
      <c r="E10864" s="1" t="s">
        <v>7</v>
      </c>
    </row>
    <row r="10865">
      <c r="A10865" s="1">
        <v>4.90479363E8</v>
      </c>
      <c r="B10865" s="2">
        <v>13154.0</v>
      </c>
      <c r="C10865" s="1" t="s">
        <v>5</v>
      </c>
      <c r="D10865" s="1" t="s">
        <v>9243</v>
      </c>
      <c r="E10865" s="1" t="s">
        <v>11</v>
      </c>
    </row>
    <row r="10866">
      <c r="A10866" s="1">
        <v>4.90479372E8</v>
      </c>
      <c r="B10866" s="2">
        <v>13138.0</v>
      </c>
      <c r="C10866" s="1" t="s">
        <v>5</v>
      </c>
      <c r="D10866" s="1" t="s">
        <v>9244</v>
      </c>
      <c r="E10866" s="1" t="s">
        <v>7</v>
      </c>
    </row>
    <row r="10867">
      <c r="A10867" s="1">
        <v>4.90479377E8</v>
      </c>
      <c r="B10867" s="2">
        <v>13144.0</v>
      </c>
      <c r="C10867" s="1" t="s">
        <v>5</v>
      </c>
      <c r="D10867" s="1" t="s">
        <v>9245</v>
      </c>
      <c r="E10867" s="1" t="s">
        <v>7</v>
      </c>
    </row>
    <row r="10868">
      <c r="A10868" s="1">
        <v>4.90479394E8</v>
      </c>
      <c r="B10868" s="2">
        <v>13147.0</v>
      </c>
      <c r="C10868" s="1" t="s">
        <v>5</v>
      </c>
      <c r="D10868" s="1" t="s">
        <v>9246</v>
      </c>
      <c r="E10868" s="1" t="s">
        <v>7</v>
      </c>
    </row>
    <row r="10869">
      <c r="A10869" s="1">
        <v>4.90479401E8</v>
      </c>
      <c r="B10869" s="2">
        <v>13162.0</v>
      </c>
      <c r="C10869" s="1" t="s">
        <v>5</v>
      </c>
      <c r="D10869" s="1" t="s">
        <v>9247</v>
      </c>
      <c r="E10869" s="1" t="s">
        <v>7</v>
      </c>
    </row>
    <row r="10870">
      <c r="A10870" s="1">
        <v>4.90479444E8</v>
      </c>
      <c r="B10870" s="2">
        <v>13154.0</v>
      </c>
      <c r="C10870" s="1" t="s">
        <v>5</v>
      </c>
      <c r="D10870" s="1" t="s">
        <v>9248</v>
      </c>
      <c r="E10870" s="1" t="s">
        <v>7</v>
      </c>
    </row>
    <row r="10871">
      <c r="A10871" s="1">
        <v>4.90479451E8</v>
      </c>
      <c r="B10871" s="2">
        <v>13137.0</v>
      </c>
      <c r="C10871" s="1" t="s">
        <v>5</v>
      </c>
      <c r="D10871" s="1" t="s">
        <v>9249</v>
      </c>
      <c r="E10871" s="1" t="s">
        <v>7</v>
      </c>
    </row>
    <row r="10872">
      <c r="A10872" s="1">
        <v>4.90479467E8</v>
      </c>
      <c r="B10872" s="2">
        <v>13150.0</v>
      </c>
      <c r="C10872" s="1" t="s">
        <v>5</v>
      </c>
      <c r="D10872" s="1" t="s">
        <v>9250</v>
      </c>
      <c r="E10872" s="1" t="s">
        <v>9251</v>
      </c>
    </row>
    <row r="10873">
      <c r="A10873" s="1">
        <v>4.90479474E8</v>
      </c>
      <c r="B10873" s="2">
        <v>13137.0</v>
      </c>
      <c r="C10873" s="1" t="s">
        <v>5</v>
      </c>
      <c r="D10873" s="1" t="s">
        <v>11</v>
      </c>
      <c r="E10873" s="1" t="s">
        <v>7</v>
      </c>
    </row>
    <row r="10874">
      <c r="A10874" s="1">
        <v>4.90479499E8</v>
      </c>
      <c r="B10874" s="2">
        <v>13143.0</v>
      </c>
      <c r="C10874" s="1" t="s">
        <v>5</v>
      </c>
      <c r="D10874" s="1" t="s">
        <v>11</v>
      </c>
      <c r="E10874" s="1" t="s">
        <v>7</v>
      </c>
    </row>
    <row r="10875">
      <c r="A10875" s="1">
        <v>4.904795E8</v>
      </c>
      <c r="B10875" s="2">
        <v>13147.0</v>
      </c>
      <c r="C10875" s="1" t="s">
        <v>5</v>
      </c>
      <c r="D10875" s="1" t="s">
        <v>9252</v>
      </c>
      <c r="E10875" s="1" t="s">
        <v>7</v>
      </c>
    </row>
    <row r="10876">
      <c r="A10876" s="1">
        <v>4.90479524E8</v>
      </c>
      <c r="B10876" s="2">
        <v>13094.0</v>
      </c>
      <c r="C10876" s="1" t="s">
        <v>5</v>
      </c>
      <c r="D10876" s="1" t="s">
        <v>9253</v>
      </c>
      <c r="E10876" s="1" t="s">
        <v>7</v>
      </c>
    </row>
    <row r="10877">
      <c r="A10877" s="1">
        <v>4.90479528E8</v>
      </c>
      <c r="B10877" s="2">
        <v>13142.0</v>
      </c>
      <c r="C10877" s="1" t="s">
        <v>5</v>
      </c>
      <c r="D10877" s="1" t="s">
        <v>9254</v>
      </c>
      <c r="E10877" s="1" t="s">
        <v>7</v>
      </c>
    </row>
    <row r="10878">
      <c r="A10878" s="1">
        <v>4.90479531E8</v>
      </c>
      <c r="B10878" s="2">
        <v>13163.0</v>
      </c>
      <c r="C10878" s="1" t="s">
        <v>5</v>
      </c>
      <c r="D10878" s="1" t="s">
        <v>9255</v>
      </c>
      <c r="E10878" s="1" t="s">
        <v>11</v>
      </c>
    </row>
    <row r="10879">
      <c r="A10879" s="1">
        <v>4.90479557E8</v>
      </c>
      <c r="B10879" s="2">
        <v>13151.0</v>
      </c>
      <c r="C10879" s="1" t="s">
        <v>5</v>
      </c>
      <c r="D10879" s="1" t="s">
        <v>9256</v>
      </c>
      <c r="E10879" s="1" t="s">
        <v>7</v>
      </c>
    </row>
    <row r="10880">
      <c r="A10880" s="1">
        <v>4.90479561E8</v>
      </c>
      <c r="B10880" s="2">
        <v>13143.0</v>
      </c>
      <c r="C10880" s="1" t="s">
        <v>5</v>
      </c>
      <c r="D10880" s="1" t="s">
        <v>9257</v>
      </c>
      <c r="E10880" s="1" t="s">
        <v>7</v>
      </c>
    </row>
    <row r="10881">
      <c r="A10881" s="1">
        <v>4.90479579E8</v>
      </c>
      <c r="B10881" s="2">
        <v>13150.0</v>
      </c>
      <c r="C10881" s="1" t="s">
        <v>5</v>
      </c>
      <c r="D10881" s="1" t="s">
        <v>9258</v>
      </c>
      <c r="E10881" s="1" t="s">
        <v>7</v>
      </c>
    </row>
    <row r="10882">
      <c r="A10882" s="1">
        <v>4.90479603E8</v>
      </c>
      <c r="B10882" s="2">
        <v>13142.0</v>
      </c>
      <c r="C10882" s="1" t="s">
        <v>5</v>
      </c>
      <c r="D10882" s="1" t="s">
        <v>11</v>
      </c>
      <c r="E10882" s="1" t="s">
        <v>7</v>
      </c>
    </row>
    <row r="10883">
      <c r="A10883" s="1">
        <v>4.9047962E8</v>
      </c>
      <c r="B10883" s="2">
        <v>13150.0</v>
      </c>
      <c r="C10883" s="1" t="s">
        <v>5</v>
      </c>
      <c r="D10883" s="1" t="s">
        <v>9259</v>
      </c>
      <c r="E10883" s="1" t="s">
        <v>7</v>
      </c>
    </row>
    <row r="10884">
      <c r="A10884" s="1">
        <v>4.90479672E8</v>
      </c>
      <c r="B10884" s="2">
        <v>13150.0</v>
      </c>
      <c r="C10884" s="1" t="s">
        <v>5</v>
      </c>
      <c r="D10884" s="1" t="s">
        <v>9260</v>
      </c>
      <c r="E10884" s="1" t="s">
        <v>7</v>
      </c>
    </row>
    <row r="10885">
      <c r="A10885" s="1">
        <v>4.90479681E8</v>
      </c>
      <c r="B10885" s="2">
        <v>13161.0</v>
      </c>
      <c r="C10885" s="1" t="s">
        <v>5</v>
      </c>
      <c r="D10885" s="1" t="s">
        <v>11</v>
      </c>
      <c r="E10885" s="1" t="s">
        <v>7</v>
      </c>
    </row>
    <row r="10886">
      <c r="A10886" s="1">
        <v>4.90479708E8</v>
      </c>
      <c r="B10886" s="2">
        <v>13150.0</v>
      </c>
      <c r="C10886" s="1" t="s">
        <v>5</v>
      </c>
      <c r="D10886" s="1" t="s">
        <v>9261</v>
      </c>
      <c r="E10886" s="1" t="s">
        <v>11</v>
      </c>
    </row>
    <row r="10887">
      <c r="A10887" s="1">
        <v>4.90479712E8</v>
      </c>
      <c r="B10887" s="2">
        <v>13133.0</v>
      </c>
      <c r="C10887" s="1" t="s">
        <v>5</v>
      </c>
      <c r="D10887" s="1" t="s">
        <v>9262</v>
      </c>
      <c r="E10887" s="1" t="s">
        <v>7</v>
      </c>
    </row>
    <row r="10888">
      <c r="A10888" s="1">
        <v>4.90479716E8</v>
      </c>
      <c r="B10888" s="2">
        <v>13145.0</v>
      </c>
      <c r="C10888" s="1" t="s">
        <v>5</v>
      </c>
      <c r="D10888" s="1" t="s">
        <v>9263</v>
      </c>
      <c r="E10888" s="1" t="s">
        <v>7</v>
      </c>
    </row>
    <row r="10889">
      <c r="A10889" s="1">
        <v>4.9047972E8</v>
      </c>
      <c r="B10889" s="2">
        <v>13186.0</v>
      </c>
      <c r="C10889" s="1" t="s">
        <v>5</v>
      </c>
      <c r="D10889" s="1" t="s">
        <v>9264</v>
      </c>
      <c r="E10889" s="1" t="s">
        <v>11</v>
      </c>
    </row>
    <row r="10890">
      <c r="A10890" s="1">
        <v>4.90479753E8</v>
      </c>
      <c r="B10890" s="2">
        <v>13207.0</v>
      </c>
      <c r="C10890" s="1" t="s">
        <v>5</v>
      </c>
      <c r="D10890" s="1" t="s">
        <v>11</v>
      </c>
      <c r="E10890" s="1" t="s">
        <v>7</v>
      </c>
    </row>
    <row r="10891">
      <c r="A10891" s="1">
        <v>4.90479798E8</v>
      </c>
      <c r="B10891" s="2">
        <v>13164.0</v>
      </c>
      <c r="C10891" s="1" t="s">
        <v>5</v>
      </c>
      <c r="D10891" s="1" t="s">
        <v>9265</v>
      </c>
      <c r="E10891" s="1" t="s">
        <v>7</v>
      </c>
    </row>
    <row r="10892">
      <c r="A10892" s="1">
        <v>4.90479823E8</v>
      </c>
      <c r="B10892" s="2">
        <v>13133.0</v>
      </c>
      <c r="C10892" s="1" t="s">
        <v>5</v>
      </c>
      <c r="D10892" s="1" t="s">
        <v>9266</v>
      </c>
      <c r="E10892" s="1" t="s">
        <v>7</v>
      </c>
    </row>
    <row r="10893">
      <c r="A10893" s="1">
        <v>4.90479838E8</v>
      </c>
      <c r="B10893" s="2">
        <v>13140.0</v>
      </c>
      <c r="C10893" s="1" t="s">
        <v>5</v>
      </c>
      <c r="D10893" s="1" t="s">
        <v>9267</v>
      </c>
      <c r="E10893" s="1" t="s">
        <v>7</v>
      </c>
    </row>
    <row r="10894">
      <c r="A10894" s="1">
        <v>4.90479843E8</v>
      </c>
      <c r="B10894" s="2">
        <v>13140.0</v>
      </c>
      <c r="C10894" s="1" t="s">
        <v>5</v>
      </c>
      <c r="D10894" s="1" t="s">
        <v>9268</v>
      </c>
      <c r="E10894" s="1" t="s">
        <v>7</v>
      </c>
    </row>
    <row r="10895">
      <c r="A10895" s="1">
        <v>4.90479854E8</v>
      </c>
      <c r="B10895" s="2">
        <v>13209.0</v>
      </c>
      <c r="C10895" s="1" t="s">
        <v>5</v>
      </c>
      <c r="D10895" s="1" t="s">
        <v>9269</v>
      </c>
      <c r="E10895" s="1" t="s">
        <v>7</v>
      </c>
    </row>
    <row r="10896">
      <c r="A10896" s="1">
        <v>4.9047986E8</v>
      </c>
      <c r="B10896" s="2">
        <v>13089.0</v>
      </c>
      <c r="C10896" s="1" t="s">
        <v>5</v>
      </c>
      <c r="D10896" s="1" t="s">
        <v>9270</v>
      </c>
      <c r="E10896" s="1" t="s">
        <v>7</v>
      </c>
    </row>
    <row r="10897">
      <c r="A10897" s="1">
        <v>4.90479868E8</v>
      </c>
      <c r="B10897" s="2">
        <v>13132.0</v>
      </c>
      <c r="C10897" s="1" t="s">
        <v>5</v>
      </c>
      <c r="D10897" s="1" t="s">
        <v>9271</v>
      </c>
      <c r="E10897" s="1" t="s">
        <v>9272</v>
      </c>
    </row>
    <row r="10898">
      <c r="A10898" s="1">
        <v>4.90479873E8</v>
      </c>
      <c r="B10898" s="2">
        <v>13140.0</v>
      </c>
      <c r="C10898" s="1" t="s">
        <v>5</v>
      </c>
      <c r="D10898" s="1" t="s">
        <v>11</v>
      </c>
      <c r="E10898" s="1" t="s">
        <v>7</v>
      </c>
    </row>
    <row r="10899">
      <c r="A10899" s="1">
        <v>4.90479892E8</v>
      </c>
      <c r="B10899" s="2">
        <v>13164.0</v>
      </c>
      <c r="C10899" s="1" t="s">
        <v>5</v>
      </c>
      <c r="D10899" s="1" t="s">
        <v>11</v>
      </c>
      <c r="E10899" s="1" t="s">
        <v>7</v>
      </c>
    </row>
    <row r="10900">
      <c r="A10900" s="1">
        <v>4.90479907E8</v>
      </c>
      <c r="B10900" s="2">
        <v>13145.0</v>
      </c>
      <c r="C10900" s="1" t="s">
        <v>5</v>
      </c>
      <c r="D10900" s="1" t="s">
        <v>9273</v>
      </c>
      <c r="E10900" s="1" t="s">
        <v>7</v>
      </c>
    </row>
    <row r="10901">
      <c r="A10901" s="1">
        <v>4.90479912E8</v>
      </c>
      <c r="B10901" s="2">
        <v>13140.0</v>
      </c>
      <c r="C10901" s="1" t="s">
        <v>5</v>
      </c>
      <c r="D10901" s="1" t="s">
        <v>9274</v>
      </c>
      <c r="E10901" s="1" t="s">
        <v>7</v>
      </c>
    </row>
    <row r="10902">
      <c r="A10902" s="1">
        <v>4.90479918E8</v>
      </c>
      <c r="B10902" s="2">
        <v>13189.0</v>
      </c>
      <c r="C10902" s="1" t="s">
        <v>5</v>
      </c>
      <c r="D10902" s="1" t="s">
        <v>9275</v>
      </c>
      <c r="E10902" s="1" t="s">
        <v>11</v>
      </c>
    </row>
    <row r="10903">
      <c r="A10903" s="1">
        <v>4.90479963E8</v>
      </c>
      <c r="B10903" s="2">
        <v>13164.0</v>
      </c>
      <c r="C10903" s="1" t="s">
        <v>5</v>
      </c>
      <c r="D10903" s="1" t="s">
        <v>9276</v>
      </c>
      <c r="E10903" s="1" t="s">
        <v>11</v>
      </c>
    </row>
    <row r="10904">
      <c r="A10904" s="1">
        <v>4.90480037E8</v>
      </c>
      <c r="B10904" s="2">
        <v>13204.0</v>
      </c>
      <c r="C10904" s="1" t="s">
        <v>5</v>
      </c>
      <c r="D10904" s="1" t="s">
        <v>11</v>
      </c>
      <c r="E10904" s="1" t="s">
        <v>7</v>
      </c>
    </row>
    <row r="10905">
      <c r="A10905" s="1">
        <v>4.90480038E8</v>
      </c>
      <c r="B10905" s="2">
        <v>13159.0</v>
      </c>
      <c r="C10905" s="1" t="s">
        <v>5</v>
      </c>
      <c r="D10905" s="1" t="s">
        <v>9277</v>
      </c>
      <c r="E10905" s="1" t="s">
        <v>7</v>
      </c>
    </row>
    <row r="10906">
      <c r="A10906" s="1">
        <v>4.90480044E8</v>
      </c>
      <c r="B10906" s="2">
        <v>13133.0</v>
      </c>
      <c r="C10906" s="1" t="s">
        <v>5</v>
      </c>
      <c r="D10906" s="1" t="s">
        <v>11</v>
      </c>
      <c r="E10906" s="1" t="s">
        <v>7</v>
      </c>
    </row>
    <row r="10907">
      <c r="A10907" s="1">
        <v>4.9048016E8</v>
      </c>
      <c r="B10907" s="2">
        <v>13131.0</v>
      </c>
      <c r="C10907" s="1" t="s">
        <v>5</v>
      </c>
      <c r="D10907" s="1" t="s">
        <v>9278</v>
      </c>
      <c r="E10907" s="1" t="s">
        <v>7</v>
      </c>
    </row>
    <row r="10908">
      <c r="A10908" s="1">
        <v>4.90480169E8</v>
      </c>
      <c r="B10908" s="2">
        <v>13207.0</v>
      </c>
      <c r="C10908" s="1" t="s">
        <v>5</v>
      </c>
      <c r="D10908" s="1" t="s">
        <v>9279</v>
      </c>
      <c r="E10908" s="1" t="s">
        <v>11</v>
      </c>
    </row>
    <row r="10909">
      <c r="A10909" s="1">
        <v>4.9048022E8</v>
      </c>
      <c r="B10909" s="2">
        <v>13187.0</v>
      </c>
      <c r="C10909" s="1" t="s">
        <v>5</v>
      </c>
      <c r="D10909" s="1" t="s">
        <v>9280</v>
      </c>
      <c r="E10909" s="1" t="s">
        <v>7</v>
      </c>
    </row>
    <row r="10910">
      <c r="A10910" s="1">
        <v>4.90480267E8</v>
      </c>
      <c r="B10910" s="2">
        <v>13130.0</v>
      </c>
      <c r="C10910" s="1" t="s">
        <v>5</v>
      </c>
      <c r="D10910" s="1" t="s">
        <v>11</v>
      </c>
      <c r="E10910" s="1" t="s">
        <v>7</v>
      </c>
    </row>
    <row r="10911">
      <c r="A10911" s="1">
        <v>4.90480355E8</v>
      </c>
      <c r="B10911" s="2">
        <v>13208.0</v>
      </c>
      <c r="C10911" s="1" t="s">
        <v>5</v>
      </c>
      <c r="D10911" s="1" t="s">
        <v>9281</v>
      </c>
      <c r="E10911" s="1" t="s">
        <v>7</v>
      </c>
    </row>
    <row r="10912">
      <c r="A10912" s="1">
        <v>4.90480361E8</v>
      </c>
      <c r="B10912" s="2">
        <v>13206.0</v>
      </c>
      <c r="C10912" s="1" t="s">
        <v>5</v>
      </c>
      <c r="D10912" s="1" t="s">
        <v>11</v>
      </c>
      <c r="E10912" s="1" t="s">
        <v>7</v>
      </c>
    </row>
    <row r="10913">
      <c r="A10913" s="1">
        <v>4.90480402E8</v>
      </c>
      <c r="B10913" s="2">
        <v>13157.0</v>
      </c>
      <c r="C10913" s="1" t="s">
        <v>5</v>
      </c>
      <c r="D10913" s="1" t="s">
        <v>9282</v>
      </c>
      <c r="E10913" s="1" t="s">
        <v>7</v>
      </c>
    </row>
    <row r="10914">
      <c r="A10914" s="1">
        <v>4.90480405E8</v>
      </c>
      <c r="B10914" s="2">
        <v>13157.0</v>
      </c>
      <c r="C10914" s="1" t="s">
        <v>5</v>
      </c>
      <c r="D10914" s="1" t="s">
        <v>9283</v>
      </c>
      <c r="E10914" s="1" t="s">
        <v>11</v>
      </c>
    </row>
    <row r="10915">
      <c r="A10915" s="1">
        <v>4.90480414E8</v>
      </c>
      <c r="B10915" s="2">
        <v>13135.0</v>
      </c>
      <c r="C10915" s="1" t="s">
        <v>5</v>
      </c>
      <c r="D10915" s="1" t="s">
        <v>9284</v>
      </c>
      <c r="E10915" s="1" t="s">
        <v>7</v>
      </c>
    </row>
    <row r="10916">
      <c r="A10916" s="1">
        <v>4.90480428E8</v>
      </c>
      <c r="B10916" s="2">
        <v>13106.0</v>
      </c>
      <c r="C10916" s="1" t="s">
        <v>5</v>
      </c>
      <c r="D10916" s="1" t="s">
        <v>9285</v>
      </c>
      <c r="E10916" s="1" t="s">
        <v>7</v>
      </c>
    </row>
    <row r="10917">
      <c r="A10917" s="1">
        <v>4.90480469E8</v>
      </c>
      <c r="B10917" s="2">
        <v>13138.0</v>
      </c>
      <c r="C10917" s="1" t="s">
        <v>5</v>
      </c>
      <c r="D10917" s="1" t="s">
        <v>9286</v>
      </c>
      <c r="E10917" s="1" t="s">
        <v>7</v>
      </c>
    </row>
    <row r="10918">
      <c r="A10918" s="1">
        <v>4.9048049E8</v>
      </c>
      <c r="B10918" s="2">
        <v>13161.0</v>
      </c>
      <c r="C10918" s="1" t="s">
        <v>5</v>
      </c>
      <c r="D10918" s="1" t="s">
        <v>9287</v>
      </c>
      <c r="E10918" s="1" t="s">
        <v>7</v>
      </c>
    </row>
    <row r="10919">
      <c r="A10919" s="1">
        <v>4.90480496E8</v>
      </c>
      <c r="B10919" s="2">
        <v>13134.0</v>
      </c>
      <c r="C10919" s="1" t="s">
        <v>5</v>
      </c>
      <c r="D10919" s="1" t="s">
        <v>9288</v>
      </c>
      <c r="E10919" s="1" t="s">
        <v>9289</v>
      </c>
    </row>
    <row r="10920">
      <c r="A10920" s="1">
        <v>4.90480499E8</v>
      </c>
      <c r="B10920" s="2">
        <v>13138.0</v>
      </c>
      <c r="C10920" s="1" t="s">
        <v>5</v>
      </c>
      <c r="D10920" s="1" t="s">
        <v>9290</v>
      </c>
      <c r="E10920" s="1" t="s">
        <v>9291</v>
      </c>
    </row>
    <row r="10921">
      <c r="A10921" s="1">
        <v>4.904805E8</v>
      </c>
      <c r="B10921" s="2">
        <v>13093.0</v>
      </c>
      <c r="C10921" s="1" t="s">
        <v>5</v>
      </c>
      <c r="D10921" s="1" t="s">
        <v>9292</v>
      </c>
      <c r="E10921" s="1" t="s">
        <v>7</v>
      </c>
    </row>
    <row r="10922">
      <c r="A10922" s="1">
        <v>4.90480517E8</v>
      </c>
      <c r="B10922" s="2">
        <v>13183.0</v>
      </c>
      <c r="C10922" s="1" t="s">
        <v>5</v>
      </c>
      <c r="D10922" s="1" t="s">
        <v>11</v>
      </c>
      <c r="E10922" s="1" t="s">
        <v>7</v>
      </c>
    </row>
    <row r="10923">
      <c r="A10923" s="1">
        <v>4.90480546E8</v>
      </c>
      <c r="B10923" s="2">
        <v>13205.0</v>
      </c>
      <c r="C10923" s="1" t="s">
        <v>5</v>
      </c>
      <c r="D10923" s="1" t="s">
        <v>9293</v>
      </c>
      <c r="E10923" s="1" t="s">
        <v>7</v>
      </c>
    </row>
    <row r="10924">
      <c r="A10924" s="1">
        <v>4.90480604E8</v>
      </c>
      <c r="B10924" s="2">
        <v>13205.0</v>
      </c>
      <c r="C10924" s="1" t="s">
        <v>5</v>
      </c>
      <c r="D10924" s="1" t="s">
        <v>11</v>
      </c>
      <c r="E10924" s="1" t="s">
        <v>7</v>
      </c>
    </row>
    <row r="10925">
      <c r="A10925" s="1">
        <v>4.90480608E8</v>
      </c>
      <c r="B10925" s="2">
        <v>13092.0</v>
      </c>
      <c r="C10925" s="1" t="s">
        <v>5</v>
      </c>
      <c r="D10925" s="1" t="s">
        <v>9294</v>
      </c>
      <c r="E10925" s="1" t="s">
        <v>7</v>
      </c>
    </row>
    <row r="10926">
      <c r="A10926" s="1">
        <v>4.90480615E8</v>
      </c>
      <c r="B10926" s="2">
        <v>13146.0</v>
      </c>
      <c r="C10926" s="1" t="s">
        <v>5</v>
      </c>
      <c r="D10926" s="1" t="s">
        <v>9295</v>
      </c>
      <c r="E10926" s="1" t="s">
        <v>7</v>
      </c>
    </row>
    <row r="10927">
      <c r="A10927" s="1">
        <v>4.90480627E8</v>
      </c>
      <c r="B10927" s="2">
        <v>13201.0</v>
      </c>
      <c r="C10927" s="1" t="s">
        <v>5</v>
      </c>
      <c r="D10927" s="1" t="s">
        <v>11</v>
      </c>
      <c r="E10927" s="1" t="s">
        <v>7</v>
      </c>
    </row>
    <row r="10928">
      <c r="A10928" s="1">
        <v>4.90480637E8</v>
      </c>
      <c r="B10928" s="2">
        <v>13143.0</v>
      </c>
      <c r="C10928" s="1" t="s">
        <v>5</v>
      </c>
      <c r="D10928" s="1" t="s">
        <v>11</v>
      </c>
      <c r="E10928" s="1" t="s">
        <v>7</v>
      </c>
    </row>
    <row r="10929">
      <c r="A10929" s="1">
        <v>4.90480639E8</v>
      </c>
      <c r="B10929" s="2">
        <v>13127.0</v>
      </c>
      <c r="C10929" s="1" t="s">
        <v>5</v>
      </c>
      <c r="D10929" s="1" t="s">
        <v>9296</v>
      </c>
      <c r="E10929" s="1" t="s">
        <v>11</v>
      </c>
    </row>
    <row r="10930">
      <c r="A10930" s="1">
        <v>4.9048066E8</v>
      </c>
      <c r="B10930" s="2">
        <v>13146.0</v>
      </c>
      <c r="C10930" s="1" t="s">
        <v>5</v>
      </c>
      <c r="D10930" s="1" t="s">
        <v>9297</v>
      </c>
      <c r="E10930" s="1" t="s">
        <v>7</v>
      </c>
    </row>
    <row r="10931">
      <c r="A10931" s="1">
        <v>4.90480664E8</v>
      </c>
      <c r="B10931" s="2">
        <v>13204.0</v>
      </c>
      <c r="C10931" s="1" t="s">
        <v>5</v>
      </c>
      <c r="D10931" s="1" t="s">
        <v>9298</v>
      </c>
      <c r="E10931" s="1" t="s">
        <v>9299</v>
      </c>
    </row>
    <row r="10932">
      <c r="A10932" s="1">
        <v>4.90480696E8</v>
      </c>
      <c r="B10932" s="2">
        <v>13201.0</v>
      </c>
      <c r="C10932" s="1" t="s">
        <v>5</v>
      </c>
      <c r="D10932" s="1" t="s">
        <v>11</v>
      </c>
      <c r="E10932" s="1" t="s">
        <v>7</v>
      </c>
    </row>
    <row r="10933">
      <c r="A10933" s="1">
        <v>4.904807E8</v>
      </c>
      <c r="B10933" s="2">
        <v>13204.0</v>
      </c>
      <c r="C10933" s="1" t="s">
        <v>5</v>
      </c>
      <c r="D10933" s="1" t="s">
        <v>9300</v>
      </c>
      <c r="E10933" s="1" t="s">
        <v>11</v>
      </c>
    </row>
    <row r="10934">
      <c r="A10934" s="1">
        <v>4.90480703E8</v>
      </c>
      <c r="B10934" s="2">
        <v>13159.0</v>
      </c>
      <c r="C10934" s="1" t="s">
        <v>5</v>
      </c>
      <c r="D10934" s="1" t="s">
        <v>9301</v>
      </c>
      <c r="E10934" s="1" t="s">
        <v>11</v>
      </c>
    </row>
    <row r="10935">
      <c r="A10935" s="1">
        <v>4.90480712E8</v>
      </c>
      <c r="B10935" s="2">
        <v>13155.0</v>
      </c>
      <c r="C10935" s="1" t="s">
        <v>5</v>
      </c>
      <c r="D10935" s="1" t="s">
        <v>9302</v>
      </c>
      <c r="E10935" s="1" t="s">
        <v>7</v>
      </c>
    </row>
    <row r="10936">
      <c r="A10936" s="1">
        <v>4.90480718E8</v>
      </c>
      <c r="B10936" s="2">
        <v>13133.0</v>
      </c>
      <c r="C10936" s="1" t="s">
        <v>5</v>
      </c>
      <c r="D10936" s="1" t="s">
        <v>9303</v>
      </c>
      <c r="E10936" s="1" t="s">
        <v>11</v>
      </c>
    </row>
    <row r="10937">
      <c r="A10937" s="1">
        <v>4.90480728E8</v>
      </c>
      <c r="B10937" s="2">
        <v>13203.0</v>
      </c>
      <c r="C10937" s="1" t="s">
        <v>5</v>
      </c>
      <c r="D10937" s="1" t="s">
        <v>9304</v>
      </c>
      <c r="E10937" s="1" t="s">
        <v>9305</v>
      </c>
    </row>
    <row r="10938">
      <c r="A10938" s="1">
        <v>4.90480736E8</v>
      </c>
      <c r="B10938" s="2">
        <v>13136.0</v>
      </c>
      <c r="C10938" s="1" t="s">
        <v>5</v>
      </c>
      <c r="D10938" s="1" t="s">
        <v>9306</v>
      </c>
      <c r="E10938" s="1" t="s">
        <v>7</v>
      </c>
    </row>
    <row r="10939">
      <c r="A10939" s="1">
        <v>4.90480751E8</v>
      </c>
      <c r="B10939" s="2">
        <v>13202.0</v>
      </c>
      <c r="C10939" s="1" t="s">
        <v>5</v>
      </c>
      <c r="D10939" s="1" t="s">
        <v>9307</v>
      </c>
      <c r="E10939" s="1" t="s">
        <v>9308</v>
      </c>
    </row>
    <row r="10940">
      <c r="A10940" s="1">
        <v>4.90480759E8</v>
      </c>
      <c r="B10940" s="2">
        <v>13203.0</v>
      </c>
      <c r="C10940" s="1" t="s">
        <v>5</v>
      </c>
      <c r="D10940" s="1" t="s">
        <v>9309</v>
      </c>
      <c r="E10940" s="1" t="s">
        <v>11</v>
      </c>
    </row>
    <row r="10941">
      <c r="A10941" s="1">
        <v>4.90480767E8</v>
      </c>
      <c r="B10941" s="2">
        <v>13204.0</v>
      </c>
      <c r="C10941" s="1" t="s">
        <v>5</v>
      </c>
      <c r="D10941" s="1" t="s">
        <v>11</v>
      </c>
      <c r="E10941" s="1" t="s">
        <v>7</v>
      </c>
    </row>
    <row r="10942">
      <c r="A10942" s="1">
        <v>4.90480778E8</v>
      </c>
      <c r="B10942" s="2">
        <v>13145.0</v>
      </c>
      <c r="C10942" s="1" t="s">
        <v>5</v>
      </c>
      <c r="D10942" s="1" t="s">
        <v>9310</v>
      </c>
      <c r="E10942" s="1" t="s">
        <v>7</v>
      </c>
    </row>
    <row r="10943">
      <c r="A10943" s="1">
        <v>4.90480786E8</v>
      </c>
      <c r="B10943" s="2">
        <v>13128.0</v>
      </c>
      <c r="C10943" s="1" t="s">
        <v>5</v>
      </c>
      <c r="D10943" s="1" t="s">
        <v>9311</v>
      </c>
      <c r="E10943" s="1" t="s">
        <v>11</v>
      </c>
    </row>
    <row r="10944">
      <c r="A10944" s="1">
        <v>4.904808E8</v>
      </c>
      <c r="B10944" s="2">
        <v>13125.0</v>
      </c>
      <c r="C10944" s="1" t="s">
        <v>5</v>
      </c>
      <c r="D10944" s="1" t="s">
        <v>11</v>
      </c>
      <c r="E10944" s="1" t="s">
        <v>7</v>
      </c>
    </row>
    <row r="10945">
      <c r="A10945" s="1">
        <v>4.90480824E8</v>
      </c>
      <c r="B10945" s="2">
        <v>13141.0</v>
      </c>
      <c r="C10945" s="1" t="s">
        <v>5</v>
      </c>
      <c r="D10945" s="1" t="s">
        <v>9312</v>
      </c>
      <c r="E10945" s="1" t="s">
        <v>7</v>
      </c>
    </row>
    <row r="10946">
      <c r="A10946" s="1">
        <v>4.90480841E8</v>
      </c>
      <c r="B10946" s="2">
        <v>13200.0</v>
      </c>
      <c r="C10946" s="1" t="s">
        <v>5</v>
      </c>
      <c r="D10946" s="1" t="s">
        <v>9313</v>
      </c>
      <c r="E10946" s="1" t="s">
        <v>7</v>
      </c>
    </row>
    <row r="10947">
      <c r="A10947" s="1">
        <v>4.90480843E8</v>
      </c>
      <c r="B10947" s="2">
        <v>13206.0</v>
      </c>
      <c r="C10947" s="1" t="s">
        <v>5</v>
      </c>
      <c r="D10947" s="1" t="s">
        <v>9314</v>
      </c>
      <c r="E10947" s="1" t="s">
        <v>7</v>
      </c>
    </row>
    <row r="10948">
      <c r="A10948" s="1">
        <v>4.904809E8</v>
      </c>
      <c r="B10948" s="2">
        <v>13202.0</v>
      </c>
      <c r="C10948" s="1" t="s">
        <v>5</v>
      </c>
      <c r="D10948" s="1" t="s">
        <v>9315</v>
      </c>
      <c r="E10948" s="1" t="s">
        <v>11</v>
      </c>
    </row>
    <row r="10949">
      <c r="A10949" s="1">
        <v>4.90480914E8</v>
      </c>
      <c r="B10949" s="2">
        <v>13137.0</v>
      </c>
      <c r="C10949" s="1" t="s">
        <v>5</v>
      </c>
      <c r="D10949" s="1" t="s">
        <v>9316</v>
      </c>
      <c r="E10949" s="1" t="s">
        <v>7</v>
      </c>
    </row>
    <row r="10950">
      <c r="A10950" s="1">
        <v>4.90480987E8</v>
      </c>
      <c r="B10950" s="2">
        <v>13160.0</v>
      </c>
      <c r="C10950" s="1" t="s">
        <v>5</v>
      </c>
      <c r="D10950" s="1" t="s">
        <v>9317</v>
      </c>
      <c r="E10950" s="1" t="s">
        <v>11</v>
      </c>
    </row>
    <row r="10951">
      <c r="A10951" s="1">
        <v>4.90480997E8</v>
      </c>
      <c r="B10951" s="2">
        <v>13122.0</v>
      </c>
      <c r="C10951" s="1" t="s">
        <v>5</v>
      </c>
      <c r="D10951" s="1" t="s">
        <v>11</v>
      </c>
      <c r="E10951" s="1" t="s">
        <v>7</v>
      </c>
    </row>
    <row r="10952">
      <c r="A10952" s="1">
        <v>4.9048108E8</v>
      </c>
      <c r="B10952" s="2">
        <v>13160.0</v>
      </c>
      <c r="C10952" s="1" t="s">
        <v>5</v>
      </c>
      <c r="D10952" s="1" t="s">
        <v>9318</v>
      </c>
      <c r="E10952" s="1" t="s">
        <v>11</v>
      </c>
    </row>
    <row r="10953">
      <c r="A10953" s="1">
        <v>4.90481083E8</v>
      </c>
      <c r="B10953" s="2">
        <v>13204.0</v>
      </c>
      <c r="C10953" s="1" t="s">
        <v>5</v>
      </c>
      <c r="D10953" s="1" t="s">
        <v>9319</v>
      </c>
      <c r="E10953" s="1" t="s">
        <v>11</v>
      </c>
    </row>
    <row r="10954">
      <c r="A10954" s="1">
        <v>4.90481108E8</v>
      </c>
      <c r="B10954" s="2">
        <v>13239.0</v>
      </c>
      <c r="C10954" s="1" t="s">
        <v>5</v>
      </c>
      <c r="D10954" s="1" t="s">
        <v>9320</v>
      </c>
      <c r="E10954" s="1" t="s">
        <v>7</v>
      </c>
    </row>
    <row r="10955">
      <c r="A10955" s="1">
        <v>4.9048112E8</v>
      </c>
      <c r="B10955" s="2">
        <v>13143.0</v>
      </c>
      <c r="C10955" s="1" t="s">
        <v>5</v>
      </c>
      <c r="D10955" s="1" t="s">
        <v>9321</v>
      </c>
      <c r="E10955" s="1" t="s">
        <v>7</v>
      </c>
    </row>
    <row r="10956">
      <c r="A10956" s="1">
        <v>4.90481131E8</v>
      </c>
      <c r="B10956" s="2">
        <v>13203.0</v>
      </c>
      <c r="C10956" s="1" t="s">
        <v>5</v>
      </c>
      <c r="D10956" s="1" t="s">
        <v>11</v>
      </c>
      <c r="E10956" s="1" t="s">
        <v>7</v>
      </c>
    </row>
    <row r="10957">
      <c r="A10957" s="1">
        <v>4.90481171E8</v>
      </c>
      <c r="B10957" s="2">
        <v>13144.0</v>
      </c>
      <c r="C10957" s="1" t="s">
        <v>5</v>
      </c>
      <c r="D10957" s="1" t="s">
        <v>9322</v>
      </c>
      <c r="E10957" s="1" t="s">
        <v>11</v>
      </c>
    </row>
    <row r="10958">
      <c r="A10958" s="1">
        <v>4.90481205E8</v>
      </c>
      <c r="B10958" s="2">
        <v>13153.0</v>
      </c>
      <c r="C10958" s="1" t="s">
        <v>5</v>
      </c>
      <c r="D10958" s="1" t="s">
        <v>11</v>
      </c>
      <c r="E10958" s="1" t="s">
        <v>7</v>
      </c>
    </row>
    <row r="10959">
      <c r="A10959" s="1">
        <v>4.90481209E8</v>
      </c>
      <c r="B10959" s="2">
        <v>13143.0</v>
      </c>
      <c r="C10959" s="1" t="s">
        <v>5</v>
      </c>
      <c r="D10959" s="1" t="s">
        <v>11</v>
      </c>
      <c r="E10959" s="1" t="s">
        <v>7</v>
      </c>
    </row>
    <row r="10960">
      <c r="A10960" s="1">
        <v>4.90481226E8</v>
      </c>
      <c r="B10960" s="2">
        <v>13203.0</v>
      </c>
      <c r="C10960" s="1" t="s">
        <v>5</v>
      </c>
      <c r="D10960" s="1" t="s">
        <v>9323</v>
      </c>
      <c r="E10960" s="1" t="s">
        <v>9324</v>
      </c>
    </row>
    <row r="10961">
      <c r="A10961" s="1">
        <v>4.90481251E8</v>
      </c>
      <c r="B10961" s="2">
        <v>13200.0</v>
      </c>
      <c r="C10961" s="1" t="s">
        <v>5</v>
      </c>
      <c r="D10961" s="1" t="s">
        <v>9325</v>
      </c>
      <c r="E10961" s="1" t="s">
        <v>7</v>
      </c>
    </row>
    <row r="10962">
      <c r="A10962" s="1">
        <v>4.90481258E8</v>
      </c>
      <c r="B10962" s="2">
        <v>13198.0</v>
      </c>
      <c r="C10962" s="1" t="s">
        <v>5</v>
      </c>
      <c r="D10962" s="1" t="s">
        <v>11</v>
      </c>
      <c r="E10962" s="1" t="s">
        <v>7</v>
      </c>
    </row>
    <row r="10963">
      <c r="A10963" s="1">
        <v>4.90481262E8</v>
      </c>
      <c r="B10963" s="2">
        <v>13238.0</v>
      </c>
      <c r="C10963" s="1" t="s">
        <v>5</v>
      </c>
      <c r="D10963" s="1" t="s">
        <v>11</v>
      </c>
      <c r="E10963" s="1" t="s">
        <v>7</v>
      </c>
    </row>
    <row r="10964">
      <c r="A10964" s="1">
        <v>4.90481287E8</v>
      </c>
      <c r="B10964" s="2">
        <v>13133.0</v>
      </c>
      <c r="C10964" s="1" t="s">
        <v>5</v>
      </c>
      <c r="D10964" s="1" t="s">
        <v>9326</v>
      </c>
      <c r="E10964" s="1" t="s">
        <v>7</v>
      </c>
    </row>
    <row r="10965">
      <c r="A10965" s="1">
        <v>4.90481302E8</v>
      </c>
      <c r="B10965" s="2">
        <v>13155.0</v>
      </c>
      <c r="C10965" s="1" t="s">
        <v>5</v>
      </c>
      <c r="D10965" s="1" t="s">
        <v>9327</v>
      </c>
      <c r="E10965" s="1" t="s">
        <v>7</v>
      </c>
    </row>
    <row r="10966">
      <c r="A10966" s="1">
        <v>4.90481362E8</v>
      </c>
      <c r="B10966" s="2">
        <v>13147.0</v>
      </c>
      <c r="C10966" s="1" t="s">
        <v>5</v>
      </c>
      <c r="D10966" s="1" t="s">
        <v>11</v>
      </c>
      <c r="E10966" s="1" t="s">
        <v>7</v>
      </c>
    </row>
    <row r="10967">
      <c r="A10967" s="1">
        <v>4.90481394E8</v>
      </c>
      <c r="B10967" s="2">
        <v>13130.0</v>
      </c>
      <c r="C10967" s="1" t="s">
        <v>5</v>
      </c>
      <c r="D10967" s="1" t="s">
        <v>9328</v>
      </c>
      <c r="E10967" s="1" t="s">
        <v>7</v>
      </c>
    </row>
    <row r="10968">
      <c r="A10968" s="1">
        <v>4.90481399E8</v>
      </c>
      <c r="B10968" s="2">
        <v>13119.0</v>
      </c>
      <c r="C10968" s="1" t="s">
        <v>5</v>
      </c>
      <c r="D10968" s="1" t="s">
        <v>9329</v>
      </c>
      <c r="E10968" s="1" t="s">
        <v>7</v>
      </c>
    </row>
    <row r="10969">
      <c r="A10969" s="1">
        <v>4.904814E8</v>
      </c>
      <c r="B10969" s="2">
        <v>13122.0</v>
      </c>
      <c r="C10969" s="1" t="s">
        <v>5</v>
      </c>
      <c r="D10969" s="1" t="s">
        <v>9330</v>
      </c>
      <c r="E10969" s="1" t="s">
        <v>7</v>
      </c>
    </row>
    <row r="10970">
      <c r="A10970" s="1">
        <v>4.90481431E8</v>
      </c>
      <c r="B10970" s="2">
        <v>13133.0</v>
      </c>
      <c r="C10970" s="1" t="s">
        <v>5</v>
      </c>
      <c r="D10970" s="1" t="s">
        <v>9331</v>
      </c>
      <c r="E10970" s="1" t="s">
        <v>7</v>
      </c>
    </row>
    <row r="10971">
      <c r="A10971" s="1">
        <v>4.90481442E8</v>
      </c>
      <c r="B10971" s="2">
        <v>13105.0</v>
      </c>
      <c r="C10971" s="1" t="s">
        <v>5</v>
      </c>
      <c r="D10971" s="1" t="s">
        <v>9332</v>
      </c>
      <c r="E10971" s="1" t="s">
        <v>7</v>
      </c>
    </row>
    <row r="10972">
      <c r="A10972" s="1">
        <v>4.90481464E8</v>
      </c>
      <c r="B10972" s="2">
        <v>13158.0</v>
      </c>
      <c r="C10972" s="1" t="s">
        <v>5</v>
      </c>
      <c r="D10972" s="1" t="s">
        <v>11</v>
      </c>
      <c r="E10972" s="1" t="s">
        <v>7</v>
      </c>
    </row>
    <row r="10973">
      <c r="A10973" s="1">
        <v>4.90481472E8</v>
      </c>
      <c r="B10973" s="2">
        <v>13134.0</v>
      </c>
      <c r="C10973" s="1" t="s">
        <v>5</v>
      </c>
      <c r="D10973" s="1" t="s">
        <v>9333</v>
      </c>
      <c r="E10973" s="1" t="s">
        <v>7</v>
      </c>
    </row>
    <row r="10974">
      <c r="A10974" s="1">
        <v>4.90481482E8</v>
      </c>
      <c r="B10974" s="2">
        <v>13199.0</v>
      </c>
      <c r="C10974" s="1" t="s">
        <v>5</v>
      </c>
      <c r="D10974" s="1" t="s">
        <v>9334</v>
      </c>
      <c r="E10974" s="1" t="s">
        <v>7</v>
      </c>
    </row>
    <row r="10975">
      <c r="A10975" s="1">
        <v>4.90481484E8</v>
      </c>
      <c r="B10975" s="2">
        <v>13139.0</v>
      </c>
      <c r="C10975" s="1" t="s">
        <v>5</v>
      </c>
      <c r="D10975" s="1" t="s">
        <v>9335</v>
      </c>
      <c r="E10975" s="1" t="s">
        <v>11</v>
      </c>
    </row>
    <row r="10976">
      <c r="A10976" s="1">
        <v>4.90481485E8</v>
      </c>
      <c r="B10976" s="2">
        <v>13196.0</v>
      </c>
      <c r="C10976" s="1" t="s">
        <v>5</v>
      </c>
      <c r="D10976" s="1" t="s">
        <v>9336</v>
      </c>
      <c r="E10976" s="1" t="s">
        <v>11</v>
      </c>
    </row>
    <row r="10977">
      <c r="A10977" s="1">
        <v>4.90481488E8</v>
      </c>
      <c r="B10977" s="2">
        <v>13141.0</v>
      </c>
      <c r="C10977" s="1" t="s">
        <v>5</v>
      </c>
      <c r="D10977" s="1" t="s">
        <v>9337</v>
      </c>
      <c r="E10977" s="1" t="s">
        <v>11</v>
      </c>
    </row>
    <row r="10978">
      <c r="A10978" s="1">
        <v>4.90481497E8</v>
      </c>
      <c r="B10978" s="2">
        <v>13153.0</v>
      </c>
      <c r="C10978" s="1" t="s">
        <v>5</v>
      </c>
      <c r="D10978" s="1" t="s">
        <v>9338</v>
      </c>
      <c r="E10978" s="1" t="s">
        <v>7</v>
      </c>
    </row>
    <row r="10979">
      <c r="A10979" s="1">
        <v>4.90481535E8</v>
      </c>
      <c r="B10979" s="2">
        <v>13121.0</v>
      </c>
      <c r="C10979" s="1" t="s">
        <v>5</v>
      </c>
      <c r="D10979" s="1" t="s">
        <v>9339</v>
      </c>
      <c r="E10979" s="1" t="s">
        <v>11</v>
      </c>
    </row>
    <row r="10980">
      <c r="A10980" s="1">
        <v>4.90481589E8</v>
      </c>
      <c r="B10980" s="2">
        <v>13138.0</v>
      </c>
      <c r="C10980" s="1" t="s">
        <v>5</v>
      </c>
      <c r="D10980" s="1" t="s">
        <v>9340</v>
      </c>
      <c r="E10980" s="1" t="s">
        <v>9341</v>
      </c>
    </row>
    <row r="10981">
      <c r="A10981" s="1">
        <v>4.90481609E8</v>
      </c>
      <c r="B10981" s="2">
        <v>13138.0</v>
      </c>
      <c r="C10981" s="1" t="s">
        <v>5</v>
      </c>
      <c r="D10981" s="1" t="s">
        <v>9342</v>
      </c>
      <c r="E10981" s="1" t="s">
        <v>7</v>
      </c>
    </row>
    <row r="10982">
      <c r="A10982" s="1">
        <v>4.90481627E8</v>
      </c>
      <c r="B10982" s="2">
        <v>13138.0</v>
      </c>
      <c r="C10982" s="1" t="s">
        <v>5</v>
      </c>
      <c r="D10982" s="1" t="s">
        <v>9343</v>
      </c>
      <c r="E10982" s="1" t="s">
        <v>11</v>
      </c>
    </row>
    <row r="10983">
      <c r="A10983" s="1">
        <v>4.90481639E8</v>
      </c>
      <c r="B10983" s="2">
        <v>13129.0</v>
      </c>
      <c r="C10983" s="1" t="s">
        <v>5</v>
      </c>
      <c r="D10983" s="1" t="s">
        <v>9344</v>
      </c>
      <c r="E10983" s="1" t="s">
        <v>7</v>
      </c>
    </row>
    <row r="10984">
      <c r="A10984" s="1">
        <v>4.90481671E8</v>
      </c>
      <c r="B10984" s="2">
        <v>13142.0</v>
      </c>
      <c r="C10984" s="1" t="s">
        <v>5</v>
      </c>
      <c r="D10984" s="1" t="s">
        <v>9345</v>
      </c>
      <c r="E10984" s="1" t="s">
        <v>7</v>
      </c>
    </row>
    <row r="10985">
      <c r="A10985" s="1">
        <v>4.90481695E8</v>
      </c>
      <c r="B10985" s="2">
        <v>13199.0</v>
      </c>
      <c r="C10985" s="1" t="s">
        <v>5</v>
      </c>
      <c r="D10985" s="1" t="s">
        <v>9346</v>
      </c>
      <c r="E10985" s="1" t="s">
        <v>11</v>
      </c>
    </row>
    <row r="10986">
      <c r="A10986" s="1">
        <v>4.90481702E8</v>
      </c>
      <c r="B10986" s="2">
        <v>13157.0</v>
      </c>
      <c r="C10986" s="1" t="s">
        <v>5</v>
      </c>
      <c r="D10986" s="1" t="s">
        <v>9347</v>
      </c>
      <c r="E10986" s="1" t="s">
        <v>7</v>
      </c>
    </row>
    <row r="10987">
      <c r="A10987" s="1">
        <v>4.90481724E8</v>
      </c>
      <c r="B10987" s="2">
        <v>13157.0</v>
      </c>
      <c r="C10987" s="1" t="s">
        <v>5</v>
      </c>
      <c r="D10987" s="1" t="s">
        <v>9348</v>
      </c>
      <c r="E10987" s="1" t="s">
        <v>7</v>
      </c>
    </row>
    <row r="10988">
      <c r="A10988" s="1">
        <v>4.90481731E8</v>
      </c>
      <c r="B10988" s="2">
        <v>13151.0</v>
      </c>
      <c r="C10988" s="1" t="s">
        <v>5</v>
      </c>
      <c r="D10988" s="1" t="s">
        <v>9349</v>
      </c>
      <c r="E10988" s="1" t="s">
        <v>9350</v>
      </c>
    </row>
    <row r="10989">
      <c r="A10989" s="1">
        <v>4.90481746E8</v>
      </c>
      <c r="B10989" s="2">
        <v>13151.0</v>
      </c>
      <c r="C10989" s="1" t="s">
        <v>5</v>
      </c>
      <c r="D10989" s="1" t="s">
        <v>9351</v>
      </c>
      <c r="E10989" s="1" t="s">
        <v>9352</v>
      </c>
    </row>
    <row r="10990">
      <c r="A10990" s="1">
        <v>4.90481757E8</v>
      </c>
      <c r="B10990" s="2">
        <v>13144.0</v>
      </c>
      <c r="C10990" s="1" t="s">
        <v>5</v>
      </c>
      <c r="D10990" s="1" t="s">
        <v>9353</v>
      </c>
      <c r="E10990" s="1" t="s">
        <v>7</v>
      </c>
    </row>
    <row r="10991">
      <c r="A10991" s="1">
        <v>4.90481763E8</v>
      </c>
      <c r="B10991" s="2">
        <v>13119.0</v>
      </c>
      <c r="C10991" s="1" t="s">
        <v>5</v>
      </c>
      <c r="D10991" s="1" t="s">
        <v>9354</v>
      </c>
      <c r="E10991" s="1" t="s">
        <v>7</v>
      </c>
    </row>
    <row r="10992">
      <c r="A10992" s="1">
        <v>4.90481778E8</v>
      </c>
      <c r="B10992" s="2">
        <v>13197.0</v>
      </c>
      <c r="C10992" s="1" t="s">
        <v>5</v>
      </c>
      <c r="D10992" s="1" t="s">
        <v>9355</v>
      </c>
      <c r="E10992" s="1" t="s">
        <v>7</v>
      </c>
    </row>
    <row r="10993">
      <c r="A10993" s="1">
        <v>4.9048178E8</v>
      </c>
      <c r="B10993" s="2">
        <v>13133.0</v>
      </c>
      <c r="C10993" s="1" t="s">
        <v>5</v>
      </c>
      <c r="D10993" s="1" t="s">
        <v>9356</v>
      </c>
      <c r="E10993" s="1" t="s">
        <v>7</v>
      </c>
    </row>
    <row r="10994">
      <c r="A10994" s="1">
        <v>4.90481791E8</v>
      </c>
      <c r="B10994" s="2">
        <v>13177.0</v>
      </c>
      <c r="C10994" s="1" t="s">
        <v>5</v>
      </c>
      <c r="D10994" s="1" t="s">
        <v>9357</v>
      </c>
      <c r="E10994" s="1" t="s">
        <v>9358</v>
      </c>
    </row>
    <row r="10995">
      <c r="A10995" s="1">
        <v>4.90481799E8</v>
      </c>
      <c r="B10995" s="2">
        <v>13102.0</v>
      </c>
      <c r="C10995" s="1" t="s">
        <v>5</v>
      </c>
      <c r="D10995" s="1" t="s">
        <v>9359</v>
      </c>
      <c r="E10995" s="1" t="s">
        <v>7</v>
      </c>
    </row>
    <row r="10996">
      <c r="A10996" s="1">
        <v>4.904818E8</v>
      </c>
      <c r="B10996" s="2">
        <v>13137.0</v>
      </c>
      <c r="C10996" s="1" t="s">
        <v>5</v>
      </c>
      <c r="D10996" s="1" t="s">
        <v>11</v>
      </c>
      <c r="E10996" s="1" t="s">
        <v>7</v>
      </c>
    </row>
    <row r="10997">
      <c r="A10997" s="1">
        <v>4.9048181E8</v>
      </c>
      <c r="B10997" s="2">
        <v>13155.0</v>
      </c>
      <c r="C10997" s="1" t="s">
        <v>5</v>
      </c>
      <c r="D10997" s="1" t="s">
        <v>9360</v>
      </c>
      <c r="E10997" s="1" t="s">
        <v>9361</v>
      </c>
    </row>
    <row r="10998">
      <c r="A10998" s="1">
        <v>4.90481837E8</v>
      </c>
      <c r="B10998" s="2">
        <v>13151.0</v>
      </c>
      <c r="C10998" s="1" t="s">
        <v>5</v>
      </c>
      <c r="D10998" s="1" t="s">
        <v>11</v>
      </c>
      <c r="E10998" s="1" t="s">
        <v>7</v>
      </c>
    </row>
    <row r="10999">
      <c r="A10999" s="1">
        <v>4.90481858E8</v>
      </c>
      <c r="B10999" s="2">
        <v>13209.0</v>
      </c>
      <c r="C10999" s="1" t="s">
        <v>5</v>
      </c>
      <c r="D10999" s="1" t="s">
        <v>9362</v>
      </c>
      <c r="E10999" s="1" t="s">
        <v>9363</v>
      </c>
    </row>
    <row r="11000">
      <c r="A11000" s="1">
        <v>4.90481861E8</v>
      </c>
      <c r="B11000" s="2">
        <v>13201.0</v>
      </c>
      <c r="C11000" s="1" t="s">
        <v>5</v>
      </c>
      <c r="D11000" s="1" t="s">
        <v>9364</v>
      </c>
      <c r="E11000" s="1" t="s">
        <v>11</v>
      </c>
    </row>
    <row r="11001">
      <c r="A11001" s="1">
        <v>4.90481877E8</v>
      </c>
      <c r="B11001" s="2">
        <v>13140.0</v>
      </c>
      <c r="C11001" s="1" t="s">
        <v>5</v>
      </c>
      <c r="D11001" s="1" t="s">
        <v>9365</v>
      </c>
      <c r="E11001" s="1" t="s">
        <v>7</v>
      </c>
    </row>
    <row r="11002">
      <c r="A11002" s="1">
        <v>4.90481908E8</v>
      </c>
      <c r="B11002" s="2">
        <v>13140.0</v>
      </c>
      <c r="C11002" s="1" t="s">
        <v>5</v>
      </c>
      <c r="D11002" s="1" t="s">
        <v>11</v>
      </c>
      <c r="E11002" s="1" t="s">
        <v>7</v>
      </c>
    </row>
    <row r="11003">
      <c r="A11003" s="1">
        <v>4.9048196E8</v>
      </c>
      <c r="B11003" s="2">
        <v>13143.0</v>
      </c>
      <c r="C11003" s="1" t="s">
        <v>5</v>
      </c>
      <c r="D11003" s="1" t="s">
        <v>11</v>
      </c>
      <c r="E11003" s="1" t="s">
        <v>7</v>
      </c>
    </row>
    <row r="11004">
      <c r="A11004" s="1">
        <v>4.90481988E8</v>
      </c>
      <c r="B11004" s="2">
        <v>13195.0</v>
      </c>
      <c r="C11004" s="1" t="s">
        <v>5</v>
      </c>
      <c r="D11004" s="1" t="s">
        <v>11</v>
      </c>
      <c r="E11004" s="1" t="s">
        <v>7</v>
      </c>
    </row>
    <row r="11005">
      <c r="A11005" s="1">
        <v>4.90482075E8</v>
      </c>
      <c r="B11005" s="2">
        <v>13100.0</v>
      </c>
      <c r="C11005" s="1" t="s">
        <v>5</v>
      </c>
      <c r="D11005" s="1" t="s">
        <v>9366</v>
      </c>
      <c r="E11005" s="1" t="s">
        <v>7</v>
      </c>
    </row>
    <row r="11006">
      <c r="A11006" s="1">
        <v>4.9048212E8</v>
      </c>
      <c r="B11006" s="2">
        <v>13186.0</v>
      </c>
      <c r="C11006" s="1" t="s">
        <v>5</v>
      </c>
      <c r="D11006" s="1" t="s">
        <v>9367</v>
      </c>
      <c r="E11006" s="1" t="s">
        <v>7</v>
      </c>
    </row>
    <row r="11007">
      <c r="A11007" s="1">
        <v>4.90482136E8</v>
      </c>
      <c r="B11007" s="2">
        <v>13127.0</v>
      </c>
      <c r="C11007" s="1" t="s">
        <v>5</v>
      </c>
      <c r="D11007" s="1" t="s">
        <v>11</v>
      </c>
      <c r="E11007" s="1" t="s">
        <v>7</v>
      </c>
    </row>
    <row r="11008">
      <c r="A11008" s="1">
        <v>4.90482141E8</v>
      </c>
      <c r="B11008" s="2">
        <v>13124.0</v>
      </c>
      <c r="C11008" s="1" t="s">
        <v>5</v>
      </c>
      <c r="D11008" s="1" t="s">
        <v>9368</v>
      </c>
      <c r="E11008" s="1" t="s">
        <v>9369</v>
      </c>
    </row>
    <row r="11009">
      <c r="A11009" s="1">
        <v>4.90482198E8</v>
      </c>
      <c r="B11009" s="2">
        <v>13206.0</v>
      </c>
      <c r="C11009" s="1" t="s">
        <v>5</v>
      </c>
      <c r="D11009" s="1" t="s">
        <v>9370</v>
      </c>
      <c r="E11009" s="1" t="s">
        <v>7</v>
      </c>
    </row>
    <row r="11010">
      <c r="A11010" s="1">
        <v>4.90482199E8</v>
      </c>
      <c r="B11010" s="2">
        <v>13137.0</v>
      </c>
      <c r="C11010" s="1" t="s">
        <v>5</v>
      </c>
      <c r="D11010" s="1" t="s">
        <v>9371</v>
      </c>
      <c r="E11010" s="1" t="s">
        <v>9372</v>
      </c>
    </row>
    <row r="11011">
      <c r="A11011" s="1">
        <v>4.90482203E8</v>
      </c>
      <c r="B11011" s="2">
        <v>13197.0</v>
      </c>
      <c r="C11011" s="1" t="s">
        <v>5</v>
      </c>
      <c r="D11011" s="1" t="s">
        <v>9373</v>
      </c>
      <c r="E11011" s="1" t="s">
        <v>11</v>
      </c>
    </row>
    <row r="11012">
      <c r="A11012" s="1">
        <v>4.90482209E8</v>
      </c>
      <c r="B11012" s="2">
        <v>13197.0</v>
      </c>
      <c r="C11012" s="1" t="s">
        <v>5</v>
      </c>
      <c r="D11012" s="1" t="s">
        <v>9374</v>
      </c>
      <c r="E11012" s="1" t="s">
        <v>9375</v>
      </c>
    </row>
    <row r="11013">
      <c r="A11013" s="1">
        <v>4.90482234E8</v>
      </c>
      <c r="B11013" s="2">
        <v>13153.0</v>
      </c>
      <c r="C11013" s="1" t="s">
        <v>5</v>
      </c>
      <c r="D11013" s="1" t="s">
        <v>11</v>
      </c>
      <c r="E11013" s="1" t="s">
        <v>7</v>
      </c>
    </row>
    <row r="11014">
      <c r="A11014" s="1">
        <v>4.90482239E8</v>
      </c>
      <c r="B11014" s="2">
        <v>13193.0</v>
      </c>
      <c r="C11014" s="1" t="s">
        <v>5</v>
      </c>
      <c r="D11014" s="1" t="s">
        <v>9376</v>
      </c>
      <c r="E11014" s="1" t="s">
        <v>7</v>
      </c>
    </row>
    <row r="11015">
      <c r="A11015" s="1">
        <v>4.9048224E8</v>
      </c>
      <c r="B11015" s="2">
        <v>13137.0</v>
      </c>
      <c r="C11015" s="1" t="s">
        <v>5</v>
      </c>
      <c r="D11015" s="1" t="s">
        <v>11</v>
      </c>
      <c r="E11015" s="1" t="s">
        <v>7</v>
      </c>
    </row>
    <row r="11016">
      <c r="A11016" s="1">
        <v>4.90482257E8</v>
      </c>
      <c r="B11016" s="2">
        <v>13131.0</v>
      </c>
      <c r="C11016" s="1" t="s">
        <v>5</v>
      </c>
      <c r="D11016" s="1" t="s">
        <v>9377</v>
      </c>
      <c r="E11016" s="1" t="s">
        <v>9378</v>
      </c>
    </row>
    <row r="11017">
      <c r="A11017" s="1">
        <v>4.90482272E8</v>
      </c>
      <c r="B11017" s="2">
        <v>13194.0</v>
      </c>
      <c r="C11017" s="1" t="s">
        <v>5</v>
      </c>
      <c r="D11017" s="1" t="s">
        <v>11</v>
      </c>
      <c r="E11017" s="1" t="s">
        <v>7</v>
      </c>
    </row>
    <row r="11018">
      <c r="A11018" s="1">
        <v>4.90482306E8</v>
      </c>
      <c r="B11018" s="2">
        <v>13172.0</v>
      </c>
      <c r="C11018" s="1" t="s">
        <v>5</v>
      </c>
      <c r="D11018" s="1" t="s">
        <v>9379</v>
      </c>
      <c r="E11018" s="1" t="s">
        <v>11</v>
      </c>
    </row>
    <row r="11019">
      <c r="A11019" s="1">
        <v>4.90482318E8</v>
      </c>
      <c r="B11019" s="2">
        <v>13119.0</v>
      </c>
      <c r="C11019" s="1" t="s">
        <v>5</v>
      </c>
      <c r="D11019" s="1" t="s">
        <v>9380</v>
      </c>
      <c r="E11019" s="1" t="s">
        <v>7</v>
      </c>
    </row>
    <row r="11020">
      <c r="A11020" s="1">
        <v>4.90482342E8</v>
      </c>
      <c r="B11020" s="2">
        <v>13134.0</v>
      </c>
      <c r="C11020" s="1" t="s">
        <v>5</v>
      </c>
      <c r="D11020" s="1" t="s">
        <v>11</v>
      </c>
      <c r="E11020" s="1" t="s">
        <v>7</v>
      </c>
    </row>
    <row r="11021">
      <c r="A11021" s="1">
        <v>4.90482351E8</v>
      </c>
      <c r="B11021" s="2">
        <v>13122.0</v>
      </c>
      <c r="C11021" s="1" t="s">
        <v>5</v>
      </c>
      <c r="D11021" s="1" t="s">
        <v>9381</v>
      </c>
      <c r="E11021" s="1" t="s">
        <v>7</v>
      </c>
    </row>
    <row r="11022">
      <c r="A11022" s="1">
        <v>4.90482363E8</v>
      </c>
      <c r="B11022" s="2">
        <v>13136.0</v>
      </c>
      <c r="C11022" s="1" t="s">
        <v>5</v>
      </c>
      <c r="D11022" s="1" t="s">
        <v>9382</v>
      </c>
      <c r="E11022" s="1" t="s">
        <v>7</v>
      </c>
    </row>
    <row r="11023">
      <c r="A11023" s="1">
        <v>4.90482374E8</v>
      </c>
      <c r="B11023" s="2">
        <v>13270.0</v>
      </c>
      <c r="C11023" s="1" t="s">
        <v>5</v>
      </c>
      <c r="D11023" s="1" t="s">
        <v>9383</v>
      </c>
      <c r="E11023" s="1" t="s">
        <v>9384</v>
      </c>
    </row>
    <row r="11024">
      <c r="A11024" s="1">
        <v>4.90482379E8</v>
      </c>
      <c r="B11024" s="2">
        <v>13171.0</v>
      </c>
      <c r="C11024" s="1" t="s">
        <v>5</v>
      </c>
      <c r="D11024" s="1" t="s">
        <v>9385</v>
      </c>
      <c r="E11024" s="1" t="s">
        <v>7</v>
      </c>
    </row>
    <row r="11025">
      <c r="A11025" s="1">
        <v>4.90482416E8</v>
      </c>
      <c r="B11025" s="2">
        <v>13231.0</v>
      </c>
      <c r="C11025" s="1" t="s">
        <v>5</v>
      </c>
      <c r="D11025" s="1" t="s">
        <v>11</v>
      </c>
      <c r="E11025" s="1" t="s">
        <v>7</v>
      </c>
    </row>
    <row r="11026">
      <c r="A11026" s="1">
        <v>4.90482421E8</v>
      </c>
      <c r="B11026" s="2">
        <v>13193.0</v>
      </c>
      <c r="C11026" s="1" t="s">
        <v>5</v>
      </c>
      <c r="D11026" s="1" t="s">
        <v>9386</v>
      </c>
      <c r="E11026" s="1" t="s">
        <v>7</v>
      </c>
    </row>
    <row r="11027">
      <c r="A11027" s="1">
        <v>4.90482422E8</v>
      </c>
      <c r="B11027" s="2">
        <v>13205.0</v>
      </c>
      <c r="C11027" s="1" t="s">
        <v>5</v>
      </c>
      <c r="D11027" s="1" t="s">
        <v>9387</v>
      </c>
      <c r="E11027" s="1" t="s">
        <v>7</v>
      </c>
    </row>
    <row r="11028">
      <c r="A11028" s="1">
        <v>4.90482437E8</v>
      </c>
      <c r="B11028" s="2">
        <v>13142.0</v>
      </c>
      <c r="C11028" s="1" t="s">
        <v>5</v>
      </c>
      <c r="D11028" s="1" t="s">
        <v>11</v>
      </c>
      <c r="E11028" s="1" t="s">
        <v>7</v>
      </c>
    </row>
    <row r="11029">
      <c r="A11029" s="1">
        <v>4.90482441E8</v>
      </c>
      <c r="B11029" s="2">
        <v>13119.0</v>
      </c>
      <c r="C11029" s="1" t="s">
        <v>5</v>
      </c>
      <c r="D11029" s="1" t="s">
        <v>11</v>
      </c>
      <c r="E11029" s="1" t="s">
        <v>7</v>
      </c>
    </row>
    <row r="11030">
      <c r="A11030" s="1">
        <v>4.90482473E8</v>
      </c>
      <c r="B11030" s="2">
        <v>13192.0</v>
      </c>
      <c r="C11030" s="1" t="s">
        <v>5</v>
      </c>
      <c r="D11030" s="1" t="s">
        <v>9388</v>
      </c>
      <c r="E11030" s="1" t="s">
        <v>7</v>
      </c>
    </row>
    <row r="11031">
      <c r="A11031" s="1">
        <v>4.90482522E8</v>
      </c>
      <c r="B11031" s="2">
        <v>13191.0</v>
      </c>
      <c r="C11031" s="1" t="s">
        <v>5</v>
      </c>
      <c r="D11031" s="1" t="s">
        <v>9389</v>
      </c>
      <c r="E11031" s="1" t="s">
        <v>7</v>
      </c>
    </row>
    <row r="11032">
      <c r="A11032" s="1">
        <v>4.90482557E8</v>
      </c>
      <c r="B11032" s="2">
        <v>13119.0</v>
      </c>
      <c r="C11032" s="1" t="s">
        <v>5</v>
      </c>
      <c r="D11032" s="1" t="s">
        <v>9390</v>
      </c>
      <c r="E11032" s="1" t="s">
        <v>7</v>
      </c>
    </row>
    <row r="11033">
      <c r="A11033" s="1">
        <v>4.90482586E8</v>
      </c>
      <c r="B11033" s="2">
        <v>13206.0</v>
      </c>
      <c r="C11033" s="1" t="s">
        <v>5</v>
      </c>
      <c r="D11033" s="1" t="s">
        <v>9391</v>
      </c>
      <c r="E11033" s="1" t="s">
        <v>11</v>
      </c>
    </row>
    <row r="11034">
      <c r="A11034" s="1">
        <v>4.90482592E8</v>
      </c>
      <c r="B11034" s="2">
        <v>13270.0</v>
      </c>
      <c r="C11034" s="1" t="s">
        <v>5</v>
      </c>
      <c r="D11034" s="1" t="s">
        <v>9392</v>
      </c>
      <c r="E11034" s="1" t="s">
        <v>7</v>
      </c>
    </row>
    <row r="11035">
      <c r="A11035" s="1">
        <v>4.90482615E8</v>
      </c>
      <c r="B11035" s="2">
        <v>13192.0</v>
      </c>
      <c r="C11035" s="1" t="s">
        <v>5</v>
      </c>
      <c r="D11035" s="1" t="s">
        <v>9393</v>
      </c>
      <c r="E11035" s="1" t="s">
        <v>7</v>
      </c>
    </row>
    <row r="11036">
      <c r="A11036" s="1">
        <v>4.90482644E8</v>
      </c>
      <c r="B11036" s="2">
        <v>13196.0</v>
      </c>
      <c r="C11036" s="1" t="s">
        <v>5</v>
      </c>
      <c r="D11036" s="1" t="s">
        <v>9394</v>
      </c>
      <c r="E11036" s="1" t="s">
        <v>11</v>
      </c>
    </row>
    <row r="11037">
      <c r="A11037" s="1">
        <v>4.90482683E8</v>
      </c>
      <c r="B11037" s="2">
        <v>13270.0</v>
      </c>
      <c r="C11037" s="1" t="s">
        <v>5</v>
      </c>
      <c r="D11037" s="1" t="s">
        <v>9395</v>
      </c>
      <c r="E11037" s="1" t="s">
        <v>7</v>
      </c>
    </row>
    <row r="11038">
      <c r="A11038" s="1">
        <v>4.90482701E8</v>
      </c>
      <c r="B11038" s="2">
        <v>13196.0</v>
      </c>
      <c r="C11038" s="1" t="s">
        <v>5</v>
      </c>
      <c r="D11038" s="1" t="s">
        <v>9396</v>
      </c>
      <c r="E11038" s="1" t="s">
        <v>7</v>
      </c>
    </row>
    <row r="11039">
      <c r="A11039" s="1">
        <v>4.90482719E8</v>
      </c>
      <c r="B11039" s="2">
        <v>13119.0</v>
      </c>
      <c r="C11039" s="1" t="s">
        <v>5</v>
      </c>
      <c r="D11039" s="1" t="s">
        <v>9397</v>
      </c>
      <c r="E11039" s="1" t="s">
        <v>7</v>
      </c>
    </row>
    <row r="11040">
      <c r="A11040" s="1">
        <v>4.90482729E8</v>
      </c>
      <c r="B11040" s="2">
        <v>13135.0</v>
      </c>
      <c r="C11040" s="1" t="s">
        <v>5</v>
      </c>
      <c r="D11040" s="1" t="s">
        <v>9398</v>
      </c>
      <c r="E11040" s="1" t="s">
        <v>7</v>
      </c>
    </row>
    <row r="11041">
      <c r="A11041" s="1">
        <v>4.90482797E8</v>
      </c>
      <c r="B11041" s="2">
        <v>13191.0</v>
      </c>
      <c r="C11041" s="1" t="s">
        <v>5</v>
      </c>
      <c r="D11041" s="1" t="s">
        <v>9399</v>
      </c>
      <c r="E11041" s="1" t="s">
        <v>7</v>
      </c>
    </row>
    <row r="11042">
      <c r="A11042" s="1">
        <v>4.90482816E8</v>
      </c>
      <c r="B11042" s="2">
        <v>13140.0</v>
      </c>
      <c r="C11042" s="1" t="s">
        <v>5</v>
      </c>
      <c r="D11042" s="1" t="s">
        <v>11</v>
      </c>
      <c r="E11042" s="1" t="s">
        <v>7</v>
      </c>
    </row>
    <row r="11043">
      <c r="A11043" s="1">
        <v>4.90482824E8</v>
      </c>
      <c r="B11043" s="2">
        <v>13262.0</v>
      </c>
      <c r="C11043" s="1" t="s">
        <v>5</v>
      </c>
      <c r="D11043" s="1" t="s">
        <v>9400</v>
      </c>
      <c r="E11043" s="1" t="s">
        <v>7</v>
      </c>
    </row>
    <row r="11044">
      <c r="A11044" s="1">
        <v>4.90482856E8</v>
      </c>
      <c r="B11044" s="2">
        <v>13121.0</v>
      </c>
      <c r="C11044" s="1" t="s">
        <v>5</v>
      </c>
      <c r="D11044" s="1" t="s">
        <v>11</v>
      </c>
      <c r="E11044" s="1" t="s">
        <v>7</v>
      </c>
    </row>
    <row r="11045">
      <c r="A11045" s="1">
        <v>4.90482881E8</v>
      </c>
      <c r="B11045" s="2">
        <v>13140.0</v>
      </c>
      <c r="C11045" s="1" t="s">
        <v>5</v>
      </c>
      <c r="D11045" s="1" t="s">
        <v>9401</v>
      </c>
      <c r="E11045" s="1" t="s">
        <v>7</v>
      </c>
    </row>
    <row r="11046">
      <c r="A11046" s="1">
        <v>4.90482885E8</v>
      </c>
      <c r="B11046" s="2">
        <v>13204.0</v>
      </c>
      <c r="C11046" s="1" t="s">
        <v>5</v>
      </c>
      <c r="D11046" s="1" t="s">
        <v>11</v>
      </c>
      <c r="E11046" s="1" t="s">
        <v>7</v>
      </c>
    </row>
    <row r="11047">
      <c r="A11047" s="1">
        <v>4.90482892E8</v>
      </c>
      <c r="B11047" s="2">
        <v>13192.0</v>
      </c>
      <c r="C11047" s="1" t="s">
        <v>5</v>
      </c>
      <c r="D11047" s="1" t="s">
        <v>9402</v>
      </c>
      <c r="E11047" s="1" t="s">
        <v>9403</v>
      </c>
    </row>
    <row r="11048">
      <c r="A11048" s="1">
        <v>4.9048292E8</v>
      </c>
      <c r="B11048" s="2">
        <v>13133.0</v>
      </c>
      <c r="C11048" s="1" t="s">
        <v>5</v>
      </c>
      <c r="D11048" s="1" t="s">
        <v>9404</v>
      </c>
      <c r="E11048" s="1" t="s">
        <v>7</v>
      </c>
    </row>
    <row r="11049">
      <c r="A11049" s="1">
        <v>4.90482952E8</v>
      </c>
      <c r="B11049" s="2">
        <v>13229.0</v>
      </c>
      <c r="C11049" s="1" t="s">
        <v>5</v>
      </c>
      <c r="D11049" s="1" t="s">
        <v>9405</v>
      </c>
      <c r="E11049" s="1" t="s">
        <v>11</v>
      </c>
    </row>
    <row r="11050">
      <c r="A11050" s="1">
        <v>4.90482953E8</v>
      </c>
      <c r="B11050" s="2">
        <v>13177.0</v>
      </c>
      <c r="C11050" s="1" t="s">
        <v>5</v>
      </c>
      <c r="D11050" s="1" t="s">
        <v>9406</v>
      </c>
      <c r="E11050" s="1" t="s">
        <v>11</v>
      </c>
    </row>
    <row r="11051">
      <c r="A11051" s="1">
        <v>4.90483026E8</v>
      </c>
      <c r="B11051" s="2">
        <v>13195.0</v>
      </c>
      <c r="C11051" s="1" t="s">
        <v>5</v>
      </c>
      <c r="D11051" s="1" t="s">
        <v>9407</v>
      </c>
      <c r="E11051" s="1" t="s">
        <v>11</v>
      </c>
    </row>
    <row r="11052">
      <c r="A11052" s="1">
        <v>4.90483032E8</v>
      </c>
      <c r="B11052" s="2">
        <v>13134.0</v>
      </c>
      <c r="C11052" s="1" t="s">
        <v>5</v>
      </c>
      <c r="D11052" s="1" t="s">
        <v>9408</v>
      </c>
      <c r="E11052" s="1" t="s">
        <v>11</v>
      </c>
    </row>
    <row r="11053">
      <c r="A11053" s="1">
        <v>4.90483039E8</v>
      </c>
      <c r="B11053" s="2">
        <v>13177.0</v>
      </c>
      <c r="C11053" s="1" t="s">
        <v>5</v>
      </c>
      <c r="D11053" s="1" t="s">
        <v>9409</v>
      </c>
      <c r="E11053" s="1" t="s">
        <v>7</v>
      </c>
    </row>
    <row r="11054">
      <c r="A11054" s="1">
        <v>4.90483051E8</v>
      </c>
      <c r="B11054" s="2">
        <v>13262.0</v>
      </c>
      <c r="C11054" s="1" t="s">
        <v>5</v>
      </c>
      <c r="D11054" s="1" t="s">
        <v>9410</v>
      </c>
      <c r="E11054" s="1" t="s">
        <v>11</v>
      </c>
    </row>
    <row r="11055">
      <c r="A11055" s="1">
        <v>4.90483071E8</v>
      </c>
      <c r="B11055" s="2">
        <v>13193.0</v>
      </c>
      <c r="C11055" s="1" t="s">
        <v>5</v>
      </c>
      <c r="D11055" s="1" t="s">
        <v>9411</v>
      </c>
      <c r="E11055" s="1" t="s">
        <v>7</v>
      </c>
    </row>
    <row r="11056">
      <c r="A11056" s="1">
        <v>4.9048308E8</v>
      </c>
      <c r="B11056" s="2">
        <v>13255.0</v>
      </c>
      <c r="C11056" s="1" t="s">
        <v>5</v>
      </c>
      <c r="D11056" s="1" t="s">
        <v>9412</v>
      </c>
      <c r="E11056" s="1" t="s">
        <v>7</v>
      </c>
    </row>
    <row r="11057">
      <c r="A11057" s="1">
        <v>4.90483099E8</v>
      </c>
      <c r="B11057" s="2">
        <v>13254.0</v>
      </c>
      <c r="C11057" s="1" t="s">
        <v>5</v>
      </c>
      <c r="D11057" s="1" t="s">
        <v>9413</v>
      </c>
      <c r="E11057" s="1" t="s">
        <v>7</v>
      </c>
    </row>
    <row r="11058">
      <c r="A11058" s="1">
        <v>4.90483114E8</v>
      </c>
      <c r="B11058" s="2">
        <v>13176.0</v>
      </c>
      <c r="C11058" s="1" t="s">
        <v>5</v>
      </c>
      <c r="D11058" s="1" t="s">
        <v>9414</v>
      </c>
      <c r="E11058" s="1" t="s">
        <v>7</v>
      </c>
    </row>
    <row r="11059">
      <c r="A11059" s="1">
        <v>4.90483121E8</v>
      </c>
      <c r="B11059" s="2">
        <v>13127.0</v>
      </c>
      <c r="C11059" s="1" t="s">
        <v>5</v>
      </c>
      <c r="D11059" s="1" t="s">
        <v>9415</v>
      </c>
      <c r="E11059" s="1" t="s">
        <v>11</v>
      </c>
    </row>
    <row r="11060">
      <c r="A11060" s="1">
        <v>4.90483136E8</v>
      </c>
      <c r="B11060" s="2">
        <v>13193.0</v>
      </c>
      <c r="C11060" s="1" t="s">
        <v>5</v>
      </c>
      <c r="D11060" s="1" t="s">
        <v>9416</v>
      </c>
      <c r="E11060" s="1" t="s">
        <v>7</v>
      </c>
    </row>
    <row r="11061">
      <c r="A11061" s="1">
        <v>4.9048314E8</v>
      </c>
      <c r="B11061" s="2">
        <v>13209.0</v>
      </c>
      <c r="C11061" s="1" t="s">
        <v>5</v>
      </c>
      <c r="D11061" s="1" t="s">
        <v>9417</v>
      </c>
      <c r="E11061" s="1" t="s">
        <v>7</v>
      </c>
    </row>
    <row r="11062">
      <c r="A11062" s="1">
        <v>4.90483179E8</v>
      </c>
      <c r="B11062" s="2">
        <v>13095.0</v>
      </c>
      <c r="C11062" s="1" t="s">
        <v>5</v>
      </c>
      <c r="D11062" s="1" t="s">
        <v>11</v>
      </c>
      <c r="E11062" s="1" t="s">
        <v>7</v>
      </c>
    </row>
    <row r="11063">
      <c r="A11063" s="1">
        <v>4.90483183E8</v>
      </c>
      <c r="B11063" s="2">
        <v>13200.0</v>
      </c>
      <c r="C11063" s="1" t="s">
        <v>5</v>
      </c>
      <c r="D11063" s="1" t="s">
        <v>9418</v>
      </c>
      <c r="E11063" s="1" t="s">
        <v>7</v>
      </c>
    </row>
    <row r="11064">
      <c r="A11064" s="1">
        <v>4.90483187E8</v>
      </c>
      <c r="B11064" s="2">
        <v>13139.0</v>
      </c>
      <c r="C11064" s="1" t="s">
        <v>5</v>
      </c>
      <c r="D11064" s="1" t="s">
        <v>9419</v>
      </c>
      <c r="E11064" s="1" t="s">
        <v>11</v>
      </c>
    </row>
    <row r="11065">
      <c r="A11065" s="1">
        <v>4.90483189E8</v>
      </c>
      <c r="B11065" s="2">
        <v>13190.0</v>
      </c>
      <c r="C11065" s="1" t="s">
        <v>5</v>
      </c>
      <c r="D11065" s="1" t="s">
        <v>9420</v>
      </c>
      <c r="E11065" s="1" t="s">
        <v>7</v>
      </c>
    </row>
    <row r="11066">
      <c r="A11066" s="1">
        <v>4.90483195E8</v>
      </c>
      <c r="B11066" s="2">
        <v>13191.0</v>
      </c>
      <c r="C11066" s="1" t="s">
        <v>5</v>
      </c>
      <c r="D11066" s="1" t="s">
        <v>9421</v>
      </c>
      <c r="E11066" s="1" t="s">
        <v>11</v>
      </c>
    </row>
    <row r="11067">
      <c r="A11067" s="1">
        <v>4.9048321E8</v>
      </c>
      <c r="B11067" s="2">
        <v>13205.0</v>
      </c>
      <c r="C11067" s="1" t="s">
        <v>5</v>
      </c>
      <c r="D11067" s="1" t="s">
        <v>11</v>
      </c>
      <c r="E11067" s="1" t="s">
        <v>7</v>
      </c>
    </row>
    <row r="11068">
      <c r="A11068" s="1">
        <v>4.9048322E8</v>
      </c>
      <c r="B11068" s="2">
        <v>13139.0</v>
      </c>
      <c r="C11068" s="1" t="s">
        <v>5</v>
      </c>
      <c r="D11068" s="1" t="s">
        <v>9422</v>
      </c>
      <c r="E11068" s="1" t="s">
        <v>7</v>
      </c>
    </row>
    <row r="11069">
      <c r="A11069" s="1">
        <v>4.90483233E8</v>
      </c>
      <c r="B11069" s="2">
        <v>13255.0</v>
      </c>
      <c r="C11069" s="1" t="s">
        <v>5</v>
      </c>
      <c r="D11069" s="1" t="s">
        <v>11</v>
      </c>
      <c r="E11069" s="1" t="s">
        <v>7</v>
      </c>
    </row>
    <row r="11070">
      <c r="A11070" s="1">
        <v>4.90483252E8</v>
      </c>
      <c r="B11070" s="2">
        <v>13135.0</v>
      </c>
      <c r="C11070" s="1" t="s">
        <v>5</v>
      </c>
      <c r="D11070" s="1" t="s">
        <v>9423</v>
      </c>
      <c r="E11070" s="1" t="s">
        <v>7</v>
      </c>
    </row>
    <row r="11071">
      <c r="A11071" s="1">
        <v>4.90483259E8</v>
      </c>
      <c r="B11071" s="2">
        <v>13178.0</v>
      </c>
      <c r="C11071" s="1" t="s">
        <v>5</v>
      </c>
      <c r="D11071" s="1" t="s">
        <v>11</v>
      </c>
      <c r="E11071" s="1" t="s">
        <v>7</v>
      </c>
    </row>
    <row r="11072">
      <c r="A11072" s="1">
        <v>4.90483262E8</v>
      </c>
      <c r="B11072" s="2">
        <v>13138.0</v>
      </c>
      <c r="C11072" s="1" t="s">
        <v>5</v>
      </c>
      <c r="D11072" s="1" t="s">
        <v>11</v>
      </c>
      <c r="E11072" s="1" t="s">
        <v>7</v>
      </c>
    </row>
    <row r="11073">
      <c r="A11073" s="1">
        <v>4.90483277E8</v>
      </c>
      <c r="B11073" s="2">
        <v>13270.0</v>
      </c>
      <c r="C11073" s="1" t="s">
        <v>5</v>
      </c>
      <c r="D11073" s="1" t="s">
        <v>11</v>
      </c>
      <c r="E11073" s="1" t="s">
        <v>7</v>
      </c>
    </row>
    <row r="11074">
      <c r="A11074" s="1">
        <v>4.9048328E8</v>
      </c>
      <c r="B11074" s="2">
        <v>13190.0</v>
      </c>
      <c r="C11074" s="1" t="s">
        <v>5</v>
      </c>
      <c r="D11074" s="1" t="s">
        <v>9424</v>
      </c>
      <c r="E11074" s="1" t="s">
        <v>11</v>
      </c>
    </row>
    <row r="11075">
      <c r="A11075" s="1">
        <v>4.90483281E8</v>
      </c>
      <c r="B11075" s="2">
        <v>13270.0</v>
      </c>
      <c r="C11075" s="1" t="s">
        <v>5</v>
      </c>
      <c r="D11075" s="1" t="s">
        <v>11</v>
      </c>
      <c r="E11075" s="1" t="s">
        <v>7</v>
      </c>
    </row>
    <row r="11076">
      <c r="A11076" s="1">
        <v>4.9048329E8</v>
      </c>
      <c r="B11076" s="2">
        <v>13253.0</v>
      </c>
      <c r="C11076" s="1" t="s">
        <v>5</v>
      </c>
      <c r="D11076" s="1" t="s">
        <v>9425</v>
      </c>
      <c r="E11076" s="1" t="s">
        <v>9426</v>
      </c>
    </row>
    <row r="11077">
      <c r="A11077" s="1">
        <v>4.90483296E8</v>
      </c>
      <c r="B11077" s="2">
        <v>13095.0</v>
      </c>
      <c r="C11077" s="1" t="s">
        <v>5</v>
      </c>
      <c r="D11077" s="1" t="s">
        <v>9427</v>
      </c>
      <c r="E11077" s="1" t="s">
        <v>7</v>
      </c>
    </row>
    <row r="11078">
      <c r="A11078" s="1">
        <v>4.90483333E8</v>
      </c>
      <c r="B11078" s="2">
        <v>13196.0</v>
      </c>
      <c r="C11078" s="1" t="s">
        <v>5</v>
      </c>
      <c r="D11078" s="1" t="s">
        <v>11</v>
      </c>
      <c r="E11078" s="1" t="s">
        <v>7</v>
      </c>
    </row>
    <row r="11079">
      <c r="A11079" s="1">
        <v>4.90483375E8</v>
      </c>
      <c r="B11079" s="2">
        <v>13255.0</v>
      </c>
      <c r="C11079" s="1" t="s">
        <v>5</v>
      </c>
      <c r="D11079" s="1" t="s">
        <v>9428</v>
      </c>
      <c r="E11079" s="1" t="s">
        <v>7</v>
      </c>
    </row>
    <row r="11080">
      <c r="A11080" s="1">
        <v>4.90483382E8</v>
      </c>
      <c r="B11080" s="2">
        <v>13192.0</v>
      </c>
      <c r="C11080" s="1" t="s">
        <v>5</v>
      </c>
      <c r="D11080" s="1" t="s">
        <v>11</v>
      </c>
      <c r="E11080" s="1" t="s">
        <v>7</v>
      </c>
    </row>
    <row r="11081">
      <c r="A11081" s="1">
        <v>4.90483392E8</v>
      </c>
      <c r="B11081" s="2">
        <v>13255.0</v>
      </c>
      <c r="C11081" s="1" t="s">
        <v>5</v>
      </c>
      <c r="D11081" s="1" t="s">
        <v>9429</v>
      </c>
      <c r="E11081" s="1" t="s">
        <v>11</v>
      </c>
    </row>
    <row r="11082">
      <c r="A11082" s="1">
        <v>4.9048341E8</v>
      </c>
      <c r="B11082" s="2">
        <v>13177.0</v>
      </c>
      <c r="C11082" s="1" t="s">
        <v>5</v>
      </c>
      <c r="D11082" s="1" t="s">
        <v>9430</v>
      </c>
      <c r="E11082" s="1" t="s">
        <v>11</v>
      </c>
    </row>
    <row r="11083">
      <c r="A11083" s="1">
        <v>4.90483427E8</v>
      </c>
      <c r="B11083" s="2">
        <v>13255.0</v>
      </c>
      <c r="C11083" s="1" t="s">
        <v>5</v>
      </c>
      <c r="D11083" s="1" t="s">
        <v>11</v>
      </c>
      <c r="E11083" s="1" t="s">
        <v>7</v>
      </c>
    </row>
    <row r="11084">
      <c r="A11084" s="1">
        <v>4.90483466E8</v>
      </c>
      <c r="B11084" s="2">
        <v>13184.0</v>
      </c>
      <c r="C11084" s="1" t="s">
        <v>5</v>
      </c>
      <c r="D11084" s="1" t="s">
        <v>9431</v>
      </c>
      <c r="E11084" s="1" t="s">
        <v>9432</v>
      </c>
    </row>
    <row r="11085">
      <c r="A11085" s="1">
        <v>4.90483484E8</v>
      </c>
      <c r="B11085" s="2">
        <v>13255.0</v>
      </c>
      <c r="C11085" s="1" t="s">
        <v>5</v>
      </c>
      <c r="D11085" s="1" t="s">
        <v>11</v>
      </c>
      <c r="E11085" s="1" t="s">
        <v>7</v>
      </c>
    </row>
    <row r="11086">
      <c r="A11086" s="1">
        <v>4.90483489E8</v>
      </c>
      <c r="B11086" s="2">
        <v>13184.0</v>
      </c>
      <c r="C11086" s="1" t="s">
        <v>5</v>
      </c>
      <c r="D11086" s="1" t="s">
        <v>9433</v>
      </c>
      <c r="E11086" s="1" t="s">
        <v>11</v>
      </c>
    </row>
    <row r="11087">
      <c r="A11087" s="1">
        <v>4.90483507E8</v>
      </c>
      <c r="B11087" s="2">
        <v>13190.0</v>
      </c>
      <c r="C11087" s="1" t="s">
        <v>5</v>
      </c>
      <c r="D11087" s="1" t="s">
        <v>9434</v>
      </c>
      <c r="E11087" s="1" t="s">
        <v>7</v>
      </c>
    </row>
    <row r="11088">
      <c r="A11088" s="1">
        <v>4.90483534E8</v>
      </c>
      <c r="B11088" s="2">
        <v>13253.0</v>
      </c>
      <c r="C11088" s="1" t="s">
        <v>5</v>
      </c>
      <c r="D11088" s="1" t="s">
        <v>9435</v>
      </c>
      <c r="E11088" s="1" t="s">
        <v>7</v>
      </c>
    </row>
    <row r="11089">
      <c r="A11089" s="1">
        <v>4.90483537E8</v>
      </c>
      <c r="B11089" s="2">
        <v>13225.0</v>
      </c>
      <c r="C11089" s="1" t="s">
        <v>5</v>
      </c>
      <c r="D11089" s="1" t="s">
        <v>11</v>
      </c>
      <c r="E11089" s="1" t="s">
        <v>7</v>
      </c>
    </row>
    <row r="11090">
      <c r="A11090" s="1">
        <v>4.90483609E8</v>
      </c>
      <c r="B11090" s="2">
        <v>13252.0</v>
      </c>
      <c r="C11090" s="1" t="s">
        <v>5</v>
      </c>
      <c r="D11090" s="1" t="s">
        <v>9436</v>
      </c>
      <c r="E11090" s="1" t="s">
        <v>7</v>
      </c>
    </row>
    <row r="11091">
      <c r="A11091" s="1">
        <v>4.90483614E8</v>
      </c>
      <c r="B11091" s="2">
        <v>13201.0</v>
      </c>
      <c r="C11091" s="1" t="s">
        <v>5</v>
      </c>
      <c r="D11091" s="1" t="s">
        <v>9437</v>
      </c>
      <c r="E11091" s="1" t="s">
        <v>7</v>
      </c>
    </row>
    <row r="11092">
      <c r="A11092" s="1">
        <v>4.90483621E8</v>
      </c>
      <c r="B11092" s="2">
        <v>13176.0</v>
      </c>
      <c r="C11092" s="1" t="s">
        <v>5</v>
      </c>
      <c r="D11092" s="1" t="s">
        <v>9438</v>
      </c>
      <c r="E11092" s="1" t="s">
        <v>7</v>
      </c>
    </row>
    <row r="11093">
      <c r="A11093" s="1">
        <v>4.90483626E8</v>
      </c>
      <c r="B11093" s="2">
        <v>13198.0</v>
      </c>
      <c r="C11093" s="1" t="s">
        <v>5</v>
      </c>
      <c r="D11093" s="1" t="s">
        <v>9439</v>
      </c>
      <c r="E11093" s="1" t="s">
        <v>7</v>
      </c>
    </row>
    <row r="11094">
      <c r="A11094" s="1">
        <v>4.90483629E8</v>
      </c>
      <c r="B11094" s="2">
        <v>13132.0</v>
      </c>
      <c r="C11094" s="1" t="s">
        <v>5</v>
      </c>
      <c r="D11094" s="1" t="s">
        <v>9440</v>
      </c>
      <c r="E11094" s="1" t="s">
        <v>7</v>
      </c>
    </row>
    <row r="11095">
      <c r="A11095" s="1">
        <v>4.90483657E8</v>
      </c>
      <c r="B11095" s="2">
        <v>13261.0</v>
      </c>
      <c r="C11095" s="1" t="s">
        <v>5</v>
      </c>
      <c r="D11095" s="1" t="s">
        <v>9441</v>
      </c>
      <c r="E11095" s="1" t="s">
        <v>7</v>
      </c>
    </row>
    <row r="11096">
      <c r="A11096" s="1">
        <v>4.90483667E8</v>
      </c>
      <c r="B11096" s="2">
        <v>13206.0</v>
      </c>
      <c r="C11096" s="1" t="s">
        <v>5</v>
      </c>
      <c r="D11096" s="1" t="s">
        <v>9442</v>
      </c>
      <c r="E11096" s="1" t="s">
        <v>7</v>
      </c>
    </row>
    <row r="11097">
      <c r="A11097" s="1">
        <v>4.90483679E8</v>
      </c>
      <c r="B11097" s="2">
        <v>13224.0</v>
      </c>
      <c r="C11097" s="1" t="s">
        <v>5</v>
      </c>
      <c r="D11097" s="1" t="s">
        <v>9443</v>
      </c>
      <c r="E11097" s="1" t="s">
        <v>7</v>
      </c>
    </row>
    <row r="11098">
      <c r="A11098" s="1">
        <v>4.90483681E8</v>
      </c>
      <c r="B11098" s="2">
        <v>13171.0</v>
      </c>
      <c r="C11098" s="1" t="s">
        <v>5</v>
      </c>
      <c r="D11098" s="1" t="s">
        <v>9444</v>
      </c>
      <c r="E11098" s="1" t="s">
        <v>9445</v>
      </c>
    </row>
    <row r="11099">
      <c r="A11099" s="1">
        <v>4.90483684E8</v>
      </c>
      <c r="B11099" s="2">
        <v>13261.0</v>
      </c>
      <c r="C11099" s="1" t="s">
        <v>5</v>
      </c>
      <c r="D11099" s="1" t="s">
        <v>9446</v>
      </c>
      <c r="E11099" s="1" t="s">
        <v>11</v>
      </c>
    </row>
    <row r="11100">
      <c r="A11100" s="1">
        <v>4.90483701E8</v>
      </c>
      <c r="B11100" s="2">
        <v>13126.0</v>
      </c>
      <c r="C11100" s="1" t="s">
        <v>5</v>
      </c>
      <c r="D11100" s="1" t="s">
        <v>9447</v>
      </c>
      <c r="E11100" s="1" t="s">
        <v>7</v>
      </c>
    </row>
    <row r="11101">
      <c r="A11101" s="1">
        <v>4.90483708E8</v>
      </c>
      <c r="B11101" s="2">
        <v>13092.0</v>
      </c>
      <c r="C11101" s="1" t="s">
        <v>5</v>
      </c>
      <c r="D11101" s="1" t="s">
        <v>9448</v>
      </c>
      <c r="E11101" s="1" t="s">
        <v>9449</v>
      </c>
    </row>
    <row r="11102">
      <c r="A11102" s="1">
        <v>4.90483711E8</v>
      </c>
      <c r="B11102" s="2">
        <v>13189.0</v>
      </c>
      <c r="C11102" s="1" t="s">
        <v>5</v>
      </c>
      <c r="D11102" s="1" t="s">
        <v>9450</v>
      </c>
      <c r="E11102" s="1" t="s">
        <v>7</v>
      </c>
    </row>
    <row r="11103">
      <c r="A11103" s="1">
        <v>4.90483719E8</v>
      </c>
      <c r="B11103" s="2">
        <v>13188.0</v>
      </c>
      <c r="C11103" s="1" t="s">
        <v>5</v>
      </c>
      <c r="D11103" s="1" t="s">
        <v>9451</v>
      </c>
      <c r="E11103" s="1" t="s">
        <v>9452</v>
      </c>
    </row>
    <row r="11104">
      <c r="A11104" s="1">
        <v>4.90483784E8</v>
      </c>
      <c r="B11104" s="2">
        <v>13226.0</v>
      </c>
      <c r="C11104" s="1" t="s">
        <v>5</v>
      </c>
      <c r="D11104" s="1" t="s">
        <v>9453</v>
      </c>
      <c r="E11104" s="1" t="s">
        <v>7</v>
      </c>
    </row>
    <row r="11105">
      <c r="A11105" s="1">
        <v>4.90483791E8</v>
      </c>
      <c r="B11105" s="2">
        <v>13189.0</v>
      </c>
      <c r="C11105" s="1" t="s">
        <v>5</v>
      </c>
      <c r="D11105" s="1" t="s">
        <v>9454</v>
      </c>
      <c r="E11105" s="1" t="s">
        <v>7</v>
      </c>
    </row>
    <row r="11106">
      <c r="A11106" s="1">
        <v>4.90483831E8</v>
      </c>
      <c r="B11106" s="2">
        <v>13092.0</v>
      </c>
      <c r="C11106" s="1" t="s">
        <v>5</v>
      </c>
      <c r="D11106" s="1" t="s">
        <v>9455</v>
      </c>
      <c r="E11106" s="1" t="s">
        <v>7</v>
      </c>
    </row>
    <row r="11107">
      <c r="A11107" s="1">
        <v>4.90483832E8</v>
      </c>
      <c r="B11107" s="2">
        <v>13133.0</v>
      </c>
      <c r="C11107" s="1" t="s">
        <v>5</v>
      </c>
      <c r="D11107" s="1" t="s">
        <v>11</v>
      </c>
      <c r="E11107" s="1" t="s">
        <v>7</v>
      </c>
    </row>
    <row r="11108">
      <c r="A11108" s="1">
        <v>4.90483863E8</v>
      </c>
      <c r="B11108" s="2">
        <v>13203.0</v>
      </c>
      <c r="C11108" s="1" t="s">
        <v>5</v>
      </c>
      <c r="D11108" s="1" t="s">
        <v>11</v>
      </c>
      <c r="E11108" s="1" t="s">
        <v>7</v>
      </c>
    </row>
    <row r="11109">
      <c r="A11109" s="1">
        <v>4.90483867E8</v>
      </c>
      <c r="B11109" s="2">
        <v>13132.0</v>
      </c>
      <c r="C11109" s="1" t="s">
        <v>5</v>
      </c>
      <c r="D11109" s="1" t="s">
        <v>11</v>
      </c>
      <c r="E11109" s="4" t="s">
        <v>9456</v>
      </c>
    </row>
    <row r="11110">
      <c r="A11110" s="1">
        <v>4.90483879E8</v>
      </c>
      <c r="B11110" s="2">
        <v>13261.0</v>
      </c>
      <c r="C11110" s="1" t="s">
        <v>5</v>
      </c>
      <c r="D11110" s="1" t="s">
        <v>9457</v>
      </c>
      <c r="E11110" s="1" t="s">
        <v>7</v>
      </c>
    </row>
    <row r="11111">
      <c r="A11111" s="1">
        <v>4.90483881E8</v>
      </c>
      <c r="B11111" s="2">
        <v>13253.0</v>
      </c>
      <c r="C11111" s="1" t="s">
        <v>5</v>
      </c>
      <c r="D11111" s="1" t="s">
        <v>9458</v>
      </c>
      <c r="E11111" s="1" t="s">
        <v>7</v>
      </c>
    </row>
    <row r="11112">
      <c r="A11112" s="1">
        <v>4.90483908E8</v>
      </c>
      <c r="B11112" s="2">
        <v>13189.0</v>
      </c>
      <c r="C11112" s="1" t="s">
        <v>5</v>
      </c>
      <c r="D11112" s="1" t="s">
        <v>9459</v>
      </c>
      <c r="E11112" s="1" t="s">
        <v>7</v>
      </c>
    </row>
    <row r="11113">
      <c r="A11113" s="1">
        <v>4.90483913E8</v>
      </c>
      <c r="B11113" s="2">
        <v>13191.0</v>
      </c>
      <c r="C11113" s="1" t="s">
        <v>5</v>
      </c>
      <c r="D11113" s="1" t="s">
        <v>9460</v>
      </c>
      <c r="E11113" s="1" t="s">
        <v>7</v>
      </c>
    </row>
    <row r="11114">
      <c r="A11114" s="1">
        <v>4.9048392E8</v>
      </c>
      <c r="B11114" s="2">
        <v>13188.0</v>
      </c>
      <c r="C11114" s="1" t="s">
        <v>5</v>
      </c>
      <c r="D11114" s="1" t="s">
        <v>11</v>
      </c>
      <c r="E11114" s="1" t="s">
        <v>7</v>
      </c>
    </row>
    <row r="11115">
      <c r="A11115" s="1">
        <v>4.90483932E8</v>
      </c>
      <c r="B11115" s="2">
        <v>13189.0</v>
      </c>
      <c r="C11115" s="1" t="s">
        <v>5</v>
      </c>
      <c r="D11115" s="1" t="s">
        <v>9461</v>
      </c>
      <c r="E11115" s="1" t="s">
        <v>7</v>
      </c>
    </row>
    <row r="11116">
      <c r="A11116" s="1">
        <v>4.90483935E8</v>
      </c>
      <c r="B11116" s="2">
        <v>13248.0</v>
      </c>
      <c r="C11116" s="1" t="s">
        <v>5</v>
      </c>
      <c r="D11116" s="1" t="s">
        <v>11</v>
      </c>
      <c r="E11116" s="1" t="s">
        <v>7</v>
      </c>
    </row>
    <row r="11117">
      <c r="A11117" s="1">
        <v>4.90483958E8</v>
      </c>
      <c r="B11117" s="2">
        <v>13254.0</v>
      </c>
      <c r="C11117" s="1" t="s">
        <v>5</v>
      </c>
      <c r="D11117" s="1" t="s">
        <v>9462</v>
      </c>
      <c r="E11117" s="1" t="s">
        <v>7</v>
      </c>
    </row>
    <row r="11118">
      <c r="A11118" s="1">
        <v>4.9048396E8</v>
      </c>
      <c r="B11118" s="2">
        <v>13200.0</v>
      </c>
      <c r="C11118" s="1" t="s">
        <v>5</v>
      </c>
      <c r="D11118" s="1" t="s">
        <v>9463</v>
      </c>
      <c r="E11118" s="1" t="s">
        <v>11</v>
      </c>
    </row>
    <row r="11119">
      <c r="A11119" s="1">
        <v>4.90483994E8</v>
      </c>
      <c r="B11119" s="2">
        <v>13255.0</v>
      </c>
      <c r="C11119" s="1" t="s">
        <v>5</v>
      </c>
      <c r="D11119" s="1" t="s">
        <v>9464</v>
      </c>
      <c r="E11119" s="1" t="s">
        <v>7</v>
      </c>
    </row>
    <row r="11120">
      <c r="A11120" s="1">
        <v>4.90484E8</v>
      </c>
      <c r="B11120" s="2">
        <v>13182.0</v>
      </c>
      <c r="C11120" s="1" t="s">
        <v>5</v>
      </c>
      <c r="D11120" s="1" t="s">
        <v>11</v>
      </c>
      <c r="E11120" s="1" t="s">
        <v>7</v>
      </c>
    </row>
    <row r="11121">
      <c r="A11121" s="1">
        <v>4.90484004E8</v>
      </c>
      <c r="B11121" s="2">
        <v>13190.0</v>
      </c>
      <c r="C11121" s="1" t="s">
        <v>5</v>
      </c>
      <c r="D11121" s="1" t="s">
        <v>9465</v>
      </c>
      <c r="E11121" s="1" t="s">
        <v>9466</v>
      </c>
    </row>
    <row r="11122">
      <c r="A11122" s="1">
        <v>4.90484005E8</v>
      </c>
      <c r="B11122" s="2">
        <v>13130.0</v>
      </c>
      <c r="C11122" s="1" t="s">
        <v>5</v>
      </c>
      <c r="D11122" s="1" t="s">
        <v>9467</v>
      </c>
      <c r="E11122" s="1" t="s">
        <v>9468</v>
      </c>
    </row>
    <row r="11123">
      <c r="A11123" s="1">
        <v>4.90484009E8</v>
      </c>
      <c r="B11123" s="2">
        <v>13169.0</v>
      </c>
      <c r="C11123" s="1" t="s">
        <v>5</v>
      </c>
      <c r="D11123" s="1" t="s">
        <v>9469</v>
      </c>
      <c r="E11123" s="1" t="s">
        <v>7</v>
      </c>
    </row>
    <row r="11124">
      <c r="A11124" s="1">
        <v>4.90484092E8</v>
      </c>
      <c r="B11124" s="2">
        <v>13253.0</v>
      </c>
      <c r="C11124" s="1" t="s">
        <v>5</v>
      </c>
      <c r="D11124" s="1" t="s">
        <v>9470</v>
      </c>
      <c r="E11124" s="1" t="s">
        <v>11</v>
      </c>
    </row>
    <row r="11125">
      <c r="A11125" s="1">
        <v>4.90484093E8</v>
      </c>
      <c r="B11125" s="2">
        <v>13188.0</v>
      </c>
      <c r="C11125" s="1" t="s">
        <v>5</v>
      </c>
      <c r="D11125" s="1" t="s">
        <v>9471</v>
      </c>
      <c r="E11125" s="1" t="s">
        <v>11</v>
      </c>
    </row>
    <row r="11126">
      <c r="A11126" s="1">
        <v>4.904841E8</v>
      </c>
      <c r="B11126" s="2">
        <v>13269.0</v>
      </c>
      <c r="C11126" s="1" t="s">
        <v>5</v>
      </c>
      <c r="D11126" s="1" t="s">
        <v>9472</v>
      </c>
      <c r="E11126" s="1" t="s">
        <v>7</v>
      </c>
    </row>
    <row r="11127">
      <c r="A11127" s="1">
        <v>4.90484101E8</v>
      </c>
      <c r="B11127" s="2">
        <v>13247.0</v>
      </c>
      <c r="C11127" s="1" t="s">
        <v>5</v>
      </c>
      <c r="D11127" s="1" t="s">
        <v>9473</v>
      </c>
      <c r="E11127" s="1" t="s">
        <v>7</v>
      </c>
    </row>
    <row r="11128">
      <c r="A11128" s="1">
        <v>4.90484111E8</v>
      </c>
      <c r="B11128" s="2">
        <v>13203.0</v>
      </c>
      <c r="C11128" s="1" t="s">
        <v>5</v>
      </c>
      <c r="D11128" s="1" t="s">
        <v>9474</v>
      </c>
      <c r="E11128" s="1" t="s">
        <v>7</v>
      </c>
    </row>
    <row r="11129">
      <c r="A11129" s="1">
        <v>4.90484122E8</v>
      </c>
      <c r="B11129" s="2">
        <v>13253.0</v>
      </c>
      <c r="C11129" s="1" t="s">
        <v>5</v>
      </c>
      <c r="D11129" s="1" t="s">
        <v>9475</v>
      </c>
      <c r="E11129" s="1" t="s">
        <v>11</v>
      </c>
    </row>
    <row r="11130">
      <c r="A11130" s="1">
        <v>4.90484125E8</v>
      </c>
      <c r="B11130" s="2">
        <v>13256.0</v>
      </c>
      <c r="C11130" s="1" t="s">
        <v>5</v>
      </c>
      <c r="D11130" s="1" t="s">
        <v>9476</v>
      </c>
      <c r="E11130" s="1" t="s">
        <v>7</v>
      </c>
    </row>
    <row r="11131">
      <c r="A11131" s="1">
        <v>4.9048413E8</v>
      </c>
      <c r="B11131" s="2">
        <v>13188.0</v>
      </c>
      <c r="C11131" s="1" t="s">
        <v>5</v>
      </c>
      <c r="D11131" s="1" t="s">
        <v>11</v>
      </c>
      <c r="E11131" s="1" t="s">
        <v>7</v>
      </c>
    </row>
    <row r="11132">
      <c r="A11132" s="1">
        <v>4.90484197E8</v>
      </c>
      <c r="B11132" s="2">
        <v>13187.0</v>
      </c>
      <c r="C11132" s="1" t="s">
        <v>5</v>
      </c>
      <c r="D11132" s="1" t="s">
        <v>9477</v>
      </c>
      <c r="E11132" s="1" t="s">
        <v>7</v>
      </c>
    </row>
    <row r="11133">
      <c r="A11133" s="1">
        <v>4.90484232E8</v>
      </c>
      <c r="B11133" s="2">
        <v>13248.0</v>
      </c>
      <c r="C11133" s="1" t="s">
        <v>5</v>
      </c>
      <c r="D11133" s="1" t="s">
        <v>9478</v>
      </c>
      <c r="E11133" s="1" t="s">
        <v>7</v>
      </c>
    </row>
    <row r="11134">
      <c r="A11134" s="1">
        <v>4.90484256E8</v>
      </c>
      <c r="B11134" s="2">
        <v>13255.0</v>
      </c>
      <c r="C11134" s="1" t="s">
        <v>5</v>
      </c>
      <c r="D11134" s="1" t="s">
        <v>9479</v>
      </c>
      <c r="E11134" s="1" t="s">
        <v>11</v>
      </c>
    </row>
    <row r="11135">
      <c r="A11135" s="1">
        <v>4.90484261E8</v>
      </c>
      <c r="B11135" s="2">
        <v>13253.0</v>
      </c>
      <c r="C11135" s="1" t="s">
        <v>5</v>
      </c>
      <c r="D11135" s="1" t="s">
        <v>9480</v>
      </c>
      <c r="E11135" s="1" t="s">
        <v>7</v>
      </c>
    </row>
    <row r="11136">
      <c r="A11136" s="1">
        <v>4.90484264E8</v>
      </c>
      <c r="B11136" s="2">
        <v>13246.0</v>
      </c>
      <c r="C11136" s="1" t="s">
        <v>5</v>
      </c>
      <c r="D11136" s="1" t="s">
        <v>9481</v>
      </c>
      <c r="E11136" s="1" t="s">
        <v>7</v>
      </c>
    </row>
    <row r="11137">
      <c r="A11137" s="1">
        <v>4.9048432E8</v>
      </c>
      <c r="B11137" s="2">
        <v>13238.0</v>
      </c>
      <c r="C11137" s="1" t="s">
        <v>5</v>
      </c>
      <c r="D11137" s="1" t="s">
        <v>9482</v>
      </c>
      <c r="E11137" s="1" t="s">
        <v>7</v>
      </c>
    </row>
    <row r="11138">
      <c r="A11138" s="1">
        <v>4.90484348E8</v>
      </c>
      <c r="B11138" s="2">
        <v>13248.0</v>
      </c>
      <c r="C11138" s="1" t="s">
        <v>5</v>
      </c>
      <c r="D11138" s="1" t="s">
        <v>9483</v>
      </c>
      <c r="E11138" s="1" t="s">
        <v>11</v>
      </c>
    </row>
    <row r="11139">
      <c r="A11139" s="1">
        <v>4.90484354E8</v>
      </c>
      <c r="B11139" s="2">
        <v>13187.0</v>
      </c>
      <c r="C11139" s="1" t="s">
        <v>5</v>
      </c>
      <c r="D11139" s="1" t="s">
        <v>9484</v>
      </c>
      <c r="E11139" s="1" t="s">
        <v>7</v>
      </c>
    </row>
    <row r="11140">
      <c r="A11140" s="1">
        <v>4.90484366E8</v>
      </c>
      <c r="B11140" s="2">
        <v>13248.0</v>
      </c>
      <c r="C11140" s="1" t="s">
        <v>5</v>
      </c>
      <c r="D11140" s="1" t="s">
        <v>11</v>
      </c>
      <c r="E11140" s="1" t="s">
        <v>7</v>
      </c>
    </row>
    <row r="11141">
      <c r="A11141" s="1">
        <v>4.90484398E8</v>
      </c>
      <c r="B11141" s="2">
        <v>13130.0</v>
      </c>
      <c r="C11141" s="1" t="s">
        <v>5</v>
      </c>
      <c r="D11141" s="1" t="s">
        <v>11</v>
      </c>
      <c r="E11141" s="1" t="s">
        <v>7</v>
      </c>
    </row>
    <row r="11142">
      <c r="A11142" s="1">
        <v>4.9048442E8</v>
      </c>
      <c r="B11142" s="2">
        <v>13252.0</v>
      </c>
      <c r="C11142" s="1" t="s">
        <v>5</v>
      </c>
      <c r="D11142" s="1" t="s">
        <v>9485</v>
      </c>
      <c r="E11142" s="1" t="s">
        <v>11</v>
      </c>
    </row>
    <row r="11143">
      <c r="A11143" s="1">
        <v>4.90484428E8</v>
      </c>
      <c r="B11143" s="2">
        <v>13197.0</v>
      </c>
      <c r="C11143" s="1" t="s">
        <v>5</v>
      </c>
      <c r="D11143" s="1" t="s">
        <v>9486</v>
      </c>
      <c r="E11143" s="1" t="s">
        <v>11</v>
      </c>
    </row>
    <row r="11144">
      <c r="A11144" s="1">
        <v>4.90484486E8</v>
      </c>
      <c r="B11144" s="2">
        <v>13183.0</v>
      </c>
      <c r="C11144" s="1" t="s">
        <v>5</v>
      </c>
      <c r="D11144" s="1" t="s">
        <v>11</v>
      </c>
      <c r="E11144" s="1" t="s">
        <v>7</v>
      </c>
    </row>
    <row r="11145">
      <c r="A11145" s="1">
        <v>4.90484512E8</v>
      </c>
      <c r="B11145" s="2">
        <v>13122.0</v>
      </c>
      <c r="C11145" s="1" t="s">
        <v>5</v>
      </c>
      <c r="D11145" s="1" t="s">
        <v>9487</v>
      </c>
      <c r="E11145" s="1" t="s">
        <v>11</v>
      </c>
    </row>
    <row r="11146">
      <c r="A11146" s="1">
        <v>4.90484521E8</v>
      </c>
      <c r="B11146" s="2">
        <v>13131.0</v>
      </c>
      <c r="C11146" s="1" t="s">
        <v>5</v>
      </c>
      <c r="D11146" s="1" t="s">
        <v>9488</v>
      </c>
      <c r="E11146" s="1" t="s">
        <v>7</v>
      </c>
    </row>
    <row r="11147">
      <c r="A11147" s="1">
        <v>4.90484533E8</v>
      </c>
      <c r="B11147" s="2">
        <v>13253.0</v>
      </c>
      <c r="C11147" s="1" t="s">
        <v>5</v>
      </c>
      <c r="D11147" s="1" t="s">
        <v>11</v>
      </c>
      <c r="E11147" s="1" t="s">
        <v>7</v>
      </c>
    </row>
    <row r="11148">
      <c r="A11148" s="1">
        <v>4.90484534E8</v>
      </c>
      <c r="B11148" s="2">
        <v>13121.0</v>
      </c>
      <c r="C11148" s="1" t="s">
        <v>5</v>
      </c>
      <c r="D11148" s="1" t="s">
        <v>9489</v>
      </c>
      <c r="E11148" s="1" t="s">
        <v>11</v>
      </c>
    </row>
    <row r="11149">
      <c r="A11149" s="1">
        <v>4.90484599E8</v>
      </c>
      <c r="B11149" s="2">
        <v>13200.0</v>
      </c>
      <c r="C11149" s="1" t="s">
        <v>5</v>
      </c>
      <c r="D11149" s="1" t="s">
        <v>9490</v>
      </c>
      <c r="E11149" s="1" t="s">
        <v>11</v>
      </c>
    </row>
    <row r="11150">
      <c r="A11150" s="1">
        <v>4.90484617E8</v>
      </c>
      <c r="B11150" s="2">
        <v>13121.0</v>
      </c>
      <c r="C11150" s="1" t="s">
        <v>5</v>
      </c>
      <c r="D11150" s="1" t="s">
        <v>9491</v>
      </c>
      <c r="E11150" s="1" t="s">
        <v>11</v>
      </c>
    </row>
    <row r="11151">
      <c r="A11151" s="1">
        <v>4.90484638E8</v>
      </c>
      <c r="B11151" s="2">
        <v>13149.0</v>
      </c>
      <c r="C11151" s="1" t="s">
        <v>5</v>
      </c>
      <c r="D11151" s="1" t="s">
        <v>11</v>
      </c>
      <c r="E11151" s="1" t="s">
        <v>7</v>
      </c>
    </row>
    <row r="11152">
      <c r="A11152" s="1">
        <v>4.90484643E8</v>
      </c>
      <c r="B11152" s="2">
        <v>13121.0</v>
      </c>
      <c r="C11152" s="1" t="s">
        <v>5</v>
      </c>
      <c r="D11152" s="1" t="s">
        <v>9492</v>
      </c>
      <c r="E11152" s="1" t="s">
        <v>9493</v>
      </c>
    </row>
    <row r="11153">
      <c r="A11153" s="1">
        <v>4.90484671E8</v>
      </c>
      <c r="B11153" s="2">
        <v>13149.0</v>
      </c>
      <c r="C11153" s="1" t="s">
        <v>5</v>
      </c>
      <c r="D11153" s="1" t="s">
        <v>9494</v>
      </c>
      <c r="E11153" s="1" t="s">
        <v>7</v>
      </c>
    </row>
    <row r="11154">
      <c r="A11154" s="1">
        <v>4.90484685E8</v>
      </c>
      <c r="B11154" s="2">
        <v>13249.0</v>
      </c>
      <c r="C11154" s="1" t="s">
        <v>5</v>
      </c>
      <c r="D11154" s="1" t="s">
        <v>11</v>
      </c>
      <c r="E11154" s="1" t="s">
        <v>7</v>
      </c>
    </row>
    <row r="11155">
      <c r="A11155" s="1">
        <v>4.90484702E8</v>
      </c>
      <c r="B11155" s="2">
        <v>13133.0</v>
      </c>
      <c r="C11155" s="1" t="s">
        <v>5</v>
      </c>
      <c r="D11155" s="1" t="s">
        <v>9495</v>
      </c>
      <c r="E11155" s="1" t="s">
        <v>7</v>
      </c>
    </row>
    <row r="11156">
      <c r="A11156" s="1">
        <v>4.90484709E8</v>
      </c>
      <c r="B11156" s="2">
        <v>13121.0</v>
      </c>
      <c r="C11156" s="1" t="s">
        <v>5</v>
      </c>
      <c r="D11156" s="1" t="s">
        <v>9496</v>
      </c>
      <c r="E11156" s="1" t="s">
        <v>11</v>
      </c>
    </row>
    <row r="11157">
      <c r="A11157" s="1">
        <v>4.90484725E8</v>
      </c>
      <c r="B11157" s="2">
        <v>13188.0</v>
      </c>
      <c r="C11157" s="1" t="s">
        <v>5</v>
      </c>
      <c r="D11157" s="1" t="s">
        <v>11</v>
      </c>
      <c r="E11157" s="1" t="s">
        <v>7</v>
      </c>
    </row>
    <row r="11158">
      <c r="A11158" s="1">
        <v>4.904848E8</v>
      </c>
      <c r="B11158" s="2">
        <v>13190.0</v>
      </c>
      <c r="C11158" s="1" t="s">
        <v>5</v>
      </c>
      <c r="D11158" s="1" t="s">
        <v>9497</v>
      </c>
      <c r="E11158" s="1" t="s">
        <v>11</v>
      </c>
    </row>
    <row r="11159">
      <c r="A11159" s="1">
        <v>4.90484801E8</v>
      </c>
      <c r="B11159" s="2">
        <v>13184.0</v>
      </c>
      <c r="C11159" s="1" t="s">
        <v>5</v>
      </c>
      <c r="D11159" s="1" t="s">
        <v>9498</v>
      </c>
      <c r="E11159" s="1" t="s">
        <v>7</v>
      </c>
    </row>
    <row r="11160">
      <c r="A11160" s="1">
        <v>4.90484821E8</v>
      </c>
      <c r="B11160" s="2">
        <v>13195.0</v>
      </c>
      <c r="C11160" s="1" t="s">
        <v>5</v>
      </c>
      <c r="D11160" s="1" t="s">
        <v>9499</v>
      </c>
      <c r="E11160" s="1" t="s">
        <v>9500</v>
      </c>
    </row>
    <row r="11161">
      <c r="A11161" s="1">
        <v>4.9048484E8</v>
      </c>
      <c r="B11161" s="2">
        <v>13248.0</v>
      </c>
      <c r="C11161" s="1" t="s">
        <v>5</v>
      </c>
      <c r="D11161" s="1" t="s">
        <v>9501</v>
      </c>
      <c r="E11161" s="1" t="s">
        <v>7</v>
      </c>
    </row>
    <row r="11162">
      <c r="A11162" s="1">
        <v>4.90484873E8</v>
      </c>
      <c r="B11162" s="2">
        <v>13200.0</v>
      </c>
      <c r="C11162" s="1" t="s">
        <v>5</v>
      </c>
      <c r="D11162" s="1" t="s">
        <v>9502</v>
      </c>
      <c r="E11162" s="1" t="s">
        <v>7</v>
      </c>
    </row>
    <row r="11163">
      <c r="A11163" s="1">
        <v>4.9048488E8</v>
      </c>
      <c r="B11163" s="2">
        <v>13247.0</v>
      </c>
      <c r="C11163" s="1" t="s">
        <v>5</v>
      </c>
      <c r="D11163" s="1" t="s">
        <v>9503</v>
      </c>
      <c r="E11163" s="1" t="s">
        <v>9504</v>
      </c>
    </row>
    <row r="11164">
      <c r="A11164" s="1">
        <v>4.90484883E8</v>
      </c>
      <c r="B11164" s="2">
        <v>13182.0</v>
      </c>
      <c r="C11164" s="1" t="s">
        <v>5</v>
      </c>
      <c r="D11164" s="1" t="s">
        <v>9505</v>
      </c>
      <c r="E11164" s="1" t="s">
        <v>7</v>
      </c>
    </row>
    <row r="11165">
      <c r="A11165" s="1">
        <v>4.90484884E8</v>
      </c>
      <c r="B11165" s="2">
        <v>13246.0</v>
      </c>
      <c r="C11165" s="1" t="s">
        <v>5</v>
      </c>
      <c r="D11165" s="1" t="s">
        <v>9506</v>
      </c>
      <c r="E11165" s="1" t="s">
        <v>9507</v>
      </c>
    </row>
    <row r="11166">
      <c r="A11166" s="1">
        <v>4.9048489E8</v>
      </c>
      <c r="B11166" s="2">
        <v>13200.0</v>
      </c>
      <c r="C11166" s="1" t="s">
        <v>5</v>
      </c>
      <c r="D11166" s="1" t="s">
        <v>11</v>
      </c>
      <c r="E11166" s="1" t="s">
        <v>7</v>
      </c>
    </row>
    <row r="11167">
      <c r="A11167" s="1">
        <v>4.90484923E8</v>
      </c>
      <c r="B11167" s="2">
        <v>13147.0</v>
      </c>
      <c r="C11167" s="1" t="s">
        <v>5</v>
      </c>
      <c r="D11167" s="1" t="s">
        <v>9508</v>
      </c>
      <c r="E11167" s="1" t="s">
        <v>11</v>
      </c>
    </row>
    <row r="11168">
      <c r="A11168" s="1">
        <v>4.90484928E8</v>
      </c>
      <c r="B11168" s="2">
        <v>13247.0</v>
      </c>
      <c r="C11168" s="1" t="s">
        <v>5</v>
      </c>
      <c r="D11168" s="1" t="s">
        <v>9509</v>
      </c>
      <c r="E11168" s="1" t="s">
        <v>7</v>
      </c>
    </row>
    <row r="11169">
      <c r="A11169" s="1">
        <v>4.90484934E8</v>
      </c>
      <c r="B11169" s="2">
        <v>13220.0</v>
      </c>
      <c r="C11169" s="1" t="s">
        <v>5</v>
      </c>
      <c r="D11169" s="1" t="s">
        <v>11</v>
      </c>
      <c r="E11169" s="1" t="s">
        <v>7</v>
      </c>
    </row>
    <row r="11170">
      <c r="A11170" s="1">
        <v>4.90484944E8</v>
      </c>
      <c r="B11170" s="2">
        <v>13131.0</v>
      </c>
      <c r="C11170" s="1" t="s">
        <v>5</v>
      </c>
      <c r="D11170" s="1" t="s">
        <v>9510</v>
      </c>
      <c r="E11170" s="1" t="s">
        <v>7</v>
      </c>
    </row>
    <row r="11171">
      <c r="A11171" s="1">
        <v>4.90484964E8</v>
      </c>
      <c r="B11171" s="2">
        <v>13198.0</v>
      </c>
      <c r="C11171" s="1" t="s">
        <v>5</v>
      </c>
      <c r="D11171" s="1" t="s">
        <v>9511</v>
      </c>
      <c r="E11171" s="1" t="s">
        <v>7</v>
      </c>
    </row>
    <row r="11172">
      <c r="A11172" s="1">
        <v>4.90484965E8</v>
      </c>
      <c r="B11172" s="2">
        <v>13245.0</v>
      </c>
      <c r="C11172" s="1" t="s">
        <v>5</v>
      </c>
      <c r="D11172" s="1" t="s">
        <v>9512</v>
      </c>
      <c r="E11172" s="1" t="s">
        <v>11</v>
      </c>
    </row>
    <row r="11173">
      <c r="A11173" s="1">
        <v>4.90485015E8</v>
      </c>
      <c r="B11173" s="2">
        <v>13245.0</v>
      </c>
      <c r="C11173" s="1" t="s">
        <v>5</v>
      </c>
      <c r="D11173" s="1" t="s">
        <v>9513</v>
      </c>
      <c r="E11173" s="1" t="s">
        <v>7</v>
      </c>
    </row>
    <row r="11174">
      <c r="A11174" s="1">
        <v>4.90485074E8</v>
      </c>
      <c r="B11174" s="2">
        <v>13244.0</v>
      </c>
      <c r="C11174" s="1" t="s">
        <v>5</v>
      </c>
      <c r="D11174" s="1" t="s">
        <v>11</v>
      </c>
      <c r="E11174" s="1" t="s">
        <v>7</v>
      </c>
    </row>
    <row r="11175">
      <c r="A11175" s="1">
        <v>4.90485112E8</v>
      </c>
      <c r="B11175" s="2">
        <v>13146.0</v>
      </c>
      <c r="C11175" s="1" t="s">
        <v>5</v>
      </c>
      <c r="D11175" s="1" t="s">
        <v>9514</v>
      </c>
      <c r="E11175" s="1" t="s">
        <v>7</v>
      </c>
    </row>
    <row r="11176">
      <c r="A11176" s="1">
        <v>4.90485123E8</v>
      </c>
      <c r="B11176" s="2">
        <v>13197.0</v>
      </c>
      <c r="C11176" s="1" t="s">
        <v>5</v>
      </c>
      <c r="D11176" s="1" t="s">
        <v>9515</v>
      </c>
      <c r="E11176" s="1" t="s">
        <v>7</v>
      </c>
    </row>
    <row r="11177">
      <c r="A11177" s="1">
        <v>4.90485124E8</v>
      </c>
      <c r="B11177" s="2">
        <v>13216.0</v>
      </c>
      <c r="C11177" s="1" t="s">
        <v>5</v>
      </c>
      <c r="D11177" s="1" t="s">
        <v>9516</v>
      </c>
      <c r="E11177" s="1" t="s">
        <v>7</v>
      </c>
    </row>
    <row r="11178">
      <c r="A11178" s="1">
        <v>4.90485143E8</v>
      </c>
      <c r="B11178" s="2">
        <v>13182.0</v>
      </c>
      <c r="C11178" s="1" t="s">
        <v>5</v>
      </c>
      <c r="D11178" s="1" t="s">
        <v>9517</v>
      </c>
      <c r="E11178" s="1" t="s">
        <v>7</v>
      </c>
    </row>
    <row r="11179">
      <c r="A11179" s="1">
        <v>4.90485152E8</v>
      </c>
      <c r="B11179" s="2">
        <v>13128.0</v>
      </c>
      <c r="C11179" s="1" t="s">
        <v>5</v>
      </c>
      <c r="D11179" s="1" t="s">
        <v>9518</v>
      </c>
      <c r="E11179" s="1" t="s">
        <v>9519</v>
      </c>
    </row>
    <row r="11180">
      <c r="A11180" s="1">
        <v>4.90485191E8</v>
      </c>
      <c r="B11180" s="2">
        <v>13194.0</v>
      </c>
      <c r="C11180" s="1" t="s">
        <v>5</v>
      </c>
      <c r="D11180" s="1" t="s">
        <v>11</v>
      </c>
      <c r="E11180" s="1" t="s">
        <v>7</v>
      </c>
    </row>
    <row r="11181">
      <c r="A11181" s="1">
        <v>4.90485203E8</v>
      </c>
      <c r="B11181" s="2">
        <v>13252.0</v>
      </c>
      <c r="C11181" s="1" t="s">
        <v>5</v>
      </c>
      <c r="D11181" s="1" t="s">
        <v>9520</v>
      </c>
      <c r="E11181" s="1" t="s">
        <v>11</v>
      </c>
    </row>
    <row r="11182">
      <c r="A11182" s="1">
        <v>4.90485223E8</v>
      </c>
      <c r="B11182" s="2">
        <v>13126.0</v>
      </c>
      <c r="C11182" s="1" t="s">
        <v>5</v>
      </c>
      <c r="D11182" s="1" t="s">
        <v>7</v>
      </c>
      <c r="E11182" s="1" t="s">
        <v>7</v>
      </c>
    </row>
    <row r="11183">
      <c r="A11183" s="1">
        <v>4.90485261E8</v>
      </c>
      <c r="B11183" s="2">
        <v>13125.0</v>
      </c>
      <c r="C11183" s="1" t="s">
        <v>5</v>
      </c>
      <c r="D11183" s="1" t="s">
        <v>9521</v>
      </c>
      <c r="E11183" s="1" t="s">
        <v>7</v>
      </c>
    </row>
    <row r="11184">
      <c r="A11184" s="1">
        <v>4.90485268E8</v>
      </c>
      <c r="B11184" s="2">
        <v>13128.0</v>
      </c>
      <c r="C11184" s="1" t="s">
        <v>5</v>
      </c>
      <c r="D11184" s="1" t="s">
        <v>9522</v>
      </c>
      <c r="E11184" s="1" t="s">
        <v>11</v>
      </c>
    </row>
    <row r="11185">
      <c r="A11185" s="1">
        <v>4.90485271E8</v>
      </c>
      <c r="B11185" s="2">
        <v>13237.0</v>
      </c>
      <c r="C11185" s="1" t="s">
        <v>5</v>
      </c>
      <c r="D11185" s="1" t="s">
        <v>9523</v>
      </c>
      <c r="E11185" s="1" t="s">
        <v>7</v>
      </c>
    </row>
    <row r="11186">
      <c r="A11186" s="1">
        <v>4.90485285E8</v>
      </c>
      <c r="B11186" s="2">
        <v>13243.0</v>
      </c>
      <c r="C11186" s="1" t="s">
        <v>5</v>
      </c>
      <c r="D11186" s="1" t="s">
        <v>9524</v>
      </c>
      <c r="E11186" s="1" t="s">
        <v>7</v>
      </c>
    </row>
    <row r="11187">
      <c r="A11187" s="1">
        <v>4.90485311E8</v>
      </c>
      <c r="B11187" s="2">
        <v>13182.0</v>
      </c>
      <c r="C11187" s="1" t="s">
        <v>5</v>
      </c>
      <c r="D11187" s="1" t="s">
        <v>9525</v>
      </c>
      <c r="E11187" s="1" t="s">
        <v>9526</v>
      </c>
    </row>
    <row r="11188">
      <c r="A11188" s="1">
        <v>4.90485314E8</v>
      </c>
      <c r="B11188" s="2">
        <v>13219.0</v>
      </c>
      <c r="C11188" s="1" t="s">
        <v>5</v>
      </c>
      <c r="D11188" s="1" t="s">
        <v>9527</v>
      </c>
      <c r="E11188" s="1" t="s">
        <v>9528</v>
      </c>
    </row>
    <row r="11189">
      <c r="A11189" s="1">
        <v>4.9048532E8</v>
      </c>
      <c r="B11189" s="2">
        <v>13236.0</v>
      </c>
      <c r="C11189" s="1" t="s">
        <v>5</v>
      </c>
      <c r="D11189" s="1" t="s">
        <v>9529</v>
      </c>
      <c r="E11189" s="1" t="s">
        <v>7</v>
      </c>
    </row>
    <row r="11190">
      <c r="A11190" s="1">
        <v>4.90485331E8</v>
      </c>
      <c r="B11190" s="2">
        <v>13130.0</v>
      </c>
      <c r="C11190" s="1" t="s">
        <v>5</v>
      </c>
      <c r="D11190" s="1" t="s">
        <v>9530</v>
      </c>
      <c r="E11190" s="1" t="s">
        <v>7</v>
      </c>
    </row>
    <row r="11191">
      <c r="A11191" s="1">
        <v>4.90485341E8</v>
      </c>
      <c r="B11191" s="2">
        <v>13125.0</v>
      </c>
      <c r="C11191" s="1" t="s">
        <v>5</v>
      </c>
      <c r="D11191" s="1" t="s">
        <v>9531</v>
      </c>
      <c r="E11191" s="1" t="s">
        <v>11</v>
      </c>
    </row>
    <row r="11192">
      <c r="A11192" s="1">
        <v>4.90485367E8</v>
      </c>
      <c r="B11192" s="2">
        <v>13237.0</v>
      </c>
      <c r="C11192" s="1" t="s">
        <v>5</v>
      </c>
      <c r="D11192" s="1" t="s">
        <v>9532</v>
      </c>
      <c r="E11192" s="1" t="s">
        <v>7</v>
      </c>
    </row>
    <row r="11193">
      <c r="A11193" s="1">
        <v>4.90485431E8</v>
      </c>
      <c r="B11193" s="2">
        <v>13244.0</v>
      </c>
      <c r="C11193" s="1" t="s">
        <v>5</v>
      </c>
      <c r="D11193" s="1" t="s">
        <v>9533</v>
      </c>
      <c r="E11193" s="1" t="s">
        <v>9534</v>
      </c>
    </row>
    <row r="11194">
      <c r="A11194" s="1">
        <v>4.90485447E8</v>
      </c>
      <c r="B11194" s="2">
        <v>13238.0</v>
      </c>
      <c r="C11194" s="1" t="s">
        <v>5</v>
      </c>
      <c r="D11194" s="1" t="s">
        <v>9535</v>
      </c>
      <c r="E11194" s="1" t="s">
        <v>7</v>
      </c>
    </row>
    <row r="11195">
      <c r="A11195" s="1">
        <v>4.90485483E8</v>
      </c>
      <c r="B11195" s="2">
        <v>13125.0</v>
      </c>
      <c r="C11195" s="1" t="s">
        <v>5</v>
      </c>
      <c r="D11195" s="1" t="s">
        <v>11</v>
      </c>
      <c r="E11195" s="1" t="s">
        <v>7</v>
      </c>
    </row>
    <row r="11196">
      <c r="A11196" s="1">
        <v>4.90485484E8</v>
      </c>
      <c r="B11196" s="2">
        <v>13238.0</v>
      </c>
      <c r="C11196" s="1" t="s">
        <v>5</v>
      </c>
      <c r="D11196" s="1" t="s">
        <v>9536</v>
      </c>
      <c r="E11196" s="1" t="s">
        <v>7</v>
      </c>
    </row>
    <row r="11197">
      <c r="A11197" s="1">
        <v>4.90485519E8</v>
      </c>
      <c r="B11197" s="2">
        <v>13219.0</v>
      </c>
      <c r="C11197" s="1" t="s">
        <v>5</v>
      </c>
      <c r="D11197" s="1" t="s">
        <v>9537</v>
      </c>
      <c r="E11197" s="1" t="s">
        <v>7</v>
      </c>
    </row>
    <row r="11198">
      <c r="A11198" s="1">
        <v>4.9048554E8</v>
      </c>
      <c r="B11198" s="2">
        <v>13243.0</v>
      </c>
      <c r="C11198" s="1" t="s">
        <v>5</v>
      </c>
      <c r="D11198" s="1" t="s">
        <v>9538</v>
      </c>
      <c r="E11198" s="1" t="s">
        <v>7</v>
      </c>
    </row>
    <row r="11199">
      <c r="A11199" s="1">
        <v>4.90485566E8</v>
      </c>
      <c r="B11199" s="2">
        <v>13119.0</v>
      </c>
      <c r="C11199" s="1" t="s">
        <v>5</v>
      </c>
      <c r="D11199" s="1" t="s">
        <v>9539</v>
      </c>
      <c r="E11199" s="1" t="s">
        <v>7</v>
      </c>
    </row>
    <row r="11200">
      <c r="A11200" s="1">
        <v>4.90485574E8</v>
      </c>
      <c r="B11200" s="2">
        <v>13144.0</v>
      </c>
      <c r="C11200" s="1" t="s">
        <v>5</v>
      </c>
      <c r="D11200" s="1" t="s">
        <v>9540</v>
      </c>
      <c r="E11200" s="1" t="s">
        <v>11</v>
      </c>
    </row>
    <row r="11201">
      <c r="A11201" s="1">
        <v>4.90485581E8</v>
      </c>
      <c r="B11201" s="2">
        <v>13243.0</v>
      </c>
      <c r="C11201" s="1" t="s">
        <v>5</v>
      </c>
      <c r="D11201" s="1" t="s">
        <v>9541</v>
      </c>
      <c r="E11201" s="1" t="s">
        <v>7</v>
      </c>
    </row>
    <row r="11202">
      <c r="A11202" s="1">
        <v>4.9048561E8</v>
      </c>
      <c r="B11202" s="2">
        <v>13193.0</v>
      </c>
      <c r="C11202" s="1" t="s">
        <v>5</v>
      </c>
      <c r="D11202" s="1" t="s">
        <v>9542</v>
      </c>
      <c r="E11202" s="1" t="s">
        <v>7</v>
      </c>
    </row>
    <row r="11203">
      <c r="A11203" s="1">
        <v>4.90485617E8</v>
      </c>
      <c r="B11203" s="2">
        <v>13262.0</v>
      </c>
      <c r="C11203" s="1" t="s">
        <v>5</v>
      </c>
      <c r="D11203" s="1" t="s">
        <v>11</v>
      </c>
      <c r="E11203" s="1" t="s">
        <v>7</v>
      </c>
    </row>
    <row r="11204">
      <c r="A11204" s="1">
        <v>4.90485637E8</v>
      </c>
      <c r="B11204" s="2">
        <v>13129.0</v>
      </c>
      <c r="C11204" s="1" t="s">
        <v>5</v>
      </c>
      <c r="D11204" s="1" t="s">
        <v>11</v>
      </c>
      <c r="E11204" s="1" t="s">
        <v>7</v>
      </c>
    </row>
    <row r="11205">
      <c r="A11205" s="1">
        <v>4.90485654E8</v>
      </c>
      <c r="B11205" s="2">
        <v>13241.0</v>
      </c>
      <c r="C11205" s="1" t="s">
        <v>5</v>
      </c>
      <c r="D11205" s="1" t="s">
        <v>9543</v>
      </c>
      <c r="E11205" s="1" t="s">
        <v>9544</v>
      </c>
    </row>
    <row r="11206">
      <c r="A11206" s="1">
        <v>4.90485711E8</v>
      </c>
      <c r="B11206" s="2">
        <v>13239.0</v>
      </c>
      <c r="C11206" s="1" t="s">
        <v>5</v>
      </c>
      <c r="D11206" s="1" t="s">
        <v>9545</v>
      </c>
      <c r="E11206" s="1" t="s">
        <v>11</v>
      </c>
    </row>
    <row r="11207">
      <c r="A11207" s="1">
        <v>4.90485724E8</v>
      </c>
      <c r="B11207" s="2">
        <v>13122.0</v>
      </c>
      <c r="C11207" s="1" t="s">
        <v>5</v>
      </c>
      <c r="D11207" s="1" t="s">
        <v>9546</v>
      </c>
      <c r="E11207" s="1" t="s">
        <v>7</v>
      </c>
    </row>
    <row r="11208">
      <c r="A11208" s="1">
        <v>4.90485783E8</v>
      </c>
      <c r="B11208" s="2">
        <v>13178.0</v>
      </c>
      <c r="C11208" s="1" t="s">
        <v>5</v>
      </c>
      <c r="D11208" s="1" t="s">
        <v>9547</v>
      </c>
      <c r="E11208" s="1" t="s">
        <v>9548</v>
      </c>
    </row>
    <row r="11209">
      <c r="A11209" s="1">
        <v>4.90485795E8</v>
      </c>
      <c r="B11209" s="2">
        <v>13242.0</v>
      </c>
      <c r="C11209" s="1" t="s">
        <v>5</v>
      </c>
      <c r="D11209" s="1" t="s">
        <v>9549</v>
      </c>
      <c r="E11209" s="1" t="s">
        <v>7</v>
      </c>
    </row>
    <row r="11210">
      <c r="A11210" s="1">
        <v>4.90485826E8</v>
      </c>
      <c r="B11210" s="2">
        <v>13216.0</v>
      </c>
      <c r="C11210" s="1" t="s">
        <v>5</v>
      </c>
      <c r="D11210" s="1" t="s">
        <v>9550</v>
      </c>
      <c r="E11210" s="1" t="s">
        <v>7</v>
      </c>
    </row>
    <row r="11211">
      <c r="A11211" s="1">
        <v>4.90485843E8</v>
      </c>
      <c r="B11211" s="2">
        <v>13178.0</v>
      </c>
      <c r="C11211" s="1" t="s">
        <v>5</v>
      </c>
      <c r="D11211" s="1" t="s">
        <v>9551</v>
      </c>
      <c r="E11211" s="1" t="s">
        <v>7</v>
      </c>
    </row>
    <row r="11212">
      <c r="A11212" s="1">
        <v>4.90485846E8</v>
      </c>
      <c r="B11212" s="2">
        <v>13121.0</v>
      </c>
      <c r="C11212" s="1" t="s">
        <v>5</v>
      </c>
      <c r="D11212" s="1" t="s">
        <v>9552</v>
      </c>
      <c r="E11212" s="1" t="s">
        <v>11</v>
      </c>
    </row>
    <row r="11213">
      <c r="A11213" s="1">
        <v>4.90485857E8</v>
      </c>
      <c r="B11213" s="2">
        <v>13242.0</v>
      </c>
      <c r="C11213" s="1" t="s">
        <v>5</v>
      </c>
      <c r="D11213" s="1" t="s">
        <v>9553</v>
      </c>
      <c r="E11213" s="1" t="s">
        <v>7</v>
      </c>
    </row>
    <row r="11214">
      <c r="A11214" s="1">
        <v>4.90485875E8</v>
      </c>
      <c r="B11214" s="2">
        <v>13178.0</v>
      </c>
      <c r="C11214" s="1" t="s">
        <v>5</v>
      </c>
      <c r="D11214" s="1" t="s">
        <v>9554</v>
      </c>
      <c r="E11214" s="1" t="s">
        <v>7</v>
      </c>
    </row>
    <row r="11215">
      <c r="A11215" s="1">
        <v>4.90485929E8</v>
      </c>
      <c r="B11215" s="2">
        <v>13241.0</v>
      </c>
      <c r="C11215" s="1" t="s">
        <v>5</v>
      </c>
      <c r="D11215" s="1" t="s">
        <v>11</v>
      </c>
      <c r="E11215" s="1" t="s">
        <v>7</v>
      </c>
    </row>
    <row r="11216">
      <c r="A11216" s="1">
        <v>4.90485948E8</v>
      </c>
      <c r="B11216" s="2">
        <v>13185.0</v>
      </c>
      <c r="C11216" s="1" t="s">
        <v>5</v>
      </c>
      <c r="D11216" s="1" t="s">
        <v>9555</v>
      </c>
      <c r="E11216" s="1" t="s">
        <v>7</v>
      </c>
    </row>
    <row r="11217">
      <c r="A11217" s="1">
        <v>4.9048596E8</v>
      </c>
      <c r="B11217" s="2">
        <v>13226.0</v>
      </c>
      <c r="C11217" s="1" t="s">
        <v>5</v>
      </c>
      <c r="D11217" s="1" t="s">
        <v>9556</v>
      </c>
      <c r="E11217" s="1" t="s">
        <v>9557</v>
      </c>
    </row>
    <row r="11218">
      <c r="A11218" s="1">
        <v>4.90486005E8</v>
      </c>
      <c r="B11218" s="2">
        <v>13142.0</v>
      </c>
      <c r="C11218" s="1" t="s">
        <v>5</v>
      </c>
      <c r="D11218" s="1" t="s">
        <v>9558</v>
      </c>
      <c r="E11218" s="1" t="s">
        <v>7</v>
      </c>
    </row>
    <row r="11219">
      <c r="A11219" s="1">
        <v>4.90486009E8</v>
      </c>
      <c r="B11219" s="2">
        <v>13238.0</v>
      </c>
      <c r="C11219" s="1" t="s">
        <v>5</v>
      </c>
      <c r="D11219" s="1" t="s">
        <v>11</v>
      </c>
      <c r="E11219" s="1" t="s">
        <v>7</v>
      </c>
    </row>
    <row r="11220">
      <c r="A11220" s="1">
        <v>4.90486028E8</v>
      </c>
      <c r="B11220" s="2">
        <v>13242.0</v>
      </c>
      <c r="C11220" s="1" t="s">
        <v>5</v>
      </c>
      <c r="D11220" s="1" t="s">
        <v>9559</v>
      </c>
      <c r="E11220" s="1" t="s">
        <v>9560</v>
      </c>
    </row>
    <row r="11221">
      <c r="A11221" s="1">
        <v>4.9048608E8</v>
      </c>
      <c r="B11221" s="2">
        <v>13233.0</v>
      </c>
      <c r="C11221" s="1" t="s">
        <v>5</v>
      </c>
      <c r="D11221" s="1" t="s">
        <v>11</v>
      </c>
      <c r="E11221" s="1" t="s">
        <v>7</v>
      </c>
    </row>
    <row r="11222">
      <c r="A11222" s="1">
        <v>4.90486086E8</v>
      </c>
      <c r="B11222" s="2">
        <v>13216.0</v>
      </c>
      <c r="C11222" s="1" t="s">
        <v>5</v>
      </c>
      <c r="D11222" s="1" t="s">
        <v>9561</v>
      </c>
      <c r="E11222" s="1" t="s">
        <v>7</v>
      </c>
    </row>
    <row r="11223">
      <c r="A11223" s="1">
        <v>4.90486097E8</v>
      </c>
      <c r="B11223" s="2">
        <v>13241.0</v>
      </c>
      <c r="C11223" s="1" t="s">
        <v>5</v>
      </c>
      <c r="D11223" s="1" t="s">
        <v>9562</v>
      </c>
      <c r="E11223" s="1" t="s">
        <v>11</v>
      </c>
    </row>
    <row r="11224">
      <c r="A11224" s="1">
        <v>4.90486103E8</v>
      </c>
      <c r="B11224" s="2">
        <v>13233.0</v>
      </c>
      <c r="C11224" s="1" t="s">
        <v>5</v>
      </c>
      <c r="D11224" s="1" t="s">
        <v>11</v>
      </c>
      <c r="E11224" s="1" t="s">
        <v>7</v>
      </c>
    </row>
    <row r="11225">
      <c r="A11225" s="1">
        <v>4.90486104E8</v>
      </c>
      <c r="B11225" s="2">
        <v>13120.0</v>
      </c>
      <c r="C11225" s="1" t="s">
        <v>5</v>
      </c>
      <c r="D11225" s="1" t="s">
        <v>9563</v>
      </c>
      <c r="E11225" s="1" t="s">
        <v>9564</v>
      </c>
    </row>
    <row r="11226">
      <c r="A11226" s="1">
        <v>4.90486159E8</v>
      </c>
      <c r="B11226" s="2">
        <v>13241.0</v>
      </c>
      <c r="C11226" s="1" t="s">
        <v>5</v>
      </c>
      <c r="D11226" s="1" t="s">
        <v>9565</v>
      </c>
      <c r="E11226" s="1" t="s">
        <v>7</v>
      </c>
    </row>
    <row r="11227">
      <c r="A11227" s="1">
        <v>4.90486204E8</v>
      </c>
      <c r="B11227" s="2">
        <v>13185.0</v>
      </c>
      <c r="C11227" s="1" t="s">
        <v>5</v>
      </c>
      <c r="D11227" s="1" t="s">
        <v>11</v>
      </c>
      <c r="E11227" s="1" t="s">
        <v>7</v>
      </c>
    </row>
    <row r="11228">
      <c r="A11228" s="1">
        <v>4.90486223E8</v>
      </c>
      <c r="B11228" s="2">
        <v>13125.0</v>
      </c>
      <c r="C11228" s="1" t="s">
        <v>5</v>
      </c>
      <c r="D11228" s="1" t="s">
        <v>9566</v>
      </c>
      <c r="E11228" s="1" t="s">
        <v>7</v>
      </c>
    </row>
    <row r="11229">
      <c r="A11229" s="1">
        <v>4.90486234E8</v>
      </c>
      <c r="B11229" s="2">
        <v>13231.0</v>
      </c>
      <c r="C11229" s="1" t="s">
        <v>5</v>
      </c>
      <c r="D11229" s="1" t="s">
        <v>11</v>
      </c>
      <c r="E11229" s="1" t="s">
        <v>7</v>
      </c>
    </row>
    <row r="11230">
      <c r="A11230" s="1">
        <v>4.90486244E8</v>
      </c>
      <c r="B11230" s="2">
        <v>13126.0</v>
      </c>
      <c r="C11230" s="1" t="s">
        <v>5</v>
      </c>
      <c r="D11230" s="1" t="s">
        <v>9567</v>
      </c>
      <c r="E11230" s="1" t="s">
        <v>7</v>
      </c>
    </row>
    <row r="11231">
      <c r="A11231" s="1">
        <v>4.90486247E8</v>
      </c>
      <c r="B11231" s="2">
        <v>13195.0</v>
      </c>
      <c r="C11231" s="1" t="s">
        <v>5</v>
      </c>
      <c r="D11231" s="1" t="s">
        <v>9568</v>
      </c>
      <c r="E11231" s="1" t="s">
        <v>7</v>
      </c>
    </row>
    <row r="11232">
      <c r="A11232" s="1">
        <v>4.90486254E8</v>
      </c>
      <c r="B11232" s="2">
        <v>13120.0</v>
      </c>
      <c r="C11232" s="1" t="s">
        <v>5</v>
      </c>
      <c r="D11232" s="1" t="s">
        <v>9569</v>
      </c>
      <c r="E11232" s="1" t="s">
        <v>7</v>
      </c>
    </row>
    <row r="11233">
      <c r="A11233" s="1">
        <v>4.90486282E8</v>
      </c>
      <c r="B11233" s="2">
        <v>13241.0</v>
      </c>
      <c r="C11233" s="1" t="s">
        <v>5</v>
      </c>
      <c r="D11233" s="1" t="s">
        <v>11</v>
      </c>
      <c r="E11233" s="1" t="s">
        <v>7</v>
      </c>
    </row>
    <row r="11234">
      <c r="A11234" s="1">
        <v>4.90486286E8</v>
      </c>
      <c r="B11234" s="3">
        <v>13300.0</v>
      </c>
      <c r="C11234" s="1" t="s">
        <v>5</v>
      </c>
      <c r="D11234" s="1" t="s">
        <v>9570</v>
      </c>
      <c r="E11234" s="1" t="s">
        <v>7</v>
      </c>
    </row>
    <row r="11235">
      <c r="A11235" s="1">
        <v>4.90486288E8</v>
      </c>
      <c r="B11235" s="2">
        <v>13182.0</v>
      </c>
      <c r="C11235" s="1" t="s">
        <v>5</v>
      </c>
      <c r="D11235" s="1" t="s">
        <v>9571</v>
      </c>
      <c r="E11235" s="1" t="s">
        <v>7</v>
      </c>
    </row>
    <row r="11236">
      <c r="A11236" s="1">
        <v>4.90486315E8</v>
      </c>
      <c r="B11236" s="2">
        <v>13176.0</v>
      </c>
      <c r="C11236" s="1" t="s">
        <v>5</v>
      </c>
      <c r="D11236" s="1" t="s">
        <v>9572</v>
      </c>
      <c r="E11236" s="1" t="s">
        <v>7</v>
      </c>
    </row>
    <row r="11237">
      <c r="A11237" s="1">
        <v>4.90486421E8</v>
      </c>
      <c r="B11237" s="2">
        <v>13119.0</v>
      </c>
      <c r="C11237" s="1" t="s">
        <v>5</v>
      </c>
      <c r="D11237" s="1" t="s">
        <v>9573</v>
      </c>
      <c r="E11237" s="1" t="s">
        <v>7</v>
      </c>
    </row>
    <row r="11238">
      <c r="A11238" s="1">
        <v>4.90486432E8</v>
      </c>
      <c r="B11238" s="2">
        <v>13191.0</v>
      </c>
      <c r="C11238" s="1" t="s">
        <v>5</v>
      </c>
      <c r="D11238" s="1" t="s">
        <v>9574</v>
      </c>
      <c r="E11238" s="1" t="s">
        <v>7</v>
      </c>
    </row>
    <row r="11239">
      <c r="A11239" s="1">
        <v>4.9048646E8</v>
      </c>
      <c r="B11239" s="3">
        <v>13296.0</v>
      </c>
      <c r="C11239" s="1" t="s">
        <v>5</v>
      </c>
      <c r="D11239" s="1" t="s">
        <v>9575</v>
      </c>
      <c r="E11239" s="1" t="s">
        <v>9576</v>
      </c>
    </row>
    <row r="11240">
      <c r="A11240" s="1">
        <v>4.90486484E8</v>
      </c>
      <c r="B11240" s="2">
        <v>13195.0</v>
      </c>
      <c r="C11240" s="1" t="s">
        <v>5</v>
      </c>
      <c r="D11240" s="1" t="s">
        <v>9577</v>
      </c>
      <c r="E11240" s="1" t="s">
        <v>7</v>
      </c>
    </row>
    <row r="11241">
      <c r="A11241" s="1">
        <v>4.90486506E8</v>
      </c>
      <c r="B11241" s="2">
        <v>13189.0</v>
      </c>
      <c r="C11241" s="1" t="s">
        <v>5</v>
      </c>
      <c r="D11241" s="1" t="s">
        <v>9578</v>
      </c>
      <c r="E11241" s="1" t="s">
        <v>9579</v>
      </c>
    </row>
    <row r="11242">
      <c r="A11242" s="1">
        <v>4.9048651E8</v>
      </c>
      <c r="B11242" s="3">
        <v>13300.0</v>
      </c>
      <c r="C11242" s="1" t="s">
        <v>5</v>
      </c>
      <c r="D11242" s="1" t="s">
        <v>9580</v>
      </c>
      <c r="E11242" s="1" t="s">
        <v>7</v>
      </c>
    </row>
    <row r="11243">
      <c r="A11243" s="1">
        <v>4.90486512E8</v>
      </c>
      <c r="B11243" s="2">
        <v>13242.0</v>
      </c>
      <c r="C11243" s="1" t="s">
        <v>5</v>
      </c>
      <c r="D11243" s="1" t="s">
        <v>9581</v>
      </c>
      <c r="E11243" s="1" t="s">
        <v>11</v>
      </c>
    </row>
    <row r="11244">
      <c r="A11244" s="1">
        <v>4.90486521E8</v>
      </c>
      <c r="B11244" s="2">
        <v>13239.0</v>
      </c>
      <c r="C11244" s="1" t="s">
        <v>5</v>
      </c>
      <c r="D11244" s="1" t="s">
        <v>9582</v>
      </c>
      <c r="E11244" s="1" t="s">
        <v>11</v>
      </c>
    </row>
    <row r="11245">
      <c r="A11245" s="1">
        <v>4.90486587E8</v>
      </c>
      <c r="B11245" s="2">
        <v>13230.0</v>
      </c>
      <c r="C11245" s="1" t="s">
        <v>5</v>
      </c>
      <c r="D11245" s="1" t="s">
        <v>9583</v>
      </c>
      <c r="E11245" s="1" t="s">
        <v>7</v>
      </c>
    </row>
    <row r="11246">
      <c r="A11246" s="1">
        <v>4.90486614E8</v>
      </c>
      <c r="B11246" s="2">
        <v>13194.0</v>
      </c>
      <c r="C11246" s="1" t="s">
        <v>5</v>
      </c>
      <c r="D11246" s="1" t="s">
        <v>9584</v>
      </c>
      <c r="E11246" s="1" t="s">
        <v>11</v>
      </c>
    </row>
    <row r="11247">
      <c r="A11247" s="1">
        <v>4.90486713E8</v>
      </c>
      <c r="B11247" s="2">
        <v>13253.0</v>
      </c>
      <c r="C11247" s="1" t="s">
        <v>5</v>
      </c>
      <c r="D11247" s="1" t="s">
        <v>11</v>
      </c>
      <c r="E11247" s="1" t="s">
        <v>7</v>
      </c>
    </row>
    <row r="11248">
      <c r="A11248" s="1">
        <v>4.90486728E8</v>
      </c>
      <c r="B11248" s="2">
        <v>13119.0</v>
      </c>
      <c r="C11248" s="1" t="s">
        <v>5</v>
      </c>
      <c r="D11248" s="1" t="s">
        <v>11</v>
      </c>
      <c r="E11248" s="1" t="s">
        <v>7</v>
      </c>
    </row>
    <row r="11249">
      <c r="A11249" s="1">
        <v>4.90486747E8</v>
      </c>
      <c r="B11249" s="3">
        <v>13300.0</v>
      </c>
      <c r="C11249" s="1" t="s">
        <v>5</v>
      </c>
      <c r="D11249" s="1" t="s">
        <v>9585</v>
      </c>
      <c r="E11249" s="1" t="s">
        <v>7</v>
      </c>
    </row>
    <row r="11250">
      <c r="A11250" s="1">
        <v>4.90486766E8</v>
      </c>
      <c r="B11250" s="2">
        <v>13214.0</v>
      </c>
      <c r="C11250" s="1" t="s">
        <v>5</v>
      </c>
      <c r="D11250" s="1" t="s">
        <v>9586</v>
      </c>
      <c r="E11250" s="1" t="s">
        <v>7</v>
      </c>
    </row>
    <row r="11251">
      <c r="A11251" s="1">
        <v>4.9048681E8</v>
      </c>
      <c r="B11251" s="2">
        <v>13189.0</v>
      </c>
      <c r="C11251" s="1" t="s">
        <v>5</v>
      </c>
      <c r="D11251" s="1" t="s">
        <v>9587</v>
      </c>
      <c r="E11251" s="1" t="s">
        <v>7</v>
      </c>
    </row>
    <row r="11252">
      <c r="A11252" s="1">
        <v>4.90486822E8</v>
      </c>
      <c r="B11252" s="2">
        <v>13125.0</v>
      </c>
      <c r="C11252" s="1" t="s">
        <v>5</v>
      </c>
      <c r="D11252" s="1" t="s">
        <v>9588</v>
      </c>
      <c r="E11252" s="1" t="s">
        <v>11</v>
      </c>
    </row>
    <row r="11253">
      <c r="A11253" s="1">
        <v>4.90486891E8</v>
      </c>
      <c r="B11253" s="2">
        <v>13232.0</v>
      </c>
      <c r="C11253" s="1" t="s">
        <v>5</v>
      </c>
      <c r="D11253" s="1" t="s">
        <v>9589</v>
      </c>
      <c r="E11253" s="1" t="s">
        <v>7</v>
      </c>
    </row>
    <row r="11254">
      <c r="A11254" s="1">
        <v>4.90486946E8</v>
      </c>
      <c r="B11254" s="3">
        <v>13300.0</v>
      </c>
      <c r="C11254" s="1" t="s">
        <v>5</v>
      </c>
      <c r="D11254" s="1" t="s">
        <v>9590</v>
      </c>
      <c r="E11254" s="1" t="s">
        <v>7</v>
      </c>
    </row>
    <row r="11255">
      <c r="A11255" s="1">
        <v>4.90486963E8</v>
      </c>
      <c r="B11255" s="2">
        <v>13228.0</v>
      </c>
      <c r="C11255" s="1" t="s">
        <v>5</v>
      </c>
      <c r="D11255" s="1" t="s">
        <v>9591</v>
      </c>
      <c r="E11255" s="1" t="s">
        <v>7</v>
      </c>
    </row>
    <row r="11256">
      <c r="A11256" s="1">
        <v>4.90486966E8</v>
      </c>
      <c r="B11256" s="2">
        <v>13188.0</v>
      </c>
      <c r="C11256" s="1" t="s">
        <v>5</v>
      </c>
      <c r="D11256" s="1" t="s">
        <v>9592</v>
      </c>
      <c r="E11256" s="1" t="s">
        <v>7</v>
      </c>
    </row>
    <row r="11257">
      <c r="A11257" s="1">
        <v>4.90486967E8</v>
      </c>
      <c r="B11257" s="2">
        <v>13139.0</v>
      </c>
      <c r="C11257" s="1" t="s">
        <v>5</v>
      </c>
      <c r="D11257" s="1" t="s">
        <v>11</v>
      </c>
      <c r="E11257" s="1" t="s">
        <v>7</v>
      </c>
    </row>
    <row r="11258">
      <c r="A11258" s="1">
        <v>4.90486981E8</v>
      </c>
      <c r="B11258" s="3">
        <v>13297.0</v>
      </c>
      <c r="C11258" s="1" t="s">
        <v>5</v>
      </c>
      <c r="D11258" s="1" t="s">
        <v>9593</v>
      </c>
      <c r="E11258" s="1" t="s">
        <v>11</v>
      </c>
    </row>
    <row r="11259">
      <c r="A11259" s="1">
        <v>4.90486984E8</v>
      </c>
      <c r="B11259" s="2">
        <v>13236.0</v>
      </c>
      <c r="C11259" s="1" t="s">
        <v>5</v>
      </c>
      <c r="D11259" s="1" t="s">
        <v>9594</v>
      </c>
      <c r="E11259" s="1" t="s">
        <v>9595</v>
      </c>
    </row>
    <row r="11260">
      <c r="A11260" s="1">
        <v>4.90486996E8</v>
      </c>
      <c r="B11260" s="3">
        <v>13294.0</v>
      </c>
      <c r="C11260" s="1" t="s">
        <v>5</v>
      </c>
      <c r="D11260" s="1" t="s">
        <v>11</v>
      </c>
      <c r="E11260" s="1" t="s">
        <v>7</v>
      </c>
    </row>
    <row r="11261">
      <c r="A11261" s="1">
        <v>4.90487008E8</v>
      </c>
      <c r="B11261" s="3">
        <v>13299.0</v>
      </c>
      <c r="C11261" s="1" t="s">
        <v>5</v>
      </c>
      <c r="D11261" s="1" t="s">
        <v>9596</v>
      </c>
      <c r="E11261" s="1" t="s">
        <v>9597</v>
      </c>
    </row>
    <row r="11262">
      <c r="A11262" s="1">
        <v>4.90487011E8</v>
      </c>
      <c r="B11262" s="2">
        <v>13192.0</v>
      </c>
      <c r="C11262" s="1" t="s">
        <v>5</v>
      </c>
      <c r="D11262" s="1" t="s">
        <v>9598</v>
      </c>
      <c r="E11262" s="1" t="s">
        <v>9599</v>
      </c>
    </row>
    <row r="11263">
      <c r="A11263" s="1">
        <v>4.90487031E8</v>
      </c>
      <c r="B11263" s="3">
        <v>13294.0</v>
      </c>
      <c r="C11263" s="1" t="s">
        <v>5</v>
      </c>
      <c r="D11263" s="1" t="s">
        <v>11</v>
      </c>
      <c r="E11263" s="1" t="s">
        <v>7</v>
      </c>
    </row>
    <row r="11264">
      <c r="A11264" s="1">
        <v>4.90487079E8</v>
      </c>
      <c r="B11264" s="3">
        <v>13298.0</v>
      </c>
      <c r="C11264" s="1" t="s">
        <v>5</v>
      </c>
      <c r="D11264" s="1" t="s">
        <v>9600</v>
      </c>
      <c r="E11264" s="1" t="s">
        <v>7</v>
      </c>
    </row>
    <row r="11265">
      <c r="A11265" s="1">
        <v>4.90487086E8</v>
      </c>
      <c r="B11265" s="2">
        <v>13188.0</v>
      </c>
      <c r="C11265" s="1" t="s">
        <v>5</v>
      </c>
      <c r="D11265" s="1" t="s">
        <v>9601</v>
      </c>
      <c r="E11265" s="1" t="s">
        <v>9602</v>
      </c>
    </row>
    <row r="11266">
      <c r="A11266" s="1">
        <v>4.90487104E8</v>
      </c>
      <c r="B11266" s="3">
        <v>13297.0</v>
      </c>
      <c r="C11266" s="1" t="s">
        <v>5</v>
      </c>
      <c r="D11266" s="1" t="s">
        <v>7</v>
      </c>
      <c r="E11266" s="1" t="s">
        <v>7</v>
      </c>
    </row>
    <row r="11267">
      <c r="A11267" s="1">
        <v>4.90487105E8</v>
      </c>
      <c r="B11267" s="2">
        <v>13228.0</v>
      </c>
      <c r="C11267" s="1" t="s">
        <v>5</v>
      </c>
      <c r="D11267" s="1" t="s">
        <v>11</v>
      </c>
      <c r="E11267" s="1" t="s">
        <v>7</v>
      </c>
    </row>
    <row r="11268">
      <c r="A11268" s="1">
        <v>4.90487132E8</v>
      </c>
      <c r="B11268" s="2">
        <v>13138.0</v>
      </c>
      <c r="C11268" s="1" t="s">
        <v>5</v>
      </c>
      <c r="D11268" s="1" t="s">
        <v>9603</v>
      </c>
      <c r="E11268" s="1" t="s">
        <v>7</v>
      </c>
    </row>
    <row r="11269">
      <c r="A11269" s="1">
        <v>4.90487141E8</v>
      </c>
      <c r="B11269" s="3">
        <v>13298.0</v>
      </c>
      <c r="C11269" s="1" t="s">
        <v>5</v>
      </c>
      <c r="D11269" s="1" t="s">
        <v>11</v>
      </c>
      <c r="E11269" s="1" t="s">
        <v>7</v>
      </c>
    </row>
    <row r="11270">
      <c r="A11270" s="1">
        <v>4.90487146E8</v>
      </c>
      <c r="B11270" s="2">
        <v>13227.0</v>
      </c>
      <c r="C11270" s="1" t="s">
        <v>5</v>
      </c>
      <c r="D11270" s="1" t="s">
        <v>9604</v>
      </c>
      <c r="E11270" s="1" t="s">
        <v>9605</v>
      </c>
    </row>
    <row r="11271">
      <c r="A11271" s="1">
        <v>4.90487168E8</v>
      </c>
      <c r="B11271" s="2">
        <v>13187.0</v>
      </c>
      <c r="C11271" s="1" t="s">
        <v>5</v>
      </c>
      <c r="D11271" s="1" t="s">
        <v>9606</v>
      </c>
      <c r="E11271" s="1" t="s">
        <v>9607</v>
      </c>
    </row>
    <row r="11272">
      <c r="A11272" s="1">
        <v>4.90487175E8</v>
      </c>
      <c r="B11272" s="2">
        <v>13178.0</v>
      </c>
      <c r="C11272" s="1" t="s">
        <v>5</v>
      </c>
      <c r="D11272" s="1" t="s">
        <v>9608</v>
      </c>
      <c r="E11272" s="1" t="s">
        <v>7</v>
      </c>
    </row>
    <row r="11273">
      <c r="A11273" s="1">
        <v>4.904872E8</v>
      </c>
      <c r="B11273" s="2">
        <v>13237.0</v>
      </c>
      <c r="C11273" s="1" t="s">
        <v>5</v>
      </c>
      <c r="D11273" s="1" t="s">
        <v>11</v>
      </c>
      <c r="E11273" s="1" t="s">
        <v>7</v>
      </c>
    </row>
    <row r="11274">
      <c r="A11274" s="1">
        <v>4.90487201E8</v>
      </c>
      <c r="B11274" s="2">
        <v>13188.0</v>
      </c>
      <c r="C11274" s="1" t="s">
        <v>5</v>
      </c>
      <c r="D11274" s="1" t="s">
        <v>9609</v>
      </c>
      <c r="E11274" s="1" t="s">
        <v>11</v>
      </c>
    </row>
    <row r="11275">
      <c r="A11275" s="1">
        <v>4.90487211E8</v>
      </c>
      <c r="B11275" s="2">
        <v>13179.0</v>
      </c>
      <c r="C11275" s="1" t="s">
        <v>5</v>
      </c>
      <c r="D11275" s="1" t="s">
        <v>9610</v>
      </c>
      <c r="E11275" s="1" t="s">
        <v>11</v>
      </c>
    </row>
    <row r="11276">
      <c r="A11276" s="1">
        <v>4.90487239E8</v>
      </c>
      <c r="B11276" s="2">
        <v>13248.0</v>
      </c>
      <c r="C11276" s="1" t="s">
        <v>5</v>
      </c>
      <c r="D11276" s="1" t="s">
        <v>9611</v>
      </c>
      <c r="E11276" s="1" t="s">
        <v>7</v>
      </c>
    </row>
    <row r="11277">
      <c r="A11277" s="1">
        <v>4.90487268E8</v>
      </c>
      <c r="B11277" s="3">
        <v>13293.0</v>
      </c>
      <c r="C11277" s="1" t="s">
        <v>5</v>
      </c>
      <c r="D11277" s="1" t="s">
        <v>9612</v>
      </c>
      <c r="E11277" s="1" t="s">
        <v>7</v>
      </c>
    </row>
    <row r="11278">
      <c r="A11278" s="1">
        <v>4.9048727E8</v>
      </c>
      <c r="B11278" s="2">
        <v>13177.0</v>
      </c>
      <c r="C11278" s="1" t="s">
        <v>5</v>
      </c>
      <c r="D11278" s="1" t="s">
        <v>9613</v>
      </c>
      <c r="E11278" s="1" t="s">
        <v>7</v>
      </c>
    </row>
    <row r="11279">
      <c r="A11279" s="1">
        <v>4.90487277E8</v>
      </c>
      <c r="B11279" s="3">
        <v>13298.0</v>
      </c>
      <c r="C11279" s="1" t="s">
        <v>5</v>
      </c>
      <c r="D11279" s="1" t="s">
        <v>9614</v>
      </c>
      <c r="E11279" s="1" t="s">
        <v>7</v>
      </c>
    </row>
    <row r="11280">
      <c r="A11280" s="1">
        <v>4.90487285E8</v>
      </c>
      <c r="B11280" s="2">
        <v>13241.0</v>
      </c>
      <c r="C11280" s="1" t="s">
        <v>5</v>
      </c>
      <c r="D11280" s="1" t="s">
        <v>9615</v>
      </c>
      <c r="E11280" s="1" t="s">
        <v>11</v>
      </c>
    </row>
    <row r="11281">
      <c r="A11281" s="1">
        <v>4.90487289E8</v>
      </c>
      <c r="B11281" s="2">
        <v>13228.0</v>
      </c>
      <c r="C11281" s="1" t="s">
        <v>5</v>
      </c>
      <c r="D11281" s="1" t="s">
        <v>9616</v>
      </c>
      <c r="E11281" s="1" t="s">
        <v>7</v>
      </c>
    </row>
    <row r="11282">
      <c r="A11282" s="1">
        <v>4.90487294E8</v>
      </c>
      <c r="B11282" s="2">
        <v>13210.0</v>
      </c>
      <c r="C11282" s="1" t="s">
        <v>5</v>
      </c>
      <c r="D11282" s="1" t="s">
        <v>9617</v>
      </c>
      <c r="E11282" s="1" t="s">
        <v>9618</v>
      </c>
    </row>
    <row r="11283">
      <c r="A11283" s="1">
        <v>4.90487311E8</v>
      </c>
      <c r="B11283" s="3">
        <v>13298.0</v>
      </c>
      <c r="C11283" s="1" t="s">
        <v>5</v>
      </c>
      <c r="D11283" s="1" t="s">
        <v>9619</v>
      </c>
      <c r="E11283" s="1" t="s">
        <v>7</v>
      </c>
    </row>
    <row r="11284">
      <c r="A11284" s="1">
        <v>4.9048732E8</v>
      </c>
      <c r="B11284" s="2">
        <v>13228.0</v>
      </c>
      <c r="C11284" s="1" t="s">
        <v>5</v>
      </c>
      <c r="D11284" s="1" t="s">
        <v>9620</v>
      </c>
      <c r="E11284" s="1" t="s">
        <v>7</v>
      </c>
    </row>
    <row r="11285">
      <c r="A11285" s="1">
        <v>4.90487334E8</v>
      </c>
      <c r="B11285" s="3">
        <v>13296.0</v>
      </c>
      <c r="C11285" s="1" t="s">
        <v>5</v>
      </c>
      <c r="D11285" s="1" t="s">
        <v>11</v>
      </c>
      <c r="E11285" s="1" t="s">
        <v>7</v>
      </c>
    </row>
    <row r="11286">
      <c r="A11286" s="1">
        <v>4.90487355E8</v>
      </c>
      <c r="B11286" s="2">
        <v>13178.0</v>
      </c>
      <c r="C11286" s="1" t="s">
        <v>5</v>
      </c>
      <c r="D11286" s="1" t="s">
        <v>9621</v>
      </c>
      <c r="E11286" s="1" t="s">
        <v>11</v>
      </c>
    </row>
    <row r="11287">
      <c r="A11287" s="1">
        <v>4.90487411E8</v>
      </c>
      <c r="B11287" s="2">
        <v>13122.0</v>
      </c>
      <c r="C11287" s="1" t="s">
        <v>5</v>
      </c>
      <c r="D11287" s="1" t="s">
        <v>9622</v>
      </c>
      <c r="E11287" s="1" t="s">
        <v>7</v>
      </c>
    </row>
    <row r="11288">
      <c r="A11288" s="1">
        <v>4.90487421E8</v>
      </c>
      <c r="B11288" s="2">
        <v>13178.0</v>
      </c>
      <c r="C11288" s="1" t="s">
        <v>5</v>
      </c>
      <c r="D11288" s="1" t="s">
        <v>9623</v>
      </c>
      <c r="E11288" s="1" t="s">
        <v>7</v>
      </c>
    </row>
    <row r="11289">
      <c r="A11289" s="1">
        <v>4.90487435E8</v>
      </c>
      <c r="B11289" s="3">
        <v>13297.0</v>
      </c>
      <c r="C11289" s="1" t="s">
        <v>5</v>
      </c>
      <c r="D11289" s="1" t="s">
        <v>9624</v>
      </c>
      <c r="E11289" s="1" t="s">
        <v>11</v>
      </c>
    </row>
    <row r="11290">
      <c r="A11290" s="1">
        <v>4.9048744E8</v>
      </c>
      <c r="B11290" s="2">
        <v>13120.0</v>
      </c>
      <c r="C11290" s="1" t="s">
        <v>5</v>
      </c>
      <c r="D11290" s="1">
        <v>1.0</v>
      </c>
      <c r="E11290" s="1" t="s">
        <v>7</v>
      </c>
    </row>
    <row r="11291">
      <c r="A11291" s="1">
        <v>4.90487441E8</v>
      </c>
      <c r="B11291" s="3">
        <v>13295.0</v>
      </c>
      <c r="C11291" s="1" t="s">
        <v>5</v>
      </c>
      <c r="D11291" s="1" t="s">
        <v>9625</v>
      </c>
      <c r="E11291" s="1" t="s">
        <v>11</v>
      </c>
    </row>
    <row r="11292">
      <c r="A11292" s="1">
        <v>4.90487463E8</v>
      </c>
      <c r="B11292" s="2">
        <v>13246.0</v>
      </c>
      <c r="C11292" s="1" t="s">
        <v>5</v>
      </c>
      <c r="D11292" s="1" t="s">
        <v>9626</v>
      </c>
      <c r="E11292" s="1" t="s">
        <v>9627</v>
      </c>
    </row>
    <row r="11293">
      <c r="A11293" s="1">
        <v>4.90487501E8</v>
      </c>
      <c r="B11293" s="2">
        <v>13181.0</v>
      </c>
      <c r="C11293" s="1" t="s">
        <v>5</v>
      </c>
      <c r="D11293" s="1" t="s">
        <v>9628</v>
      </c>
      <c r="E11293" s="1" t="s">
        <v>7</v>
      </c>
    </row>
    <row r="11294">
      <c r="A11294" s="1">
        <v>4.90487573E8</v>
      </c>
      <c r="B11294" s="2">
        <v>13183.0</v>
      </c>
      <c r="C11294" s="1" t="s">
        <v>5</v>
      </c>
      <c r="D11294" s="1" t="s">
        <v>9629</v>
      </c>
      <c r="E11294" s="1" t="s">
        <v>7</v>
      </c>
    </row>
    <row r="11295">
      <c r="A11295" s="1">
        <v>4.90487597E8</v>
      </c>
      <c r="B11295" s="3">
        <v>13292.0</v>
      </c>
      <c r="C11295" s="1" t="s">
        <v>5</v>
      </c>
      <c r="D11295" s="1" t="s">
        <v>9630</v>
      </c>
      <c r="E11295" s="1" t="s">
        <v>7</v>
      </c>
    </row>
    <row r="11296">
      <c r="A11296" s="1">
        <v>4.90487613E8</v>
      </c>
      <c r="B11296" s="2">
        <v>13226.0</v>
      </c>
      <c r="C11296" s="1" t="s">
        <v>5</v>
      </c>
      <c r="D11296" s="1" t="s">
        <v>9631</v>
      </c>
      <c r="E11296" s="1" t="s">
        <v>11</v>
      </c>
    </row>
    <row r="11297">
      <c r="A11297" s="1">
        <v>4.90487665E8</v>
      </c>
      <c r="B11297" s="3">
        <v>13291.0</v>
      </c>
      <c r="C11297" s="1" t="s">
        <v>5</v>
      </c>
      <c r="D11297" s="1" t="s">
        <v>9632</v>
      </c>
      <c r="E11297" s="1" t="s">
        <v>7</v>
      </c>
    </row>
    <row r="11298">
      <c r="A11298" s="1">
        <v>4.90487666E8</v>
      </c>
      <c r="B11298" s="3">
        <v>13295.0</v>
      </c>
      <c r="C11298" s="1" t="s">
        <v>5</v>
      </c>
      <c r="D11298" s="1" t="s">
        <v>9633</v>
      </c>
      <c r="E11298" s="1" t="s">
        <v>11</v>
      </c>
    </row>
    <row r="11299">
      <c r="A11299" s="1">
        <v>4.9048771E8</v>
      </c>
      <c r="B11299" s="3">
        <v>13296.0</v>
      </c>
      <c r="C11299" s="1" t="s">
        <v>5</v>
      </c>
      <c r="D11299" s="1" t="s">
        <v>11</v>
      </c>
      <c r="E11299" s="1" t="s">
        <v>7</v>
      </c>
    </row>
    <row r="11300">
      <c r="A11300" s="1">
        <v>4.90487788E8</v>
      </c>
      <c r="B11300" s="2">
        <v>13119.0</v>
      </c>
      <c r="C11300" s="1" t="s">
        <v>5</v>
      </c>
      <c r="D11300" s="1" t="s">
        <v>9634</v>
      </c>
      <c r="E11300" s="1" t="s">
        <v>7</v>
      </c>
    </row>
    <row r="11301">
      <c r="A11301" s="1">
        <v>4.90487826E8</v>
      </c>
      <c r="B11301" s="3">
        <v>13300.0</v>
      </c>
      <c r="C11301" s="1" t="s">
        <v>5</v>
      </c>
      <c r="D11301" s="1" t="s">
        <v>9635</v>
      </c>
      <c r="E11301" s="1" t="s">
        <v>11</v>
      </c>
    </row>
    <row r="11302">
      <c r="A11302" s="1">
        <v>4.90487833E8</v>
      </c>
      <c r="B11302" s="3">
        <v>13296.0</v>
      </c>
      <c r="C11302" s="1" t="s">
        <v>5</v>
      </c>
      <c r="D11302" s="1" t="s">
        <v>9636</v>
      </c>
      <c r="E11302" s="1" t="s">
        <v>7</v>
      </c>
    </row>
    <row r="11303">
      <c r="A11303" s="1">
        <v>4.90487836E8</v>
      </c>
      <c r="B11303" s="3">
        <v>13295.0</v>
      </c>
      <c r="C11303" s="1" t="s">
        <v>5</v>
      </c>
      <c r="D11303" s="1" t="s">
        <v>9637</v>
      </c>
      <c r="E11303" s="1" t="s">
        <v>7</v>
      </c>
    </row>
    <row r="11304">
      <c r="A11304" s="1">
        <v>4.90487865E8</v>
      </c>
      <c r="B11304" s="2">
        <v>13218.0</v>
      </c>
      <c r="C11304" s="1" t="s">
        <v>5</v>
      </c>
      <c r="D11304" s="1" t="s">
        <v>9638</v>
      </c>
      <c r="E11304" s="1" t="s">
        <v>11</v>
      </c>
    </row>
    <row r="11305">
      <c r="A11305" s="1">
        <v>4.90487904E8</v>
      </c>
      <c r="B11305" s="2">
        <v>13233.0</v>
      </c>
      <c r="C11305" s="1" t="s">
        <v>5</v>
      </c>
      <c r="D11305" s="1" t="s">
        <v>9639</v>
      </c>
      <c r="E11305" s="1" t="s">
        <v>7</v>
      </c>
    </row>
    <row r="11306">
      <c r="A11306" s="1">
        <v>4.90487906E8</v>
      </c>
      <c r="B11306" s="2">
        <v>13136.0</v>
      </c>
      <c r="C11306" s="1" t="s">
        <v>5</v>
      </c>
      <c r="D11306" s="1" t="s">
        <v>9640</v>
      </c>
      <c r="E11306" s="1" t="s">
        <v>11</v>
      </c>
    </row>
    <row r="11307">
      <c r="A11307" s="1">
        <v>4.90487923E8</v>
      </c>
      <c r="B11307" s="3">
        <v>13294.0</v>
      </c>
      <c r="C11307" s="1" t="s">
        <v>5</v>
      </c>
      <c r="D11307" s="1" t="s">
        <v>9641</v>
      </c>
      <c r="E11307" s="1" t="s">
        <v>7</v>
      </c>
    </row>
    <row r="11308">
      <c r="A11308" s="1">
        <v>4.90487927E8</v>
      </c>
      <c r="B11308" s="3">
        <v>13294.0</v>
      </c>
      <c r="C11308" s="1" t="s">
        <v>5</v>
      </c>
      <c r="D11308" s="1" t="s">
        <v>11</v>
      </c>
      <c r="E11308" s="1" t="s">
        <v>7</v>
      </c>
    </row>
    <row r="11309">
      <c r="A11309" s="1">
        <v>4.90487955E8</v>
      </c>
      <c r="B11309" s="2">
        <v>13216.0</v>
      </c>
      <c r="C11309" s="1" t="s">
        <v>5</v>
      </c>
      <c r="D11309" s="1" t="s">
        <v>9642</v>
      </c>
      <c r="E11309" s="1" t="s">
        <v>11</v>
      </c>
    </row>
    <row r="11310">
      <c r="A11310" s="1">
        <v>4.90487963E8</v>
      </c>
      <c r="B11310" s="2">
        <v>13179.0</v>
      </c>
      <c r="C11310" s="1" t="s">
        <v>5</v>
      </c>
      <c r="D11310" s="1" t="s">
        <v>9643</v>
      </c>
      <c r="E11310" s="1" t="s">
        <v>11</v>
      </c>
    </row>
    <row r="11311">
      <c r="A11311" s="1">
        <v>4.9048797E8</v>
      </c>
      <c r="B11311" s="2">
        <v>13136.0</v>
      </c>
      <c r="C11311" s="1" t="s">
        <v>5</v>
      </c>
      <c r="D11311" s="1" t="s">
        <v>11</v>
      </c>
      <c r="E11311" s="1" t="s">
        <v>7</v>
      </c>
    </row>
    <row r="11312">
      <c r="A11312" s="1">
        <v>4.90488008E8</v>
      </c>
      <c r="B11312" s="3">
        <v>13294.0</v>
      </c>
      <c r="C11312" s="1" t="s">
        <v>5</v>
      </c>
      <c r="D11312" s="1" t="s">
        <v>11</v>
      </c>
      <c r="E11312" s="1" t="s">
        <v>7</v>
      </c>
    </row>
    <row r="11313">
      <c r="A11313" s="1">
        <v>4.90488039E8</v>
      </c>
      <c r="B11313" s="2">
        <v>13224.0</v>
      </c>
      <c r="C11313" s="1" t="s">
        <v>5</v>
      </c>
      <c r="D11313" s="1" t="s">
        <v>9644</v>
      </c>
      <c r="E11313" s="1" t="s">
        <v>7</v>
      </c>
    </row>
    <row r="11314">
      <c r="A11314" s="1">
        <v>4.90488046E8</v>
      </c>
      <c r="B11314" s="3">
        <v>13289.0</v>
      </c>
      <c r="C11314" s="1" t="s">
        <v>5</v>
      </c>
      <c r="D11314" s="1" t="s">
        <v>9645</v>
      </c>
      <c r="E11314" s="1" t="s">
        <v>9646</v>
      </c>
    </row>
    <row r="11315">
      <c r="A11315" s="1">
        <v>4.90488051E8</v>
      </c>
      <c r="B11315" s="3">
        <v>13294.0</v>
      </c>
      <c r="C11315" s="1" t="s">
        <v>5</v>
      </c>
      <c r="D11315" s="1" t="s">
        <v>11</v>
      </c>
      <c r="E11315" s="1" t="s">
        <v>7</v>
      </c>
    </row>
    <row r="11316">
      <c r="A11316" s="1">
        <v>4.90488062E8</v>
      </c>
      <c r="B11316" s="2">
        <v>13234.0</v>
      </c>
      <c r="C11316" s="1" t="s">
        <v>5</v>
      </c>
      <c r="D11316" s="1" t="s">
        <v>11</v>
      </c>
      <c r="E11316" s="1" t="s">
        <v>7</v>
      </c>
    </row>
    <row r="11317">
      <c r="A11317" s="1">
        <v>4.90488064E8</v>
      </c>
      <c r="B11317" s="2">
        <v>13216.0</v>
      </c>
      <c r="C11317" s="1" t="s">
        <v>5</v>
      </c>
      <c r="D11317" s="1" t="s">
        <v>9647</v>
      </c>
      <c r="E11317" s="1" t="s">
        <v>11</v>
      </c>
    </row>
    <row r="11318">
      <c r="A11318" s="1">
        <v>4.90488076E8</v>
      </c>
      <c r="B11318" s="2">
        <v>13224.0</v>
      </c>
      <c r="C11318" s="1" t="s">
        <v>5</v>
      </c>
      <c r="D11318" s="1" t="s">
        <v>9648</v>
      </c>
      <c r="E11318" s="1" t="s">
        <v>7</v>
      </c>
    </row>
    <row r="11319">
      <c r="A11319" s="1">
        <v>4.90488114E8</v>
      </c>
      <c r="B11319" s="3">
        <v>13294.0</v>
      </c>
      <c r="C11319" s="1" t="s">
        <v>5</v>
      </c>
      <c r="D11319" s="1" t="s">
        <v>9649</v>
      </c>
      <c r="E11319" s="1" t="s">
        <v>7</v>
      </c>
    </row>
    <row r="11320">
      <c r="A11320" s="1">
        <v>4.90488166E8</v>
      </c>
      <c r="B11320" s="2">
        <v>13172.0</v>
      </c>
      <c r="C11320" s="1" t="s">
        <v>5</v>
      </c>
      <c r="D11320" s="1" t="s">
        <v>9650</v>
      </c>
      <c r="E11320" s="1" t="s">
        <v>7</v>
      </c>
    </row>
    <row r="11321">
      <c r="A11321" s="1">
        <v>4.90488177E8</v>
      </c>
      <c r="B11321" s="2">
        <v>13233.0</v>
      </c>
      <c r="C11321" s="1" t="s">
        <v>5</v>
      </c>
      <c r="D11321" s="1" t="s">
        <v>9651</v>
      </c>
      <c r="E11321" s="1" t="s">
        <v>9652</v>
      </c>
    </row>
    <row r="11322">
      <c r="A11322" s="1">
        <v>4.90488187E8</v>
      </c>
      <c r="B11322" s="2">
        <v>13224.0</v>
      </c>
      <c r="C11322" s="1" t="s">
        <v>5</v>
      </c>
      <c r="D11322" s="1" t="s">
        <v>9653</v>
      </c>
      <c r="E11322" s="1" t="s">
        <v>11</v>
      </c>
    </row>
    <row r="11323">
      <c r="A11323" s="1">
        <v>4.90488225E8</v>
      </c>
      <c r="B11323" s="3">
        <v>13294.0</v>
      </c>
      <c r="C11323" s="1" t="s">
        <v>5</v>
      </c>
      <c r="D11323" s="1" t="s">
        <v>9654</v>
      </c>
      <c r="E11323" s="1" t="s">
        <v>7</v>
      </c>
    </row>
    <row r="11324">
      <c r="A11324" s="1">
        <v>4.90488241E8</v>
      </c>
      <c r="B11324" s="3">
        <v>13297.0</v>
      </c>
      <c r="C11324" s="1" t="s">
        <v>5</v>
      </c>
      <c r="D11324" s="1" t="s">
        <v>9655</v>
      </c>
      <c r="E11324" s="1" t="s">
        <v>7</v>
      </c>
    </row>
    <row r="11325">
      <c r="A11325" s="1">
        <v>4.90488258E8</v>
      </c>
      <c r="B11325" s="2">
        <v>13223.0</v>
      </c>
      <c r="C11325" s="1" t="s">
        <v>5</v>
      </c>
      <c r="D11325" s="1" t="s">
        <v>9656</v>
      </c>
      <c r="E11325" s="1" t="s">
        <v>11</v>
      </c>
    </row>
    <row r="11326">
      <c r="A11326" s="1">
        <v>4.90488296E8</v>
      </c>
      <c r="B11326" s="2">
        <v>13215.0</v>
      </c>
      <c r="C11326" s="1" t="s">
        <v>5</v>
      </c>
      <c r="D11326" s="1" t="s">
        <v>9657</v>
      </c>
      <c r="E11326" s="1" t="s">
        <v>7</v>
      </c>
    </row>
    <row r="11327">
      <c r="A11327" s="1">
        <v>4.90488378E8</v>
      </c>
      <c r="B11327" s="2">
        <v>13266.0</v>
      </c>
      <c r="C11327" s="1" t="s">
        <v>5</v>
      </c>
      <c r="D11327" s="1" t="s">
        <v>9658</v>
      </c>
      <c r="E11327" s="1" t="s">
        <v>7</v>
      </c>
    </row>
    <row r="11328">
      <c r="A11328" s="1">
        <v>4.90488382E8</v>
      </c>
      <c r="B11328" s="3">
        <v>13292.0</v>
      </c>
      <c r="C11328" s="1" t="s">
        <v>5</v>
      </c>
      <c r="D11328" s="1" t="s">
        <v>9659</v>
      </c>
      <c r="E11328" s="1" t="s">
        <v>11</v>
      </c>
    </row>
    <row r="11329">
      <c r="A11329" s="1">
        <v>4.90488384E8</v>
      </c>
      <c r="B11329" s="3">
        <v>13293.0</v>
      </c>
      <c r="C11329" s="1" t="s">
        <v>5</v>
      </c>
      <c r="D11329" s="1" t="s">
        <v>11</v>
      </c>
      <c r="E11329" s="1" t="s">
        <v>7</v>
      </c>
    </row>
    <row r="11330">
      <c r="A11330" s="1">
        <v>4.90488417E8</v>
      </c>
      <c r="B11330" s="3">
        <v>13292.0</v>
      </c>
      <c r="C11330" s="1" t="s">
        <v>5</v>
      </c>
      <c r="D11330" s="1" t="s">
        <v>11</v>
      </c>
      <c r="E11330" s="1" t="s">
        <v>7</v>
      </c>
    </row>
    <row r="11331">
      <c r="A11331" s="1">
        <v>4.90488423E8</v>
      </c>
      <c r="B11331" s="2">
        <v>13134.0</v>
      </c>
      <c r="C11331" s="1" t="s">
        <v>5</v>
      </c>
      <c r="D11331" s="1" t="s">
        <v>9660</v>
      </c>
      <c r="E11331" s="1" t="s">
        <v>7</v>
      </c>
    </row>
    <row r="11332">
      <c r="A11332" s="1">
        <v>4.90488474E8</v>
      </c>
      <c r="B11332" s="3">
        <v>13291.0</v>
      </c>
      <c r="C11332" s="1" t="s">
        <v>5</v>
      </c>
      <c r="D11332" s="1" t="s">
        <v>9661</v>
      </c>
      <c r="E11332" s="1" t="s">
        <v>7</v>
      </c>
    </row>
    <row r="11333">
      <c r="A11333" s="1">
        <v>4.90488475E8</v>
      </c>
      <c r="B11333" s="3">
        <v>13293.0</v>
      </c>
      <c r="C11333" s="1" t="s">
        <v>5</v>
      </c>
      <c r="D11333" s="1" t="s">
        <v>11</v>
      </c>
      <c r="E11333" s="1" t="s">
        <v>7</v>
      </c>
    </row>
    <row r="11334">
      <c r="A11334" s="1">
        <v>4.9048848E8</v>
      </c>
      <c r="B11334" s="2">
        <v>13236.0</v>
      </c>
      <c r="C11334" s="1" t="s">
        <v>5</v>
      </c>
      <c r="D11334" s="1" t="s">
        <v>9662</v>
      </c>
      <c r="E11334" s="1" t="s">
        <v>7</v>
      </c>
    </row>
    <row r="11335">
      <c r="A11335" s="1">
        <v>4.90488504E8</v>
      </c>
      <c r="B11335" s="3">
        <v>13293.0</v>
      </c>
      <c r="C11335" s="1" t="s">
        <v>5</v>
      </c>
      <c r="D11335" s="1" t="s">
        <v>9663</v>
      </c>
      <c r="E11335" s="1" t="s">
        <v>7</v>
      </c>
    </row>
    <row r="11336">
      <c r="A11336" s="1">
        <v>4.90488515E8</v>
      </c>
      <c r="B11336" s="3">
        <v>13292.0</v>
      </c>
      <c r="C11336" s="1" t="s">
        <v>5</v>
      </c>
      <c r="D11336" s="1" t="s">
        <v>11</v>
      </c>
      <c r="E11336" s="1" t="s">
        <v>7</v>
      </c>
    </row>
    <row r="11337">
      <c r="A11337" s="1">
        <v>4.90488531E8</v>
      </c>
      <c r="B11337" s="3">
        <v>13296.0</v>
      </c>
      <c r="C11337" s="1" t="s">
        <v>5</v>
      </c>
      <c r="D11337" s="1" t="s">
        <v>9664</v>
      </c>
      <c r="E11337" s="1" t="s">
        <v>7</v>
      </c>
    </row>
    <row r="11338">
      <c r="A11338" s="1">
        <v>4.90488535E8</v>
      </c>
      <c r="B11338" s="2">
        <v>13222.0</v>
      </c>
      <c r="C11338" s="1" t="s">
        <v>5</v>
      </c>
      <c r="D11338" s="1" t="s">
        <v>9665</v>
      </c>
      <c r="E11338" s="1" t="s">
        <v>9666</v>
      </c>
    </row>
    <row r="11339">
      <c r="A11339" s="1">
        <v>4.90488604E8</v>
      </c>
      <c r="B11339" s="3">
        <v>13295.0</v>
      </c>
      <c r="C11339" s="1" t="s">
        <v>5</v>
      </c>
      <c r="D11339" s="1" t="s">
        <v>9667</v>
      </c>
      <c r="E11339" s="1" t="s">
        <v>7</v>
      </c>
    </row>
    <row r="11340">
      <c r="A11340" s="1">
        <v>4.90488609E8</v>
      </c>
      <c r="B11340" s="3">
        <v>13301.0</v>
      </c>
      <c r="C11340" s="1" t="s">
        <v>5</v>
      </c>
      <c r="D11340" s="1" t="s">
        <v>9668</v>
      </c>
      <c r="E11340" s="1" t="s">
        <v>7</v>
      </c>
    </row>
    <row r="11341">
      <c r="A11341" s="1">
        <v>4.90488647E8</v>
      </c>
      <c r="B11341" s="2">
        <v>13231.0</v>
      </c>
      <c r="C11341" s="1" t="s">
        <v>5</v>
      </c>
      <c r="D11341" s="1" t="s">
        <v>9669</v>
      </c>
      <c r="E11341" s="1" t="s">
        <v>11</v>
      </c>
    </row>
    <row r="11342">
      <c r="A11342" s="1">
        <v>4.90488653E8</v>
      </c>
      <c r="B11342" s="3">
        <v>13290.0</v>
      </c>
      <c r="C11342" s="1" t="s">
        <v>5</v>
      </c>
      <c r="D11342" s="1" t="s">
        <v>9670</v>
      </c>
      <c r="E11342" s="1" t="s">
        <v>7</v>
      </c>
    </row>
    <row r="11343">
      <c r="A11343" s="1">
        <v>4.90488654E8</v>
      </c>
      <c r="B11343" s="3">
        <v>13301.0</v>
      </c>
      <c r="C11343" s="1" t="s">
        <v>5</v>
      </c>
      <c r="D11343" s="1" t="s">
        <v>9671</v>
      </c>
      <c r="E11343" s="1" t="s">
        <v>7</v>
      </c>
    </row>
    <row r="11344">
      <c r="A11344" s="1">
        <v>4.90488677E8</v>
      </c>
      <c r="B11344" s="2">
        <v>13229.0</v>
      </c>
      <c r="C11344" s="1" t="s">
        <v>5</v>
      </c>
      <c r="D11344" s="1" t="s">
        <v>9672</v>
      </c>
      <c r="E11344" s="1" t="s">
        <v>9673</v>
      </c>
    </row>
    <row r="11345">
      <c r="A11345" s="1">
        <v>4.9048869E8</v>
      </c>
      <c r="B11345" s="2">
        <v>13223.0</v>
      </c>
      <c r="C11345" s="1" t="s">
        <v>5</v>
      </c>
      <c r="D11345" s="1" t="s">
        <v>9674</v>
      </c>
      <c r="E11345" s="1" t="s">
        <v>11</v>
      </c>
    </row>
    <row r="11346">
      <c r="A11346" s="1">
        <v>4.90488695E8</v>
      </c>
      <c r="B11346" s="3">
        <v>13292.0</v>
      </c>
      <c r="C11346" s="1" t="s">
        <v>5</v>
      </c>
      <c r="D11346" s="1" t="s">
        <v>11</v>
      </c>
      <c r="E11346" s="1" t="s">
        <v>7</v>
      </c>
    </row>
    <row r="11347">
      <c r="A11347" s="1">
        <v>4.90488713E8</v>
      </c>
      <c r="B11347" s="2">
        <v>13182.0</v>
      </c>
      <c r="C11347" s="1" t="s">
        <v>5</v>
      </c>
      <c r="D11347" s="1" t="s">
        <v>9675</v>
      </c>
      <c r="E11347" s="1" t="s">
        <v>7</v>
      </c>
    </row>
    <row r="11348">
      <c r="A11348" s="1">
        <v>4.90488719E8</v>
      </c>
      <c r="B11348" s="2">
        <v>13217.0</v>
      </c>
      <c r="C11348" s="1" t="s">
        <v>5</v>
      </c>
      <c r="D11348" s="1" t="s">
        <v>9676</v>
      </c>
      <c r="E11348" s="1" t="s">
        <v>11</v>
      </c>
    </row>
    <row r="11349">
      <c r="A11349" s="1">
        <v>4.90488726E8</v>
      </c>
      <c r="B11349" s="3">
        <v>13301.0</v>
      </c>
      <c r="C11349" s="1" t="s">
        <v>5</v>
      </c>
      <c r="D11349" s="1" t="s">
        <v>9677</v>
      </c>
      <c r="E11349" s="1" t="s">
        <v>7</v>
      </c>
    </row>
    <row r="11350">
      <c r="A11350" s="1">
        <v>4.90488735E8</v>
      </c>
      <c r="B11350" s="2">
        <v>13187.0</v>
      </c>
      <c r="C11350" s="1" t="s">
        <v>5</v>
      </c>
      <c r="D11350" s="1" t="s">
        <v>11</v>
      </c>
      <c r="E11350" s="1" t="s">
        <v>7</v>
      </c>
    </row>
    <row r="11351">
      <c r="A11351" s="1">
        <v>4.90488742E8</v>
      </c>
      <c r="B11351" s="3">
        <v>13291.0</v>
      </c>
      <c r="C11351" s="1" t="s">
        <v>5</v>
      </c>
      <c r="D11351" s="1" t="s">
        <v>11</v>
      </c>
      <c r="E11351" s="1" t="s">
        <v>7</v>
      </c>
    </row>
    <row r="11352">
      <c r="A11352" s="1">
        <v>4.90488744E8</v>
      </c>
      <c r="B11352" s="3">
        <v>13295.0</v>
      </c>
      <c r="C11352" s="1" t="s">
        <v>5</v>
      </c>
      <c r="D11352" s="1" t="s">
        <v>9678</v>
      </c>
      <c r="E11352" s="1" t="s">
        <v>11</v>
      </c>
    </row>
    <row r="11353">
      <c r="A11353" s="1">
        <v>4.90488745E8</v>
      </c>
      <c r="B11353" s="3">
        <v>13291.0</v>
      </c>
      <c r="C11353" s="1" t="s">
        <v>5</v>
      </c>
      <c r="D11353" s="1" t="s">
        <v>9679</v>
      </c>
      <c r="E11353" s="1" t="s">
        <v>7</v>
      </c>
    </row>
    <row r="11354">
      <c r="A11354" s="1">
        <v>4.90488762E8</v>
      </c>
      <c r="B11354" s="3">
        <v>13291.0</v>
      </c>
      <c r="C11354" s="1" t="s">
        <v>5</v>
      </c>
      <c r="D11354" s="1" t="s">
        <v>9680</v>
      </c>
      <c r="E11354" s="1" t="s">
        <v>7</v>
      </c>
    </row>
    <row r="11355">
      <c r="A11355" s="1">
        <v>4.90488764E8</v>
      </c>
      <c r="B11355" s="2">
        <v>13182.0</v>
      </c>
      <c r="C11355" s="1" t="s">
        <v>5</v>
      </c>
      <c r="D11355" s="1" t="s">
        <v>11</v>
      </c>
      <c r="E11355" s="1" t="s">
        <v>7</v>
      </c>
    </row>
    <row r="11356">
      <c r="A11356" s="1">
        <v>4.90488766E8</v>
      </c>
      <c r="B11356" s="2">
        <v>13238.0</v>
      </c>
      <c r="C11356" s="1" t="s">
        <v>5</v>
      </c>
      <c r="D11356" s="1" t="s">
        <v>9681</v>
      </c>
      <c r="E11356" s="1" t="s">
        <v>7</v>
      </c>
    </row>
    <row r="11357">
      <c r="A11357" s="1">
        <v>4.90488789E8</v>
      </c>
      <c r="B11357" s="3">
        <v>13290.0</v>
      </c>
      <c r="C11357" s="1" t="s">
        <v>5</v>
      </c>
      <c r="D11357" s="1" t="s">
        <v>11</v>
      </c>
      <c r="E11357" s="1" t="s">
        <v>7</v>
      </c>
    </row>
    <row r="11358">
      <c r="A11358" s="1">
        <v>4.90488806E8</v>
      </c>
      <c r="B11358" s="3">
        <v>13286.0</v>
      </c>
      <c r="C11358" s="1" t="s">
        <v>5</v>
      </c>
      <c r="D11358" s="1" t="s">
        <v>11</v>
      </c>
      <c r="E11358" s="1" t="s">
        <v>7</v>
      </c>
    </row>
    <row r="11359">
      <c r="A11359" s="1">
        <v>4.90488812E8</v>
      </c>
      <c r="B11359" s="3">
        <v>13300.0</v>
      </c>
      <c r="C11359" s="1" t="s">
        <v>5</v>
      </c>
      <c r="D11359" s="1" t="s">
        <v>9682</v>
      </c>
      <c r="E11359" s="1" t="s">
        <v>7</v>
      </c>
    </row>
    <row r="11360">
      <c r="A11360" s="1">
        <v>4.90488815E8</v>
      </c>
      <c r="B11360" s="2">
        <v>13178.0</v>
      </c>
      <c r="C11360" s="1" t="s">
        <v>5</v>
      </c>
      <c r="D11360" s="1" t="s">
        <v>9683</v>
      </c>
      <c r="E11360" s="1" t="s">
        <v>7</v>
      </c>
    </row>
    <row r="11361">
      <c r="A11361" s="1">
        <v>4.90488824E8</v>
      </c>
      <c r="B11361" s="3">
        <v>13291.0</v>
      </c>
      <c r="C11361" s="1" t="s">
        <v>5</v>
      </c>
      <c r="D11361" s="1" t="s">
        <v>9684</v>
      </c>
      <c r="E11361" s="1" t="s">
        <v>7</v>
      </c>
    </row>
    <row r="11362">
      <c r="A11362" s="1">
        <v>4.90488837E8</v>
      </c>
      <c r="B11362" s="2">
        <v>13178.0</v>
      </c>
      <c r="C11362" s="1" t="s">
        <v>5</v>
      </c>
      <c r="D11362" s="1" t="s">
        <v>9685</v>
      </c>
      <c r="E11362" s="1" t="s">
        <v>7</v>
      </c>
    </row>
    <row r="11363">
      <c r="A11363" s="1">
        <v>4.90488852E8</v>
      </c>
      <c r="B11363" s="3">
        <v>13300.0</v>
      </c>
      <c r="C11363" s="1" t="s">
        <v>5</v>
      </c>
      <c r="D11363" s="1" t="s">
        <v>9686</v>
      </c>
      <c r="E11363" s="1" t="s">
        <v>11</v>
      </c>
    </row>
    <row r="11364">
      <c r="A11364" s="1">
        <v>4.90488865E8</v>
      </c>
      <c r="B11364" s="2">
        <v>13182.0</v>
      </c>
      <c r="C11364" s="1" t="s">
        <v>5</v>
      </c>
      <c r="D11364" s="1" t="s">
        <v>9687</v>
      </c>
      <c r="E11364" s="1" t="s">
        <v>7</v>
      </c>
    </row>
    <row r="11365">
      <c r="A11365" s="1">
        <v>4.9048887E8</v>
      </c>
      <c r="B11365" s="2">
        <v>13231.0</v>
      </c>
      <c r="C11365" s="1" t="s">
        <v>5</v>
      </c>
      <c r="D11365" s="1" t="s">
        <v>9688</v>
      </c>
      <c r="E11365" s="1" t="s">
        <v>7</v>
      </c>
    </row>
    <row r="11366">
      <c r="A11366" s="1">
        <v>4.90488877E8</v>
      </c>
      <c r="B11366" s="2">
        <v>13238.0</v>
      </c>
      <c r="C11366" s="1" t="s">
        <v>5</v>
      </c>
      <c r="D11366" s="1" t="s">
        <v>9689</v>
      </c>
      <c r="E11366" s="1" t="s">
        <v>7</v>
      </c>
    </row>
    <row r="11367">
      <c r="A11367" s="1">
        <v>4.90488885E8</v>
      </c>
      <c r="B11367" s="2">
        <v>13235.0</v>
      </c>
      <c r="C11367" s="1" t="s">
        <v>5</v>
      </c>
      <c r="D11367" s="1" t="s">
        <v>9690</v>
      </c>
      <c r="E11367" s="1" t="s">
        <v>7</v>
      </c>
    </row>
    <row r="11368">
      <c r="A11368" s="1">
        <v>4.904889E8</v>
      </c>
      <c r="B11368" s="2">
        <v>13263.0</v>
      </c>
      <c r="C11368" s="1" t="s">
        <v>5</v>
      </c>
      <c r="D11368" s="1" t="s">
        <v>11</v>
      </c>
      <c r="E11368" s="1" t="s">
        <v>7</v>
      </c>
    </row>
    <row r="11369">
      <c r="A11369" s="1">
        <v>4.90488901E8</v>
      </c>
      <c r="B11369" s="2">
        <v>13182.0</v>
      </c>
      <c r="C11369" s="1" t="s">
        <v>5</v>
      </c>
      <c r="D11369" s="1" t="s">
        <v>9691</v>
      </c>
      <c r="E11369" s="1" t="s">
        <v>7</v>
      </c>
    </row>
    <row r="11370">
      <c r="A11370" s="1">
        <v>4.90489006E8</v>
      </c>
      <c r="B11370" s="3">
        <v>13300.0</v>
      </c>
      <c r="C11370" s="1" t="s">
        <v>5</v>
      </c>
      <c r="D11370" s="1" t="s">
        <v>9692</v>
      </c>
      <c r="E11370" s="1" t="s">
        <v>7</v>
      </c>
    </row>
    <row r="11371">
      <c r="A11371" s="1">
        <v>4.90489055E8</v>
      </c>
      <c r="B11371" s="3">
        <v>13293.0</v>
      </c>
      <c r="C11371" s="1" t="s">
        <v>5</v>
      </c>
      <c r="D11371" s="1" t="s">
        <v>9693</v>
      </c>
      <c r="E11371" s="1" t="s">
        <v>7</v>
      </c>
    </row>
    <row r="11372">
      <c r="A11372" s="1">
        <v>4.9048908E8</v>
      </c>
      <c r="B11372" s="2">
        <v>13230.0</v>
      </c>
      <c r="C11372" s="1" t="s">
        <v>5</v>
      </c>
      <c r="D11372" s="1" t="s">
        <v>9694</v>
      </c>
      <c r="E11372" s="1" t="s">
        <v>11</v>
      </c>
    </row>
    <row r="11373">
      <c r="A11373" s="1">
        <v>4.90489105E8</v>
      </c>
      <c r="B11373" s="3">
        <v>13289.0</v>
      </c>
      <c r="C11373" s="1" t="s">
        <v>5</v>
      </c>
      <c r="D11373" s="1" t="s">
        <v>11</v>
      </c>
      <c r="E11373" s="1" t="s">
        <v>7</v>
      </c>
    </row>
    <row r="11374">
      <c r="A11374" s="1">
        <v>4.90489132E8</v>
      </c>
      <c r="B11374" s="3">
        <v>13291.0</v>
      </c>
      <c r="C11374" s="1" t="s">
        <v>5</v>
      </c>
      <c r="D11374" s="1" t="s">
        <v>9695</v>
      </c>
      <c r="E11374" s="1" t="s">
        <v>7</v>
      </c>
    </row>
    <row r="11375">
      <c r="A11375" s="1">
        <v>4.90489137E8</v>
      </c>
      <c r="B11375" s="2">
        <v>13213.0</v>
      </c>
      <c r="C11375" s="1" t="s">
        <v>5</v>
      </c>
      <c r="D11375" s="1" t="s">
        <v>9696</v>
      </c>
      <c r="E11375" s="1" t="s">
        <v>11</v>
      </c>
    </row>
    <row r="11376">
      <c r="A11376" s="1">
        <v>4.90489155E8</v>
      </c>
      <c r="B11376" s="2">
        <v>13234.0</v>
      </c>
      <c r="C11376" s="1" t="s">
        <v>5</v>
      </c>
      <c r="D11376" s="1" t="s">
        <v>9697</v>
      </c>
      <c r="E11376" s="1" t="s">
        <v>11</v>
      </c>
    </row>
    <row r="11377">
      <c r="A11377" s="1">
        <v>4.90489215E8</v>
      </c>
      <c r="B11377" s="3">
        <v>13290.0</v>
      </c>
      <c r="C11377" s="1" t="s">
        <v>5</v>
      </c>
      <c r="D11377" s="1" t="s">
        <v>9698</v>
      </c>
      <c r="E11377" s="1" t="s">
        <v>7</v>
      </c>
    </row>
    <row r="11378">
      <c r="A11378" s="1">
        <v>4.90489217E8</v>
      </c>
      <c r="B11378" s="2">
        <v>13210.0</v>
      </c>
      <c r="C11378" s="1" t="s">
        <v>5</v>
      </c>
      <c r="D11378" s="1" t="s">
        <v>9699</v>
      </c>
      <c r="E11378" s="1" t="s">
        <v>7</v>
      </c>
    </row>
    <row r="11379">
      <c r="A11379" s="1">
        <v>4.90489223E8</v>
      </c>
      <c r="B11379" s="3">
        <v>13289.0</v>
      </c>
      <c r="C11379" s="1" t="s">
        <v>5</v>
      </c>
      <c r="D11379" s="1" t="s">
        <v>9700</v>
      </c>
      <c r="E11379" s="1" t="s">
        <v>11</v>
      </c>
    </row>
    <row r="11380">
      <c r="A11380" s="1">
        <v>4.90489224E8</v>
      </c>
      <c r="B11380" s="2">
        <v>13221.0</v>
      </c>
      <c r="C11380" s="1" t="s">
        <v>5</v>
      </c>
      <c r="D11380" s="1" t="s">
        <v>11</v>
      </c>
      <c r="E11380" s="1" t="s">
        <v>7</v>
      </c>
    </row>
    <row r="11381">
      <c r="A11381" s="1">
        <v>4.90489243E8</v>
      </c>
      <c r="B11381" s="3">
        <v>13290.0</v>
      </c>
      <c r="C11381" s="1" t="s">
        <v>5</v>
      </c>
      <c r="D11381" s="1" t="s">
        <v>9701</v>
      </c>
      <c r="E11381" s="1" t="s">
        <v>7</v>
      </c>
    </row>
    <row r="11382">
      <c r="A11382" s="1">
        <v>4.90489249E8</v>
      </c>
      <c r="B11382" s="3">
        <v>13287.0</v>
      </c>
      <c r="C11382" s="1" t="s">
        <v>5</v>
      </c>
      <c r="D11382" s="1" t="s">
        <v>9702</v>
      </c>
      <c r="E11382" s="1" t="s">
        <v>11</v>
      </c>
    </row>
    <row r="11383">
      <c r="A11383" s="1">
        <v>4.90489273E8</v>
      </c>
      <c r="B11383" s="2">
        <v>13269.0</v>
      </c>
      <c r="C11383" s="1" t="s">
        <v>5</v>
      </c>
      <c r="D11383" s="1" t="s">
        <v>11</v>
      </c>
      <c r="E11383" s="1" t="s">
        <v>7</v>
      </c>
    </row>
    <row r="11384">
      <c r="A11384" s="1">
        <v>4.9048928E8</v>
      </c>
      <c r="B11384" s="3">
        <v>13292.0</v>
      </c>
      <c r="C11384" s="1" t="s">
        <v>5</v>
      </c>
      <c r="D11384" s="1" t="s">
        <v>9703</v>
      </c>
      <c r="E11384" s="1" t="s">
        <v>7</v>
      </c>
    </row>
    <row r="11385">
      <c r="A11385" s="1">
        <v>4.90489284E8</v>
      </c>
      <c r="B11385" s="3">
        <v>13289.0</v>
      </c>
      <c r="C11385" s="1" t="s">
        <v>5</v>
      </c>
      <c r="D11385" s="1" t="s">
        <v>9704</v>
      </c>
      <c r="E11385" s="1" t="s">
        <v>11</v>
      </c>
    </row>
    <row r="11386">
      <c r="A11386" s="1">
        <v>4.90489316E8</v>
      </c>
      <c r="B11386" s="2">
        <v>13184.0</v>
      </c>
      <c r="C11386" s="1" t="s">
        <v>5</v>
      </c>
      <c r="D11386" s="1" t="s">
        <v>9705</v>
      </c>
      <c r="E11386" s="1" t="s">
        <v>7</v>
      </c>
    </row>
    <row r="11387">
      <c r="A11387" s="1">
        <v>4.90489346E8</v>
      </c>
      <c r="B11387" s="3">
        <v>13283.0</v>
      </c>
      <c r="C11387" s="1" t="s">
        <v>5</v>
      </c>
      <c r="D11387" s="1" t="s">
        <v>9706</v>
      </c>
      <c r="E11387" s="1" t="s">
        <v>7</v>
      </c>
    </row>
    <row r="11388">
      <c r="A11388" s="1">
        <v>4.90489357E8</v>
      </c>
      <c r="B11388" s="3">
        <v>13292.0</v>
      </c>
      <c r="C11388" s="1" t="s">
        <v>5</v>
      </c>
      <c r="D11388" s="1" t="s">
        <v>9707</v>
      </c>
      <c r="E11388" s="1" t="s">
        <v>11</v>
      </c>
    </row>
    <row r="11389">
      <c r="A11389" s="1">
        <v>4.90489371E8</v>
      </c>
      <c r="B11389" s="2">
        <v>13212.0</v>
      </c>
      <c r="C11389" s="1" t="s">
        <v>5</v>
      </c>
      <c r="D11389" s="1" t="s">
        <v>11</v>
      </c>
      <c r="E11389" s="1" t="s">
        <v>7</v>
      </c>
    </row>
    <row r="11390">
      <c r="A11390" s="1">
        <v>4.9048938E8</v>
      </c>
      <c r="B11390" s="2">
        <v>13232.0</v>
      </c>
      <c r="C11390" s="1" t="s">
        <v>5</v>
      </c>
      <c r="D11390" s="1" t="s">
        <v>9708</v>
      </c>
      <c r="E11390" s="1" t="s">
        <v>7</v>
      </c>
    </row>
    <row r="11391">
      <c r="A11391" s="1">
        <v>4.90489415E8</v>
      </c>
      <c r="B11391" s="2">
        <v>13232.0</v>
      </c>
      <c r="C11391" s="1" t="s">
        <v>5</v>
      </c>
      <c r="D11391" s="1" t="s">
        <v>9709</v>
      </c>
      <c r="E11391" s="1" t="s">
        <v>11</v>
      </c>
    </row>
    <row r="11392">
      <c r="A11392" s="1">
        <v>4.90489436E8</v>
      </c>
      <c r="B11392" s="2">
        <v>13267.0</v>
      </c>
      <c r="C11392" s="1" t="s">
        <v>5</v>
      </c>
      <c r="D11392" s="1" t="s">
        <v>9710</v>
      </c>
      <c r="E11392" s="1" t="s">
        <v>9711</v>
      </c>
    </row>
    <row r="11393">
      <c r="A11393" s="1">
        <v>4.90489484E8</v>
      </c>
      <c r="B11393" s="3">
        <v>13292.0</v>
      </c>
      <c r="C11393" s="1" t="s">
        <v>5</v>
      </c>
      <c r="D11393" s="1" t="s">
        <v>9712</v>
      </c>
      <c r="E11393" s="1" t="s">
        <v>11</v>
      </c>
    </row>
    <row r="11394">
      <c r="A11394" s="1">
        <v>4.90489522E8</v>
      </c>
      <c r="B11394" s="2">
        <v>13220.0</v>
      </c>
      <c r="C11394" s="1" t="s">
        <v>5</v>
      </c>
      <c r="D11394" s="1" t="s">
        <v>9713</v>
      </c>
      <c r="E11394" s="1" t="s">
        <v>9714</v>
      </c>
    </row>
    <row r="11395">
      <c r="A11395" s="1">
        <v>4.90489528E8</v>
      </c>
      <c r="B11395" s="2">
        <v>13232.0</v>
      </c>
      <c r="C11395" s="1" t="s">
        <v>5</v>
      </c>
      <c r="D11395" s="1" t="s">
        <v>9715</v>
      </c>
      <c r="E11395" s="1" t="s">
        <v>7</v>
      </c>
    </row>
    <row r="11396">
      <c r="A11396" s="1">
        <v>4.90489557E8</v>
      </c>
      <c r="B11396" s="2">
        <v>13216.0</v>
      </c>
      <c r="C11396" s="1" t="s">
        <v>5</v>
      </c>
      <c r="D11396" s="1" t="s">
        <v>9716</v>
      </c>
      <c r="E11396" s="1" t="s">
        <v>11</v>
      </c>
    </row>
    <row r="11397">
      <c r="A11397" s="1">
        <v>4.90489561E8</v>
      </c>
      <c r="B11397" s="3">
        <v>13287.0</v>
      </c>
      <c r="C11397" s="1" t="s">
        <v>5</v>
      </c>
      <c r="D11397" s="1" t="s">
        <v>9717</v>
      </c>
      <c r="E11397" s="1" t="s">
        <v>11</v>
      </c>
    </row>
    <row r="11398">
      <c r="A11398" s="1">
        <v>4.90489618E8</v>
      </c>
      <c r="B11398" s="3">
        <v>13286.0</v>
      </c>
      <c r="C11398" s="1" t="s">
        <v>5</v>
      </c>
      <c r="D11398" s="1" t="s">
        <v>9718</v>
      </c>
      <c r="E11398" s="1" t="s">
        <v>7</v>
      </c>
    </row>
    <row r="11399">
      <c r="A11399" s="1">
        <v>4.90489637E8</v>
      </c>
      <c r="B11399" s="3">
        <v>13286.0</v>
      </c>
      <c r="C11399" s="1" t="s">
        <v>5</v>
      </c>
      <c r="D11399" s="1" t="s">
        <v>11</v>
      </c>
      <c r="E11399" s="1" t="s">
        <v>7</v>
      </c>
    </row>
    <row r="11400">
      <c r="A11400" s="1">
        <v>4.90489675E8</v>
      </c>
      <c r="B11400" s="2">
        <v>13221.0</v>
      </c>
      <c r="C11400" s="1" t="s">
        <v>5</v>
      </c>
      <c r="D11400" s="1" t="s">
        <v>9719</v>
      </c>
      <c r="E11400" s="1" t="s">
        <v>7</v>
      </c>
    </row>
    <row r="11401">
      <c r="A11401" s="1">
        <v>4.90489687E8</v>
      </c>
      <c r="B11401" s="2">
        <v>13266.0</v>
      </c>
      <c r="C11401" s="1" t="s">
        <v>5</v>
      </c>
      <c r="D11401" s="1" t="s">
        <v>9720</v>
      </c>
      <c r="E11401" s="1" t="s">
        <v>11</v>
      </c>
    </row>
    <row r="11402">
      <c r="A11402" s="1">
        <v>4.90489697E8</v>
      </c>
      <c r="B11402" s="3">
        <v>13287.0</v>
      </c>
      <c r="C11402" s="1" t="s">
        <v>5</v>
      </c>
      <c r="D11402" s="1" t="s">
        <v>11</v>
      </c>
      <c r="E11402" s="1" t="s">
        <v>7</v>
      </c>
    </row>
    <row r="11403">
      <c r="A11403" s="1">
        <v>4.90489741E8</v>
      </c>
      <c r="B11403" s="2">
        <v>13220.0</v>
      </c>
      <c r="C11403" s="1" t="s">
        <v>5</v>
      </c>
      <c r="D11403" s="1" t="s">
        <v>11</v>
      </c>
      <c r="E11403" s="1" t="s">
        <v>7</v>
      </c>
    </row>
    <row r="11404">
      <c r="A11404" s="1">
        <v>4.90489802E8</v>
      </c>
      <c r="B11404" s="3">
        <v>13280.0</v>
      </c>
      <c r="C11404" s="1" t="s">
        <v>5</v>
      </c>
      <c r="D11404" s="1" t="s">
        <v>9721</v>
      </c>
      <c r="E11404" s="1" t="s">
        <v>7</v>
      </c>
    </row>
    <row r="11405">
      <c r="A11405" s="1">
        <v>4.90489803E8</v>
      </c>
      <c r="B11405" s="3">
        <v>13295.0</v>
      </c>
      <c r="C11405" s="1" t="s">
        <v>5</v>
      </c>
      <c r="D11405" s="1" t="s">
        <v>9722</v>
      </c>
      <c r="E11405" s="1" t="s">
        <v>7</v>
      </c>
    </row>
    <row r="11406">
      <c r="A11406" s="1">
        <v>4.90489826E8</v>
      </c>
      <c r="B11406" s="2">
        <v>13217.0</v>
      </c>
      <c r="C11406" s="1" t="s">
        <v>5</v>
      </c>
      <c r="D11406" s="1" t="s">
        <v>9723</v>
      </c>
      <c r="E11406" s="1" t="s">
        <v>7</v>
      </c>
    </row>
    <row r="11407">
      <c r="A11407" s="1">
        <v>4.90489875E8</v>
      </c>
      <c r="B11407" s="3">
        <v>13287.0</v>
      </c>
      <c r="C11407" s="1" t="s">
        <v>5</v>
      </c>
      <c r="D11407" s="1" t="s">
        <v>9724</v>
      </c>
      <c r="E11407" s="1" t="s">
        <v>7</v>
      </c>
    </row>
    <row r="11408">
      <c r="A11408" s="1">
        <v>4.90489911E8</v>
      </c>
      <c r="B11408" s="3">
        <v>13287.0</v>
      </c>
      <c r="C11408" s="1" t="s">
        <v>5</v>
      </c>
      <c r="D11408" s="1" t="s">
        <v>9725</v>
      </c>
      <c r="E11408" s="1" t="s">
        <v>7</v>
      </c>
    </row>
    <row r="11409">
      <c r="A11409" s="1">
        <v>4.90489941E8</v>
      </c>
      <c r="B11409" s="2">
        <v>13219.0</v>
      </c>
      <c r="C11409" s="1" t="s">
        <v>5</v>
      </c>
      <c r="D11409" s="1" t="s">
        <v>9726</v>
      </c>
      <c r="E11409" s="1" t="s">
        <v>7</v>
      </c>
    </row>
    <row r="11410">
      <c r="A11410" s="1">
        <v>4.9048995E8</v>
      </c>
      <c r="B11410" s="2">
        <v>13240.0</v>
      </c>
      <c r="C11410" s="1" t="s">
        <v>5</v>
      </c>
      <c r="D11410" s="1" t="s">
        <v>11</v>
      </c>
      <c r="E11410" s="1" t="s">
        <v>7</v>
      </c>
    </row>
    <row r="11411">
      <c r="A11411" s="1">
        <v>4.90489957E8</v>
      </c>
      <c r="B11411" s="3">
        <v>13287.0</v>
      </c>
      <c r="C11411" s="1" t="s">
        <v>5</v>
      </c>
      <c r="D11411" s="1" t="s">
        <v>9727</v>
      </c>
      <c r="E11411" s="1" t="s">
        <v>7</v>
      </c>
    </row>
    <row r="11412">
      <c r="A11412" s="1">
        <v>4.90490012E8</v>
      </c>
      <c r="B11412" s="2">
        <v>13215.0</v>
      </c>
      <c r="C11412" s="1" t="s">
        <v>5</v>
      </c>
      <c r="D11412" s="1" t="s">
        <v>9728</v>
      </c>
      <c r="E11412" s="1" t="s">
        <v>11</v>
      </c>
    </row>
    <row r="11413">
      <c r="A11413" s="1">
        <v>4.90490044E8</v>
      </c>
      <c r="B11413" s="3">
        <v>13286.0</v>
      </c>
      <c r="C11413" s="1" t="s">
        <v>5</v>
      </c>
      <c r="D11413" s="1" t="s">
        <v>9729</v>
      </c>
      <c r="E11413" s="1" t="s">
        <v>11</v>
      </c>
    </row>
    <row r="11414">
      <c r="A11414" s="1">
        <v>4.90490081E8</v>
      </c>
      <c r="B11414" s="3">
        <v>13285.0</v>
      </c>
      <c r="C11414" s="1" t="s">
        <v>5</v>
      </c>
      <c r="D11414" s="1" t="s">
        <v>9730</v>
      </c>
      <c r="E11414" s="1" t="s">
        <v>7</v>
      </c>
    </row>
    <row r="11415">
      <c r="A11415" s="1">
        <v>4.90490089E8</v>
      </c>
      <c r="B11415" s="3">
        <v>13283.0</v>
      </c>
      <c r="C11415" s="1" t="s">
        <v>5</v>
      </c>
      <c r="D11415" s="1" t="s">
        <v>9731</v>
      </c>
      <c r="E11415" s="1" t="s">
        <v>7</v>
      </c>
    </row>
    <row r="11416">
      <c r="A11416" s="1">
        <v>4.90490098E8</v>
      </c>
      <c r="B11416" s="2">
        <v>13182.0</v>
      </c>
      <c r="C11416" s="1" t="s">
        <v>5</v>
      </c>
      <c r="D11416" s="1" t="s">
        <v>9732</v>
      </c>
      <c r="E11416" s="1" t="s">
        <v>7</v>
      </c>
    </row>
    <row r="11417">
      <c r="A11417" s="1">
        <v>4.90490104E8</v>
      </c>
      <c r="B11417" s="3">
        <v>13285.0</v>
      </c>
      <c r="C11417" s="1" t="s">
        <v>5</v>
      </c>
      <c r="D11417" s="1" t="s">
        <v>9733</v>
      </c>
      <c r="E11417" s="1" t="s">
        <v>9734</v>
      </c>
    </row>
    <row r="11418">
      <c r="A11418" s="1">
        <v>4.90490127E8</v>
      </c>
      <c r="B11418" s="3">
        <v>13283.0</v>
      </c>
      <c r="C11418" s="1" t="s">
        <v>5</v>
      </c>
      <c r="D11418" s="1" t="s">
        <v>9735</v>
      </c>
      <c r="E11418" s="1" t="s">
        <v>11</v>
      </c>
    </row>
    <row r="11419">
      <c r="A11419" s="1">
        <v>4.90490131E8</v>
      </c>
      <c r="B11419" s="3">
        <v>13286.0</v>
      </c>
      <c r="C11419" s="1" t="s">
        <v>5</v>
      </c>
      <c r="D11419" s="1" t="s">
        <v>9736</v>
      </c>
      <c r="E11419" s="1" t="s">
        <v>7</v>
      </c>
    </row>
    <row r="11420">
      <c r="A11420" s="1">
        <v>4.90490149E8</v>
      </c>
      <c r="B11420" s="3">
        <v>13279.0</v>
      </c>
      <c r="C11420" s="1" t="s">
        <v>5</v>
      </c>
      <c r="D11420" s="1" t="s">
        <v>9737</v>
      </c>
      <c r="E11420" s="1" t="s">
        <v>7</v>
      </c>
    </row>
    <row r="11421">
      <c r="A11421" s="1">
        <v>4.90490155E8</v>
      </c>
      <c r="B11421" s="3">
        <v>13286.0</v>
      </c>
      <c r="C11421" s="1" t="s">
        <v>5</v>
      </c>
      <c r="D11421" s="1" t="s">
        <v>9738</v>
      </c>
      <c r="E11421" s="1" t="s">
        <v>7</v>
      </c>
    </row>
    <row r="11422">
      <c r="A11422" s="1">
        <v>4.90490162E8</v>
      </c>
      <c r="B11422" s="3">
        <v>13288.0</v>
      </c>
      <c r="C11422" s="1" t="s">
        <v>5</v>
      </c>
      <c r="D11422" s="1" t="s">
        <v>9739</v>
      </c>
      <c r="E11422" s="1" t="s">
        <v>7</v>
      </c>
    </row>
    <row r="11423">
      <c r="A11423" s="1">
        <v>4.90490168E8</v>
      </c>
      <c r="B11423" s="3">
        <v>13285.0</v>
      </c>
      <c r="C11423" s="1" t="s">
        <v>5</v>
      </c>
      <c r="D11423" s="1" t="s">
        <v>9740</v>
      </c>
      <c r="E11423" s="1" t="s">
        <v>11</v>
      </c>
    </row>
    <row r="11424">
      <c r="A11424" s="1">
        <v>4.90490275E8</v>
      </c>
      <c r="B11424" s="2">
        <v>13224.0</v>
      </c>
      <c r="C11424" s="1" t="s">
        <v>5</v>
      </c>
      <c r="D11424" s="1" t="s">
        <v>9741</v>
      </c>
      <c r="E11424" s="1" t="s">
        <v>7</v>
      </c>
    </row>
    <row r="11425">
      <c r="A11425" s="1">
        <v>4.90490287E8</v>
      </c>
      <c r="B11425" s="3">
        <v>13284.0</v>
      </c>
      <c r="C11425" s="1" t="s">
        <v>5</v>
      </c>
      <c r="D11425" s="1" t="s">
        <v>9742</v>
      </c>
      <c r="E11425" s="1" t="s">
        <v>9743</v>
      </c>
    </row>
    <row r="11426">
      <c r="A11426" s="1">
        <v>4.90490294E8</v>
      </c>
      <c r="B11426" s="3">
        <v>13288.0</v>
      </c>
      <c r="C11426" s="1" t="s">
        <v>5</v>
      </c>
      <c r="D11426" s="1" t="s">
        <v>11</v>
      </c>
      <c r="E11426" s="1" t="s">
        <v>7</v>
      </c>
    </row>
    <row r="11427">
      <c r="A11427" s="1">
        <v>4.90490305E8</v>
      </c>
      <c r="B11427" s="3">
        <v>13284.0</v>
      </c>
      <c r="C11427" s="1" t="s">
        <v>5</v>
      </c>
      <c r="D11427" s="1" t="s">
        <v>11</v>
      </c>
      <c r="E11427" s="1" t="s">
        <v>7</v>
      </c>
    </row>
    <row r="11428">
      <c r="A11428" s="1">
        <v>4.90490319E8</v>
      </c>
      <c r="B11428" s="3">
        <v>13285.0</v>
      </c>
      <c r="C11428" s="1" t="s">
        <v>5</v>
      </c>
      <c r="D11428" s="1" t="s">
        <v>9744</v>
      </c>
      <c r="E11428" s="1" t="s">
        <v>7</v>
      </c>
    </row>
    <row r="11429">
      <c r="A11429" s="1">
        <v>4.9049036E8</v>
      </c>
      <c r="B11429" s="3">
        <v>13294.0</v>
      </c>
      <c r="C11429" s="1" t="s">
        <v>5</v>
      </c>
      <c r="D11429" s="1" t="s">
        <v>9745</v>
      </c>
      <c r="E11429" s="1" t="s">
        <v>11</v>
      </c>
    </row>
    <row r="11430">
      <c r="A11430" s="1">
        <v>4.90490381E8</v>
      </c>
      <c r="B11430" s="2">
        <v>13227.0</v>
      </c>
      <c r="C11430" s="1" t="s">
        <v>5</v>
      </c>
      <c r="D11430" s="1" t="s">
        <v>11</v>
      </c>
      <c r="E11430" s="1" t="s">
        <v>7</v>
      </c>
    </row>
    <row r="11431">
      <c r="A11431" s="1">
        <v>4.90490413E8</v>
      </c>
      <c r="B11431" s="2">
        <v>13228.0</v>
      </c>
      <c r="C11431" s="1" t="s">
        <v>5</v>
      </c>
      <c r="D11431" s="1" t="s">
        <v>11</v>
      </c>
      <c r="E11431" s="1" t="s">
        <v>7</v>
      </c>
    </row>
    <row r="11432">
      <c r="A11432" s="1">
        <v>4.9049043E8</v>
      </c>
      <c r="B11432" s="2">
        <v>13223.0</v>
      </c>
      <c r="C11432" s="1" t="s">
        <v>5</v>
      </c>
      <c r="D11432" s="1" t="s">
        <v>9746</v>
      </c>
      <c r="E11432" s="1" t="s">
        <v>7</v>
      </c>
    </row>
    <row r="11433">
      <c r="A11433" s="1">
        <v>4.9049048E8</v>
      </c>
      <c r="B11433" s="3">
        <v>13294.0</v>
      </c>
      <c r="C11433" s="1" t="s">
        <v>5</v>
      </c>
      <c r="D11433" s="1" t="s">
        <v>9747</v>
      </c>
      <c r="E11433" s="1" t="s">
        <v>11</v>
      </c>
    </row>
    <row r="11434">
      <c r="A11434" s="1">
        <v>4.90490483E8</v>
      </c>
      <c r="B11434" s="2">
        <v>13217.0</v>
      </c>
      <c r="C11434" s="1" t="s">
        <v>5</v>
      </c>
      <c r="D11434" s="1" t="s">
        <v>9748</v>
      </c>
      <c r="E11434" s="1" t="s">
        <v>7</v>
      </c>
    </row>
    <row r="11435">
      <c r="A11435" s="1">
        <v>4.90490486E8</v>
      </c>
      <c r="B11435" s="3">
        <v>13285.0</v>
      </c>
      <c r="C11435" s="1" t="s">
        <v>5</v>
      </c>
      <c r="D11435" s="1" t="s">
        <v>9749</v>
      </c>
      <c r="E11435" s="1" t="s">
        <v>7</v>
      </c>
    </row>
    <row r="11436">
      <c r="A11436" s="1">
        <v>4.90490497E8</v>
      </c>
      <c r="B11436" s="3">
        <v>13282.0</v>
      </c>
      <c r="C11436" s="1" t="s">
        <v>5</v>
      </c>
      <c r="D11436" s="1" t="s">
        <v>11</v>
      </c>
      <c r="E11436" s="1" t="s">
        <v>7</v>
      </c>
    </row>
    <row r="11437">
      <c r="A11437" s="1">
        <v>4.90490507E8</v>
      </c>
      <c r="B11437" s="2">
        <v>13215.0</v>
      </c>
      <c r="C11437" s="1" t="s">
        <v>5</v>
      </c>
      <c r="D11437" s="1" t="s">
        <v>9750</v>
      </c>
      <c r="E11437" s="1" t="s">
        <v>7</v>
      </c>
    </row>
    <row r="11438">
      <c r="A11438" s="1">
        <v>4.90490534E8</v>
      </c>
      <c r="B11438" s="3">
        <v>13276.0</v>
      </c>
      <c r="C11438" s="1" t="s">
        <v>5</v>
      </c>
      <c r="D11438" s="1" t="s">
        <v>11</v>
      </c>
      <c r="E11438" s="1" t="s">
        <v>7</v>
      </c>
    </row>
    <row r="11439">
      <c r="A11439" s="1">
        <v>4.90490544E8</v>
      </c>
      <c r="B11439" s="3">
        <v>13287.0</v>
      </c>
      <c r="C11439" s="1" t="s">
        <v>5</v>
      </c>
      <c r="D11439" s="1" t="s">
        <v>9751</v>
      </c>
      <c r="E11439" s="1" t="s">
        <v>7</v>
      </c>
    </row>
    <row r="11440">
      <c r="A11440" s="1">
        <v>4.90490561E8</v>
      </c>
      <c r="B11440" s="2">
        <v>13266.0</v>
      </c>
      <c r="C11440" s="1" t="s">
        <v>5</v>
      </c>
      <c r="D11440" s="1" t="s">
        <v>11</v>
      </c>
      <c r="E11440" s="1" t="s">
        <v>7</v>
      </c>
    </row>
    <row r="11441">
      <c r="A11441" s="1">
        <v>4.90490567E8</v>
      </c>
      <c r="B11441" s="3">
        <v>13280.0</v>
      </c>
      <c r="C11441" s="1" t="s">
        <v>5</v>
      </c>
      <c r="D11441" s="1" t="s">
        <v>9752</v>
      </c>
      <c r="E11441" s="1" t="s">
        <v>11</v>
      </c>
    </row>
    <row r="11442">
      <c r="A11442" s="1">
        <v>4.90490593E8</v>
      </c>
      <c r="B11442" s="2">
        <v>13212.0</v>
      </c>
      <c r="C11442" s="1" t="s">
        <v>5</v>
      </c>
      <c r="D11442" s="1" t="s">
        <v>9753</v>
      </c>
      <c r="E11442" s="1" t="s">
        <v>11</v>
      </c>
    </row>
    <row r="11443">
      <c r="A11443" s="1">
        <v>4.90490594E8</v>
      </c>
      <c r="B11443" s="3">
        <v>13276.0</v>
      </c>
      <c r="C11443" s="1" t="s">
        <v>5</v>
      </c>
      <c r="D11443" s="1" t="s">
        <v>9754</v>
      </c>
      <c r="E11443" s="1" t="s">
        <v>11</v>
      </c>
    </row>
    <row r="11444">
      <c r="A11444" s="1">
        <v>4.90490637E8</v>
      </c>
      <c r="B11444" s="2">
        <v>13224.0</v>
      </c>
      <c r="C11444" s="1" t="s">
        <v>5</v>
      </c>
      <c r="D11444" s="1" t="s">
        <v>9755</v>
      </c>
      <c r="E11444" s="1" t="s">
        <v>7</v>
      </c>
    </row>
    <row r="11445">
      <c r="A11445" s="1">
        <v>4.90490642E8</v>
      </c>
      <c r="B11445" s="2">
        <v>13212.0</v>
      </c>
      <c r="C11445" s="1" t="s">
        <v>5</v>
      </c>
      <c r="D11445" s="1" t="s">
        <v>9756</v>
      </c>
      <c r="E11445" s="1" t="s">
        <v>7</v>
      </c>
    </row>
    <row r="11446">
      <c r="A11446" s="1">
        <v>4.90490646E8</v>
      </c>
      <c r="B11446" s="2">
        <v>13215.0</v>
      </c>
      <c r="C11446" s="1" t="s">
        <v>5</v>
      </c>
      <c r="D11446" s="1" t="s">
        <v>11</v>
      </c>
      <c r="E11446" s="1" t="s">
        <v>7</v>
      </c>
    </row>
    <row r="11447">
      <c r="A11447" s="1">
        <v>4.90490651E8</v>
      </c>
      <c r="B11447" s="3">
        <v>13281.0</v>
      </c>
      <c r="C11447" s="1" t="s">
        <v>5</v>
      </c>
      <c r="D11447" s="1" t="s">
        <v>9757</v>
      </c>
      <c r="E11447" s="1" t="s">
        <v>9758</v>
      </c>
    </row>
    <row r="11448">
      <c r="A11448" s="1">
        <v>4.90490665E8</v>
      </c>
      <c r="B11448" s="3">
        <v>13275.0</v>
      </c>
      <c r="C11448" s="1" t="s">
        <v>5</v>
      </c>
      <c r="D11448" s="1" t="s">
        <v>11</v>
      </c>
      <c r="E11448" s="1" t="s">
        <v>7</v>
      </c>
    </row>
    <row r="11449">
      <c r="A11449" s="1">
        <v>4.90490674E8</v>
      </c>
      <c r="B11449" s="2">
        <v>13222.0</v>
      </c>
      <c r="C11449" s="1" t="s">
        <v>5</v>
      </c>
      <c r="D11449" s="1" t="s">
        <v>11</v>
      </c>
      <c r="E11449" s="1" t="s">
        <v>7</v>
      </c>
    </row>
    <row r="11450">
      <c r="A11450" s="1">
        <v>4.90490683E8</v>
      </c>
      <c r="B11450" s="2">
        <v>13214.0</v>
      </c>
      <c r="C11450" s="1" t="s">
        <v>5</v>
      </c>
      <c r="D11450" s="1" t="s">
        <v>9759</v>
      </c>
      <c r="E11450" s="1" t="s">
        <v>7</v>
      </c>
    </row>
    <row r="11451">
      <c r="A11451" s="1">
        <v>4.90490694E8</v>
      </c>
      <c r="B11451" s="2">
        <v>13222.0</v>
      </c>
      <c r="C11451" s="1" t="s">
        <v>5</v>
      </c>
      <c r="D11451" s="1" t="s">
        <v>9760</v>
      </c>
      <c r="E11451" s="1" t="s">
        <v>7</v>
      </c>
    </row>
    <row r="11452">
      <c r="A11452" s="1">
        <v>4.904907E8</v>
      </c>
      <c r="B11452" s="3">
        <v>13283.0</v>
      </c>
      <c r="C11452" s="1" t="s">
        <v>5</v>
      </c>
      <c r="D11452" s="1" t="s">
        <v>9761</v>
      </c>
      <c r="E11452" s="1" t="s">
        <v>9762</v>
      </c>
    </row>
    <row r="11453">
      <c r="A11453" s="1">
        <v>4.90490715E8</v>
      </c>
      <c r="B11453" s="2">
        <v>13265.0</v>
      </c>
      <c r="C11453" s="1" t="s">
        <v>5</v>
      </c>
      <c r="D11453" s="1" t="s">
        <v>11</v>
      </c>
      <c r="E11453" s="1" t="s">
        <v>7</v>
      </c>
    </row>
    <row r="11454">
      <c r="A11454" s="1">
        <v>4.90490772E8</v>
      </c>
      <c r="B11454" s="3">
        <v>13281.0</v>
      </c>
      <c r="C11454" s="1" t="s">
        <v>5</v>
      </c>
      <c r="D11454" s="1" t="s">
        <v>9763</v>
      </c>
      <c r="E11454" s="1" t="s">
        <v>11</v>
      </c>
    </row>
    <row r="11455">
      <c r="A11455" s="1">
        <v>4.90490774E8</v>
      </c>
      <c r="B11455" s="3">
        <v>13292.0</v>
      </c>
      <c r="C11455" s="1" t="s">
        <v>5</v>
      </c>
      <c r="D11455" s="1" t="s">
        <v>9764</v>
      </c>
      <c r="E11455" s="1" t="s">
        <v>11</v>
      </c>
    </row>
    <row r="11456">
      <c r="A11456" s="1">
        <v>4.90490785E8</v>
      </c>
      <c r="B11456" s="2">
        <v>13236.0</v>
      </c>
      <c r="C11456" s="1" t="s">
        <v>5</v>
      </c>
      <c r="D11456" s="1" t="s">
        <v>11</v>
      </c>
      <c r="E11456" s="1" t="s">
        <v>7</v>
      </c>
    </row>
    <row r="11457">
      <c r="A11457" s="1">
        <v>4.90490789E8</v>
      </c>
      <c r="B11457" s="3">
        <v>13283.0</v>
      </c>
      <c r="C11457" s="1" t="s">
        <v>5</v>
      </c>
      <c r="D11457" s="1" t="s">
        <v>9765</v>
      </c>
      <c r="E11457" s="1" t="s">
        <v>7</v>
      </c>
    </row>
    <row r="11458">
      <c r="A11458" s="1">
        <v>4.90490795E8</v>
      </c>
      <c r="B11458" s="3">
        <v>13281.0</v>
      </c>
      <c r="C11458" s="1" t="s">
        <v>5</v>
      </c>
      <c r="D11458" s="1" t="s">
        <v>9766</v>
      </c>
      <c r="E11458" s="1" t="s">
        <v>7</v>
      </c>
    </row>
    <row r="11459">
      <c r="A11459" s="1">
        <v>4.9049084E8</v>
      </c>
      <c r="B11459" s="2">
        <v>13236.0</v>
      </c>
      <c r="C11459" s="1" t="s">
        <v>5</v>
      </c>
      <c r="D11459" s="1" t="s">
        <v>9767</v>
      </c>
      <c r="E11459" s="1" t="s">
        <v>11</v>
      </c>
    </row>
    <row r="11460">
      <c r="A11460" s="1">
        <v>4.9049085E8</v>
      </c>
      <c r="B11460" s="3">
        <v>13282.0</v>
      </c>
      <c r="C11460" s="1" t="s">
        <v>5</v>
      </c>
      <c r="D11460" s="1" t="s">
        <v>9768</v>
      </c>
      <c r="E11460" s="1" t="s">
        <v>7</v>
      </c>
    </row>
    <row r="11461">
      <c r="A11461" s="1">
        <v>4.90490855E8</v>
      </c>
      <c r="B11461" s="3">
        <v>13279.0</v>
      </c>
      <c r="C11461" s="1" t="s">
        <v>5</v>
      </c>
      <c r="D11461" s="1" t="s">
        <v>9769</v>
      </c>
      <c r="E11461" s="1" t="s">
        <v>7</v>
      </c>
    </row>
    <row r="11462">
      <c r="A11462" s="1">
        <v>4.90490895E8</v>
      </c>
      <c r="B11462" s="3">
        <v>13279.0</v>
      </c>
      <c r="C11462" s="1" t="s">
        <v>5</v>
      </c>
      <c r="D11462" s="1" t="s">
        <v>9770</v>
      </c>
      <c r="E11462" s="1" t="s">
        <v>7</v>
      </c>
    </row>
    <row r="11463">
      <c r="A11463" s="1">
        <v>4.90490903E8</v>
      </c>
      <c r="B11463" s="2">
        <v>13223.0</v>
      </c>
      <c r="C11463" s="1" t="s">
        <v>5</v>
      </c>
      <c r="D11463" s="1" t="s">
        <v>9771</v>
      </c>
      <c r="E11463" s="1" t="s">
        <v>11</v>
      </c>
    </row>
    <row r="11464">
      <c r="A11464" s="1">
        <v>4.90490934E8</v>
      </c>
      <c r="B11464" s="3">
        <v>13280.0</v>
      </c>
      <c r="C11464" s="1" t="s">
        <v>5</v>
      </c>
      <c r="D11464" s="1" t="s">
        <v>9772</v>
      </c>
      <c r="E11464" s="1" t="s">
        <v>7</v>
      </c>
    </row>
    <row r="11465">
      <c r="A11465" s="1">
        <v>4.90490935E8</v>
      </c>
      <c r="B11465" s="3">
        <v>13278.0</v>
      </c>
      <c r="C11465" s="1" t="s">
        <v>5</v>
      </c>
      <c r="D11465" s="1" t="s">
        <v>9773</v>
      </c>
      <c r="E11465" s="1" t="s">
        <v>7</v>
      </c>
    </row>
    <row r="11466">
      <c r="A11466" s="1">
        <v>4.9049094E8</v>
      </c>
      <c r="B11466" s="3">
        <v>13280.0</v>
      </c>
      <c r="C11466" s="1" t="s">
        <v>5</v>
      </c>
      <c r="D11466" s="1" t="s">
        <v>11</v>
      </c>
      <c r="E11466" s="1" t="s">
        <v>7</v>
      </c>
    </row>
    <row r="11467">
      <c r="A11467" s="1">
        <v>4.9049095E8</v>
      </c>
      <c r="B11467" s="2">
        <v>13240.0</v>
      </c>
      <c r="C11467" s="1" t="s">
        <v>5</v>
      </c>
      <c r="D11467" s="1" t="s">
        <v>9774</v>
      </c>
      <c r="E11467" s="1" t="s">
        <v>11</v>
      </c>
    </row>
    <row r="11468">
      <c r="A11468" s="1">
        <v>4.90490957E8</v>
      </c>
      <c r="B11468" s="3">
        <v>13280.0</v>
      </c>
      <c r="C11468" s="1" t="s">
        <v>5</v>
      </c>
      <c r="D11468" s="1" t="s">
        <v>9775</v>
      </c>
      <c r="E11468" s="1" t="s">
        <v>9776</v>
      </c>
    </row>
    <row r="11469">
      <c r="A11469" s="1">
        <v>4.90490959E8</v>
      </c>
      <c r="B11469" s="2">
        <v>13227.0</v>
      </c>
      <c r="C11469" s="1" t="s">
        <v>5</v>
      </c>
      <c r="D11469" s="1" t="s">
        <v>9777</v>
      </c>
      <c r="E11469" s="1" t="s">
        <v>11</v>
      </c>
    </row>
    <row r="11470">
      <c r="A11470" s="1">
        <v>4.90490982E8</v>
      </c>
      <c r="B11470" s="2">
        <v>13240.0</v>
      </c>
      <c r="C11470" s="1" t="s">
        <v>5</v>
      </c>
      <c r="D11470" s="1" t="s">
        <v>9778</v>
      </c>
      <c r="E11470" s="1" t="s">
        <v>11</v>
      </c>
    </row>
    <row r="11471">
      <c r="A11471" s="1">
        <v>4.90490985E8</v>
      </c>
      <c r="B11471" s="3">
        <v>13291.0</v>
      </c>
      <c r="C11471" s="1" t="s">
        <v>5</v>
      </c>
      <c r="D11471" s="1" t="s">
        <v>9779</v>
      </c>
      <c r="E11471" s="1" t="s">
        <v>7</v>
      </c>
    </row>
    <row r="11472">
      <c r="A11472" s="1">
        <v>4.90490995E8</v>
      </c>
      <c r="B11472" s="3">
        <v>13280.0</v>
      </c>
      <c r="C11472" s="1" t="s">
        <v>5</v>
      </c>
      <c r="D11472" s="1" t="s">
        <v>9780</v>
      </c>
      <c r="E11472" s="1" t="s">
        <v>11</v>
      </c>
    </row>
    <row r="11473">
      <c r="A11473" s="1">
        <v>4.9049102E8</v>
      </c>
      <c r="B11473" s="2">
        <v>13219.0</v>
      </c>
      <c r="C11473" s="1" t="s">
        <v>5</v>
      </c>
      <c r="D11473" s="1" t="s">
        <v>9781</v>
      </c>
      <c r="E11473" s="1" t="s">
        <v>7</v>
      </c>
    </row>
    <row r="11474">
      <c r="A11474" s="1">
        <v>4.90491035E8</v>
      </c>
      <c r="B11474" s="2">
        <v>13213.0</v>
      </c>
      <c r="C11474" s="1" t="s">
        <v>5</v>
      </c>
      <c r="D11474" s="1" t="s">
        <v>9782</v>
      </c>
      <c r="E11474" s="1" t="s">
        <v>7</v>
      </c>
    </row>
    <row r="11475">
      <c r="A11475" s="1">
        <v>4.90491045E8</v>
      </c>
      <c r="B11475" s="2">
        <v>13221.0</v>
      </c>
      <c r="C11475" s="1" t="s">
        <v>5</v>
      </c>
      <c r="D11475" s="1" t="s">
        <v>9783</v>
      </c>
      <c r="E11475" s="1" t="s">
        <v>7</v>
      </c>
    </row>
    <row r="11476">
      <c r="A11476" s="1">
        <v>4.90491051E8</v>
      </c>
      <c r="B11476" s="3">
        <v>13284.0</v>
      </c>
      <c r="C11476" s="1" t="s">
        <v>5</v>
      </c>
      <c r="D11476" s="1" t="s">
        <v>9784</v>
      </c>
      <c r="E11476" s="1" t="s">
        <v>9785</v>
      </c>
    </row>
    <row r="11477">
      <c r="A11477" s="1">
        <v>4.90491055E8</v>
      </c>
      <c r="B11477" s="3">
        <v>13281.0</v>
      </c>
      <c r="C11477" s="1" t="s">
        <v>5</v>
      </c>
      <c r="D11477" s="1" t="s">
        <v>9786</v>
      </c>
      <c r="E11477" s="1" t="s">
        <v>11</v>
      </c>
    </row>
    <row r="11478">
      <c r="A11478" s="1">
        <v>4.90491064E8</v>
      </c>
      <c r="B11478" s="2">
        <v>13221.0</v>
      </c>
      <c r="C11478" s="1" t="s">
        <v>5</v>
      </c>
      <c r="D11478" s="1" t="s">
        <v>11</v>
      </c>
      <c r="E11478" s="1" t="s">
        <v>7</v>
      </c>
    </row>
    <row r="11479">
      <c r="A11479" s="1">
        <v>4.90491093E8</v>
      </c>
      <c r="B11479" s="2">
        <v>13237.0</v>
      </c>
      <c r="C11479" s="1" t="s">
        <v>5</v>
      </c>
      <c r="D11479" s="1" t="s">
        <v>9787</v>
      </c>
      <c r="E11479" s="1" t="s">
        <v>11</v>
      </c>
    </row>
    <row r="11480">
      <c r="A11480" s="1">
        <v>4.90491109E8</v>
      </c>
      <c r="B11480" s="3">
        <v>13280.0</v>
      </c>
      <c r="C11480" s="1" t="s">
        <v>5</v>
      </c>
      <c r="D11480" s="1" t="s">
        <v>11</v>
      </c>
      <c r="E11480" s="1" t="s">
        <v>7</v>
      </c>
    </row>
    <row r="11481">
      <c r="A11481" s="1">
        <v>4.90491125E8</v>
      </c>
      <c r="B11481" s="2">
        <v>13210.0</v>
      </c>
      <c r="C11481" s="1" t="s">
        <v>5</v>
      </c>
      <c r="D11481" s="1" t="s">
        <v>9788</v>
      </c>
      <c r="E11481" s="1" t="s">
        <v>7</v>
      </c>
    </row>
    <row r="11482">
      <c r="A11482" s="1">
        <v>4.90491137E8</v>
      </c>
      <c r="B11482" s="2">
        <v>13122.0</v>
      </c>
      <c r="C11482" s="1" t="s">
        <v>5</v>
      </c>
      <c r="D11482" s="1" t="s">
        <v>9789</v>
      </c>
      <c r="E11482" s="1" t="s">
        <v>11</v>
      </c>
    </row>
    <row r="11483">
      <c r="A11483" s="1">
        <v>4.90491187E8</v>
      </c>
      <c r="B11483" s="3">
        <v>13280.0</v>
      </c>
      <c r="C11483" s="1" t="s">
        <v>5</v>
      </c>
      <c r="D11483" s="1" t="s">
        <v>9790</v>
      </c>
      <c r="E11483" s="1" t="s">
        <v>7</v>
      </c>
    </row>
    <row r="11484">
      <c r="A11484" s="1">
        <v>4.90491201E8</v>
      </c>
      <c r="B11484" s="3">
        <v>13290.0</v>
      </c>
      <c r="C11484" s="1" t="s">
        <v>5</v>
      </c>
      <c r="D11484" s="1" t="s">
        <v>9791</v>
      </c>
      <c r="E11484" s="1" t="s">
        <v>7</v>
      </c>
    </row>
    <row r="11485">
      <c r="A11485" s="1">
        <v>4.90491224E8</v>
      </c>
      <c r="B11485" s="3">
        <v>13283.0</v>
      </c>
      <c r="C11485" s="1" t="s">
        <v>5</v>
      </c>
      <c r="D11485" s="1" t="s">
        <v>9792</v>
      </c>
      <c r="E11485" s="1" t="s">
        <v>9793</v>
      </c>
    </row>
    <row r="11486">
      <c r="A11486" s="1">
        <v>4.90491226E8</v>
      </c>
      <c r="B11486" s="2">
        <v>13236.0</v>
      </c>
      <c r="C11486" s="1" t="s">
        <v>5</v>
      </c>
      <c r="D11486" s="1" t="s">
        <v>9794</v>
      </c>
      <c r="E11486" s="1" t="s">
        <v>7</v>
      </c>
    </row>
    <row r="11487">
      <c r="A11487" s="1">
        <v>4.90491241E8</v>
      </c>
      <c r="B11487" s="3">
        <v>13283.0</v>
      </c>
      <c r="C11487" s="1" t="s">
        <v>5</v>
      </c>
      <c r="D11487" s="1" t="s">
        <v>9795</v>
      </c>
      <c r="E11487" s="1" t="s">
        <v>7</v>
      </c>
    </row>
    <row r="11488">
      <c r="A11488" s="1">
        <v>4.90491253E8</v>
      </c>
      <c r="B11488" s="3">
        <v>13277.0</v>
      </c>
      <c r="C11488" s="1" t="s">
        <v>5</v>
      </c>
      <c r="D11488" s="1" t="s">
        <v>9796</v>
      </c>
      <c r="E11488" s="1" t="s">
        <v>11</v>
      </c>
    </row>
    <row r="11489">
      <c r="A11489" s="1">
        <v>4.90491264E8</v>
      </c>
      <c r="B11489" s="2">
        <v>13212.0</v>
      </c>
      <c r="C11489" s="1" t="s">
        <v>5</v>
      </c>
      <c r="D11489" s="1" t="s">
        <v>11</v>
      </c>
      <c r="E11489" s="1" t="s">
        <v>7</v>
      </c>
    </row>
    <row r="11490">
      <c r="A11490" s="1">
        <v>4.90491303E8</v>
      </c>
      <c r="B11490" s="2">
        <v>13236.0</v>
      </c>
      <c r="C11490" s="1" t="s">
        <v>5</v>
      </c>
      <c r="D11490" s="1" t="s">
        <v>9797</v>
      </c>
      <c r="E11490" s="1" t="s">
        <v>11</v>
      </c>
    </row>
    <row r="11491">
      <c r="A11491" s="1">
        <v>4.90491362E8</v>
      </c>
      <c r="B11491" s="2">
        <v>13210.0</v>
      </c>
      <c r="C11491" s="1" t="s">
        <v>5</v>
      </c>
      <c r="D11491" s="1" t="s">
        <v>11</v>
      </c>
      <c r="E11491" s="1" t="s">
        <v>7</v>
      </c>
    </row>
    <row r="11492">
      <c r="A11492" s="1">
        <v>4.90491384E8</v>
      </c>
      <c r="B11492" s="3">
        <v>13282.0</v>
      </c>
      <c r="C11492" s="1" t="s">
        <v>5</v>
      </c>
      <c r="D11492" s="1" t="s">
        <v>9798</v>
      </c>
      <c r="E11492" s="1" t="s">
        <v>9799</v>
      </c>
    </row>
    <row r="11493">
      <c r="A11493" s="1">
        <v>4.9049139E8</v>
      </c>
      <c r="B11493" s="2">
        <v>13257.0</v>
      </c>
      <c r="C11493" s="1" t="s">
        <v>5</v>
      </c>
      <c r="D11493" s="1" t="s">
        <v>9800</v>
      </c>
      <c r="E11493" s="1" t="s">
        <v>11</v>
      </c>
    </row>
    <row r="11494">
      <c r="A11494" s="1">
        <v>4.90491391E8</v>
      </c>
      <c r="B11494" s="2">
        <v>13218.0</v>
      </c>
      <c r="C11494" s="1" t="s">
        <v>5</v>
      </c>
      <c r="D11494" s="1" t="s">
        <v>9801</v>
      </c>
      <c r="E11494" s="1" t="s">
        <v>7</v>
      </c>
    </row>
    <row r="11495">
      <c r="A11495" s="1">
        <v>4.90491406E8</v>
      </c>
      <c r="B11495" s="2">
        <v>13269.0</v>
      </c>
      <c r="C11495" s="1" t="s">
        <v>5</v>
      </c>
      <c r="D11495" s="1" t="s">
        <v>9802</v>
      </c>
      <c r="E11495" s="1" t="s">
        <v>11</v>
      </c>
    </row>
    <row r="11496">
      <c r="A11496" s="1">
        <v>4.90491426E8</v>
      </c>
      <c r="B11496" s="3">
        <v>13279.0</v>
      </c>
      <c r="C11496" s="1" t="s">
        <v>5</v>
      </c>
      <c r="D11496" s="1" t="s">
        <v>9803</v>
      </c>
      <c r="E11496" s="1" t="s">
        <v>7</v>
      </c>
    </row>
    <row r="11497">
      <c r="A11497" s="1">
        <v>4.9049144E8</v>
      </c>
      <c r="B11497" s="3">
        <v>13278.0</v>
      </c>
      <c r="C11497" s="1" t="s">
        <v>5</v>
      </c>
      <c r="D11497" s="1" t="s">
        <v>11</v>
      </c>
      <c r="E11497" s="1" t="s">
        <v>7</v>
      </c>
    </row>
    <row r="11498">
      <c r="A11498" s="1">
        <v>4.90491444E8</v>
      </c>
      <c r="B11498" s="3">
        <v>13279.0</v>
      </c>
      <c r="C11498" s="1" t="s">
        <v>5</v>
      </c>
      <c r="D11498" s="1" t="s">
        <v>9804</v>
      </c>
      <c r="E11498" s="1" t="s">
        <v>7</v>
      </c>
    </row>
    <row r="11499">
      <c r="A11499" s="1">
        <v>4.90491446E8</v>
      </c>
      <c r="B11499" s="2">
        <v>13217.0</v>
      </c>
      <c r="C11499" s="1" t="s">
        <v>5</v>
      </c>
      <c r="D11499" s="1" t="s">
        <v>9805</v>
      </c>
      <c r="E11499" s="1" t="s">
        <v>9806</v>
      </c>
    </row>
    <row r="11500">
      <c r="A11500" s="1">
        <v>4.90491452E8</v>
      </c>
      <c r="B11500" s="3">
        <v>13279.0</v>
      </c>
      <c r="C11500" s="1" t="s">
        <v>5</v>
      </c>
      <c r="D11500" s="1" t="s">
        <v>9807</v>
      </c>
      <c r="E11500" s="1" t="s">
        <v>7</v>
      </c>
    </row>
    <row r="11501">
      <c r="A11501" s="1">
        <v>4.90491466E8</v>
      </c>
      <c r="B11501" s="3">
        <v>13279.0</v>
      </c>
      <c r="C11501" s="1" t="s">
        <v>5</v>
      </c>
      <c r="D11501" s="1" t="s">
        <v>11</v>
      </c>
      <c r="E11501" s="1" t="s">
        <v>7</v>
      </c>
    </row>
    <row r="11502">
      <c r="A11502" s="1">
        <v>4.90491467E8</v>
      </c>
      <c r="B11502" s="2">
        <v>13257.0</v>
      </c>
      <c r="C11502" s="1" t="s">
        <v>5</v>
      </c>
      <c r="D11502" s="1" t="s">
        <v>9808</v>
      </c>
      <c r="E11502" s="1" t="s">
        <v>11</v>
      </c>
    </row>
    <row r="11503">
      <c r="A11503" s="1">
        <v>4.90491479E8</v>
      </c>
      <c r="B11503" s="3">
        <v>13277.0</v>
      </c>
      <c r="C11503" s="1" t="s">
        <v>5</v>
      </c>
      <c r="D11503" s="1" t="s">
        <v>9809</v>
      </c>
      <c r="E11503" s="1" t="s">
        <v>7</v>
      </c>
    </row>
    <row r="11504">
      <c r="A11504" s="1">
        <v>4.90491501E8</v>
      </c>
      <c r="B11504" s="2">
        <v>13259.0</v>
      </c>
      <c r="C11504" s="1" t="s">
        <v>5</v>
      </c>
      <c r="D11504" s="1" t="s">
        <v>9810</v>
      </c>
      <c r="E11504" s="1" t="s">
        <v>11</v>
      </c>
    </row>
    <row r="11505">
      <c r="A11505" s="1">
        <v>4.90491557E8</v>
      </c>
      <c r="B11505" s="3">
        <v>13281.0</v>
      </c>
      <c r="C11505" s="1" t="s">
        <v>5</v>
      </c>
      <c r="D11505" s="1" t="s">
        <v>9811</v>
      </c>
      <c r="E11505" s="1" t="s">
        <v>11</v>
      </c>
    </row>
    <row r="11506">
      <c r="A11506" s="1">
        <v>4.90491575E8</v>
      </c>
      <c r="B11506" s="2">
        <v>13235.0</v>
      </c>
      <c r="C11506" s="1" t="s">
        <v>5</v>
      </c>
      <c r="D11506" s="1" t="s">
        <v>11</v>
      </c>
      <c r="E11506" s="1" t="s">
        <v>7</v>
      </c>
    </row>
    <row r="11507">
      <c r="A11507" s="1">
        <v>4.90491577E8</v>
      </c>
      <c r="B11507" s="2">
        <v>13215.0</v>
      </c>
      <c r="C11507" s="1" t="s">
        <v>5</v>
      </c>
      <c r="D11507" s="1" t="s">
        <v>11</v>
      </c>
      <c r="E11507" s="1" t="s">
        <v>7</v>
      </c>
    </row>
    <row r="11508">
      <c r="A11508" s="1">
        <v>4.90491579E8</v>
      </c>
      <c r="B11508" s="3">
        <v>13275.0</v>
      </c>
      <c r="C11508" s="1" t="s">
        <v>5</v>
      </c>
      <c r="D11508" s="1" t="s">
        <v>9812</v>
      </c>
      <c r="E11508" s="1" t="s">
        <v>11</v>
      </c>
    </row>
    <row r="11509">
      <c r="A11509" s="1">
        <v>4.90491591E8</v>
      </c>
      <c r="B11509" s="3">
        <v>13274.0</v>
      </c>
      <c r="C11509" s="1" t="s">
        <v>5</v>
      </c>
      <c r="D11509" s="1" t="s">
        <v>9813</v>
      </c>
      <c r="E11509" s="1" t="s">
        <v>7</v>
      </c>
    </row>
    <row r="11510">
      <c r="A11510" s="1">
        <v>4.90491624E8</v>
      </c>
      <c r="B11510" s="2">
        <v>13256.0</v>
      </c>
      <c r="C11510" s="1" t="s">
        <v>5</v>
      </c>
      <c r="D11510" s="1" t="s">
        <v>9814</v>
      </c>
      <c r="E11510" s="1" t="s">
        <v>7</v>
      </c>
    </row>
    <row r="11511">
      <c r="A11511" s="1">
        <v>4.90491631E8</v>
      </c>
      <c r="B11511" s="2">
        <v>13217.0</v>
      </c>
      <c r="C11511" s="1" t="s">
        <v>5</v>
      </c>
      <c r="D11511" s="1" t="s">
        <v>9815</v>
      </c>
      <c r="E11511" s="1" t="s">
        <v>7</v>
      </c>
    </row>
    <row r="11512">
      <c r="A11512" s="1">
        <v>4.90491637E8</v>
      </c>
      <c r="B11512" s="3">
        <v>13275.0</v>
      </c>
      <c r="C11512" s="1" t="s">
        <v>5</v>
      </c>
      <c r="D11512" s="1" t="s">
        <v>11</v>
      </c>
      <c r="E11512" s="1" t="s">
        <v>7</v>
      </c>
    </row>
    <row r="11513">
      <c r="A11513" s="1">
        <v>4.90491642E8</v>
      </c>
      <c r="B11513" s="2">
        <v>13215.0</v>
      </c>
      <c r="C11513" s="1" t="s">
        <v>5</v>
      </c>
      <c r="D11513" s="1" t="s">
        <v>9816</v>
      </c>
      <c r="E11513" s="1" t="s">
        <v>7</v>
      </c>
    </row>
    <row r="11514">
      <c r="A11514" s="1">
        <v>4.90491669E8</v>
      </c>
      <c r="B11514" s="3">
        <v>13280.0</v>
      </c>
      <c r="C11514" s="1" t="s">
        <v>5</v>
      </c>
      <c r="D11514" s="1" t="s">
        <v>9817</v>
      </c>
      <c r="E11514" s="1" t="s">
        <v>7</v>
      </c>
    </row>
    <row r="11515">
      <c r="A11515" s="1">
        <v>4.90491678E8</v>
      </c>
      <c r="B11515" s="2">
        <v>13269.0</v>
      </c>
      <c r="C11515" s="1" t="s">
        <v>5</v>
      </c>
      <c r="D11515" s="1" t="s">
        <v>9818</v>
      </c>
      <c r="E11515" s="1" t="s">
        <v>7</v>
      </c>
    </row>
    <row r="11516">
      <c r="A11516" s="1">
        <v>4.90491695E8</v>
      </c>
      <c r="B11516" s="3">
        <v>13286.0</v>
      </c>
      <c r="C11516" s="1" t="s">
        <v>5</v>
      </c>
      <c r="D11516" s="1" t="s">
        <v>9819</v>
      </c>
      <c r="E11516" s="1" t="s">
        <v>7</v>
      </c>
    </row>
    <row r="11517">
      <c r="A11517" s="1">
        <v>4.90491712E8</v>
      </c>
      <c r="B11517" s="2">
        <v>13220.0</v>
      </c>
      <c r="C11517" s="1" t="s">
        <v>5</v>
      </c>
      <c r="D11517" s="1" t="s">
        <v>11</v>
      </c>
      <c r="E11517" s="1" t="s">
        <v>7</v>
      </c>
    </row>
    <row r="11518">
      <c r="A11518" s="1">
        <v>4.90491755E8</v>
      </c>
      <c r="B11518" s="3">
        <v>13286.0</v>
      </c>
      <c r="C11518" s="1" t="s">
        <v>5</v>
      </c>
      <c r="D11518" s="1" t="s">
        <v>9820</v>
      </c>
      <c r="E11518" s="1" t="s">
        <v>11</v>
      </c>
    </row>
    <row r="11519">
      <c r="A11519" s="1">
        <v>4.90491789E8</v>
      </c>
      <c r="B11519" s="2">
        <v>13268.0</v>
      </c>
      <c r="C11519" s="1" t="s">
        <v>5</v>
      </c>
      <c r="D11519" s="1" t="s">
        <v>9821</v>
      </c>
      <c r="E11519" s="1" t="s">
        <v>7</v>
      </c>
    </row>
    <row r="11520">
      <c r="A11520" s="1">
        <v>4.90491794E8</v>
      </c>
      <c r="B11520" s="3">
        <v>13273.0</v>
      </c>
      <c r="C11520" s="1" t="s">
        <v>5</v>
      </c>
      <c r="D11520" s="1" t="s">
        <v>11</v>
      </c>
      <c r="E11520" s="1" t="s">
        <v>7</v>
      </c>
    </row>
    <row r="11521">
      <c r="A11521" s="1">
        <v>4.90491821E8</v>
      </c>
      <c r="B11521" s="2">
        <v>13214.0</v>
      </c>
      <c r="C11521" s="1" t="s">
        <v>5</v>
      </c>
      <c r="D11521" s="1" t="s">
        <v>11</v>
      </c>
      <c r="E11521" s="1" t="s">
        <v>7</v>
      </c>
    </row>
    <row r="11522">
      <c r="A11522" s="1">
        <v>4.90491839E8</v>
      </c>
      <c r="B11522" s="2">
        <v>13234.0</v>
      </c>
      <c r="C11522" s="1" t="s">
        <v>5</v>
      </c>
      <c r="D11522" s="1" t="s">
        <v>9822</v>
      </c>
      <c r="E11522" s="1" t="s">
        <v>7</v>
      </c>
    </row>
    <row r="11523">
      <c r="A11523" s="1">
        <v>4.90491843E8</v>
      </c>
      <c r="B11523" s="3">
        <v>13279.0</v>
      </c>
      <c r="C11523" s="1" t="s">
        <v>5</v>
      </c>
      <c r="D11523" s="1" t="s">
        <v>9823</v>
      </c>
      <c r="E11523" s="1" t="s">
        <v>11</v>
      </c>
    </row>
    <row r="11524">
      <c r="A11524" s="1">
        <v>4.90491844E8</v>
      </c>
      <c r="B11524" s="3">
        <v>13274.0</v>
      </c>
      <c r="C11524" s="1" t="s">
        <v>5</v>
      </c>
      <c r="D11524" s="1" t="s">
        <v>11</v>
      </c>
      <c r="E11524" s="1" t="s">
        <v>7</v>
      </c>
    </row>
    <row r="11525">
      <c r="A11525" s="1">
        <v>4.90491853E8</v>
      </c>
      <c r="B11525" s="3">
        <v>13286.0</v>
      </c>
      <c r="C11525" s="1" t="s">
        <v>5</v>
      </c>
      <c r="D11525" s="1" t="s">
        <v>9824</v>
      </c>
      <c r="E11525" s="1" t="s">
        <v>7</v>
      </c>
    </row>
    <row r="11526">
      <c r="A11526" s="1">
        <v>4.90491901E8</v>
      </c>
      <c r="B11526" s="2">
        <v>13179.0</v>
      </c>
      <c r="C11526" s="1" t="s">
        <v>5</v>
      </c>
      <c r="D11526" s="1" t="s">
        <v>11</v>
      </c>
      <c r="E11526" s="1" t="s">
        <v>7</v>
      </c>
    </row>
    <row r="11527">
      <c r="A11527" s="1">
        <v>4.90491933E8</v>
      </c>
      <c r="B11527" s="3">
        <v>13271.0</v>
      </c>
      <c r="C11527" s="1" t="s">
        <v>5</v>
      </c>
      <c r="D11527" s="1" t="s">
        <v>11</v>
      </c>
      <c r="E11527" s="1" t="s">
        <v>7</v>
      </c>
    </row>
    <row r="11528">
      <c r="A11528" s="1">
        <v>4.90491966E8</v>
      </c>
      <c r="B11528" s="3">
        <v>13277.0</v>
      </c>
      <c r="C11528" s="1" t="s">
        <v>5</v>
      </c>
      <c r="D11528" s="1" t="s">
        <v>9825</v>
      </c>
      <c r="E11528" s="1" t="s">
        <v>7</v>
      </c>
    </row>
    <row r="11529">
      <c r="A11529" s="1">
        <v>4.90491974E8</v>
      </c>
      <c r="B11529" s="3">
        <v>13276.0</v>
      </c>
      <c r="C11529" s="1" t="s">
        <v>5</v>
      </c>
      <c r="D11529" s="1" t="s">
        <v>9826</v>
      </c>
      <c r="E11529" s="1" t="s">
        <v>7</v>
      </c>
    </row>
    <row r="11530">
      <c r="A11530" s="1">
        <v>4.90491994E8</v>
      </c>
      <c r="B11530" s="2">
        <v>13267.0</v>
      </c>
      <c r="C11530" s="1" t="s">
        <v>5</v>
      </c>
      <c r="D11530" s="1" t="s">
        <v>9827</v>
      </c>
      <c r="E11530" s="1" t="s">
        <v>11</v>
      </c>
    </row>
    <row r="11531">
      <c r="A11531" s="1">
        <v>4.90492011E8</v>
      </c>
      <c r="B11531" s="3">
        <v>13276.0</v>
      </c>
      <c r="C11531" s="1" t="s">
        <v>5</v>
      </c>
      <c r="D11531" s="1" t="s">
        <v>9828</v>
      </c>
      <c r="E11531" s="1" t="s">
        <v>9829</v>
      </c>
    </row>
    <row r="11532">
      <c r="A11532" s="1">
        <v>4.90492054E8</v>
      </c>
      <c r="B11532" s="3">
        <v>13273.0</v>
      </c>
      <c r="C11532" s="1" t="s">
        <v>5</v>
      </c>
      <c r="D11532" s="1" t="s">
        <v>9830</v>
      </c>
      <c r="E11532" s="1" t="s">
        <v>11</v>
      </c>
    </row>
    <row r="11533">
      <c r="A11533" s="1">
        <v>4.90492085E8</v>
      </c>
      <c r="B11533" s="3">
        <v>13275.0</v>
      </c>
      <c r="C11533" s="1" t="s">
        <v>5</v>
      </c>
      <c r="D11533" s="1" t="s">
        <v>9831</v>
      </c>
      <c r="E11533" s="1" t="s">
        <v>7</v>
      </c>
    </row>
    <row r="11534">
      <c r="A11534" s="1">
        <v>4.90492097E8</v>
      </c>
      <c r="B11534" s="2">
        <v>13328.0</v>
      </c>
      <c r="C11534" s="1" t="s">
        <v>5</v>
      </c>
      <c r="D11534" s="1" t="s">
        <v>9832</v>
      </c>
      <c r="E11534" s="1" t="s">
        <v>7</v>
      </c>
    </row>
    <row r="11535">
      <c r="A11535" s="1">
        <v>4.90492107E8</v>
      </c>
      <c r="B11535" s="3">
        <v>13274.0</v>
      </c>
      <c r="C11535" s="1" t="s">
        <v>5</v>
      </c>
      <c r="D11535" s="1" t="s">
        <v>9833</v>
      </c>
      <c r="E11535" s="1" t="s">
        <v>11</v>
      </c>
    </row>
    <row r="11536">
      <c r="A11536" s="1">
        <v>4.90492127E8</v>
      </c>
      <c r="B11536" s="2">
        <v>13234.0</v>
      </c>
      <c r="C11536" s="1" t="s">
        <v>5</v>
      </c>
      <c r="D11536" s="1" t="s">
        <v>9834</v>
      </c>
      <c r="E11536" s="1" t="s">
        <v>9835</v>
      </c>
    </row>
    <row r="11537">
      <c r="A11537" s="1">
        <v>4.90492134E8</v>
      </c>
      <c r="B11537" s="2">
        <v>13331.0</v>
      </c>
      <c r="C11537" s="1" t="s">
        <v>5</v>
      </c>
      <c r="D11537" s="1" t="s">
        <v>11</v>
      </c>
      <c r="E11537" s="1" t="s">
        <v>7</v>
      </c>
    </row>
    <row r="11538">
      <c r="A11538" s="1">
        <v>4.90492141E8</v>
      </c>
      <c r="B11538" s="2">
        <v>13214.0</v>
      </c>
      <c r="C11538" s="1" t="s">
        <v>5</v>
      </c>
      <c r="D11538" s="1" t="s">
        <v>9836</v>
      </c>
      <c r="E11538" s="1" t="s">
        <v>7</v>
      </c>
    </row>
    <row r="11539">
      <c r="A11539" s="1">
        <v>4.90492147E8</v>
      </c>
      <c r="B11539" s="3">
        <v>13275.0</v>
      </c>
      <c r="C11539" s="1" t="s">
        <v>5</v>
      </c>
      <c r="D11539" s="1" t="s">
        <v>9837</v>
      </c>
      <c r="E11539" s="1" t="s">
        <v>7</v>
      </c>
    </row>
    <row r="11540">
      <c r="A11540" s="1">
        <v>4.90492156E8</v>
      </c>
      <c r="B11540" s="3">
        <v>13286.0</v>
      </c>
      <c r="C11540" s="1" t="s">
        <v>5</v>
      </c>
      <c r="D11540" s="1" t="s">
        <v>11</v>
      </c>
      <c r="E11540" s="1" t="s">
        <v>7</v>
      </c>
    </row>
    <row r="11541">
      <c r="A11541" s="1">
        <v>4.90492157E8</v>
      </c>
      <c r="B11541" s="2">
        <v>13264.0</v>
      </c>
      <c r="C11541" s="1" t="s">
        <v>5</v>
      </c>
      <c r="D11541" s="1" t="s">
        <v>9838</v>
      </c>
      <c r="E11541" s="1" t="s">
        <v>7</v>
      </c>
    </row>
    <row r="11542">
      <c r="A11542" s="1">
        <v>4.90492179E8</v>
      </c>
      <c r="B11542" s="2">
        <v>13217.0</v>
      </c>
      <c r="C11542" s="1" t="s">
        <v>5</v>
      </c>
      <c r="D11542" s="1" t="s">
        <v>9839</v>
      </c>
      <c r="E11542" s="1" t="s">
        <v>11</v>
      </c>
    </row>
    <row r="11543">
      <c r="A11543" s="1">
        <v>4.90492194E8</v>
      </c>
      <c r="B11543" s="2">
        <v>13266.0</v>
      </c>
      <c r="C11543" s="1" t="s">
        <v>5</v>
      </c>
      <c r="D11543" s="1" t="s">
        <v>9840</v>
      </c>
      <c r="E11543" s="1" t="s">
        <v>7</v>
      </c>
    </row>
    <row r="11544">
      <c r="A11544" s="1">
        <v>4.90492195E8</v>
      </c>
      <c r="B11544" s="2">
        <v>13266.0</v>
      </c>
      <c r="C11544" s="1" t="s">
        <v>5</v>
      </c>
      <c r="D11544" s="1" t="s">
        <v>9841</v>
      </c>
      <c r="E11544" s="1" t="s">
        <v>7</v>
      </c>
    </row>
    <row r="11545">
      <c r="A11545" s="1">
        <v>4.90492241E8</v>
      </c>
      <c r="B11545" s="3">
        <v>13285.0</v>
      </c>
      <c r="C11545" s="1" t="s">
        <v>5</v>
      </c>
      <c r="D11545" s="1" t="s">
        <v>9842</v>
      </c>
      <c r="E11545" s="1" t="s">
        <v>9843</v>
      </c>
    </row>
    <row r="11546">
      <c r="A11546" s="1">
        <v>4.90492251E8</v>
      </c>
      <c r="B11546" s="3">
        <v>13283.0</v>
      </c>
      <c r="C11546" s="1" t="s">
        <v>5</v>
      </c>
      <c r="D11546" s="1" t="s">
        <v>11</v>
      </c>
      <c r="E11546" s="1" t="s">
        <v>7</v>
      </c>
    </row>
    <row r="11547">
      <c r="A11547" s="1">
        <v>4.90492274E8</v>
      </c>
      <c r="B11547" s="2">
        <v>13256.0</v>
      </c>
      <c r="C11547" s="1" t="s">
        <v>5</v>
      </c>
      <c r="D11547" s="1" t="s">
        <v>9844</v>
      </c>
      <c r="E11547" s="1" t="s">
        <v>7</v>
      </c>
    </row>
    <row r="11548">
      <c r="A11548" s="1">
        <v>4.90492305E8</v>
      </c>
      <c r="B11548" s="2">
        <v>13227.0</v>
      </c>
      <c r="C11548" s="1" t="s">
        <v>5</v>
      </c>
      <c r="D11548" s="1" t="s">
        <v>9845</v>
      </c>
      <c r="E11548" s="1" t="s">
        <v>7</v>
      </c>
    </row>
    <row r="11549">
      <c r="A11549" s="1">
        <v>4.90492315E8</v>
      </c>
      <c r="B11549" s="2">
        <v>13256.0</v>
      </c>
      <c r="C11549" s="1" t="s">
        <v>5</v>
      </c>
      <c r="D11549" s="1" t="s">
        <v>9846</v>
      </c>
      <c r="E11549" s="1" t="s">
        <v>7</v>
      </c>
    </row>
    <row r="11550">
      <c r="A11550" s="1">
        <v>4.90492344E8</v>
      </c>
      <c r="B11550" s="2">
        <v>13215.0</v>
      </c>
      <c r="C11550" s="1" t="s">
        <v>5</v>
      </c>
      <c r="D11550" s="1" t="s">
        <v>9847</v>
      </c>
      <c r="E11550" s="1" t="s">
        <v>9848</v>
      </c>
    </row>
    <row r="11551">
      <c r="A11551" s="1">
        <v>4.90492394E8</v>
      </c>
      <c r="B11551" s="2">
        <v>13263.0</v>
      </c>
      <c r="C11551" s="1" t="s">
        <v>5</v>
      </c>
      <c r="D11551" s="1" t="s">
        <v>9849</v>
      </c>
      <c r="E11551" s="1" t="s">
        <v>11</v>
      </c>
    </row>
    <row r="11552">
      <c r="A11552" s="1">
        <v>4.90492395E8</v>
      </c>
      <c r="B11552" s="2">
        <v>13266.0</v>
      </c>
      <c r="C11552" s="1" t="s">
        <v>5</v>
      </c>
      <c r="D11552" s="1" t="s">
        <v>11</v>
      </c>
      <c r="E11552" s="1" t="s">
        <v>7</v>
      </c>
    </row>
    <row r="11553">
      <c r="A11553" s="1">
        <v>4.90492406E8</v>
      </c>
      <c r="B11553" s="2">
        <v>13254.0</v>
      </c>
      <c r="C11553" s="1" t="s">
        <v>5</v>
      </c>
      <c r="D11553" s="1" t="s">
        <v>9850</v>
      </c>
      <c r="E11553" s="1" t="s">
        <v>11</v>
      </c>
    </row>
    <row r="11554">
      <c r="A11554" s="1">
        <v>4.90492442E8</v>
      </c>
      <c r="B11554" s="2">
        <v>13233.0</v>
      </c>
      <c r="C11554" s="1" t="s">
        <v>5</v>
      </c>
      <c r="D11554" s="1" t="s">
        <v>9851</v>
      </c>
      <c r="E11554" s="1" t="s">
        <v>7</v>
      </c>
    </row>
    <row r="11555">
      <c r="A11555" s="1">
        <v>4.90492475E8</v>
      </c>
      <c r="B11555" s="2">
        <v>13330.0</v>
      </c>
      <c r="C11555" s="1" t="s">
        <v>5</v>
      </c>
      <c r="D11555" s="1" t="s">
        <v>9852</v>
      </c>
      <c r="E11555" s="1" t="s">
        <v>9853</v>
      </c>
    </row>
    <row r="11556">
      <c r="A11556" s="1">
        <v>4.90492481E8</v>
      </c>
      <c r="B11556" s="2">
        <v>13265.0</v>
      </c>
      <c r="C11556" s="1" t="s">
        <v>5</v>
      </c>
      <c r="D11556" s="1" t="s">
        <v>9854</v>
      </c>
      <c r="E11556" s="1" t="s">
        <v>9855</v>
      </c>
    </row>
    <row r="11557">
      <c r="A11557" s="1">
        <v>4.90492533E8</v>
      </c>
      <c r="B11557" s="2">
        <v>13329.0</v>
      </c>
      <c r="C11557" s="1" t="s">
        <v>5</v>
      </c>
      <c r="D11557" s="1" t="s">
        <v>9856</v>
      </c>
      <c r="E11557" s="1" t="s">
        <v>9857</v>
      </c>
    </row>
    <row r="11558">
      <c r="A11558" s="1">
        <v>4.90492534E8</v>
      </c>
      <c r="B11558" s="3">
        <v>13271.0</v>
      </c>
      <c r="C11558" s="1" t="s">
        <v>5</v>
      </c>
      <c r="D11558" s="1" t="s">
        <v>9858</v>
      </c>
      <c r="E11558" s="1" t="s">
        <v>7</v>
      </c>
    </row>
    <row r="11559">
      <c r="A11559" s="1">
        <v>4.90492544E8</v>
      </c>
      <c r="B11559" s="2">
        <v>13328.0</v>
      </c>
      <c r="C11559" s="1" t="s">
        <v>5</v>
      </c>
      <c r="D11559" s="1" t="s">
        <v>11</v>
      </c>
      <c r="E11559" s="1" t="s">
        <v>7</v>
      </c>
    </row>
    <row r="11560">
      <c r="A11560" s="1">
        <v>4.90492547E8</v>
      </c>
      <c r="B11560" s="2">
        <v>13251.0</v>
      </c>
      <c r="C11560" s="1" t="s">
        <v>5</v>
      </c>
      <c r="D11560" s="1" t="s">
        <v>11</v>
      </c>
      <c r="E11560" s="1" t="s">
        <v>7</v>
      </c>
    </row>
    <row r="11561">
      <c r="A11561" s="1">
        <v>4.9049255E8</v>
      </c>
      <c r="B11561" s="2">
        <v>13174.0</v>
      </c>
      <c r="C11561" s="1" t="s">
        <v>5</v>
      </c>
      <c r="D11561" s="1" t="s">
        <v>9859</v>
      </c>
      <c r="E11561" s="1" t="s">
        <v>9860</v>
      </c>
    </row>
    <row r="11562">
      <c r="A11562" s="1">
        <v>4.90492552E8</v>
      </c>
      <c r="B11562" s="2">
        <v>13211.0</v>
      </c>
      <c r="C11562" s="1" t="s">
        <v>5</v>
      </c>
      <c r="D11562" s="1" t="s">
        <v>11</v>
      </c>
      <c r="E11562" s="1" t="s">
        <v>7</v>
      </c>
    </row>
    <row r="11563">
      <c r="A11563" s="1">
        <v>4.90492568E8</v>
      </c>
      <c r="B11563" s="3">
        <v>13273.0</v>
      </c>
      <c r="C11563" s="1" t="s">
        <v>5</v>
      </c>
      <c r="D11563" s="1" t="s">
        <v>9861</v>
      </c>
      <c r="E11563" s="1" t="s">
        <v>7</v>
      </c>
    </row>
    <row r="11564">
      <c r="A11564" s="1">
        <v>4.90492577E8</v>
      </c>
      <c r="B11564" s="3">
        <v>13281.0</v>
      </c>
      <c r="C11564" s="1" t="s">
        <v>5</v>
      </c>
      <c r="D11564" s="1" t="s">
        <v>9862</v>
      </c>
      <c r="E11564" s="1" t="s">
        <v>11</v>
      </c>
    </row>
    <row r="11565">
      <c r="A11565" s="1">
        <v>4.90492597E8</v>
      </c>
      <c r="B11565" s="2">
        <v>13328.0</v>
      </c>
      <c r="C11565" s="1" t="s">
        <v>5</v>
      </c>
      <c r="D11565" s="1" t="s">
        <v>9863</v>
      </c>
      <c r="E11565" s="1" t="s">
        <v>7</v>
      </c>
    </row>
    <row r="11566">
      <c r="A11566" s="1">
        <v>4.90492614E8</v>
      </c>
      <c r="B11566" s="2">
        <v>13173.0</v>
      </c>
      <c r="C11566" s="1" t="s">
        <v>5</v>
      </c>
      <c r="D11566" s="1" t="s">
        <v>9864</v>
      </c>
      <c r="E11566" s="1" t="s">
        <v>7</v>
      </c>
    </row>
    <row r="11567">
      <c r="A11567" s="1">
        <v>4.90492632E8</v>
      </c>
      <c r="B11567" s="2">
        <v>13173.0</v>
      </c>
      <c r="C11567" s="1" t="s">
        <v>5</v>
      </c>
      <c r="D11567" s="1" t="s">
        <v>9865</v>
      </c>
      <c r="E11567" s="1" t="s">
        <v>7</v>
      </c>
    </row>
    <row r="11568">
      <c r="A11568" s="1">
        <v>4.90492639E8</v>
      </c>
      <c r="B11568" s="2">
        <v>13230.0</v>
      </c>
      <c r="C11568" s="1" t="s">
        <v>5</v>
      </c>
      <c r="D11568" s="1" t="s">
        <v>9866</v>
      </c>
      <c r="E11568" s="1" t="s">
        <v>7</v>
      </c>
    </row>
    <row r="11569">
      <c r="A11569" s="1">
        <v>4.90492657E8</v>
      </c>
      <c r="B11569" s="2">
        <v>13328.0</v>
      </c>
      <c r="C11569" s="1" t="s">
        <v>5</v>
      </c>
      <c r="D11569" s="1" t="s">
        <v>9867</v>
      </c>
      <c r="E11569" s="1" t="s">
        <v>7</v>
      </c>
    </row>
    <row r="11570">
      <c r="A11570" s="1">
        <v>4.90492675E8</v>
      </c>
      <c r="B11570" s="3">
        <v>13271.0</v>
      </c>
      <c r="C11570" s="1" t="s">
        <v>5</v>
      </c>
      <c r="D11570" s="1" t="s">
        <v>11</v>
      </c>
      <c r="E11570" s="1" t="s">
        <v>7</v>
      </c>
    </row>
    <row r="11571">
      <c r="A11571" s="1">
        <v>4.90492684E8</v>
      </c>
      <c r="B11571" s="2">
        <v>13230.0</v>
      </c>
      <c r="C11571" s="1" t="s">
        <v>5</v>
      </c>
      <c r="D11571" s="1" t="s">
        <v>9868</v>
      </c>
      <c r="E11571" s="1" t="s">
        <v>11</v>
      </c>
    </row>
    <row r="11572">
      <c r="A11572" s="1">
        <v>4.90492697E8</v>
      </c>
      <c r="B11572" s="3">
        <v>13273.0</v>
      </c>
      <c r="C11572" s="1" t="s">
        <v>5</v>
      </c>
      <c r="D11572" s="1" t="s">
        <v>11</v>
      </c>
      <c r="E11572" s="1" t="s">
        <v>7</v>
      </c>
    </row>
    <row r="11573">
      <c r="A11573" s="1">
        <v>4.90492716E8</v>
      </c>
      <c r="B11573" s="2">
        <v>13210.0</v>
      </c>
      <c r="C11573" s="1" t="s">
        <v>5</v>
      </c>
      <c r="D11573" s="1" t="s">
        <v>9869</v>
      </c>
      <c r="E11573" s="1" t="s">
        <v>9870</v>
      </c>
    </row>
    <row r="11574">
      <c r="A11574" s="1">
        <v>4.90492751E8</v>
      </c>
      <c r="B11574" s="2">
        <v>13210.0</v>
      </c>
      <c r="C11574" s="1" t="s">
        <v>5</v>
      </c>
      <c r="D11574" s="1" t="s">
        <v>11</v>
      </c>
      <c r="E11574" s="1" t="s">
        <v>7</v>
      </c>
    </row>
    <row r="11575">
      <c r="A11575" s="1">
        <v>4.90492797E8</v>
      </c>
      <c r="B11575" s="2">
        <v>13322.0</v>
      </c>
      <c r="C11575" s="1" t="s">
        <v>5</v>
      </c>
      <c r="D11575" s="1" t="s">
        <v>9871</v>
      </c>
      <c r="E11575" s="1" t="s">
        <v>11</v>
      </c>
    </row>
    <row r="11576">
      <c r="A11576" s="1">
        <v>4.90492871E8</v>
      </c>
      <c r="B11576" s="2">
        <v>13210.0</v>
      </c>
      <c r="C11576" s="1" t="s">
        <v>5</v>
      </c>
      <c r="D11576" s="1" t="s">
        <v>9872</v>
      </c>
      <c r="E11576" s="1" t="s">
        <v>7</v>
      </c>
    </row>
    <row r="11577">
      <c r="A11577" s="1">
        <v>4.90492877E8</v>
      </c>
      <c r="B11577" s="3">
        <v>13280.0</v>
      </c>
      <c r="C11577" s="1" t="s">
        <v>5</v>
      </c>
      <c r="D11577" s="1" t="s">
        <v>9873</v>
      </c>
      <c r="E11577" s="1" t="s">
        <v>11</v>
      </c>
    </row>
    <row r="11578">
      <c r="A11578" s="1">
        <v>4.90492883E8</v>
      </c>
      <c r="B11578" s="2">
        <v>13250.0</v>
      </c>
      <c r="C11578" s="1" t="s">
        <v>5</v>
      </c>
      <c r="D11578" s="1" t="s">
        <v>9874</v>
      </c>
      <c r="E11578" s="1" t="s">
        <v>11</v>
      </c>
    </row>
    <row r="11579">
      <c r="A11579" s="1">
        <v>4.90492887E8</v>
      </c>
      <c r="B11579" s="2">
        <v>13331.0</v>
      </c>
      <c r="C11579" s="1" t="s">
        <v>5</v>
      </c>
      <c r="D11579" s="1" t="s">
        <v>9875</v>
      </c>
      <c r="E11579" s="1" t="s">
        <v>7</v>
      </c>
    </row>
    <row r="11580">
      <c r="A11580" s="1">
        <v>4.90492888E8</v>
      </c>
      <c r="B11580" s="3">
        <v>13271.0</v>
      </c>
      <c r="C11580" s="1" t="s">
        <v>5</v>
      </c>
      <c r="D11580" s="1" t="s">
        <v>11</v>
      </c>
      <c r="E11580" s="1" t="s">
        <v>7</v>
      </c>
    </row>
    <row r="11581">
      <c r="A11581" s="1">
        <v>4.90492894E8</v>
      </c>
      <c r="B11581" s="2">
        <v>13259.0</v>
      </c>
      <c r="C11581" s="1" t="s">
        <v>5</v>
      </c>
      <c r="D11581" s="1" t="s">
        <v>9876</v>
      </c>
      <c r="E11581" s="1" t="s">
        <v>11</v>
      </c>
    </row>
    <row r="11582">
      <c r="A11582" s="1">
        <v>4.90492914E8</v>
      </c>
      <c r="B11582" s="2">
        <v>13254.0</v>
      </c>
      <c r="C11582" s="1" t="s">
        <v>5</v>
      </c>
      <c r="D11582" s="1" t="s">
        <v>9474</v>
      </c>
      <c r="E11582" s="1" t="s">
        <v>7</v>
      </c>
    </row>
    <row r="11583">
      <c r="A11583" s="1">
        <v>4.90492915E8</v>
      </c>
      <c r="B11583" s="2">
        <v>13331.0</v>
      </c>
      <c r="C11583" s="1" t="s">
        <v>5</v>
      </c>
      <c r="D11583" s="1" t="s">
        <v>11</v>
      </c>
      <c r="E11583" s="1" t="s">
        <v>7</v>
      </c>
    </row>
    <row r="11584">
      <c r="A11584" s="1">
        <v>4.90492916E8</v>
      </c>
      <c r="B11584" s="2">
        <v>13330.0</v>
      </c>
      <c r="C11584" s="1" t="s">
        <v>5</v>
      </c>
      <c r="D11584" s="1" t="s">
        <v>11</v>
      </c>
      <c r="E11584" s="1" t="s">
        <v>7</v>
      </c>
    </row>
    <row r="11585">
      <c r="A11585" s="1">
        <v>4.90492926E8</v>
      </c>
      <c r="B11585" s="2">
        <v>13210.0</v>
      </c>
      <c r="C11585" s="1" t="s">
        <v>5</v>
      </c>
      <c r="D11585" s="1" t="s">
        <v>9877</v>
      </c>
      <c r="E11585" s="1" t="s">
        <v>9878</v>
      </c>
    </row>
    <row r="11586">
      <c r="A11586" s="1">
        <v>4.90492936E8</v>
      </c>
      <c r="B11586" s="2">
        <v>13326.0</v>
      </c>
      <c r="C11586" s="1" t="s">
        <v>5</v>
      </c>
      <c r="D11586" s="1" t="s">
        <v>11</v>
      </c>
      <c r="E11586" s="1" t="s">
        <v>7</v>
      </c>
    </row>
    <row r="11587">
      <c r="A11587" s="1">
        <v>4.9049294E8</v>
      </c>
      <c r="B11587" s="2">
        <v>13330.0</v>
      </c>
      <c r="C11587" s="1" t="s">
        <v>5</v>
      </c>
      <c r="D11587" s="1" t="s">
        <v>9879</v>
      </c>
      <c r="E11587" s="1" t="s">
        <v>7</v>
      </c>
    </row>
    <row r="11588">
      <c r="A11588" s="1">
        <v>4.90492963E8</v>
      </c>
      <c r="B11588" s="2">
        <v>13326.0</v>
      </c>
      <c r="C11588" s="1" t="s">
        <v>5</v>
      </c>
      <c r="D11588" s="1" t="s">
        <v>9880</v>
      </c>
      <c r="E11588" s="1" t="s">
        <v>7</v>
      </c>
    </row>
    <row r="11589">
      <c r="A11589" s="1">
        <v>4.90492981E8</v>
      </c>
      <c r="B11589" s="3">
        <v>13273.0</v>
      </c>
      <c r="C11589" s="1" t="s">
        <v>5</v>
      </c>
      <c r="D11589" s="1" t="s">
        <v>11</v>
      </c>
      <c r="E11589" s="1" t="s">
        <v>7</v>
      </c>
    </row>
    <row r="11590">
      <c r="A11590" s="1">
        <v>4.90493E8</v>
      </c>
      <c r="B11590" s="2">
        <v>13334.0</v>
      </c>
      <c r="C11590" s="1" t="s">
        <v>5</v>
      </c>
      <c r="D11590" s="1" t="s">
        <v>11</v>
      </c>
      <c r="E11590" s="1" t="s">
        <v>7</v>
      </c>
    </row>
    <row r="11591">
      <c r="A11591" s="1">
        <v>4.9049303E8</v>
      </c>
      <c r="B11591" s="2">
        <v>13327.0</v>
      </c>
      <c r="C11591" s="1" t="s">
        <v>5</v>
      </c>
      <c r="D11591" s="1" t="s">
        <v>9881</v>
      </c>
      <c r="E11591" s="1" t="s">
        <v>7</v>
      </c>
    </row>
    <row r="11592">
      <c r="A11592" s="1">
        <v>4.90493065E8</v>
      </c>
      <c r="B11592" s="3">
        <v>13280.0</v>
      </c>
      <c r="C11592" s="1" t="s">
        <v>5</v>
      </c>
      <c r="D11592" s="1" t="s">
        <v>11</v>
      </c>
      <c r="E11592" s="1" t="s">
        <v>7</v>
      </c>
    </row>
    <row r="11593">
      <c r="A11593" s="1">
        <v>4.90493097E8</v>
      </c>
      <c r="B11593" s="2">
        <v>13330.0</v>
      </c>
      <c r="C11593" s="1" t="s">
        <v>5</v>
      </c>
      <c r="D11593" s="1" t="s">
        <v>11</v>
      </c>
      <c r="E11593" s="1" t="s">
        <v>7</v>
      </c>
    </row>
    <row r="11594">
      <c r="A11594" s="1">
        <v>4.90493104E8</v>
      </c>
      <c r="B11594" s="2">
        <v>13361.0</v>
      </c>
      <c r="C11594" s="1" t="s">
        <v>5</v>
      </c>
      <c r="D11594" s="1" t="s">
        <v>9882</v>
      </c>
      <c r="E11594" s="1" t="s">
        <v>7</v>
      </c>
    </row>
    <row r="11595">
      <c r="A11595" s="1">
        <v>4.90493127E8</v>
      </c>
      <c r="B11595" s="2">
        <v>13330.0</v>
      </c>
      <c r="C11595" s="1" t="s">
        <v>5</v>
      </c>
      <c r="D11595" s="1" t="s">
        <v>9883</v>
      </c>
      <c r="E11595" s="1" t="s">
        <v>7</v>
      </c>
    </row>
    <row r="11596">
      <c r="A11596" s="1">
        <v>4.90493146E8</v>
      </c>
      <c r="B11596" s="2">
        <v>13210.0</v>
      </c>
      <c r="C11596" s="1" t="s">
        <v>5</v>
      </c>
      <c r="D11596" s="1" t="s">
        <v>9884</v>
      </c>
      <c r="E11596" s="1" t="s">
        <v>7</v>
      </c>
    </row>
    <row r="11597">
      <c r="A11597" s="1">
        <v>4.90493195E8</v>
      </c>
      <c r="B11597" s="2">
        <v>13258.0</v>
      </c>
      <c r="C11597" s="1" t="s">
        <v>5</v>
      </c>
      <c r="D11597" s="1" t="s">
        <v>9885</v>
      </c>
      <c r="E11597" s="1" t="s">
        <v>11</v>
      </c>
    </row>
    <row r="11598">
      <c r="A11598" s="1">
        <v>4.90493254E8</v>
      </c>
      <c r="B11598" s="2">
        <v>13328.0</v>
      </c>
      <c r="C11598" s="1" t="s">
        <v>5</v>
      </c>
      <c r="D11598" s="1" t="s">
        <v>11</v>
      </c>
      <c r="E11598" s="1" t="s">
        <v>7</v>
      </c>
    </row>
    <row r="11599">
      <c r="A11599" s="1">
        <v>4.90493257E8</v>
      </c>
      <c r="B11599" s="2">
        <v>13360.0</v>
      </c>
      <c r="C11599" s="1" t="s">
        <v>5</v>
      </c>
      <c r="D11599" s="1" t="s">
        <v>9886</v>
      </c>
      <c r="E11599" s="1" t="s">
        <v>7</v>
      </c>
    </row>
    <row r="11600">
      <c r="A11600" s="1">
        <v>4.90493271E8</v>
      </c>
      <c r="B11600" s="2">
        <v>13359.0</v>
      </c>
      <c r="C11600" s="1" t="s">
        <v>5</v>
      </c>
      <c r="D11600" s="1" t="s">
        <v>9887</v>
      </c>
      <c r="E11600" s="1" t="s">
        <v>9888</v>
      </c>
    </row>
    <row r="11601">
      <c r="A11601" s="1">
        <v>4.90493281E8</v>
      </c>
      <c r="B11601" s="2">
        <v>13228.0</v>
      </c>
      <c r="C11601" s="1" t="s">
        <v>5</v>
      </c>
      <c r="D11601" s="1" t="s">
        <v>9889</v>
      </c>
      <c r="E11601" s="1" t="s">
        <v>9890</v>
      </c>
    </row>
    <row r="11602">
      <c r="A11602" s="1">
        <v>4.90493284E8</v>
      </c>
      <c r="B11602" s="2">
        <v>13334.0</v>
      </c>
      <c r="C11602" s="1" t="s">
        <v>5</v>
      </c>
      <c r="D11602" s="1" t="s">
        <v>9891</v>
      </c>
      <c r="E11602" s="1" t="s">
        <v>7</v>
      </c>
    </row>
    <row r="11603">
      <c r="A11603" s="1">
        <v>4.90493294E8</v>
      </c>
      <c r="B11603" s="2">
        <v>13327.0</v>
      </c>
      <c r="C11603" s="1" t="s">
        <v>5</v>
      </c>
      <c r="D11603" s="1" t="s">
        <v>9892</v>
      </c>
      <c r="E11603" s="1" t="s">
        <v>9893</v>
      </c>
    </row>
    <row r="11604">
      <c r="A11604" s="1">
        <v>4.90493303E8</v>
      </c>
      <c r="B11604" s="3">
        <v>13279.0</v>
      </c>
      <c r="C11604" s="1" t="s">
        <v>5</v>
      </c>
      <c r="D11604" s="1" t="s">
        <v>9894</v>
      </c>
      <c r="E11604" s="1" t="s">
        <v>7</v>
      </c>
    </row>
    <row r="11605">
      <c r="A11605" s="1">
        <v>4.90493305E8</v>
      </c>
      <c r="B11605" s="2">
        <v>13256.0</v>
      </c>
      <c r="C11605" s="1" t="s">
        <v>5</v>
      </c>
      <c r="D11605" s="1" t="s">
        <v>11</v>
      </c>
      <c r="E11605" s="1" t="s">
        <v>7</v>
      </c>
    </row>
    <row r="11606">
      <c r="A11606" s="1">
        <v>4.90493325E8</v>
      </c>
      <c r="B11606" s="2">
        <v>13259.0</v>
      </c>
      <c r="C11606" s="1" t="s">
        <v>5</v>
      </c>
      <c r="D11606" s="1" t="s">
        <v>11</v>
      </c>
      <c r="E11606" s="1" t="s">
        <v>7</v>
      </c>
    </row>
    <row r="11607">
      <c r="A11607" s="1">
        <v>4.90493337E8</v>
      </c>
      <c r="B11607" s="3">
        <v>13279.0</v>
      </c>
      <c r="C11607" s="1" t="s">
        <v>5</v>
      </c>
      <c r="D11607" s="1" t="s">
        <v>9895</v>
      </c>
      <c r="E11607" s="1" t="s">
        <v>7</v>
      </c>
    </row>
    <row r="11608">
      <c r="A11608" s="1">
        <v>4.90493341E8</v>
      </c>
      <c r="B11608" s="2">
        <v>13329.0</v>
      </c>
      <c r="C11608" s="1" t="s">
        <v>5</v>
      </c>
      <c r="D11608" s="1" t="s">
        <v>9896</v>
      </c>
      <c r="E11608" s="1" t="s">
        <v>7</v>
      </c>
    </row>
    <row r="11609">
      <c r="A11609" s="1">
        <v>4.90493344E8</v>
      </c>
      <c r="B11609" s="2">
        <v>13359.0</v>
      </c>
      <c r="C11609" s="1" t="s">
        <v>5</v>
      </c>
      <c r="D11609" s="1" t="s">
        <v>9897</v>
      </c>
      <c r="E11609" s="1" t="s">
        <v>11</v>
      </c>
    </row>
    <row r="11610">
      <c r="A11610" s="1">
        <v>4.90493371E8</v>
      </c>
      <c r="B11610" s="2">
        <v>13326.0</v>
      </c>
      <c r="C11610" s="1" t="s">
        <v>5</v>
      </c>
      <c r="D11610" s="1" t="s">
        <v>9898</v>
      </c>
      <c r="E11610" s="1" t="s">
        <v>11</v>
      </c>
    </row>
    <row r="11611">
      <c r="A11611" s="1">
        <v>4.90493389E8</v>
      </c>
      <c r="B11611" s="2">
        <v>13211.0</v>
      </c>
      <c r="C11611" s="1" t="s">
        <v>5</v>
      </c>
      <c r="D11611" s="1" t="s">
        <v>11</v>
      </c>
      <c r="E11611" s="1" t="s">
        <v>7</v>
      </c>
    </row>
    <row r="11612">
      <c r="A11612" s="1">
        <v>4.90493401E8</v>
      </c>
      <c r="B11612" s="2">
        <v>13214.0</v>
      </c>
      <c r="C11612" s="1" t="s">
        <v>5</v>
      </c>
      <c r="D11612" s="1" t="s">
        <v>9899</v>
      </c>
      <c r="E11612" s="1" t="s">
        <v>9900</v>
      </c>
    </row>
    <row r="11613">
      <c r="A11613" s="1">
        <v>4.90493411E8</v>
      </c>
      <c r="B11613" s="2">
        <v>13327.0</v>
      </c>
      <c r="C11613" s="1" t="s">
        <v>5</v>
      </c>
      <c r="D11613" s="1" t="s">
        <v>9901</v>
      </c>
      <c r="E11613" s="1" t="s">
        <v>7</v>
      </c>
    </row>
    <row r="11614">
      <c r="A11614" s="1">
        <v>4.90493425E8</v>
      </c>
      <c r="B11614" s="2">
        <v>13326.0</v>
      </c>
      <c r="C11614" s="1" t="s">
        <v>5</v>
      </c>
      <c r="D11614" s="1" t="s">
        <v>11</v>
      </c>
      <c r="E11614" s="1" t="s">
        <v>7</v>
      </c>
    </row>
    <row r="11615">
      <c r="A11615" s="1">
        <v>4.90493448E8</v>
      </c>
      <c r="B11615" s="2">
        <v>13258.0</v>
      </c>
      <c r="C11615" s="1" t="s">
        <v>5</v>
      </c>
      <c r="D11615" s="1" t="s">
        <v>9902</v>
      </c>
      <c r="E11615" s="1" t="s">
        <v>11</v>
      </c>
    </row>
    <row r="11616">
      <c r="A11616" s="1">
        <v>4.90493484E8</v>
      </c>
      <c r="B11616" s="2">
        <v>13254.0</v>
      </c>
      <c r="C11616" s="1" t="s">
        <v>5</v>
      </c>
      <c r="D11616" s="1" t="s">
        <v>9903</v>
      </c>
      <c r="E11616" s="1" t="s">
        <v>7</v>
      </c>
    </row>
    <row r="11617">
      <c r="A11617" s="1">
        <v>4.90493514E8</v>
      </c>
      <c r="B11617" s="2">
        <v>13258.0</v>
      </c>
      <c r="C11617" s="1" t="s">
        <v>5</v>
      </c>
      <c r="D11617" s="1" t="s">
        <v>9904</v>
      </c>
      <c r="E11617" s="1" t="s">
        <v>7</v>
      </c>
    </row>
    <row r="11618">
      <c r="A11618" s="1">
        <v>4.90493555E8</v>
      </c>
      <c r="B11618" s="2">
        <v>13328.0</v>
      </c>
      <c r="C11618" s="1" t="s">
        <v>5</v>
      </c>
      <c r="D11618" s="1" t="s">
        <v>9905</v>
      </c>
      <c r="E11618" s="1" t="s">
        <v>11</v>
      </c>
    </row>
    <row r="11619">
      <c r="A11619" s="1">
        <v>4.9049357E8</v>
      </c>
      <c r="B11619" s="2">
        <v>13210.0</v>
      </c>
      <c r="C11619" s="1" t="s">
        <v>5</v>
      </c>
      <c r="D11619" s="1" t="s">
        <v>9906</v>
      </c>
      <c r="E11619" s="1" t="s">
        <v>9907</v>
      </c>
    </row>
    <row r="11620">
      <c r="A11620" s="1">
        <v>4.90493582E8</v>
      </c>
      <c r="B11620" s="2">
        <v>13250.0</v>
      </c>
      <c r="C11620" s="1" t="s">
        <v>5</v>
      </c>
      <c r="D11620" s="1" t="s">
        <v>9908</v>
      </c>
      <c r="E11620" s="1" t="s">
        <v>7</v>
      </c>
    </row>
    <row r="11621">
      <c r="A11621" s="1">
        <v>4.90493594E8</v>
      </c>
      <c r="B11621" s="2">
        <v>13329.0</v>
      </c>
      <c r="C11621" s="1" t="s">
        <v>5</v>
      </c>
      <c r="D11621" s="1" t="s">
        <v>9909</v>
      </c>
      <c r="E11621" s="1" t="s">
        <v>11</v>
      </c>
    </row>
    <row r="11622">
      <c r="A11622" s="1">
        <v>4.90493607E8</v>
      </c>
      <c r="B11622" s="2">
        <v>13249.0</v>
      </c>
      <c r="C11622" s="1" t="s">
        <v>5</v>
      </c>
      <c r="D11622" s="1" t="s">
        <v>9910</v>
      </c>
      <c r="E11622" s="1" t="s">
        <v>7</v>
      </c>
    </row>
    <row r="11623">
      <c r="A11623" s="1">
        <v>4.90493612E8</v>
      </c>
      <c r="B11623" s="2">
        <v>13327.0</v>
      </c>
      <c r="C11623" s="1" t="s">
        <v>5</v>
      </c>
      <c r="D11623" s="1" t="s">
        <v>11</v>
      </c>
      <c r="E11623" s="1" t="s">
        <v>7</v>
      </c>
    </row>
    <row r="11624">
      <c r="A11624" s="1">
        <v>4.90493622E8</v>
      </c>
      <c r="B11624" s="2">
        <v>13210.0</v>
      </c>
      <c r="C11624" s="1" t="s">
        <v>5</v>
      </c>
      <c r="D11624" s="1" t="s">
        <v>9911</v>
      </c>
      <c r="E11624" s="1" t="s">
        <v>11</v>
      </c>
    </row>
    <row r="11625">
      <c r="A11625" s="1">
        <v>4.90493625E8</v>
      </c>
      <c r="B11625" s="2">
        <v>13361.0</v>
      </c>
      <c r="C11625" s="1" t="s">
        <v>5</v>
      </c>
      <c r="D11625" s="1" t="s">
        <v>9912</v>
      </c>
      <c r="E11625" s="1" t="s">
        <v>7</v>
      </c>
    </row>
    <row r="11626">
      <c r="A11626" s="1">
        <v>4.9049364E8</v>
      </c>
      <c r="B11626" s="2">
        <v>13329.0</v>
      </c>
      <c r="C11626" s="1" t="s">
        <v>5</v>
      </c>
      <c r="D11626" s="1" t="s">
        <v>9913</v>
      </c>
      <c r="E11626" s="1" t="s">
        <v>7</v>
      </c>
    </row>
    <row r="11627">
      <c r="A11627" s="1">
        <v>4.90493645E8</v>
      </c>
      <c r="B11627" s="2">
        <v>13318.0</v>
      </c>
      <c r="C11627" s="1" t="s">
        <v>5</v>
      </c>
      <c r="D11627" s="1" t="s">
        <v>9914</v>
      </c>
      <c r="E11627" s="1" t="s">
        <v>7</v>
      </c>
    </row>
    <row r="11628">
      <c r="A11628" s="1">
        <v>4.90493711E8</v>
      </c>
      <c r="B11628" s="2">
        <v>13225.0</v>
      </c>
      <c r="C11628" s="1" t="s">
        <v>5</v>
      </c>
      <c r="D11628" s="1" t="s">
        <v>9915</v>
      </c>
      <c r="E11628" s="1" t="s">
        <v>7</v>
      </c>
    </row>
    <row r="11629">
      <c r="A11629" s="1">
        <v>4.90493718E8</v>
      </c>
      <c r="B11629" s="2">
        <v>13327.0</v>
      </c>
      <c r="C11629" s="1" t="s">
        <v>5</v>
      </c>
      <c r="D11629" s="1" t="s">
        <v>9916</v>
      </c>
      <c r="E11629" s="1" t="s">
        <v>7</v>
      </c>
    </row>
    <row r="11630">
      <c r="A11630" s="1">
        <v>4.90493723E8</v>
      </c>
      <c r="B11630" s="2">
        <v>13257.0</v>
      </c>
      <c r="C11630" s="1" t="s">
        <v>5</v>
      </c>
      <c r="D11630" s="1" t="s">
        <v>9917</v>
      </c>
      <c r="E11630" s="1" t="s">
        <v>7</v>
      </c>
    </row>
    <row r="11631">
      <c r="A11631" s="1">
        <v>4.90493733E8</v>
      </c>
      <c r="B11631" s="2">
        <v>13228.0</v>
      </c>
      <c r="C11631" s="1" t="s">
        <v>5</v>
      </c>
      <c r="D11631" s="1" t="s">
        <v>11</v>
      </c>
      <c r="E11631" s="1" t="s">
        <v>7</v>
      </c>
    </row>
    <row r="11632">
      <c r="A11632" s="1">
        <v>4.90493789E8</v>
      </c>
      <c r="B11632" s="2">
        <v>13324.0</v>
      </c>
      <c r="C11632" s="1" t="s">
        <v>5</v>
      </c>
      <c r="D11632" s="1" t="s">
        <v>11</v>
      </c>
      <c r="E11632" s="1" t="s">
        <v>7</v>
      </c>
    </row>
    <row r="11633">
      <c r="A11633" s="1">
        <v>4.90493818E8</v>
      </c>
      <c r="B11633" s="2">
        <v>13224.0</v>
      </c>
      <c r="C11633" s="1" t="s">
        <v>5</v>
      </c>
      <c r="D11633" s="1" t="s">
        <v>9918</v>
      </c>
      <c r="E11633" s="1" t="s">
        <v>7</v>
      </c>
    </row>
    <row r="11634">
      <c r="A11634" s="1">
        <v>4.90493864E8</v>
      </c>
      <c r="B11634" s="2">
        <v>13212.0</v>
      </c>
      <c r="C11634" s="1" t="s">
        <v>5</v>
      </c>
      <c r="D11634" s="1" t="s">
        <v>11</v>
      </c>
      <c r="E11634" s="1" t="s">
        <v>7</v>
      </c>
    </row>
    <row r="11635">
      <c r="A11635" s="1">
        <v>4.90493867E8</v>
      </c>
      <c r="B11635" s="2">
        <v>13334.0</v>
      </c>
      <c r="C11635" s="1" t="s">
        <v>5</v>
      </c>
      <c r="D11635" s="1" t="s">
        <v>9919</v>
      </c>
      <c r="E11635" s="1" t="s">
        <v>7</v>
      </c>
    </row>
    <row r="11636">
      <c r="A11636" s="1">
        <v>4.90493876E8</v>
      </c>
      <c r="B11636" s="2">
        <v>13322.0</v>
      </c>
      <c r="C11636" s="1" t="s">
        <v>5</v>
      </c>
      <c r="D11636" s="1" t="s">
        <v>11</v>
      </c>
      <c r="E11636" s="1" t="s">
        <v>7</v>
      </c>
    </row>
    <row r="11637">
      <c r="A11637" s="1">
        <v>4.90493937E8</v>
      </c>
      <c r="B11637" s="2">
        <v>13327.0</v>
      </c>
      <c r="C11637" s="1" t="s">
        <v>5</v>
      </c>
      <c r="D11637" s="1" t="s">
        <v>9920</v>
      </c>
      <c r="E11637" s="1" t="s">
        <v>7</v>
      </c>
    </row>
    <row r="11638">
      <c r="A11638" s="1">
        <v>4.9049395E8</v>
      </c>
      <c r="B11638" s="2">
        <v>13350.0</v>
      </c>
      <c r="C11638" s="1" t="s">
        <v>5</v>
      </c>
      <c r="D11638" s="1" t="s">
        <v>9921</v>
      </c>
      <c r="E11638" s="1" t="s">
        <v>11</v>
      </c>
    </row>
    <row r="11639">
      <c r="A11639" s="1">
        <v>4.90493961E8</v>
      </c>
      <c r="B11639" s="2">
        <v>13266.0</v>
      </c>
      <c r="C11639" s="1" t="s">
        <v>5</v>
      </c>
      <c r="D11639" s="1" t="s">
        <v>9922</v>
      </c>
      <c r="E11639" s="1" t="s">
        <v>7</v>
      </c>
    </row>
    <row r="11640">
      <c r="A11640" s="1">
        <v>4.90493987E8</v>
      </c>
      <c r="B11640" s="2">
        <v>13350.0</v>
      </c>
      <c r="C11640" s="1" t="s">
        <v>5</v>
      </c>
      <c r="D11640" s="1" t="s">
        <v>11</v>
      </c>
      <c r="E11640" s="1" t="s">
        <v>7</v>
      </c>
    </row>
    <row r="11641">
      <c r="A11641" s="1">
        <v>4.90494001E8</v>
      </c>
      <c r="B11641" s="3">
        <v>13276.0</v>
      </c>
      <c r="C11641" s="1" t="s">
        <v>5</v>
      </c>
      <c r="D11641" s="1" t="s">
        <v>9923</v>
      </c>
      <c r="E11641" s="1" t="s">
        <v>9924</v>
      </c>
    </row>
    <row r="11642">
      <c r="A11642" s="1">
        <v>4.90494006E8</v>
      </c>
      <c r="B11642" s="2">
        <v>13320.0</v>
      </c>
      <c r="C11642" s="1" t="s">
        <v>5</v>
      </c>
      <c r="D11642" s="1" t="s">
        <v>9925</v>
      </c>
      <c r="E11642" s="1" t="s">
        <v>9926</v>
      </c>
    </row>
    <row r="11643">
      <c r="A11643" s="1">
        <v>4.90494101E8</v>
      </c>
      <c r="B11643" s="2">
        <v>13321.0</v>
      </c>
      <c r="C11643" s="1" t="s">
        <v>5</v>
      </c>
      <c r="D11643" s="1" t="s">
        <v>11</v>
      </c>
      <c r="E11643" s="1" t="s">
        <v>7</v>
      </c>
    </row>
    <row r="11644">
      <c r="A11644" s="1">
        <v>4.90494106E8</v>
      </c>
      <c r="B11644" s="2">
        <v>13259.0</v>
      </c>
      <c r="C11644" s="1" t="s">
        <v>5</v>
      </c>
      <c r="D11644" s="1" t="s">
        <v>11</v>
      </c>
      <c r="E11644" s="1" t="s">
        <v>7</v>
      </c>
    </row>
    <row r="11645">
      <c r="A11645" s="1">
        <v>4.90494132E8</v>
      </c>
      <c r="B11645" s="2">
        <v>13359.0</v>
      </c>
      <c r="C11645" s="1" t="s">
        <v>5</v>
      </c>
      <c r="D11645" s="1" t="s">
        <v>9927</v>
      </c>
      <c r="E11645" s="1" t="s">
        <v>7</v>
      </c>
    </row>
    <row r="11646">
      <c r="A11646" s="1">
        <v>4.90494154E8</v>
      </c>
      <c r="B11646" s="2">
        <v>13321.0</v>
      </c>
      <c r="C11646" s="1" t="s">
        <v>5</v>
      </c>
      <c r="D11646" s="1" t="s">
        <v>9928</v>
      </c>
      <c r="E11646" s="1" t="s">
        <v>11</v>
      </c>
    </row>
    <row r="11647">
      <c r="A11647" s="1">
        <v>4.90494156E8</v>
      </c>
      <c r="B11647" s="2">
        <v>13319.0</v>
      </c>
      <c r="C11647" s="1" t="s">
        <v>5</v>
      </c>
      <c r="D11647" s="1" t="s">
        <v>9929</v>
      </c>
      <c r="E11647" s="1" t="s">
        <v>7</v>
      </c>
    </row>
    <row r="11648">
      <c r="A11648" s="1">
        <v>4.90494162E8</v>
      </c>
      <c r="B11648" s="2">
        <v>13263.0</v>
      </c>
      <c r="C11648" s="1" t="s">
        <v>5</v>
      </c>
      <c r="D11648" s="1" t="s">
        <v>9930</v>
      </c>
      <c r="E11648" s="1" t="s">
        <v>7</v>
      </c>
    </row>
    <row r="11649">
      <c r="A11649" s="1">
        <v>4.90494168E8</v>
      </c>
      <c r="B11649" s="2">
        <v>13316.0</v>
      </c>
      <c r="C11649" s="1" t="s">
        <v>5</v>
      </c>
      <c r="D11649" s="1" t="s">
        <v>9931</v>
      </c>
      <c r="E11649" s="1" t="s">
        <v>7</v>
      </c>
    </row>
    <row r="11650">
      <c r="A11650" s="1">
        <v>4.9049417E8</v>
      </c>
      <c r="B11650" s="2">
        <v>13327.0</v>
      </c>
      <c r="C11650" s="1" t="s">
        <v>5</v>
      </c>
      <c r="D11650" s="1" t="s">
        <v>11</v>
      </c>
      <c r="E11650" s="1" t="s">
        <v>7</v>
      </c>
    </row>
    <row r="11651">
      <c r="A11651" s="1">
        <v>4.90494177E8</v>
      </c>
      <c r="B11651" s="2">
        <v>13259.0</v>
      </c>
      <c r="C11651" s="1" t="s">
        <v>5</v>
      </c>
      <c r="D11651" s="1" t="s">
        <v>9932</v>
      </c>
      <c r="E11651" s="1" t="s">
        <v>7</v>
      </c>
    </row>
    <row r="11652">
      <c r="A11652" s="1">
        <v>4.90494178E8</v>
      </c>
      <c r="B11652" s="2">
        <v>13319.0</v>
      </c>
      <c r="C11652" s="1" t="s">
        <v>5</v>
      </c>
      <c r="D11652" s="1" t="s">
        <v>9933</v>
      </c>
      <c r="E11652" s="1" t="s">
        <v>7</v>
      </c>
    </row>
    <row r="11653">
      <c r="A11653" s="1">
        <v>4.90494194E8</v>
      </c>
      <c r="B11653" s="2">
        <v>13355.0</v>
      </c>
      <c r="C11653" s="1" t="s">
        <v>5</v>
      </c>
      <c r="D11653" s="1" t="s">
        <v>11</v>
      </c>
      <c r="E11653" s="1" t="s">
        <v>7</v>
      </c>
    </row>
    <row r="11654">
      <c r="A11654" s="1">
        <v>4.90494225E8</v>
      </c>
      <c r="B11654" s="2">
        <v>13326.0</v>
      </c>
      <c r="C11654" s="1" t="s">
        <v>5</v>
      </c>
      <c r="D11654" s="1" t="s">
        <v>9934</v>
      </c>
      <c r="E11654" s="1" t="s">
        <v>9935</v>
      </c>
    </row>
    <row r="11655">
      <c r="A11655" s="1">
        <v>4.90494244E8</v>
      </c>
      <c r="B11655" s="2">
        <v>13348.0</v>
      </c>
      <c r="C11655" s="1" t="s">
        <v>5</v>
      </c>
      <c r="D11655" s="1" t="s">
        <v>9936</v>
      </c>
      <c r="E11655" s="1" t="s">
        <v>7</v>
      </c>
    </row>
    <row r="11656">
      <c r="A11656" s="1">
        <v>4.90494257E8</v>
      </c>
      <c r="B11656" s="2">
        <v>13348.0</v>
      </c>
      <c r="C11656" s="1" t="s">
        <v>5</v>
      </c>
      <c r="D11656" s="1" t="s">
        <v>9937</v>
      </c>
      <c r="E11656" s="1" t="s">
        <v>7</v>
      </c>
    </row>
    <row r="11657">
      <c r="A11657" s="1">
        <v>4.90494328E8</v>
      </c>
      <c r="B11657" s="2">
        <v>13357.0</v>
      </c>
      <c r="C11657" s="1" t="s">
        <v>5</v>
      </c>
      <c r="D11657" s="1" t="s">
        <v>9938</v>
      </c>
      <c r="E11657" s="1" t="s">
        <v>11</v>
      </c>
    </row>
    <row r="11658">
      <c r="A11658" s="1">
        <v>4.90494372E8</v>
      </c>
      <c r="B11658" s="2">
        <v>13359.0</v>
      </c>
      <c r="C11658" s="1" t="s">
        <v>5</v>
      </c>
      <c r="D11658" s="1" t="s">
        <v>9939</v>
      </c>
      <c r="E11658" s="1" t="s">
        <v>11</v>
      </c>
    </row>
    <row r="11659">
      <c r="A11659" s="1">
        <v>4.90494384E8</v>
      </c>
      <c r="B11659" s="2">
        <v>13348.0</v>
      </c>
      <c r="C11659" s="1" t="s">
        <v>5</v>
      </c>
      <c r="D11659" s="1" t="s">
        <v>11</v>
      </c>
      <c r="E11659" s="1" t="s">
        <v>7</v>
      </c>
    </row>
    <row r="11660">
      <c r="A11660" s="1">
        <v>4.90494425E8</v>
      </c>
      <c r="B11660" s="2">
        <v>13322.0</v>
      </c>
      <c r="C11660" s="1" t="s">
        <v>5</v>
      </c>
      <c r="D11660" s="1" t="s">
        <v>9940</v>
      </c>
      <c r="E11660" s="1" t="s">
        <v>7</v>
      </c>
    </row>
    <row r="11661">
      <c r="A11661" s="1">
        <v>4.90494448E8</v>
      </c>
      <c r="B11661" s="2">
        <v>13353.0</v>
      </c>
      <c r="C11661" s="1" t="s">
        <v>5</v>
      </c>
      <c r="D11661" s="1" t="s">
        <v>11</v>
      </c>
      <c r="E11661" s="1" t="s">
        <v>7</v>
      </c>
    </row>
    <row r="11662">
      <c r="A11662" s="1">
        <v>4.90494457E8</v>
      </c>
      <c r="B11662" s="2">
        <v>13347.0</v>
      </c>
      <c r="C11662" s="1" t="s">
        <v>5</v>
      </c>
      <c r="D11662" s="1" t="s">
        <v>9941</v>
      </c>
      <c r="E11662" s="1" t="s">
        <v>7</v>
      </c>
    </row>
    <row r="11663">
      <c r="A11663" s="1">
        <v>4.90494461E8</v>
      </c>
      <c r="B11663" s="2">
        <v>13227.0</v>
      </c>
      <c r="C11663" s="1" t="s">
        <v>5</v>
      </c>
      <c r="D11663" s="1" t="s">
        <v>9942</v>
      </c>
      <c r="E11663" s="1" t="s">
        <v>7</v>
      </c>
    </row>
    <row r="11664">
      <c r="A11664" s="1">
        <v>4.90494466E8</v>
      </c>
      <c r="B11664" s="2">
        <v>13220.0</v>
      </c>
      <c r="C11664" s="1" t="s">
        <v>5</v>
      </c>
      <c r="D11664" s="1" t="s">
        <v>9943</v>
      </c>
      <c r="E11664" s="1" t="s">
        <v>7</v>
      </c>
    </row>
    <row r="11665">
      <c r="A11665" s="1">
        <v>4.90494476E8</v>
      </c>
      <c r="B11665" s="2">
        <v>13264.0</v>
      </c>
      <c r="C11665" s="1" t="s">
        <v>5</v>
      </c>
      <c r="D11665" s="1" t="s">
        <v>9944</v>
      </c>
      <c r="E11665" s="1" t="s">
        <v>7</v>
      </c>
    </row>
    <row r="11666">
      <c r="A11666" s="1">
        <v>4.90494479E8</v>
      </c>
      <c r="B11666" s="2">
        <v>13322.0</v>
      </c>
      <c r="C11666" s="1" t="s">
        <v>5</v>
      </c>
      <c r="D11666" s="1" t="s">
        <v>9945</v>
      </c>
      <c r="E11666" s="1" t="s">
        <v>7</v>
      </c>
    </row>
    <row r="11667">
      <c r="A11667" s="1">
        <v>4.90494482E8</v>
      </c>
      <c r="B11667" s="2">
        <v>13322.0</v>
      </c>
      <c r="C11667" s="1" t="s">
        <v>5</v>
      </c>
      <c r="D11667" s="1" t="s">
        <v>9946</v>
      </c>
      <c r="E11667" s="1" t="s">
        <v>11</v>
      </c>
    </row>
    <row r="11668">
      <c r="A11668" s="1">
        <v>4.90494483E8</v>
      </c>
      <c r="B11668" s="2">
        <v>13361.0</v>
      </c>
      <c r="C11668" s="1" t="s">
        <v>5</v>
      </c>
      <c r="D11668" s="1" t="s">
        <v>9947</v>
      </c>
      <c r="E11668" s="1" t="s">
        <v>11</v>
      </c>
    </row>
    <row r="11669">
      <c r="A11669" s="1">
        <v>4.90494492E8</v>
      </c>
      <c r="B11669" s="2">
        <v>13352.0</v>
      </c>
      <c r="C11669" s="1" t="s">
        <v>5</v>
      </c>
      <c r="D11669" s="1" t="s">
        <v>9948</v>
      </c>
      <c r="E11669" s="1" t="s">
        <v>11</v>
      </c>
    </row>
    <row r="11670">
      <c r="A11670" s="1">
        <v>4.90494547E8</v>
      </c>
      <c r="B11670" s="2">
        <v>13250.0</v>
      </c>
      <c r="C11670" s="1" t="s">
        <v>5</v>
      </c>
      <c r="D11670" s="1" t="s">
        <v>9949</v>
      </c>
      <c r="E11670" s="1" t="s">
        <v>7</v>
      </c>
    </row>
    <row r="11671">
      <c r="A11671" s="1">
        <v>4.90494563E8</v>
      </c>
      <c r="B11671" s="2">
        <v>13264.0</v>
      </c>
      <c r="C11671" s="1" t="s">
        <v>5</v>
      </c>
      <c r="D11671" s="1" t="s">
        <v>9950</v>
      </c>
      <c r="E11671" s="1" t="s">
        <v>7</v>
      </c>
    </row>
    <row r="11672">
      <c r="A11672" s="1">
        <v>4.90494578E8</v>
      </c>
      <c r="B11672" s="2">
        <v>13227.0</v>
      </c>
      <c r="C11672" s="1" t="s">
        <v>5</v>
      </c>
      <c r="D11672" s="1" t="s">
        <v>9951</v>
      </c>
      <c r="E11672" s="1" t="s">
        <v>11</v>
      </c>
    </row>
    <row r="11673">
      <c r="A11673" s="1">
        <v>4.90494586E8</v>
      </c>
      <c r="B11673" s="2">
        <v>13334.0</v>
      </c>
      <c r="C11673" s="1" t="s">
        <v>5</v>
      </c>
      <c r="D11673" s="1" t="s">
        <v>9952</v>
      </c>
      <c r="E11673" s="1" t="s">
        <v>11</v>
      </c>
    </row>
    <row r="11674">
      <c r="A11674" s="1">
        <v>4.90494588E8</v>
      </c>
      <c r="B11674" s="2">
        <v>13320.0</v>
      </c>
      <c r="C11674" s="1" t="s">
        <v>5</v>
      </c>
      <c r="D11674" s="1" t="s">
        <v>9953</v>
      </c>
      <c r="E11674" s="1" t="s">
        <v>11</v>
      </c>
    </row>
    <row r="11675">
      <c r="A11675" s="1">
        <v>4.90494594E8</v>
      </c>
      <c r="B11675" s="2">
        <v>13264.0</v>
      </c>
      <c r="C11675" s="1" t="s">
        <v>5</v>
      </c>
      <c r="D11675" s="1" t="s">
        <v>9954</v>
      </c>
      <c r="E11675" s="1" t="s">
        <v>7</v>
      </c>
    </row>
    <row r="11676">
      <c r="A11676" s="1">
        <v>4.90494601E8</v>
      </c>
      <c r="B11676" s="2">
        <v>13258.0</v>
      </c>
      <c r="C11676" s="1" t="s">
        <v>5</v>
      </c>
      <c r="D11676" s="1" t="s">
        <v>9955</v>
      </c>
      <c r="E11676" s="1" t="s">
        <v>11</v>
      </c>
    </row>
    <row r="11677">
      <c r="A11677" s="1">
        <v>4.90494617E8</v>
      </c>
      <c r="B11677" s="2">
        <v>13264.0</v>
      </c>
      <c r="C11677" s="1" t="s">
        <v>5</v>
      </c>
      <c r="D11677" s="1" t="s">
        <v>9956</v>
      </c>
      <c r="E11677" s="1" t="s">
        <v>11</v>
      </c>
    </row>
    <row r="11678">
      <c r="A11678" s="1">
        <v>4.90494622E8</v>
      </c>
      <c r="B11678" s="2">
        <v>13334.0</v>
      </c>
      <c r="C11678" s="1" t="s">
        <v>5</v>
      </c>
      <c r="D11678" s="1" t="s">
        <v>9957</v>
      </c>
      <c r="E11678" s="1" t="s">
        <v>11</v>
      </c>
    </row>
    <row r="11679">
      <c r="A11679" s="1">
        <v>4.90494641E8</v>
      </c>
      <c r="B11679" s="2">
        <v>13323.0</v>
      </c>
      <c r="C11679" s="1" t="s">
        <v>5</v>
      </c>
      <c r="D11679" s="1" t="s">
        <v>9958</v>
      </c>
      <c r="E11679" s="1" t="s">
        <v>7</v>
      </c>
    </row>
    <row r="11680">
      <c r="A11680" s="1">
        <v>4.90494682E8</v>
      </c>
      <c r="B11680" s="2">
        <v>13312.0</v>
      </c>
      <c r="C11680" s="1" t="s">
        <v>5</v>
      </c>
      <c r="D11680" s="1" t="s">
        <v>9959</v>
      </c>
      <c r="E11680" s="1" t="s">
        <v>7</v>
      </c>
    </row>
    <row r="11681">
      <c r="A11681" s="1">
        <v>4.90494693E8</v>
      </c>
      <c r="B11681" s="2">
        <v>13321.0</v>
      </c>
      <c r="C11681" s="1" t="s">
        <v>5</v>
      </c>
      <c r="D11681" s="1" t="s">
        <v>9960</v>
      </c>
      <c r="E11681" s="1" t="s">
        <v>9961</v>
      </c>
    </row>
    <row r="11682">
      <c r="A11682" s="1">
        <v>4.90494784E8</v>
      </c>
      <c r="B11682" s="2">
        <v>13257.0</v>
      </c>
      <c r="C11682" s="1" t="s">
        <v>5</v>
      </c>
      <c r="D11682" s="1" t="s">
        <v>9962</v>
      </c>
      <c r="E11682" s="1" t="s">
        <v>7</v>
      </c>
    </row>
    <row r="11683">
      <c r="A11683" s="1">
        <v>4.90494818E8</v>
      </c>
      <c r="B11683" s="3">
        <v>13271.0</v>
      </c>
      <c r="C11683" s="1" t="s">
        <v>5</v>
      </c>
      <c r="D11683" s="1" t="s">
        <v>9963</v>
      </c>
      <c r="E11683" s="1" t="s">
        <v>7</v>
      </c>
    </row>
    <row r="11684">
      <c r="A11684" s="1">
        <v>4.90494821E8</v>
      </c>
      <c r="B11684" s="2">
        <v>13318.0</v>
      </c>
      <c r="C11684" s="1" t="s">
        <v>5</v>
      </c>
      <c r="D11684" s="1" t="s">
        <v>11</v>
      </c>
      <c r="E11684" s="1" t="s">
        <v>7</v>
      </c>
    </row>
    <row r="11685">
      <c r="A11685" s="1">
        <v>4.90494834E8</v>
      </c>
      <c r="B11685" s="2">
        <v>13311.0</v>
      </c>
      <c r="C11685" s="1" t="s">
        <v>5</v>
      </c>
      <c r="D11685" s="1" t="s">
        <v>9964</v>
      </c>
      <c r="E11685" s="1" t="s">
        <v>9965</v>
      </c>
    </row>
    <row r="11686">
      <c r="A11686" s="1">
        <v>4.90494842E8</v>
      </c>
      <c r="B11686" s="2">
        <v>13266.0</v>
      </c>
      <c r="C11686" s="1" t="s">
        <v>5</v>
      </c>
      <c r="D11686" s="1" t="s">
        <v>9966</v>
      </c>
      <c r="E11686" s="1" t="s">
        <v>7</v>
      </c>
    </row>
    <row r="11687">
      <c r="A11687" s="1">
        <v>4.9049485E8</v>
      </c>
      <c r="B11687" s="2">
        <v>13359.0</v>
      </c>
      <c r="C11687" s="1" t="s">
        <v>5</v>
      </c>
      <c r="D11687" s="1" t="s">
        <v>9967</v>
      </c>
      <c r="E11687" s="1" t="s">
        <v>7</v>
      </c>
    </row>
    <row r="11688">
      <c r="A11688" s="1">
        <v>4.90494866E8</v>
      </c>
      <c r="B11688" s="2">
        <v>13218.0</v>
      </c>
      <c r="C11688" s="1" t="s">
        <v>5</v>
      </c>
      <c r="D11688" s="1" t="s">
        <v>9968</v>
      </c>
      <c r="E11688" s="1" t="s">
        <v>7</v>
      </c>
    </row>
    <row r="11689">
      <c r="A11689" s="1">
        <v>4.90494886E8</v>
      </c>
      <c r="B11689" s="2">
        <v>13321.0</v>
      </c>
      <c r="C11689" s="1" t="s">
        <v>5</v>
      </c>
      <c r="D11689" s="1" t="s">
        <v>9969</v>
      </c>
      <c r="E11689" s="1" t="s">
        <v>11</v>
      </c>
    </row>
    <row r="11690">
      <c r="A11690" s="1">
        <v>4.90494891E8</v>
      </c>
      <c r="B11690" s="2">
        <v>13350.0</v>
      </c>
      <c r="C11690" s="1" t="s">
        <v>5</v>
      </c>
      <c r="D11690" s="1" t="s">
        <v>9970</v>
      </c>
      <c r="E11690" s="1" t="s">
        <v>7</v>
      </c>
    </row>
    <row r="11691">
      <c r="A11691" s="1">
        <v>4.90494927E8</v>
      </c>
      <c r="B11691" s="2">
        <v>13323.0</v>
      </c>
      <c r="C11691" s="1" t="s">
        <v>5</v>
      </c>
      <c r="D11691" s="1" t="s">
        <v>9971</v>
      </c>
      <c r="E11691" s="1" t="s">
        <v>7</v>
      </c>
    </row>
    <row r="11692">
      <c r="A11692" s="1">
        <v>4.9049498E8</v>
      </c>
      <c r="B11692" s="2">
        <v>13316.0</v>
      </c>
      <c r="C11692" s="1" t="s">
        <v>5</v>
      </c>
      <c r="D11692" s="1" t="s">
        <v>9972</v>
      </c>
      <c r="E11692" s="1" t="s">
        <v>11</v>
      </c>
    </row>
    <row r="11693">
      <c r="A11693" s="1">
        <v>4.90495011E8</v>
      </c>
      <c r="B11693" s="2">
        <v>13349.0</v>
      </c>
      <c r="C11693" s="1" t="s">
        <v>5</v>
      </c>
      <c r="D11693" s="1" t="s">
        <v>11</v>
      </c>
      <c r="E11693" s="1" t="s">
        <v>7</v>
      </c>
    </row>
    <row r="11694">
      <c r="A11694" s="1">
        <v>4.90495061E8</v>
      </c>
      <c r="B11694" s="2">
        <v>13350.0</v>
      </c>
      <c r="C11694" s="1" t="s">
        <v>5</v>
      </c>
      <c r="D11694" s="1" t="s">
        <v>9973</v>
      </c>
      <c r="E11694" s="1" t="s">
        <v>7</v>
      </c>
    </row>
    <row r="11695">
      <c r="A11695" s="1">
        <v>4.90495137E8</v>
      </c>
      <c r="B11695" s="2">
        <v>13349.0</v>
      </c>
      <c r="C11695" s="1" t="s">
        <v>5</v>
      </c>
      <c r="D11695" s="1" t="s">
        <v>11</v>
      </c>
      <c r="E11695" s="1" t="s">
        <v>7</v>
      </c>
    </row>
    <row r="11696">
      <c r="A11696" s="1">
        <v>4.90495151E8</v>
      </c>
      <c r="B11696" s="2">
        <v>13320.0</v>
      </c>
      <c r="C11696" s="1" t="s">
        <v>5</v>
      </c>
      <c r="D11696" s="1" t="s">
        <v>9974</v>
      </c>
      <c r="E11696" s="1" t="s">
        <v>11</v>
      </c>
    </row>
    <row r="11697">
      <c r="A11697" s="1">
        <v>4.90495168E8</v>
      </c>
      <c r="B11697" s="2">
        <v>13316.0</v>
      </c>
      <c r="C11697" s="1" t="s">
        <v>5</v>
      </c>
      <c r="D11697" s="1" t="s">
        <v>9975</v>
      </c>
      <c r="E11697" s="1" t="s">
        <v>11</v>
      </c>
    </row>
    <row r="11698">
      <c r="A11698" s="1">
        <v>4.90495184E8</v>
      </c>
      <c r="B11698" s="2">
        <v>13316.0</v>
      </c>
      <c r="C11698" s="1" t="s">
        <v>5</v>
      </c>
      <c r="D11698" s="1" t="s">
        <v>9976</v>
      </c>
      <c r="E11698" s="1" t="s">
        <v>7</v>
      </c>
    </row>
    <row r="11699">
      <c r="A11699" s="1">
        <v>4.90495196E8</v>
      </c>
      <c r="B11699" s="2">
        <v>13340.0</v>
      </c>
      <c r="C11699" s="1" t="s">
        <v>5</v>
      </c>
      <c r="D11699" s="1" t="s">
        <v>11</v>
      </c>
      <c r="E11699" s="1" t="s">
        <v>7</v>
      </c>
    </row>
    <row r="11700">
      <c r="A11700" s="1">
        <v>4.90495254E8</v>
      </c>
      <c r="B11700" s="2">
        <v>13348.0</v>
      </c>
      <c r="C11700" s="1" t="s">
        <v>5</v>
      </c>
      <c r="D11700" s="1" t="s">
        <v>9977</v>
      </c>
      <c r="E11700" s="1" t="s">
        <v>7</v>
      </c>
    </row>
    <row r="11701">
      <c r="A11701" s="1">
        <v>4.90495256E8</v>
      </c>
      <c r="B11701" s="2">
        <v>13347.0</v>
      </c>
      <c r="C11701" s="1" t="s">
        <v>5</v>
      </c>
      <c r="D11701" s="1" t="s">
        <v>9978</v>
      </c>
      <c r="E11701" s="1" t="s">
        <v>9979</v>
      </c>
    </row>
    <row r="11702">
      <c r="A11702" s="1">
        <v>4.90495264E8</v>
      </c>
      <c r="B11702" s="2">
        <v>13359.0</v>
      </c>
      <c r="C11702" s="1" t="s">
        <v>5</v>
      </c>
      <c r="D11702" s="1" t="s">
        <v>9980</v>
      </c>
      <c r="E11702" s="1" t="s">
        <v>9981</v>
      </c>
    </row>
    <row r="11703">
      <c r="A11703" s="1">
        <v>4.90495316E8</v>
      </c>
      <c r="B11703" s="2">
        <v>13340.0</v>
      </c>
      <c r="C11703" s="1" t="s">
        <v>5</v>
      </c>
      <c r="D11703" s="1" t="s">
        <v>9982</v>
      </c>
      <c r="E11703" s="1" t="s">
        <v>7</v>
      </c>
    </row>
    <row r="11704">
      <c r="A11704" s="1">
        <v>4.90495317E8</v>
      </c>
      <c r="B11704" s="2">
        <v>13318.0</v>
      </c>
      <c r="C11704" s="1" t="s">
        <v>5</v>
      </c>
      <c r="D11704" s="1" t="s">
        <v>9983</v>
      </c>
      <c r="E11704" s="1" t="s">
        <v>9984</v>
      </c>
    </row>
    <row r="11705">
      <c r="A11705" s="1">
        <v>4.90495337E8</v>
      </c>
      <c r="B11705" s="2">
        <v>13318.0</v>
      </c>
      <c r="C11705" s="1" t="s">
        <v>5</v>
      </c>
      <c r="D11705" s="1" t="s">
        <v>9985</v>
      </c>
      <c r="E11705" s="1" t="s">
        <v>7</v>
      </c>
    </row>
    <row r="11706">
      <c r="A11706" s="1">
        <v>4.90495344E8</v>
      </c>
      <c r="B11706" s="2">
        <v>13349.0</v>
      </c>
      <c r="C11706" s="1" t="s">
        <v>5</v>
      </c>
      <c r="D11706" s="1" t="s">
        <v>9986</v>
      </c>
      <c r="E11706" s="1" t="s">
        <v>7</v>
      </c>
    </row>
    <row r="11707">
      <c r="A11707" s="1">
        <v>4.90495361E8</v>
      </c>
      <c r="B11707" s="2">
        <v>13358.0</v>
      </c>
      <c r="C11707" s="1" t="s">
        <v>5</v>
      </c>
      <c r="D11707" s="1" t="s">
        <v>9987</v>
      </c>
      <c r="E11707" s="1" t="s">
        <v>7</v>
      </c>
    </row>
    <row r="11708">
      <c r="A11708" s="1">
        <v>4.90495401E8</v>
      </c>
      <c r="B11708" s="2">
        <v>13320.0</v>
      </c>
      <c r="C11708" s="1" t="s">
        <v>5</v>
      </c>
      <c r="D11708" s="1" t="s">
        <v>11</v>
      </c>
      <c r="E11708" s="1" t="s">
        <v>7</v>
      </c>
    </row>
    <row r="11709">
      <c r="A11709" s="1">
        <v>4.90495405E8</v>
      </c>
      <c r="B11709" s="2">
        <v>13323.0</v>
      </c>
      <c r="C11709" s="1" t="s">
        <v>5</v>
      </c>
      <c r="D11709" s="1" t="s">
        <v>11</v>
      </c>
      <c r="E11709" s="1" t="s">
        <v>7</v>
      </c>
    </row>
    <row r="11710">
      <c r="A11710" s="1">
        <v>4.90495417E8</v>
      </c>
      <c r="B11710" s="2">
        <v>13312.0</v>
      </c>
      <c r="C11710" s="1" t="s">
        <v>5</v>
      </c>
      <c r="D11710" s="1" t="s">
        <v>11</v>
      </c>
      <c r="E11710" s="1" t="s">
        <v>7</v>
      </c>
    </row>
    <row r="11711">
      <c r="A11711" s="1">
        <v>4.90495451E8</v>
      </c>
      <c r="B11711" s="2">
        <v>13307.0</v>
      </c>
      <c r="C11711" s="1" t="s">
        <v>5</v>
      </c>
      <c r="D11711" s="1" t="s">
        <v>9988</v>
      </c>
      <c r="E11711" s="1" t="s">
        <v>7</v>
      </c>
    </row>
    <row r="11712">
      <c r="A11712" s="1">
        <v>4.90495457E8</v>
      </c>
      <c r="B11712" s="2">
        <v>13347.0</v>
      </c>
      <c r="C11712" s="1" t="s">
        <v>5</v>
      </c>
      <c r="D11712" s="1" t="s">
        <v>9989</v>
      </c>
      <c r="E11712" s="1" t="s">
        <v>7</v>
      </c>
    </row>
    <row r="11713">
      <c r="A11713" s="1">
        <v>4.90495464E8</v>
      </c>
      <c r="B11713" s="2">
        <v>13251.0</v>
      </c>
      <c r="C11713" s="1" t="s">
        <v>5</v>
      </c>
      <c r="D11713" s="1" t="s">
        <v>9990</v>
      </c>
      <c r="E11713" s="1" t="s">
        <v>7</v>
      </c>
    </row>
    <row r="11714">
      <c r="A11714" s="1">
        <v>4.90495484E8</v>
      </c>
      <c r="B11714" s="2">
        <v>13347.0</v>
      </c>
      <c r="C11714" s="1" t="s">
        <v>5</v>
      </c>
      <c r="D11714" s="1" t="s">
        <v>9991</v>
      </c>
      <c r="E11714" s="1" t="s">
        <v>7</v>
      </c>
    </row>
    <row r="11715">
      <c r="A11715" s="1">
        <v>4.90495497E8</v>
      </c>
      <c r="B11715" s="2">
        <v>13318.0</v>
      </c>
      <c r="C11715" s="1" t="s">
        <v>5</v>
      </c>
      <c r="D11715" s="1" t="s">
        <v>9992</v>
      </c>
      <c r="E11715" s="1" t="s">
        <v>11</v>
      </c>
    </row>
    <row r="11716">
      <c r="A11716" s="1">
        <v>4.90495532E8</v>
      </c>
      <c r="B11716" s="2">
        <v>13323.0</v>
      </c>
      <c r="C11716" s="1" t="s">
        <v>5</v>
      </c>
      <c r="D11716" s="1" t="s">
        <v>11</v>
      </c>
      <c r="E11716" s="1" t="s">
        <v>7</v>
      </c>
    </row>
    <row r="11717">
      <c r="A11717" s="1">
        <v>4.9049554E8</v>
      </c>
      <c r="B11717" s="2">
        <v>13250.0</v>
      </c>
      <c r="C11717" s="1" t="s">
        <v>5</v>
      </c>
      <c r="D11717" s="1" t="s">
        <v>9993</v>
      </c>
      <c r="E11717" s="1" t="s">
        <v>7</v>
      </c>
    </row>
    <row r="11718">
      <c r="A11718" s="1">
        <v>4.90495578E8</v>
      </c>
      <c r="B11718" s="2">
        <v>13346.0</v>
      </c>
      <c r="C11718" s="1" t="s">
        <v>5</v>
      </c>
      <c r="D11718" s="1" t="s">
        <v>9994</v>
      </c>
      <c r="E11718" s="1" t="s">
        <v>7</v>
      </c>
    </row>
    <row r="11719">
      <c r="A11719" s="1">
        <v>4.90495598E8</v>
      </c>
      <c r="B11719" s="2">
        <v>13329.0</v>
      </c>
      <c r="C11719" s="1" t="s">
        <v>5</v>
      </c>
      <c r="D11719" s="1" t="s">
        <v>11</v>
      </c>
      <c r="E11719" s="1" t="s">
        <v>7</v>
      </c>
    </row>
    <row r="11720">
      <c r="A11720" s="1">
        <v>4.90495619E8</v>
      </c>
      <c r="B11720" s="2">
        <v>13339.0</v>
      </c>
      <c r="C11720" s="1" t="s">
        <v>5</v>
      </c>
      <c r="D11720" s="1" t="s">
        <v>9995</v>
      </c>
      <c r="E11720" s="1" t="s">
        <v>11</v>
      </c>
    </row>
    <row r="11721">
      <c r="A11721" s="1">
        <v>4.90495642E8</v>
      </c>
      <c r="B11721" s="2">
        <v>13347.0</v>
      </c>
      <c r="C11721" s="1" t="s">
        <v>5</v>
      </c>
      <c r="D11721" s="1" t="s">
        <v>11</v>
      </c>
      <c r="E11721" s="1" t="s">
        <v>7</v>
      </c>
    </row>
    <row r="11722">
      <c r="A11722" s="1">
        <v>4.90495645E8</v>
      </c>
      <c r="B11722" s="2">
        <v>13315.0</v>
      </c>
      <c r="C11722" s="1" t="s">
        <v>5</v>
      </c>
      <c r="D11722" s="1" t="s">
        <v>9996</v>
      </c>
      <c r="E11722" s="1" t="s">
        <v>7</v>
      </c>
    </row>
    <row r="11723">
      <c r="A11723" s="1">
        <v>4.90495647E8</v>
      </c>
      <c r="B11723" s="2">
        <v>13313.0</v>
      </c>
      <c r="C11723" s="1" t="s">
        <v>5</v>
      </c>
      <c r="D11723" s="1" t="s">
        <v>9997</v>
      </c>
      <c r="E11723" s="1" t="s">
        <v>9998</v>
      </c>
    </row>
    <row r="11724">
      <c r="A11724" s="1">
        <v>4.90495658E8</v>
      </c>
      <c r="B11724" s="2">
        <v>13315.0</v>
      </c>
      <c r="C11724" s="1" t="s">
        <v>5</v>
      </c>
      <c r="D11724" s="1" t="s">
        <v>9999</v>
      </c>
      <c r="E11724" s="1" t="s">
        <v>7</v>
      </c>
    </row>
    <row r="11725">
      <c r="A11725" s="1">
        <v>4.90495661E8</v>
      </c>
      <c r="B11725" s="2">
        <v>13339.0</v>
      </c>
      <c r="C11725" s="1" t="s">
        <v>5</v>
      </c>
      <c r="D11725" s="1" t="s">
        <v>10000</v>
      </c>
      <c r="E11725" s="1" t="s">
        <v>11</v>
      </c>
    </row>
    <row r="11726">
      <c r="A11726" s="1">
        <v>4.90495685E8</v>
      </c>
      <c r="B11726" s="2">
        <v>13347.0</v>
      </c>
      <c r="C11726" s="1" t="s">
        <v>5</v>
      </c>
      <c r="D11726" s="1" t="s">
        <v>10001</v>
      </c>
      <c r="E11726" s="1" t="s">
        <v>7</v>
      </c>
    </row>
    <row r="11727">
      <c r="A11727" s="1">
        <v>4.90495726E8</v>
      </c>
      <c r="B11727" s="2">
        <v>13314.0</v>
      </c>
      <c r="C11727" s="1" t="s">
        <v>5</v>
      </c>
      <c r="D11727" s="1" t="s">
        <v>10002</v>
      </c>
      <c r="E11727" s="1" t="s">
        <v>7</v>
      </c>
    </row>
    <row r="11728">
      <c r="A11728" s="1">
        <v>4.90495727E8</v>
      </c>
      <c r="B11728" s="2">
        <v>13212.0</v>
      </c>
      <c r="C11728" s="1" t="s">
        <v>5</v>
      </c>
      <c r="D11728" s="1" t="s">
        <v>10003</v>
      </c>
      <c r="E11728" s="1" t="s">
        <v>7</v>
      </c>
    </row>
    <row r="11729">
      <c r="A11729" s="1">
        <v>4.90495763E8</v>
      </c>
      <c r="B11729" s="2">
        <v>13350.0</v>
      </c>
      <c r="C11729" s="1" t="s">
        <v>5</v>
      </c>
      <c r="D11729" s="1" t="s">
        <v>10004</v>
      </c>
      <c r="E11729" s="1" t="s">
        <v>11</v>
      </c>
    </row>
    <row r="11730">
      <c r="A11730" s="1">
        <v>4.90495783E8</v>
      </c>
      <c r="B11730" s="2">
        <v>13315.0</v>
      </c>
      <c r="C11730" s="1" t="s">
        <v>5</v>
      </c>
      <c r="D11730" s="1" t="s">
        <v>10005</v>
      </c>
      <c r="E11730" s="1" t="s">
        <v>11</v>
      </c>
    </row>
    <row r="11731">
      <c r="A11731" s="1">
        <v>4.90495795E8</v>
      </c>
      <c r="B11731" s="2">
        <v>13329.0</v>
      </c>
      <c r="C11731" s="1" t="s">
        <v>5</v>
      </c>
      <c r="D11731" s="1" t="s">
        <v>11</v>
      </c>
      <c r="E11731" s="1" t="s">
        <v>7</v>
      </c>
    </row>
    <row r="11732">
      <c r="A11732" s="1">
        <v>4.90495797E8</v>
      </c>
      <c r="B11732" s="2">
        <v>13318.0</v>
      </c>
      <c r="C11732" s="1" t="s">
        <v>5</v>
      </c>
      <c r="D11732" s="1" t="s">
        <v>10006</v>
      </c>
      <c r="E11732" s="1" t="s">
        <v>7</v>
      </c>
    </row>
    <row r="11733">
      <c r="A11733" s="1">
        <v>4.90495826E8</v>
      </c>
      <c r="B11733" s="2">
        <v>13223.0</v>
      </c>
      <c r="C11733" s="1" t="s">
        <v>5</v>
      </c>
      <c r="D11733" s="1" t="s">
        <v>10007</v>
      </c>
      <c r="E11733" s="1" t="s">
        <v>11</v>
      </c>
    </row>
    <row r="11734">
      <c r="A11734" s="1">
        <v>4.90495901E8</v>
      </c>
      <c r="B11734" s="2">
        <v>13348.0</v>
      </c>
      <c r="C11734" s="1" t="s">
        <v>5</v>
      </c>
      <c r="D11734" s="1" t="s">
        <v>10008</v>
      </c>
      <c r="E11734" s="1" t="s">
        <v>7</v>
      </c>
    </row>
    <row r="11735">
      <c r="A11735" s="1">
        <v>4.90495925E8</v>
      </c>
      <c r="B11735" s="2">
        <v>13211.0</v>
      </c>
      <c r="C11735" s="1" t="s">
        <v>5</v>
      </c>
      <c r="D11735" s="1" t="s">
        <v>11</v>
      </c>
      <c r="E11735" s="1" t="s">
        <v>7</v>
      </c>
    </row>
    <row r="11736">
      <c r="A11736" s="1">
        <v>4.90495931E8</v>
      </c>
      <c r="B11736" s="2">
        <v>13264.0</v>
      </c>
      <c r="C11736" s="1" t="s">
        <v>5</v>
      </c>
      <c r="D11736" s="1" t="s">
        <v>10009</v>
      </c>
      <c r="E11736" s="1" t="s">
        <v>7</v>
      </c>
    </row>
    <row r="11737">
      <c r="A11737" s="1">
        <v>4.90495956E8</v>
      </c>
      <c r="B11737" s="2">
        <v>13241.0</v>
      </c>
      <c r="C11737" s="1" t="s">
        <v>5</v>
      </c>
      <c r="D11737" s="1" t="s">
        <v>10010</v>
      </c>
      <c r="E11737" s="1" t="s">
        <v>11</v>
      </c>
    </row>
    <row r="11738">
      <c r="A11738" s="1">
        <v>4.90495963E8</v>
      </c>
      <c r="B11738" s="2">
        <v>13264.0</v>
      </c>
      <c r="C11738" s="1" t="s">
        <v>5</v>
      </c>
      <c r="D11738" s="1" t="s">
        <v>11</v>
      </c>
      <c r="E11738" s="1" t="s">
        <v>7</v>
      </c>
    </row>
    <row r="11739">
      <c r="A11739" s="1">
        <v>4.90495991E8</v>
      </c>
      <c r="B11739" s="2">
        <v>13252.0</v>
      </c>
      <c r="C11739" s="1" t="s">
        <v>5</v>
      </c>
      <c r="D11739" s="1" t="s">
        <v>10011</v>
      </c>
      <c r="E11739" s="1" t="s">
        <v>7</v>
      </c>
    </row>
    <row r="11740">
      <c r="A11740" s="1">
        <v>4.9049601E8</v>
      </c>
      <c r="B11740" s="2">
        <v>13315.0</v>
      </c>
      <c r="C11740" s="1" t="s">
        <v>5</v>
      </c>
      <c r="D11740" s="1" t="s">
        <v>11</v>
      </c>
      <c r="E11740" s="1" t="s">
        <v>7</v>
      </c>
    </row>
    <row r="11741">
      <c r="A11741" s="1">
        <v>4.90496026E8</v>
      </c>
      <c r="B11741" s="2">
        <v>13211.0</v>
      </c>
      <c r="C11741" s="1" t="s">
        <v>5</v>
      </c>
      <c r="D11741" s="1" t="s">
        <v>11</v>
      </c>
      <c r="E11741" s="1" t="s">
        <v>7</v>
      </c>
    </row>
    <row r="11742">
      <c r="A11742" s="1">
        <v>4.9049603E8</v>
      </c>
      <c r="B11742" s="2">
        <v>13249.0</v>
      </c>
      <c r="C11742" s="1" t="s">
        <v>5</v>
      </c>
      <c r="D11742" s="1" t="s">
        <v>10012</v>
      </c>
      <c r="E11742" s="1" t="s">
        <v>7</v>
      </c>
    </row>
    <row r="11743">
      <c r="A11743" s="1">
        <v>4.90496065E8</v>
      </c>
      <c r="B11743" s="2">
        <v>13251.0</v>
      </c>
      <c r="C11743" s="1" t="s">
        <v>5</v>
      </c>
      <c r="D11743" s="1" t="s">
        <v>10013</v>
      </c>
      <c r="E11743" s="1" t="s">
        <v>10014</v>
      </c>
    </row>
    <row r="11744">
      <c r="A11744" s="1">
        <v>4.90496076E8</v>
      </c>
      <c r="B11744" s="2">
        <v>13304.0</v>
      </c>
      <c r="C11744" s="1" t="s">
        <v>5</v>
      </c>
      <c r="D11744" s="1" t="s">
        <v>11</v>
      </c>
      <c r="E11744" s="1" t="s">
        <v>7</v>
      </c>
    </row>
    <row r="11745">
      <c r="A11745" s="1">
        <v>4.90496084E8</v>
      </c>
      <c r="B11745" s="2">
        <v>13349.0</v>
      </c>
      <c r="C11745" s="1" t="s">
        <v>5</v>
      </c>
      <c r="D11745" s="1" t="s">
        <v>10015</v>
      </c>
      <c r="E11745" s="1" t="s">
        <v>7</v>
      </c>
    </row>
    <row r="11746">
      <c r="A11746" s="1">
        <v>4.90496122E8</v>
      </c>
      <c r="B11746" s="2">
        <v>13259.0</v>
      </c>
      <c r="C11746" s="1" t="s">
        <v>5</v>
      </c>
      <c r="D11746" s="1" t="s">
        <v>10016</v>
      </c>
      <c r="E11746" s="1" t="s">
        <v>7</v>
      </c>
    </row>
    <row r="11747">
      <c r="A11747" s="1">
        <v>4.90496126E8</v>
      </c>
      <c r="B11747" s="2">
        <v>13251.0</v>
      </c>
      <c r="C11747" s="1" t="s">
        <v>5</v>
      </c>
      <c r="D11747" s="1" t="s">
        <v>10017</v>
      </c>
      <c r="E11747" s="1" t="s">
        <v>10018</v>
      </c>
    </row>
    <row r="11748">
      <c r="A11748" s="1">
        <v>4.90496132E8</v>
      </c>
      <c r="B11748" s="2">
        <v>13309.0</v>
      </c>
      <c r="C11748" s="1" t="s">
        <v>5</v>
      </c>
      <c r="D11748" s="1" t="s">
        <v>11</v>
      </c>
      <c r="E11748" s="1" t="s">
        <v>7</v>
      </c>
    </row>
    <row r="11749">
      <c r="A11749" s="1">
        <v>4.90496191E8</v>
      </c>
      <c r="B11749" s="2">
        <v>13312.0</v>
      </c>
      <c r="C11749" s="1" t="s">
        <v>5</v>
      </c>
      <c r="D11749" s="1" t="s">
        <v>10019</v>
      </c>
      <c r="E11749" s="1" t="s">
        <v>10020</v>
      </c>
    </row>
    <row r="11750">
      <c r="A11750" s="1">
        <v>4.90496227E8</v>
      </c>
      <c r="B11750" s="2">
        <v>13341.0</v>
      </c>
      <c r="C11750" s="1" t="s">
        <v>5</v>
      </c>
      <c r="D11750" s="1" t="s">
        <v>10021</v>
      </c>
      <c r="E11750" s="1" t="s">
        <v>11</v>
      </c>
    </row>
    <row r="11751">
      <c r="A11751" s="1">
        <v>4.9049624E8</v>
      </c>
      <c r="B11751" s="2">
        <v>13259.0</v>
      </c>
      <c r="C11751" s="1" t="s">
        <v>5</v>
      </c>
      <c r="D11751" s="1" t="s">
        <v>11</v>
      </c>
      <c r="E11751" s="1" t="s">
        <v>7</v>
      </c>
    </row>
    <row r="11752">
      <c r="A11752" s="1">
        <v>4.90496281E8</v>
      </c>
      <c r="B11752" s="2">
        <v>13311.0</v>
      </c>
      <c r="C11752" s="1" t="s">
        <v>5</v>
      </c>
      <c r="D11752" s="1" t="s">
        <v>11</v>
      </c>
      <c r="E11752" s="1" t="s">
        <v>7</v>
      </c>
    </row>
    <row r="11753">
      <c r="A11753" s="1">
        <v>4.90496286E8</v>
      </c>
      <c r="B11753" s="2">
        <v>13350.0</v>
      </c>
      <c r="C11753" s="1" t="s">
        <v>5</v>
      </c>
      <c r="D11753" s="1" t="s">
        <v>10022</v>
      </c>
      <c r="E11753" s="1" t="s">
        <v>7</v>
      </c>
    </row>
    <row r="11754">
      <c r="A11754" s="1">
        <v>4.90496287E8</v>
      </c>
      <c r="B11754" s="2">
        <v>13341.0</v>
      </c>
      <c r="C11754" s="1" t="s">
        <v>5</v>
      </c>
      <c r="D11754" s="1" t="s">
        <v>10023</v>
      </c>
      <c r="E11754" s="1" t="s">
        <v>7</v>
      </c>
    </row>
    <row r="11755">
      <c r="A11755" s="1">
        <v>4.90496309E8</v>
      </c>
      <c r="B11755" s="2">
        <v>13210.0</v>
      </c>
      <c r="C11755" s="1" t="s">
        <v>5</v>
      </c>
      <c r="D11755" s="1" t="s">
        <v>10024</v>
      </c>
      <c r="E11755" s="1" t="s">
        <v>11</v>
      </c>
    </row>
    <row r="11756">
      <c r="A11756" s="1">
        <v>4.90496316E8</v>
      </c>
      <c r="B11756" s="2">
        <v>13359.0</v>
      </c>
      <c r="C11756" s="1" t="s">
        <v>5</v>
      </c>
      <c r="D11756" s="1" t="s">
        <v>10025</v>
      </c>
      <c r="E11756" s="1" t="s">
        <v>11</v>
      </c>
    </row>
    <row r="11757">
      <c r="A11757" s="1">
        <v>4.90496326E8</v>
      </c>
      <c r="B11757" s="2">
        <v>13340.0</v>
      </c>
      <c r="C11757" s="1" t="s">
        <v>5</v>
      </c>
      <c r="D11757" s="1" t="s">
        <v>10026</v>
      </c>
      <c r="E11757" s="1" t="s">
        <v>7</v>
      </c>
    </row>
    <row r="11758">
      <c r="A11758" s="1">
        <v>4.90496335E8</v>
      </c>
      <c r="B11758" s="2">
        <v>13313.0</v>
      </c>
      <c r="C11758" s="1" t="s">
        <v>5</v>
      </c>
      <c r="D11758" s="1" t="s">
        <v>10027</v>
      </c>
      <c r="E11758" s="1" t="s">
        <v>11</v>
      </c>
    </row>
    <row r="11759">
      <c r="A11759" s="1">
        <v>4.90496356E8</v>
      </c>
      <c r="B11759" s="2">
        <v>13259.0</v>
      </c>
      <c r="C11759" s="1" t="s">
        <v>5</v>
      </c>
      <c r="D11759" s="1" t="s">
        <v>10028</v>
      </c>
      <c r="E11759" s="1" t="s">
        <v>10029</v>
      </c>
    </row>
    <row r="11760">
      <c r="A11760" s="1">
        <v>4.90496377E8</v>
      </c>
      <c r="B11760" s="2">
        <v>13309.0</v>
      </c>
      <c r="C11760" s="1" t="s">
        <v>5</v>
      </c>
      <c r="D11760" s="1" t="s">
        <v>11</v>
      </c>
      <c r="E11760" s="1" t="s">
        <v>7</v>
      </c>
    </row>
    <row r="11761">
      <c r="A11761" s="1">
        <v>4.90496387E8</v>
      </c>
      <c r="B11761" s="2">
        <v>13346.0</v>
      </c>
      <c r="C11761" s="1" t="s">
        <v>5</v>
      </c>
      <c r="D11761" s="1" t="s">
        <v>10030</v>
      </c>
      <c r="E11761" s="1" t="s">
        <v>11</v>
      </c>
    </row>
    <row r="11762">
      <c r="A11762" s="1">
        <v>4.90496396E8</v>
      </c>
      <c r="B11762" s="2">
        <v>13340.0</v>
      </c>
      <c r="C11762" s="1" t="s">
        <v>5</v>
      </c>
      <c r="D11762" s="1" t="s">
        <v>10031</v>
      </c>
      <c r="E11762" s="1" t="s">
        <v>11</v>
      </c>
    </row>
    <row r="11763">
      <c r="A11763" s="1">
        <v>4.90496407E8</v>
      </c>
      <c r="B11763" s="2">
        <v>13313.0</v>
      </c>
      <c r="C11763" s="1" t="s">
        <v>5</v>
      </c>
      <c r="D11763" s="1" t="s">
        <v>10032</v>
      </c>
      <c r="E11763" s="1" t="s">
        <v>7</v>
      </c>
    </row>
    <row r="11764">
      <c r="A11764" s="1">
        <v>4.90496452E8</v>
      </c>
      <c r="B11764" s="2">
        <v>13259.0</v>
      </c>
      <c r="C11764" s="1" t="s">
        <v>5</v>
      </c>
      <c r="D11764" s="1" t="s">
        <v>11</v>
      </c>
      <c r="E11764" s="1" t="s">
        <v>7</v>
      </c>
    </row>
    <row r="11765">
      <c r="A11765" s="1">
        <v>4.90496484E8</v>
      </c>
      <c r="B11765" s="2">
        <v>13349.0</v>
      </c>
      <c r="C11765" s="1" t="s">
        <v>5</v>
      </c>
      <c r="D11765" s="1" t="s">
        <v>10033</v>
      </c>
      <c r="E11765" s="1" t="s">
        <v>7</v>
      </c>
    </row>
    <row r="11766">
      <c r="A11766" s="1">
        <v>4.90496501E8</v>
      </c>
      <c r="B11766" s="2">
        <v>13312.0</v>
      </c>
      <c r="C11766" s="1" t="s">
        <v>5</v>
      </c>
      <c r="D11766" s="1" t="s">
        <v>10034</v>
      </c>
      <c r="E11766" s="1" t="s">
        <v>7</v>
      </c>
    </row>
    <row r="11767">
      <c r="A11767" s="1">
        <v>4.9049651E8</v>
      </c>
      <c r="B11767" s="2">
        <v>13269.0</v>
      </c>
      <c r="C11767" s="1" t="s">
        <v>5</v>
      </c>
      <c r="D11767" s="1" t="s">
        <v>10035</v>
      </c>
      <c r="E11767" s="1" t="s">
        <v>11</v>
      </c>
    </row>
    <row r="11768">
      <c r="A11768" s="1">
        <v>4.90496525E8</v>
      </c>
      <c r="B11768" s="2">
        <v>13308.0</v>
      </c>
      <c r="C11768" s="1" t="s">
        <v>5</v>
      </c>
      <c r="D11768" s="1" t="s">
        <v>11</v>
      </c>
      <c r="E11768" s="1" t="s">
        <v>7</v>
      </c>
    </row>
    <row r="11769">
      <c r="A11769" s="1">
        <v>4.90496528E8</v>
      </c>
      <c r="B11769" s="2">
        <v>13312.0</v>
      </c>
      <c r="C11769" s="1" t="s">
        <v>5</v>
      </c>
      <c r="D11769" s="1" t="s">
        <v>10036</v>
      </c>
      <c r="E11769" s="1" t="s">
        <v>7</v>
      </c>
    </row>
    <row r="11770">
      <c r="A11770" s="1">
        <v>4.9049656E8</v>
      </c>
      <c r="B11770" s="2">
        <v>13343.0</v>
      </c>
      <c r="C11770" s="1" t="s">
        <v>5</v>
      </c>
      <c r="D11770" s="1" t="s">
        <v>10037</v>
      </c>
      <c r="E11770" s="1" t="s">
        <v>7</v>
      </c>
    </row>
    <row r="11771">
      <c r="A11771" s="1">
        <v>4.9049658E8</v>
      </c>
      <c r="B11771" s="2">
        <v>13308.0</v>
      </c>
      <c r="C11771" s="1" t="s">
        <v>5</v>
      </c>
      <c r="D11771" s="1" t="s">
        <v>10038</v>
      </c>
      <c r="E11771" s="1" t="s">
        <v>11</v>
      </c>
    </row>
    <row r="11772">
      <c r="A11772" s="1">
        <v>4.90496609E8</v>
      </c>
      <c r="B11772" s="2">
        <v>13346.0</v>
      </c>
      <c r="C11772" s="1" t="s">
        <v>5</v>
      </c>
      <c r="D11772" s="1" t="s">
        <v>11</v>
      </c>
      <c r="E11772" s="1" t="s">
        <v>7</v>
      </c>
    </row>
    <row r="11773">
      <c r="A11773" s="1">
        <v>4.90496618E8</v>
      </c>
      <c r="B11773" s="2">
        <v>13312.0</v>
      </c>
      <c r="C11773" s="1" t="s">
        <v>5</v>
      </c>
      <c r="D11773" s="1" t="s">
        <v>10039</v>
      </c>
      <c r="E11773" s="1" t="s">
        <v>11</v>
      </c>
    </row>
    <row r="11774">
      <c r="A11774" s="1">
        <v>4.90496661E8</v>
      </c>
      <c r="B11774" s="2">
        <v>13321.0</v>
      </c>
      <c r="C11774" s="1" t="s">
        <v>5</v>
      </c>
      <c r="D11774" s="1" t="s">
        <v>10040</v>
      </c>
      <c r="E11774" s="1" t="s">
        <v>7</v>
      </c>
    </row>
    <row r="11775">
      <c r="A11775" s="1">
        <v>4.90496672E8</v>
      </c>
      <c r="B11775" s="2">
        <v>13313.0</v>
      </c>
      <c r="C11775" s="1" t="s">
        <v>5</v>
      </c>
      <c r="D11775" s="1" t="s">
        <v>10041</v>
      </c>
      <c r="E11775" s="1" t="s">
        <v>11</v>
      </c>
    </row>
    <row r="11776">
      <c r="A11776" s="1">
        <v>4.90496702E8</v>
      </c>
      <c r="B11776" s="2">
        <v>13306.0</v>
      </c>
      <c r="C11776" s="1" t="s">
        <v>5</v>
      </c>
      <c r="D11776" s="1" t="s">
        <v>10042</v>
      </c>
      <c r="E11776" s="1" t="s">
        <v>10043</v>
      </c>
    </row>
    <row r="11777">
      <c r="A11777" s="1">
        <v>4.90496735E8</v>
      </c>
      <c r="B11777" s="2">
        <v>13321.0</v>
      </c>
      <c r="C11777" s="1" t="s">
        <v>5</v>
      </c>
      <c r="D11777" s="1" t="s">
        <v>10044</v>
      </c>
      <c r="E11777" s="1" t="s">
        <v>11</v>
      </c>
    </row>
    <row r="11778">
      <c r="A11778" s="1">
        <v>4.90496752E8</v>
      </c>
      <c r="B11778" s="2">
        <v>13308.0</v>
      </c>
      <c r="C11778" s="1" t="s">
        <v>5</v>
      </c>
      <c r="D11778" s="1" t="s">
        <v>10045</v>
      </c>
      <c r="E11778" s="1" t="s">
        <v>7</v>
      </c>
    </row>
    <row r="11779">
      <c r="A11779" s="1">
        <v>4.90496765E8</v>
      </c>
      <c r="B11779" s="2">
        <v>13392.0</v>
      </c>
      <c r="C11779" s="1" t="s">
        <v>5</v>
      </c>
      <c r="D11779" s="1" t="s">
        <v>10046</v>
      </c>
      <c r="E11779" s="1" t="s">
        <v>7</v>
      </c>
    </row>
    <row r="11780">
      <c r="A11780" s="1">
        <v>4.90496768E8</v>
      </c>
      <c r="B11780" s="2">
        <v>13339.0</v>
      </c>
      <c r="C11780" s="1" t="s">
        <v>5</v>
      </c>
      <c r="D11780" s="1" t="s">
        <v>10047</v>
      </c>
      <c r="E11780" s="1" t="s">
        <v>7</v>
      </c>
    </row>
    <row r="11781">
      <c r="A11781" s="1">
        <v>4.90496792E8</v>
      </c>
      <c r="B11781" s="2">
        <v>13344.0</v>
      </c>
      <c r="C11781" s="1" t="s">
        <v>5</v>
      </c>
      <c r="D11781" s="1" t="s">
        <v>10048</v>
      </c>
      <c r="E11781" s="1" t="s">
        <v>7</v>
      </c>
    </row>
    <row r="11782">
      <c r="A11782" s="1">
        <v>4.90496818E8</v>
      </c>
      <c r="B11782" s="2">
        <v>13348.0</v>
      </c>
      <c r="C11782" s="1" t="s">
        <v>5</v>
      </c>
      <c r="D11782" s="1" t="s">
        <v>10049</v>
      </c>
      <c r="E11782" s="1" t="s">
        <v>11</v>
      </c>
    </row>
    <row r="11783">
      <c r="A11783" s="1">
        <v>4.90496836E8</v>
      </c>
      <c r="B11783" s="2">
        <v>13339.0</v>
      </c>
      <c r="C11783" s="1" t="s">
        <v>5</v>
      </c>
      <c r="D11783" s="1" t="s">
        <v>11</v>
      </c>
      <c r="E11783" s="1" t="s">
        <v>7</v>
      </c>
    </row>
    <row r="11784">
      <c r="A11784" s="1">
        <v>4.90496842E8</v>
      </c>
      <c r="B11784" s="2">
        <v>13341.0</v>
      </c>
      <c r="C11784" s="1" t="s">
        <v>5</v>
      </c>
      <c r="D11784" s="1" t="s">
        <v>10050</v>
      </c>
      <c r="E11784" s="1" t="s">
        <v>11</v>
      </c>
    </row>
    <row r="11785">
      <c r="A11785" s="1">
        <v>4.90496882E8</v>
      </c>
      <c r="B11785" s="2">
        <v>13391.0</v>
      </c>
      <c r="C11785" s="1" t="s">
        <v>5</v>
      </c>
      <c r="D11785" s="1" t="s">
        <v>10051</v>
      </c>
      <c r="E11785" s="1" t="s">
        <v>7</v>
      </c>
    </row>
    <row r="11786">
      <c r="A11786" s="1">
        <v>4.90496931E8</v>
      </c>
      <c r="B11786" s="2">
        <v>13307.0</v>
      </c>
      <c r="C11786" s="1" t="s">
        <v>5</v>
      </c>
      <c r="D11786" s="1" t="s">
        <v>10052</v>
      </c>
      <c r="E11786" s="1" t="s">
        <v>10053</v>
      </c>
    </row>
    <row r="11787">
      <c r="A11787" s="1">
        <v>4.90496942E8</v>
      </c>
      <c r="B11787" s="2">
        <v>13222.0</v>
      </c>
      <c r="C11787" s="1" t="s">
        <v>5</v>
      </c>
      <c r="D11787" s="1" t="s">
        <v>10054</v>
      </c>
      <c r="E11787" s="1" t="s">
        <v>11</v>
      </c>
    </row>
    <row r="11788">
      <c r="A11788" s="1">
        <v>4.90496949E8</v>
      </c>
      <c r="B11788" s="2">
        <v>13377.0</v>
      </c>
      <c r="C11788" s="1" t="s">
        <v>5</v>
      </c>
      <c r="D11788" s="1" t="s">
        <v>10055</v>
      </c>
      <c r="E11788" s="1" t="s">
        <v>11</v>
      </c>
    </row>
    <row r="11789">
      <c r="A11789" s="1">
        <v>4.9049695E8</v>
      </c>
      <c r="B11789" s="2">
        <v>13391.0</v>
      </c>
      <c r="C11789" s="1" t="s">
        <v>5</v>
      </c>
      <c r="D11789" s="1" t="s">
        <v>10056</v>
      </c>
      <c r="E11789" s="1" t="s">
        <v>7</v>
      </c>
    </row>
    <row r="11790">
      <c r="A11790" s="1">
        <v>4.90497002E8</v>
      </c>
      <c r="B11790" s="2">
        <v>13324.0</v>
      </c>
      <c r="C11790" s="1" t="s">
        <v>5</v>
      </c>
      <c r="D11790" s="1" t="s">
        <v>10057</v>
      </c>
      <c r="E11790" s="1" t="s">
        <v>7</v>
      </c>
    </row>
    <row r="11791">
      <c r="A11791" s="1">
        <v>4.90497008E8</v>
      </c>
      <c r="B11791" s="2">
        <v>13267.0</v>
      </c>
      <c r="C11791" s="1" t="s">
        <v>5</v>
      </c>
      <c r="D11791" s="1" t="s">
        <v>10058</v>
      </c>
      <c r="E11791" s="1" t="s">
        <v>11</v>
      </c>
    </row>
    <row r="11792">
      <c r="A11792" s="1">
        <v>4.90497041E8</v>
      </c>
      <c r="B11792" s="2">
        <v>13377.0</v>
      </c>
      <c r="C11792" s="1" t="s">
        <v>5</v>
      </c>
      <c r="D11792" s="1" t="s">
        <v>11</v>
      </c>
      <c r="E11792" s="1" t="s">
        <v>7</v>
      </c>
    </row>
    <row r="11793">
      <c r="A11793" s="1">
        <v>4.90497064E8</v>
      </c>
      <c r="B11793" s="2">
        <v>13311.0</v>
      </c>
      <c r="C11793" s="1" t="s">
        <v>5</v>
      </c>
      <c r="D11793" s="1" t="s">
        <v>10059</v>
      </c>
      <c r="E11793" s="1" t="s">
        <v>11</v>
      </c>
    </row>
    <row r="11794">
      <c r="A11794" s="1">
        <v>4.90497071E8</v>
      </c>
      <c r="B11794" s="2">
        <v>13339.0</v>
      </c>
      <c r="C11794" s="1" t="s">
        <v>5</v>
      </c>
      <c r="D11794" s="1" t="s">
        <v>10060</v>
      </c>
      <c r="E11794" s="1" t="s">
        <v>11</v>
      </c>
    </row>
    <row r="11795">
      <c r="A11795" s="1">
        <v>4.90497078E8</v>
      </c>
      <c r="B11795" s="2">
        <v>13388.0</v>
      </c>
      <c r="C11795" s="1" t="s">
        <v>5</v>
      </c>
      <c r="D11795" s="1" t="s">
        <v>11</v>
      </c>
      <c r="E11795" s="1" t="s">
        <v>7</v>
      </c>
    </row>
    <row r="11796">
      <c r="A11796" s="1">
        <v>4.90497161E8</v>
      </c>
      <c r="B11796" s="2">
        <v>13321.0</v>
      </c>
      <c r="C11796" s="1" t="s">
        <v>5</v>
      </c>
      <c r="D11796" s="1" t="s">
        <v>10061</v>
      </c>
      <c r="E11796" s="1" t="s">
        <v>7</v>
      </c>
    </row>
    <row r="11797">
      <c r="A11797" s="1">
        <v>4.90497162E8</v>
      </c>
      <c r="B11797" s="2">
        <v>13306.0</v>
      </c>
      <c r="C11797" s="1" t="s">
        <v>5</v>
      </c>
      <c r="D11797" s="1" t="s">
        <v>10062</v>
      </c>
      <c r="E11797" s="1" t="s">
        <v>11</v>
      </c>
    </row>
    <row r="11798">
      <c r="A11798" s="1">
        <v>4.90497198E8</v>
      </c>
      <c r="B11798" s="2">
        <v>13306.0</v>
      </c>
      <c r="C11798" s="1" t="s">
        <v>5</v>
      </c>
      <c r="D11798" s="1" t="s">
        <v>10063</v>
      </c>
      <c r="E11798" s="1" t="s">
        <v>7</v>
      </c>
    </row>
    <row r="11799">
      <c r="A11799" s="1">
        <v>4.90497202E8</v>
      </c>
      <c r="B11799" s="2">
        <v>13393.0</v>
      </c>
      <c r="C11799" s="1" t="s">
        <v>5</v>
      </c>
      <c r="D11799" s="1" t="s">
        <v>10064</v>
      </c>
      <c r="E11799" s="1" t="s">
        <v>7</v>
      </c>
    </row>
    <row r="11800">
      <c r="A11800" s="1">
        <v>4.90497215E8</v>
      </c>
      <c r="B11800" s="2">
        <v>13321.0</v>
      </c>
      <c r="C11800" s="1" t="s">
        <v>5</v>
      </c>
      <c r="D11800" s="1" t="s">
        <v>10065</v>
      </c>
      <c r="E11800" s="1" t="s">
        <v>7</v>
      </c>
    </row>
    <row r="11801">
      <c r="A11801" s="1">
        <v>4.90497232E8</v>
      </c>
      <c r="B11801" s="2">
        <v>13344.0</v>
      </c>
      <c r="C11801" s="1" t="s">
        <v>5</v>
      </c>
      <c r="D11801" s="1" t="s">
        <v>10066</v>
      </c>
      <c r="E11801" s="1" t="s">
        <v>11</v>
      </c>
    </row>
    <row r="11802">
      <c r="A11802" s="1">
        <v>4.90497236E8</v>
      </c>
      <c r="B11802" s="2">
        <v>13306.0</v>
      </c>
      <c r="C11802" s="1" t="s">
        <v>5</v>
      </c>
      <c r="D11802" s="1" t="s">
        <v>11</v>
      </c>
      <c r="E11802" s="1" t="s">
        <v>7</v>
      </c>
    </row>
    <row r="11803">
      <c r="A11803" s="1">
        <v>4.90497241E8</v>
      </c>
      <c r="B11803" s="2">
        <v>13309.0</v>
      </c>
      <c r="C11803" s="1" t="s">
        <v>5</v>
      </c>
      <c r="D11803" s="1" t="s">
        <v>10067</v>
      </c>
      <c r="E11803" s="1" t="s">
        <v>7</v>
      </c>
    </row>
    <row r="11804">
      <c r="A11804" s="1">
        <v>4.90497255E8</v>
      </c>
      <c r="B11804" s="2">
        <v>13388.0</v>
      </c>
      <c r="C11804" s="1" t="s">
        <v>5</v>
      </c>
      <c r="D11804" s="1" t="s">
        <v>10068</v>
      </c>
      <c r="E11804" s="1" t="s">
        <v>7</v>
      </c>
    </row>
    <row r="11805">
      <c r="A11805" s="1">
        <v>4.90497264E8</v>
      </c>
      <c r="B11805" s="2">
        <v>13393.0</v>
      </c>
      <c r="C11805" s="1" t="s">
        <v>5</v>
      </c>
      <c r="D11805" s="1" t="s">
        <v>11</v>
      </c>
      <c r="E11805" s="1" t="s">
        <v>7</v>
      </c>
    </row>
    <row r="11806">
      <c r="A11806" s="1">
        <v>4.90497274E8</v>
      </c>
      <c r="B11806" s="2">
        <v>13350.0</v>
      </c>
      <c r="C11806" s="1" t="s">
        <v>5</v>
      </c>
      <c r="D11806" s="1" t="s">
        <v>10069</v>
      </c>
      <c r="E11806" s="1" t="s">
        <v>7</v>
      </c>
    </row>
    <row r="11807">
      <c r="A11807" s="1">
        <v>4.90497282E8</v>
      </c>
      <c r="B11807" s="2">
        <v>13340.0</v>
      </c>
      <c r="C11807" s="1" t="s">
        <v>5</v>
      </c>
      <c r="D11807" s="1" t="s">
        <v>10070</v>
      </c>
      <c r="E11807" s="1" t="s">
        <v>11</v>
      </c>
    </row>
    <row r="11808">
      <c r="A11808" s="1">
        <v>4.90497304E8</v>
      </c>
      <c r="B11808" s="2">
        <v>13392.0</v>
      </c>
      <c r="C11808" s="1" t="s">
        <v>5</v>
      </c>
      <c r="D11808" s="1" t="s">
        <v>10071</v>
      </c>
      <c r="E11808" s="1" t="s">
        <v>10072</v>
      </c>
    </row>
    <row r="11809">
      <c r="A11809" s="1">
        <v>4.90497317E8</v>
      </c>
      <c r="B11809" s="2">
        <v>13342.0</v>
      </c>
      <c r="C11809" s="1" t="s">
        <v>5</v>
      </c>
      <c r="D11809" s="1" t="s">
        <v>10073</v>
      </c>
      <c r="E11809" s="1" t="s">
        <v>7</v>
      </c>
    </row>
    <row r="11810">
      <c r="A11810" s="1">
        <v>4.90497361E8</v>
      </c>
      <c r="B11810" s="2">
        <v>13316.0</v>
      </c>
      <c r="C11810" s="1" t="s">
        <v>5</v>
      </c>
      <c r="D11810" s="1" t="s">
        <v>10074</v>
      </c>
      <c r="E11810" s="1" t="s">
        <v>7</v>
      </c>
    </row>
    <row r="11811">
      <c r="A11811" s="1">
        <v>4.90497364E8</v>
      </c>
      <c r="B11811" s="2">
        <v>13348.0</v>
      </c>
      <c r="C11811" s="1" t="s">
        <v>5</v>
      </c>
      <c r="D11811" s="1" t="s">
        <v>10075</v>
      </c>
      <c r="E11811" s="1" t="s">
        <v>11</v>
      </c>
    </row>
    <row r="11812">
      <c r="A11812" s="1">
        <v>4.90497377E8</v>
      </c>
      <c r="B11812" s="2">
        <v>13392.0</v>
      </c>
      <c r="C11812" s="1" t="s">
        <v>5</v>
      </c>
      <c r="D11812" s="1" t="s">
        <v>10076</v>
      </c>
      <c r="E11812" s="1" t="s">
        <v>11</v>
      </c>
    </row>
    <row r="11813">
      <c r="A11813" s="1">
        <v>4.90497405E8</v>
      </c>
      <c r="B11813" s="2">
        <v>13303.0</v>
      </c>
      <c r="C11813" s="1" t="s">
        <v>5</v>
      </c>
      <c r="D11813" s="1" t="s">
        <v>11</v>
      </c>
      <c r="E11813" s="1" t="s">
        <v>7</v>
      </c>
    </row>
    <row r="11814">
      <c r="A11814" s="1">
        <v>4.90497408E8</v>
      </c>
      <c r="B11814" s="2">
        <v>13392.0</v>
      </c>
      <c r="C11814" s="1" t="s">
        <v>5</v>
      </c>
      <c r="D11814" s="1" t="s">
        <v>10077</v>
      </c>
      <c r="E11814" s="1" t="s">
        <v>11</v>
      </c>
    </row>
    <row r="11815">
      <c r="A11815" s="1">
        <v>4.90497427E8</v>
      </c>
      <c r="B11815" s="2">
        <v>13388.0</v>
      </c>
      <c r="C11815" s="1" t="s">
        <v>5</v>
      </c>
      <c r="D11815" s="1" t="s">
        <v>10078</v>
      </c>
      <c r="E11815" s="1" t="s">
        <v>11</v>
      </c>
    </row>
    <row r="11816">
      <c r="A11816" s="1">
        <v>4.90497436E8</v>
      </c>
      <c r="B11816" s="2">
        <v>13389.0</v>
      </c>
      <c r="C11816" s="1" t="s">
        <v>5</v>
      </c>
      <c r="D11816" s="1" t="s">
        <v>10079</v>
      </c>
      <c r="E11816" s="1" t="s">
        <v>7</v>
      </c>
    </row>
    <row r="11817">
      <c r="A11817" s="1">
        <v>4.9049745E8</v>
      </c>
      <c r="B11817" s="2">
        <v>13302.0</v>
      </c>
      <c r="C11817" s="1" t="s">
        <v>5</v>
      </c>
      <c r="D11817" s="1" t="s">
        <v>10080</v>
      </c>
      <c r="E11817" s="1" t="s">
        <v>11</v>
      </c>
    </row>
    <row r="11818">
      <c r="A11818" s="1">
        <v>4.90497458E8</v>
      </c>
      <c r="B11818" s="2">
        <v>13392.0</v>
      </c>
      <c r="C11818" s="1" t="s">
        <v>5</v>
      </c>
      <c r="D11818" s="1" t="s">
        <v>10081</v>
      </c>
      <c r="E11818" s="1" t="s">
        <v>11</v>
      </c>
    </row>
    <row r="11819">
      <c r="A11819" s="1">
        <v>4.90497463E8</v>
      </c>
      <c r="B11819" s="2">
        <v>13392.0</v>
      </c>
      <c r="C11819" s="1" t="s">
        <v>5</v>
      </c>
      <c r="D11819" s="1" t="s">
        <v>11</v>
      </c>
      <c r="E11819" s="1" t="s">
        <v>7</v>
      </c>
    </row>
    <row r="11820">
      <c r="A11820" s="1">
        <v>4.90497485E8</v>
      </c>
      <c r="B11820" s="2">
        <v>13316.0</v>
      </c>
      <c r="C11820" s="1" t="s">
        <v>5</v>
      </c>
      <c r="D11820" s="1" t="s">
        <v>7</v>
      </c>
      <c r="E11820" s="1" t="s">
        <v>7</v>
      </c>
    </row>
    <row r="11821">
      <c r="A11821" s="1">
        <v>4.90497486E8</v>
      </c>
      <c r="B11821" s="2">
        <v>13393.0</v>
      </c>
      <c r="C11821" s="1" t="s">
        <v>5</v>
      </c>
      <c r="D11821" s="1" t="s">
        <v>10082</v>
      </c>
      <c r="E11821" s="1" t="s">
        <v>11</v>
      </c>
    </row>
    <row r="11822">
      <c r="A11822" s="1">
        <v>4.90497488E8</v>
      </c>
      <c r="B11822" s="2">
        <v>13266.0</v>
      </c>
      <c r="C11822" s="1" t="s">
        <v>5</v>
      </c>
      <c r="D11822" s="1" t="s">
        <v>10083</v>
      </c>
      <c r="E11822" s="1" t="s">
        <v>7</v>
      </c>
    </row>
    <row r="11823">
      <c r="A11823" s="1">
        <v>4.90497504E8</v>
      </c>
      <c r="B11823" s="2">
        <v>13389.0</v>
      </c>
      <c r="C11823" s="1" t="s">
        <v>5</v>
      </c>
      <c r="D11823" s="1" t="s">
        <v>10084</v>
      </c>
      <c r="E11823" s="1" t="s">
        <v>7</v>
      </c>
    </row>
    <row r="11824">
      <c r="A11824" s="1">
        <v>4.90497509E8</v>
      </c>
      <c r="B11824" s="2">
        <v>13391.0</v>
      </c>
      <c r="C11824" s="1" t="s">
        <v>5</v>
      </c>
      <c r="D11824" s="1" t="s">
        <v>10085</v>
      </c>
      <c r="E11824" s="1" t="s">
        <v>7</v>
      </c>
    </row>
    <row r="11825">
      <c r="A11825" s="1">
        <v>4.90497535E8</v>
      </c>
      <c r="B11825" s="2">
        <v>13392.0</v>
      </c>
      <c r="C11825" s="1" t="s">
        <v>5</v>
      </c>
      <c r="D11825" s="1" t="s">
        <v>10086</v>
      </c>
      <c r="E11825" s="1" t="s">
        <v>7</v>
      </c>
    </row>
    <row r="11826">
      <c r="A11826" s="1">
        <v>4.90497593E8</v>
      </c>
      <c r="B11826" s="2">
        <v>13336.0</v>
      </c>
      <c r="C11826" s="1" t="s">
        <v>5</v>
      </c>
      <c r="D11826" s="1" t="s">
        <v>10087</v>
      </c>
      <c r="E11826" s="1" t="s">
        <v>7</v>
      </c>
    </row>
    <row r="11827">
      <c r="A11827" s="1">
        <v>4.90497632E8</v>
      </c>
      <c r="B11827" s="2">
        <v>13306.0</v>
      </c>
      <c r="C11827" s="1" t="s">
        <v>5</v>
      </c>
      <c r="D11827" s="1" t="s">
        <v>10088</v>
      </c>
      <c r="E11827" s="1" t="s">
        <v>7</v>
      </c>
    </row>
    <row r="11828">
      <c r="A11828" s="1">
        <v>4.90497654E8</v>
      </c>
      <c r="B11828" s="2">
        <v>13392.0</v>
      </c>
      <c r="C11828" s="1" t="s">
        <v>5</v>
      </c>
      <c r="D11828" s="1" t="s">
        <v>11</v>
      </c>
      <c r="E11828" s="1" t="s">
        <v>7</v>
      </c>
    </row>
    <row r="11829">
      <c r="A11829" s="1">
        <v>4.90497677E8</v>
      </c>
      <c r="B11829" s="2">
        <v>13377.0</v>
      </c>
      <c r="C11829" s="1" t="s">
        <v>5</v>
      </c>
      <c r="D11829" s="1" t="s">
        <v>11</v>
      </c>
      <c r="E11829" s="1" t="s">
        <v>7</v>
      </c>
    </row>
    <row r="11830">
      <c r="A11830" s="1">
        <v>4.90497687E8</v>
      </c>
      <c r="B11830" s="2">
        <v>13387.0</v>
      </c>
      <c r="C11830" s="1" t="s">
        <v>5</v>
      </c>
      <c r="D11830" s="1" t="s">
        <v>10089</v>
      </c>
      <c r="E11830" s="1" t="s">
        <v>10090</v>
      </c>
    </row>
    <row r="11831">
      <c r="A11831" s="1">
        <v>4.90497728E8</v>
      </c>
      <c r="B11831" s="2">
        <v>13346.0</v>
      </c>
      <c r="C11831" s="1" t="s">
        <v>5</v>
      </c>
      <c r="D11831" s="1" t="s">
        <v>10091</v>
      </c>
      <c r="E11831" s="1" t="s">
        <v>7</v>
      </c>
    </row>
    <row r="11832">
      <c r="A11832" s="1">
        <v>4.90497797E8</v>
      </c>
      <c r="B11832" s="2">
        <v>13304.0</v>
      </c>
      <c r="C11832" s="1" t="s">
        <v>5</v>
      </c>
      <c r="D11832" s="1" t="s">
        <v>10092</v>
      </c>
      <c r="E11832" s="1" t="s">
        <v>7</v>
      </c>
    </row>
    <row r="11833">
      <c r="A11833" s="1">
        <v>4.90497802E8</v>
      </c>
      <c r="B11833" s="2">
        <v>13387.0</v>
      </c>
      <c r="C11833" s="1" t="s">
        <v>5</v>
      </c>
      <c r="D11833" s="1" t="s">
        <v>10093</v>
      </c>
      <c r="E11833" s="1" t="s">
        <v>7</v>
      </c>
    </row>
    <row r="11834">
      <c r="A11834" s="1">
        <v>4.90497817E8</v>
      </c>
      <c r="B11834" s="2">
        <v>13305.0</v>
      </c>
      <c r="C11834" s="1" t="s">
        <v>5</v>
      </c>
      <c r="D11834" s="1" t="s">
        <v>10094</v>
      </c>
      <c r="E11834" s="1" t="s">
        <v>7</v>
      </c>
    </row>
    <row r="11835">
      <c r="A11835" s="1">
        <v>4.90497837E8</v>
      </c>
      <c r="B11835" s="2">
        <v>13392.0</v>
      </c>
      <c r="C11835" s="1" t="s">
        <v>5</v>
      </c>
      <c r="D11835" s="1" t="s">
        <v>11</v>
      </c>
      <c r="E11835" s="1" t="s">
        <v>7</v>
      </c>
    </row>
    <row r="11836">
      <c r="A11836" s="1">
        <v>4.90497884E8</v>
      </c>
      <c r="B11836" s="2">
        <v>13374.0</v>
      </c>
      <c r="C11836" s="1" t="s">
        <v>5</v>
      </c>
      <c r="D11836" s="1" t="s">
        <v>10095</v>
      </c>
      <c r="E11836" s="1" t="s">
        <v>11</v>
      </c>
    </row>
    <row r="11837">
      <c r="A11837" s="1">
        <v>4.90497886E8</v>
      </c>
      <c r="B11837" s="2">
        <v>13385.0</v>
      </c>
      <c r="C11837" s="1" t="s">
        <v>5</v>
      </c>
      <c r="D11837" s="1" t="s">
        <v>10096</v>
      </c>
      <c r="E11837" s="1" t="s">
        <v>7</v>
      </c>
    </row>
    <row r="11838">
      <c r="A11838" s="1">
        <v>4.90497966E8</v>
      </c>
      <c r="B11838" s="2">
        <v>13346.0</v>
      </c>
      <c r="C11838" s="1" t="s">
        <v>5</v>
      </c>
      <c r="D11838" s="1" t="s">
        <v>10097</v>
      </c>
      <c r="E11838" s="1" t="s">
        <v>7</v>
      </c>
    </row>
    <row r="11839">
      <c r="A11839" s="1">
        <v>4.90497994E8</v>
      </c>
      <c r="B11839" s="2">
        <v>13319.0</v>
      </c>
      <c r="C11839" s="1" t="s">
        <v>5</v>
      </c>
      <c r="D11839" s="1" t="s">
        <v>10098</v>
      </c>
      <c r="E11839" s="1" t="s">
        <v>7</v>
      </c>
    </row>
    <row r="11840">
      <c r="A11840" s="1">
        <v>4.9049804E8</v>
      </c>
      <c r="B11840" s="2">
        <v>13304.0</v>
      </c>
      <c r="C11840" s="1" t="s">
        <v>5</v>
      </c>
      <c r="D11840" s="1" t="s">
        <v>10099</v>
      </c>
      <c r="E11840" s="1" t="s">
        <v>10100</v>
      </c>
    </row>
    <row r="11841">
      <c r="A11841" s="1">
        <v>4.90498057E8</v>
      </c>
      <c r="B11841" s="2">
        <v>13377.0</v>
      </c>
      <c r="C11841" s="1" t="s">
        <v>5</v>
      </c>
      <c r="D11841" s="1" t="s">
        <v>10101</v>
      </c>
      <c r="E11841" s="1" t="s">
        <v>7</v>
      </c>
    </row>
    <row r="11842">
      <c r="A11842" s="1">
        <v>4.9049807E8</v>
      </c>
      <c r="B11842" s="2">
        <v>13391.0</v>
      </c>
      <c r="C11842" s="1" t="s">
        <v>5</v>
      </c>
      <c r="D11842" s="1" t="s">
        <v>10102</v>
      </c>
      <c r="E11842" s="1" t="s">
        <v>11</v>
      </c>
    </row>
    <row r="11843">
      <c r="A11843" s="1">
        <v>4.90498076E8</v>
      </c>
      <c r="B11843" s="2">
        <v>13343.0</v>
      </c>
      <c r="C11843" s="1" t="s">
        <v>5</v>
      </c>
      <c r="D11843" s="1" t="s">
        <v>11</v>
      </c>
      <c r="E11843" s="1" t="s">
        <v>7</v>
      </c>
    </row>
    <row r="11844">
      <c r="A11844" s="1">
        <v>4.90498101E8</v>
      </c>
      <c r="B11844" s="2">
        <v>13302.0</v>
      </c>
      <c r="C11844" s="1" t="s">
        <v>5</v>
      </c>
      <c r="D11844" s="1" t="s">
        <v>10103</v>
      </c>
      <c r="E11844" s="1" t="s">
        <v>11</v>
      </c>
    </row>
    <row r="11845">
      <c r="A11845" s="1">
        <v>4.90498114E8</v>
      </c>
      <c r="B11845" s="2">
        <v>13377.0</v>
      </c>
      <c r="C11845" s="1" t="s">
        <v>5</v>
      </c>
      <c r="D11845" s="1" t="s">
        <v>11</v>
      </c>
      <c r="E11845" s="1" t="s">
        <v>7</v>
      </c>
    </row>
    <row r="11846">
      <c r="A11846" s="1">
        <v>4.90498116E8</v>
      </c>
      <c r="B11846" s="2">
        <v>13318.0</v>
      </c>
      <c r="C11846" s="1" t="s">
        <v>5</v>
      </c>
      <c r="D11846" s="1" t="s">
        <v>10104</v>
      </c>
      <c r="E11846" s="1" t="s">
        <v>7</v>
      </c>
    </row>
    <row r="11847">
      <c r="A11847" s="1">
        <v>4.90498185E8</v>
      </c>
      <c r="B11847" s="2">
        <v>13302.0</v>
      </c>
      <c r="C11847" s="1" t="s">
        <v>5</v>
      </c>
      <c r="D11847" s="1" t="s">
        <v>11</v>
      </c>
      <c r="E11847" s="1" t="s">
        <v>7</v>
      </c>
    </row>
    <row r="11848">
      <c r="A11848" s="1">
        <v>4.90498207E8</v>
      </c>
      <c r="B11848" s="2">
        <v>13344.0</v>
      </c>
      <c r="C11848" s="1" t="s">
        <v>5</v>
      </c>
      <c r="D11848" s="1" t="s">
        <v>11</v>
      </c>
      <c r="E11848" s="1" t="s">
        <v>7</v>
      </c>
    </row>
    <row r="11849">
      <c r="A11849" s="1">
        <v>4.90498247E8</v>
      </c>
      <c r="B11849" s="2">
        <v>13392.0</v>
      </c>
      <c r="C11849" s="1" t="s">
        <v>5</v>
      </c>
      <c r="D11849" s="1" t="s">
        <v>10105</v>
      </c>
      <c r="E11849" s="1" t="s">
        <v>10106</v>
      </c>
    </row>
    <row r="11850">
      <c r="A11850" s="1">
        <v>4.90498314E8</v>
      </c>
      <c r="B11850" s="2">
        <v>13315.0</v>
      </c>
      <c r="C11850" s="1" t="s">
        <v>5</v>
      </c>
      <c r="D11850" s="1" t="s">
        <v>10107</v>
      </c>
      <c r="E11850" s="1" t="s">
        <v>7</v>
      </c>
    </row>
    <row r="11851">
      <c r="A11851" s="1">
        <v>4.90498327E8</v>
      </c>
      <c r="B11851" s="2">
        <v>13389.0</v>
      </c>
      <c r="C11851" s="1" t="s">
        <v>5</v>
      </c>
      <c r="D11851" s="1" t="s">
        <v>10108</v>
      </c>
      <c r="E11851" s="1" t="s">
        <v>11</v>
      </c>
    </row>
    <row r="11852">
      <c r="A11852" s="1">
        <v>4.90498341E8</v>
      </c>
      <c r="B11852" s="2">
        <v>13315.0</v>
      </c>
      <c r="C11852" s="1" t="s">
        <v>5</v>
      </c>
      <c r="D11852" s="1" t="s">
        <v>10109</v>
      </c>
      <c r="E11852" s="1" t="s">
        <v>11</v>
      </c>
    </row>
    <row r="11853">
      <c r="A11853" s="1">
        <v>4.90498354E8</v>
      </c>
      <c r="B11853" s="2">
        <v>13304.0</v>
      </c>
      <c r="C11853" s="1" t="s">
        <v>5</v>
      </c>
      <c r="D11853" s="1" t="s">
        <v>10110</v>
      </c>
      <c r="E11853" s="1" t="s">
        <v>7</v>
      </c>
    </row>
    <row r="11854">
      <c r="A11854" s="1">
        <v>4.90498362E8</v>
      </c>
      <c r="B11854" s="2">
        <v>13356.0</v>
      </c>
      <c r="C11854" s="1" t="s">
        <v>5</v>
      </c>
      <c r="D11854" s="1" t="s">
        <v>10111</v>
      </c>
      <c r="E11854" s="1" t="s">
        <v>7</v>
      </c>
    </row>
    <row r="11855">
      <c r="A11855" s="1">
        <v>4.90498392E8</v>
      </c>
      <c r="B11855" s="2">
        <v>13338.0</v>
      </c>
      <c r="C11855" s="1" t="s">
        <v>5</v>
      </c>
      <c r="D11855" s="1" t="s">
        <v>11</v>
      </c>
      <c r="E11855" s="1" t="s">
        <v>7</v>
      </c>
    </row>
    <row r="11856">
      <c r="A11856" s="1">
        <v>4.90498402E8</v>
      </c>
      <c r="B11856" s="2">
        <v>13315.0</v>
      </c>
      <c r="C11856" s="1" t="s">
        <v>5</v>
      </c>
      <c r="D11856" s="1" t="s">
        <v>10112</v>
      </c>
      <c r="E11856" s="1" t="s">
        <v>7</v>
      </c>
    </row>
    <row r="11857">
      <c r="A11857" s="1">
        <v>4.90498443E8</v>
      </c>
      <c r="B11857" s="2">
        <v>13391.0</v>
      </c>
      <c r="C11857" s="1" t="s">
        <v>5</v>
      </c>
      <c r="D11857" s="1" t="s">
        <v>11</v>
      </c>
      <c r="E11857" s="1" t="s">
        <v>7</v>
      </c>
    </row>
    <row r="11858">
      <c r="A11858" s="1">
        <v>4.90498454E8</v>
      </c>
      <c r="B11858" s="2">
        <v>13343.0</v>
      </c>
      <c r="C11858" s="1" t="s">
        <v>5</v>
      </c>
      <c r="D11858" s="1" t="s">
        <v>10113</v>
      </c>
      <c r="E11858" s="1" t="s">
        <v>7</v>
      </c>
    </row>
    <row r="11859">
      <c r="A11859" s="1">
        <v>4.90498486E8</v>
      </c>
      <c r="B11859" s="2">
        <v>13315.0</v>
      </c>
      <c r="C11859" s="1" t="s">
        <v>5</v>
      </c>
      <c r="D11859" s="1" t="s">
        <v>10114</v>
      </c>
      <c r="E11859" s="1" t="s">
        <v>11</v>
      </c>
    </row>
    <row r="11860">
      <c r="A11860" s="1">
        <v>4.90498487E8</v>
      </c>
      <c r="B11860" s="2">
        <v>13391.0</v>
      </c>
      <c r="C11860" s="1" t="s">
        <v>5</v>
      </c>
      <c r="D11860" s="1" t="s">
        <v>10115</v>
      </c>
      <c r="E11860" s="1" t="s">
        <v>10116</v>
      </c>
    </row>
    <row r="11861">
      <c r="A11861" s="1">
        <v>4.90498494E8</v>
      </c>
      <c r="B11861" s="2">
        <v>13391.0</v>
      </c>
      <c r="C11861" s="1" t="s">
        <v>5</v>
      </c>
      <c r="D11861" s="1" t="s">
        <v>10117</v>
      </c>
      <c r="E11861" s="1" t="s">
        <v>10118</v>
      </c>
    </row>
    <row r="11862">
      <c r="A11862" s="1">
        <v>4.90498534E8</v>
      </c>
      <c r="B11862" s="2">
        <v>13356.0</v>
      </c>
      <c r="C11862" s="1" t="s">
        <v>5</v>
      </c>
      <c r="D11862" s="1" t="s">
        <v>10119</v>
      </c>
      <c r="E11862" s="1" t="s">
        <v>11</v>
      </c>
    </row>
    <row r="11863">
      <c r="A11863" s="1">
        <v>4.90498544E8</v>
      </c>
      <c r="B11863" s="2">
        <v>13391.0</v>
      </c>
      <c r="C11863" s="1" t="s">
        <v>5</v>
      </c>
      <c r="D11863" s="1" t="s">
        <v>10120</v>
      </c>
      <c r="E11863" s="1" t="s">
        <v>11</v>
      </c>
    </row>
    <row r="11864">
      <c r="A11864" s="1">
        <v>4.90498556E8</v>
      </c>
      <c r="B11864" s="2">
        <v>13337.0</v>
      </c>
      <c r="C11864" s="1" t="s">
        <v>5</v>
      </c>
      <c r="D11864" s="1" t="s">
        <v>10121</v>
      </c>
      <c r="E11864" s="1" t="s">
        <v>11</v>
      </c>
    </row>
    <row r="11865">
      <c r="A11865" s="1">
        <v>4.9049856E8</v>
      </c>
      <c r="B11865" s="2">
        <v>13343.0</v>
      </c>
      <c r="C11865" s="1" t="s">
        <v>5</v>
      </c>
      <c r="D11865" s="1" t="s">
        <v>11</v>
      </c>
      <c r="E11865" s="1" t="s">
        <v>7</v>
      </c>
    </row>
    <row r="11866">
      <c r="A11866" s="1">
        <v>4.90498596E8</v>
      </c>
      <c r="B11866" s="2">
        <v>13303.0</v>
      </c>
      <c r="C11866" s="1" t="s">
        <v>5</v>
      </c>
      <c r="D11866" s="1" t="s">
        <v>11</v>
      </c>
      <c r="E11866" s="1" t="s">
        <v>7</v>
      </c>
    </row>
    <row r="11867">
      <c r="A11867" s="1">
        <v>4.90498599E8</v>
      </c>
      <c r="B11867" s="2">
        <v>13381.0</v>
      </c>
      <c r="C11867" s="1" t="s">
        <v>5</v>
      </c>
      <c r="D11867" s="1" t="s">
        <v>10122</v>
      </c>
      <c r="E11867" s="1" t="s">
        <v>7</v>
      </c>
    </row>
    <row r="11868">
      <c r="A11868" s="1">
        <v>4.90498646E8</v>
      </c>
      <c r="B11868" s="2">
        <v>13390.0</v>
      </c>
      <c r="C11868" s="1" t="s">
        <v>5</v>
      </c>
      <c r="D11868" s="1" t="s">
        <v>10123</v>
      </c>
      <c r="E11868" s="1" t="s">
        <v>7</v>
      </c>
    </row>
    <row r="11869">
      <c r="A11869" s="1">
        <v>4.90498801E8</v>
      </c>
      <c r="B11869" s="2">
        <v>13215.0</v>
      </c>
      <c r="C11869" s="1" t="s">
        <v>5</v>
      </c>
      <c r="D11869" s="1" t="s">
        <v>11</v>
      </c>
      <c r="E11869" s="1" t="s">
        <v>7</v>
      </c>
    </row>
    <row r="11870">
      <c r="A11870" s="1">
        <v>4.90498815E8</v>
      </c>
      <c r="B11870" s="2">
        <v>13336.0</v>
      </c>
      <c r="C11870" s="1" t="s">
        <v>5</v>
      </c>
      <c r="D11870" s="1" t="s">
        <v>10124</v>
      </c>
      <c r="E11870" s="1" t="s">
        <v>7</v>
      </c>
    </row>
    <row r="11871">
      <c r="A11871" s="1">
        <v>4.90498847E8</v>
      </c>
      <c r="B11871" s="2">
        <v>13215.0</v>
      </c>
      <c r="C11871" s="1" t="s">
        <v>5</v>
      </c>
      <c r="D11871" s="1" t="s">
        <v>10125</v>
      </c>
      <c r="E11871" s="1" t="s">
        <v>7</v>
      </c>
    </row>
    <row r="11872">
      <c r="A11872" s="1">
        <v>4.90498941E8</v>
      </c>
      <c r="B11872" s="2">
        <v>13335.0</v>
      </c>
      <c r="C11872" s="1" t="s">
        <v>5</v>
      </c>
      <c r="D11872" s="1" t="s">
        <v>10126</v>
      </c>
      <c r="E11872" s="1" t="s">
        <v>7</v>
      </c>
    </row>
    <row r="11873">
      <c r="A11873" s="1">
        <v>4.90498944E8</v>
      </c>
      <c r="B11873" s="2">
        <v>13377.0</v>
      </c>
      <c r="C11873" s="1" t="s">
        <v>5</v>
      </c>
      <c r="D11873" s="1" t="s">
        <v>10127</v>
      </c>
      <c r="E11873" s="1" t="s">
        <v>11</v>
      </c>
    </row>
    <row r="11874">
      <c r="A11874" s="1">
        <v>4.90499006E8</v>
      </c>
      <c r="B11874" s="2">
        <v>13339.0</v>
      </c>
      <c r="C11874" s="1" t="s">
        <v>5</v>
      </c>
      <c r="D11874" s="1" t="s">
        <v>11</v>
      </c>
      <c r="E11874" s="1" t="s">
        <v>7</v>
      </c>
    </row>
    <row r="11875">
      <c r="A11875" s="1">
        <v>4.90499024E8</v>
      </c>
      <c r="B11875" s="2">
        <v>13384.0</v>
      </c>
      <c r="C11875" s="1" t="s">
        <v>5</v>
      </c>
      <c r="D11875" s="1" t="s">
        <v>10128</v>
      </c>
      <c r="E11875" s="1" t="s">
        <v>7</v>
      </c>
    </row>
    <row r="11876">
      <c r="A11876" s="1">
        <v>4.90499071E8</v>
      </c>
      <c r="B11876" s="2">
        <v>13389.0</v>
      </c>
      <c r="C11876" s="1" t="s">
        <v>5</v>
      </c>
      <c r="D11876" s="1" t="s">
        <v>10129</v>
      </c>
      <c r="E11876" s="1" t="s">
        <v>7</v>
      </c>
    </row>
    <row r="11877">
      <c r="A11877" s="1">
        <v>4.90499108E8</v>
      </c>
      <c r="B11877" s="2">
        <v>13377.0</v>
      </c>
      <c r="C11877" s="1" t="s">
        <v>5</v>
      </c>
      <c r="D11877" s="1" t="s">
        <v>10130</v>
      </c>
      <c r="E11877" s="1" t="s">
        <v>11</v>
      </c>
    </row>
    <row r="11878">
      <c r="A11878" s="1">
        <v>4.90499151E8</v>
      </c>
      <c r="B11878" s="2">
        <v>13393.0</v>
      </c>
      <c r="C11878" s="1" t="s">
        <v>5</v>
      </c>
      <c r="D11878" s="1" t="s">
        <v>10131</v>
      </c>
      <c r="E11878" s="1" t="s">
        <v>11</v>
      </c>
    </row>
    <row r="11879">
      <c r="A11879" s="1">
        <v>4.90499157E8</v>
      </c>
      <c r="B11879" s="2">
        <v>13378.0</v>
      </c>
      <c r="C11879" s="1" t="s">
        <v>5</v>
      </c>
      <c r="D11879" s="1" t="s">
        <v>10132</v>
      </c>
      <c r="E11879" s="1" t="s">
        <v>11</v>
      </c>
    </row>
    <row r="11880">
      <c r="A11880" s="1">
        <v>4.90499174E8</v>
      </c>
      <c r="B11880" s="2">
        <v>13349.0</v>
      </c>
      <c r="C11880" s="1" t="s">
        <v>5</v>
      </c>
      <c r="D11880" s="1" t="s">
        <v>10133</v>
      </c>
      <c r="E11880" s="1" t="s">
        <v>7</v>
      </c>
    </row>
    <row r="11881">
      <c r="A11881" s="1">
        <v>4.90499175E8</v>
      </c>
      <c r="B11881" s="2">
        <v>13311.0</v>
      </c>
      <c r="C11881" s="1" t="s">
        <v>5</v>
      </c>
      <c r="D11881" s="1" t="s">
        <v>10134</v>
      </c>
      <c r="E11881" s="1" t="s">
        <v>10135</v>
      </c>
    </row>
    <row r="11882">
      <c r="A11882" s="1">
        <v>4.90499203E8</v>
      </c>
      <c r="B11882" s="2">
        <v>13335.0</v>
      </c>
      <c r="C11882" s="1" t="s">
        <v>5</v>
      </c>
      <c r="D11882" s="1" t="s">
        <v>10136</v>
      </c>
      <c r="E11882" s="1" t="s">
        <v>10137</v>
      </c>
    </row>
    <row r="11883">
      <c r="A11883" s="1">
        <v>4.9049921E8</v>
      </c>
      <c r="B11883" s="2">
        <v>13388.0</v>
      </c>
      <c r="C11883" s="1" t="s">
        <v>5</v>
      </c>
      <c r="D11883" s="1" t="s">
        <v>10138</v>
      </c>
      <c r="E11883" s="1" t="s">
        <v>7</v>
      </c>
    </row>
    <row r="11884">
      <c r="A11884" s="1">
        <v>4.90499255E8</v>
      </c>
      <c r="B11884" s="2">
        <v>13388.0</v>
      </c>
      <c r="C11884" s="1" t="s">
        <v>5</v>
      </c>
      <c r="D11884" s="1" t="s">
        <v>10139</v>
      </c>
      <c r="E11884" s="1" t="s">
        <v>11</v>
      </c>
    </row>
    <row r="11885">
      <c r="A11885" s="1">
        <v>4.90499286E8</v>
      </c>
      <c r="B11885" s="2">
        <v>13333.0</v>
      </c>
      <c r="C11885" s="1" t="s">
        <v>5</v>
      </c>
      <c r="D11885" s="1" t="s">
        <v>11</v>
      </c>
      <c r="E11885" s="1" t="s">
        <v>7</v>
      </c>
    </row>
    <row r="11886">
      <c r="A11886" s="1">
        <v>4.90499333E8</v>
      </c>
      <c r="B11886" s="2">
        <v>13335.0</v>
      </c>
      <c r="C11886" s="1" t="s">
        <v>5</v>
      </c>
      <c r="D11886" s="1" t="s">
        <v>10140</v>
      </c>
      <c r="E11886" s="1" t="s">
        <v>7</v>
      </c>
    </row>
    <row r="11887">
      <c r="A11887" s="1">
        <v>4.9049935E8</v>
      </c>
      <c r="B11887" s="2">
        <v>13257.0</v>
      </c>
      <c r="C11887" s="1" t="s">
        <v>5</v>
      </c>
      <c r="D11887" s="1" t="s">
        <v>11</v>
      </c>
      <c r="E11887" s="1" t="s">
        <v>7</v>
      </c>
    </row>
    <row r="11888">
      <c r="A11888" s="1">
        <v>4.90499357E8</v>
      </c>
      <c r="B11888" s="2">
        <v>13381.0</v>
      </c>
      <c r="C11888" s="1" t="s">
        <v>5</v>
      </c>
      <c r="D11888" s="1" t="s">
        <v>10141</v>
      </c>
      <c r="E11888" s="1" t="s">
        <v>11</v>
      </c>
    </row>
    <row r="11889">
      <c r="A11889" s="1">
        <v>4.90499402E8</v>
      </c>
      <c r="B11889" s="2">
        <v>13387.0</v>
      </c>
      <c r="C11889" s="1" t="s">
        <v>5</v>
      </c>
      <c r="D11889" s="1" t="s">
        <v>10142</v>
      </c>
      <c r="E11889" s="1" t="s">
        <v>11</v>
      </c>
    </row>
    <row r="11890">
      <c r="A11890" s="1">
        <v>4.9049943E8</v>
      </c>
      <c r="B11890" s="2">
        <v>13333.0</v>
      </c>
      <c r="C11890" s="1" t="s">
        <v>5</v>
      </c>
      <c r="D11890" s="1" t="s">
        <v>11</v>
      </c>
      <c r="E11890" s="1" t="s">
        <v>7</v>
      </c>
    </row>
    <row r="11891">
      <c r="A11891" s="1">
        <v>4.90499432E8</v>
      </c>
      <c r="B11891" s="2">
        <v>13337.0</v>
      </c>
      <c r="C11891" s="1" t="s">
        <v>5</v>
      </c>
      <c r="D11891" s="1" t="s">
        <v>10143</v>
      </c>
      <c r="E11891" s="1" t="s">
        <v>11</v>
      </c>
    </row>
    <row r="11892">
      <c r="A11892" s="1">
        <v>4.90499436E8</v>
      </c>
      <c r="B11892" s="2">
        <v>13375.0</v>
      </c>
      <c r="C11892" s="1" t="s">
        <v>5</v>
      </c>
      <c r="D11892" s="1" t="s">
        <v>11</v>
      </c>
      <c r="E11892" s="1" t="s">
        <v>7</v>
      </c>
    </row>
    <row r="11893">
      <c r="A11893" s="1">
        <v>4.9049948E8</v>
      </c>
      <c r="B11893" s="2">
        <v>13333.0</v>
      </c>
      <c r="C11893" s="1" t="s">
        <v>5</v>
      </c>
      <c r="D11893" s="1" t="s">
        <v>10144</v>
      </c>
      <c r="E11893" s="1" t="s">
        <v>7</v>
      </c>
    </row>
    <row r="11894">
      <c r="A11894" s="1">
        <v>4.90499527E8</v>
      </c>
      <c r="B11894" s="2">
        <v>13332.0</v>
      </c>
      <c r="C11894" s="1" t="s">
        <v>5</v>
      </c>
      <c r="D11894" s="1" t="s">
        <v>10145</v>
      </c>
      <c r="E11894" s="1" t="s">
        <v>10146</v>
      </c>
    </row>
    <row r="11895">
      <c r="A11895" s="1">
        <v>4.90499562E8</v>
      </c>
      <c r="B11895" s="2">
        <v>13336.0</v>
      </c>
      <c r="C11895" s="1" t="s">
        <v>5</v>
      </c>
      <c r="D11895" s="1" t="s">
        <v>10147</v>
      </c>
      <c r="E11895" s="1" t="s">
        <v>11</v>
      </c>
    </row>
    <row r="11896">
      <c r="A11896" s="1">
        <v>4.90499575E8</v>
      </c>
      <c r="B11896" s="2">
        <v>13332.0</v>
      </c>
      <c r="C11896" s="1" t="s">
        <v>5</v>
      </c>
      <c r="D11896" s="1" t="s">
        <v>10148</v>
      </c>
      <c r="E11896" s="1" t="s">
        <v>7</v>
      </c>
    </row>
    <row r="11897">
      <c r="A11897" s="1">
        <v>4.90499606E8</v>
      </c>
      <c r="B11897" s="2">
        <v>13392.0</v>
      </c>
      <c r="C11897" s="1" t="s">
        <v>5</v>
      </c>
      <c r="D11897" s="1" t="s">
        <v>10149</v>
      </c>
      <c r="E11897" s="1" t="s">
        <v>7</v>
      </c>
    </row>
    <row r="11898">
      <c r="A11898" s="1">
        <v>4.90499639E8</v>
      </c>
      <c r="B11898" s="2">
        <v>13308.0</v>
      </c>
      <c r="C11898" s="1" t="s">
        <v>5</v>
      </c>
      <c r="D11898" s="1" t="s">
        <v>10150</v>
      </c>
      <c r="E11898" s="1" t="s">
        <v>10151</v>
      </c>
    </row>
    <row r="11899">
      <c r="A11899" s="1">
        <v>4.90499676E8</v>
      </c>
      <c r="B11899" s="2">
        <v>13333.0</v>
      </c>
      <c r="C11899" s="1" t="s">
        <v>5</v>
      </c>
      <c r="D11899" s="1" t="s">
        <v>10152</v>
      </c>
      <c r="E11899" s="1" t="s">
        <v>7</v>
      </c>
    </row>
    <row r="11900">
      <c r="A11900" s="1">
        <v>4.90499681E8</v>
      </c>
      <c r="B11900" s="2">
        <v>13372.0</v>
      </c>
      <c r="C11900" s="1" t="s">
        <v>5</v>
      </c>
      <c r="D11900" s="1" t="s">
        <v>10153</v>
      </c>
      <c r="E11900" s="1" t="s">
        <v>7</v>
      </c>
    </row>
    <row r="11901">
      <c r="A11901" s="1">
        <v>4.90499697E8</v>
      </c>
      <c r="B11901" s="2">
        <v>13385.0</v>
      </c>
      <c r="C11901" s="1" t="s">
        <v>5</v>
      </c>
      <c r="D11901" s="1" t="s">
        <v>10154</v>
      </c>
      <c r="E11901" s="1" t="s">
        <v>10155</v>
      </c>
    </row>
    <row r="11902">
      <c r="A11902" s="1">
        <v>4.90499702E8</v>
      </c>
      <c r="B11902" s="2">
        <v>13381.0</v>
      </c>
      <c r="C11902" s="1" t="s">
        <v>5</v>
      </c>
      <c r="D11902" s="1" t="s">
        <v>10156</v>
      </c>
      <c r="E11902" s="1" t="s">
        <v>7</v>
      </c>
    </row>
    <row r="11903">
      <c r="A11903" s="1">
        <v>4.90499727E8</v>
      </c>
      <c r="B11903" s="2">
        <v>13335.0</v>
      </c>
      <c r="C11903" s="1" t="s">
        <v>5</v>
      </c>
      <c r="D11903" s="1" t="s">
        <v>10157</v>
      </c>
      <c r="E11903" s="1" t="s">
        <v>7</v>
      </c>
    </row>
    <row r="11904">
      <c r="A11904" s="1">
        <v>4.90499767E8</v>
      </c>
      <c r="B11904" s="2">
        <v>13308.0</v>
      </c>
      <c r="C11904" s="1" t="s">
        <v>5</v>
      </c>
      <c r="D11904" s="1" t="s">
        <v>11</v>
      </c>
      <c r="E11904" s="1" t="s">
        <v>7</v>
      </c>
    </row>
    <row r="11905">
      <c r="A11905" s="1">
        <v>4.90499806E8</v>
      </c>
      <c r="B11905" s="2">
        <v>13372.0</v>
      </c>
      <c r="C11905" s="1" t="s">
        <v>5</v>
      </c>
      <c r="D11905" s="1" t="s">
        <v>10158</v>
      </c>
      <c r="E11905" s="1" t="s">
        <v>11</v>
      </c>
    </row>
    <row r="11906">
      <c r="A11906" s="1">
        <v>4.90499829E8</v>
      </c>
      <c r="B11906" s="2">
        <v>13380.0</v>
      </c>
      <c r="C11906" s="1" t="s">
        <v>5</v>
      </c>
      <c r="D11906" s="1" t="s">
        <v>11</v>
      </c>
      <c r="E11906" s="1" t="s">
        <v>7</v>
      </c>
    </row>
    <row r="11907">
      <c r="A11907" s="1">
        <v>4.90499886E8</v>
      </c>
      <c r="B11907" s="2">
        <v>13380.0</v>
      </c>
      <c r="C11907" s="1" t="s">
        <v>5</v>
      </c>
      <c r="D11907" s="1" t="s">
        <v>10159</v>
      </c>
      <c r="E11907" s="1" t="s">
        <v>7</v>
      </c>
    </row>
    <row r="11908">
      <c r="A11908" s="1">
        <v>4.90499895E8</v>
      </c>
      <c r="B11908" s="2">
        <v>13384.0</v>
      </c>
      <c r="C11908" s="1" t="s">
        <v>5</v>
      </c>
      <c r="D11908" s="1" t="s">
        <v>10160</v>
      </c>
      <c r="E11908" s="1" t="s">
        <v>7</v>
      </c>
    </row>
    <row r="11909">
      <c r="A11909" s="1">
        <v>4.90499901E8</v>
      </c>
      <c r="B11909" s="2">
        <v>13333.0</v>
      </c>
      <c r="C11909" s="1" t="s">
        <v>5</v>
      </c>
      <c r="D11909" s="1" t="s">
        <v>10161</v>
      </c>
      <c r="E11909" s="1" t="s">
        <v>11</v>
      </c>
    </row>
    <row r="11910">
      <c r="A11910" s="1">
        <v>4.90499914E8</v>
      </c>
      <c r="B11910" s="2">
        <v>13384.0</v>
      </c>
      <c r="C11910" s="1" t="s">
        <v>5</v>
      </c>
      <c r="D11910" s="1" t="s">
        <v>10162</v>
      </c>
      <c r="E11910" s="1" t="s">
        <v>11</v>
      </c>
    </row>
    <row r="11911">
      <c r="A11911" s="1">
        <v>4.90499925E8</v>
      </c>
      <c r="B11911" s="2">
        <v>13360.0</v>
      </c>
      <c r="C11911" s="1" t="s">
        <v>5</v>
      </c>
      <c r="D11911" s="1" t="s">
        <v>11</v>
      </c>
      <c r="E11911" s="1" t="s">
        <v>7</v>
      </c>
    </row>
    <row r="11912">
      <c r="A11912" s="1">
        <v>4.90499947E8</v>
      </c>
      <c r="B11912" s="2">
        <v>13379.0</v>
      </c>
      <c r="C11912" s="1" t="s">
        <v>5</v>
      </c>
      <c r="D11912" s="1" t="s">
        <v>10163</v>
      </c>
      <c r="E11912" s="1" t="s">
        <v>11</v>
      </c>
    </row>
    <row r="11913">
      <c r="A11913" s="1">
        <v>4.90499949E8</v>
      </c>
      <c r="B11913" s="2">
        <v>13335.0</v>
      </c>
      <c r="C11913" s="1" t="s">
        <v>5</v>
      </c>
      <c r="D11913" s="1" t="s">
        <v>10164</v>
      </c>
      <c r="E11913" s="1" t="s">
        <v>11</v>
      </c>
    </row>
    <row r="11914">
      <c r="A11914" s="1">
        <v>4.90499956E8</v>
      </c>
      <c r="B11914" s="2">
        <v>13362.0</v>
      </c>
      <c r="C11914" s="1" t="s">
        <v>5</v>
      </c>
      <c r="D11914" s="1" t="s">
        <v>10165</v>
      </c>
      <c r="E11914" s="1" t="s">
        <v>11</v>
      </c>
    </row>
    <row r="11915">
      <c r="A11915" s="1">
        <v>4.90499992E8</v>
      </c>
      <c r="B11915" s="2">
        <v>13370.0</v>
      </c>
      <c r="C11915" s="1" t="s">
        <v>5</v>
      </c>
      <c r="D11915" s="1" t="s">
        <v>10166</v>
      </c>
      <c r="E11915" s="1" t="s">
        <v>7</v>
      </c>
    </row>
    <row r="11916">
      <c r="A11916" s="1">
        <v>4.90500014E8</v>
      </c>
      <c r="B11916" s="2">
        <v>13335.0</v>
      </c>
      <c r="C11916" s="1" t="s">
        <v>5</v>
      </c>
      <c r="D11916" s="1" t="s">
        <v>10167</v>
      </c>
      <c r="E11916" s="1" t="s">
        <v>7</v>
      </c>
    </row>
    <row r="11917">
      <c r="A11917" s="1">
        <v>4.90500027E8</v>
      </c>
      <c r="B11917" s="2">
        <v>13250.0</v>
      </c>
      <c r="C11917" s="1" t="s">
        <v>5</v>
      </c>
      <c r="D11917" s="1" t="s">
        <v>10168</v>
      </c>
      <c r="E11917" s="1" t="s">
        <v>7</v>
      </c>
    </row>
    <row r="11918">
      <c r="A11918" s="1">
        <v>4.90500032E8</v>
      </c>
      <c r="B11918" s="2">
        <v>13333.0</v>
      </c>
      <c r="C11918" s="1" t="s">
        <v>5</v>
      </c>
      <c r="D11918" s="1" t="s">
        <v>10169</v>
      </c>
      <c r="E11918" s="1" t="s">
        <v>7</v>
      </c>
    </row>
    <row r="11919">
      <c r="A11919" s="1">
        <v>4.90500037E8</v>
      </c>
      <c r="B11919" s="2">
        <v>13379.0</v>
      </c>
      <c r="C11919" s="1" t="s">
        <v>5</v>
      </c>
      <c r="D11919" s="1" t="s">
        <v>11</v>
      </c>
      <c r="E11919" s="1" t="s">
        <v>7</v>
      </c>
    </row>
    <row r="11920">
      <c r="A11920" s="1">
        <v>4.90500042E8</v>
      </c>
      <c r="B11920" s="2">
        <v>13383.0</v>
      </c>
      <c r="C11920" s="1" t="s">
        <v>5</v>
      </c>
      <c r="D11920" s="1" t="s">
        <v>11</v>
      </c>
      <c r="E11920" s="1" t="s">
        <v>7</v>
      </c>
    </row>
    <row r="11921">
      <c r="A11921" s="1">
        <v>4.90500055E8</v>
      </c>
      <c r="B11921" s="2">
        <v>13384.0</v>
      </c>
      <c r="C11921" s="1" t="s">
        <v>5</v>
      </c>
      <c r="D11921" s="1" t="s">
        <v>10170</v>
      </c>
      <c r="E11921" s="1" t="s">
        <v>7</v>
      </c>
    </row>
    <row r="11922">
      <c r="A11922" s="1">
        <v>4.90500066E8</v>
      </c>
      <c r="B11922" s="2">
        <v>13384.0</v>
      </c>
      <c r="C11922" s="1" t="s">
        <v>5</v>
      </c>
      <c r="D11922" s="1" t="s">
        <v>10171</v>
      </c>
      <c r="E11922" s="1" t="s">
        <v>7</v>
      </c>
    </row>
    <row r="11923">
      <c r="A11923" s="1">
        <v>4.90500071E8</v>
      </c>
      <c r="B11923" s="2">
        <v>13378.0</v>
      </c>
      <c r="C11923" s="1" t="s">
        <v>5</v>
      </c>
      <c r="D11923" s="1" t="s">
        <v>10172</v>
      </c>
      <c r="E11923" s="1" t="s">
        <v>7</v>
      </c>
    </row>
    <row r="11924">
      <c r="A11924" s="1">
        <v>4.90500094E8</v>
      </c>
      <c r="B11924" s="2">
        <v>13358.0</v>
      </c>
      <c r="C11924" s="1" t="s">
        <v>5</v>
      </c>
      <c r="D11924" s="1" t="s">
        <v>10173</v>
      </c>
      <c r="E11924" s="1" t="s">
        <v>7</v>
      </c>
    </row>
    <row r="11925">
      <c r="A11925" s="1">
        <v>4.9050012E8</v>
      </c>
      <c r="B11925" s="2">
        <v>13370.0</v>
      </c>
      <c r="C11925" s="1" t="s">
        <v>5</v>
      </c>
      <c r="D11925" s="1" t="s">
        <v>10174</v>
      </c>
      <c r="E11925" s="1" t="s">
        <v>7</v>
      </c>
    </row>
    <row r="11926">
      <c r="A11926" s="1">
        <v>4.90500123E8</v>
      </c>
      <c r="B11926" s="2">
        <v>13354.0</v>
      </c>
      <c r="C11926" s="1" t="s">
        <v>5</v>
      </c>
      <c r="D11926" s="1" t="s">
        <v>11</v>
      </c>
      <c r="E11926" s="1" t="s">
        <v>7</v>
      </c>
    </row>
    <row r="11927">
      <c r="A11927" s="1">
        <v>4.90500147E8</v>
      </c>
      <c r="B11927" s="2">
        <v>13370.0</v>
      </c>
      <c r="C11927" s="1" t="s">
        <v>5</v>
      </c>
      <c r="D11927" s="1" t="s">
        <v>11</v>
      </c>
      <c r="E11927" s="1" t="s">
        <v>7</v>
      </c>
    </row>
    <row r="11928">
      <c r="A11928" s="1">
        <v>4.90500171E8</v>
      </c>
      <c r="B11928" s="2">
        <v>13354.0</v>
      </c>
      <c r="C11928" s="1" t="s">
        <v>5</v>
      </c>
      <c r="D11928" s="1" t="s">
        <v>10175</v>
      </c>
      <c r="E11928" s="1" t="s">
        <v>11</v>
      </c>
    </row>
    <row r="11929">
      <c r="A11929" s="1">
        <v>4.90500175E8</v>
      </c>
      <c r="B11929" s="2">
        <v>13383.0</v>
      </c>
      <c r="C11929" s="1" t="s">
        <v>5</v>
      </c>
      <c r="D11929" s="1" t="s">
        <v>11</v>
      </c>
      <c r="E11929" s="1" t="s">
        <v>7</v>
      </c>
    </row>
    <row r="11930">
      <c r="A11930" s="1">
        <v>4.90500202E8</v>
      </c>
      <c r="B11930" s="2">
        <v>13378.0</v>
      </c>
      <c r="C11930" s="1" t="s">
        <v>5</v>
      </c>
      <c r="D11930" s="1" t="s">
        <v>10176</v>
      </c>
      <c r="E11930" s="1" t="s">
        <v>11</v>
      </c>
    </row>
    <row r="11931">
      <c r="A11931" s="1">
        <v>4.90500267E8</v>
      </c>
      <c r="B11931" s="2">
        <v>13369.0</v>
      </c>
      <c r="C11931" s="1" t="s">
        <v>5</v>
      </c>
      <c r="D11931" s="1" t="s">
        <v>10177</v>
      </c>
      <c r="E11931" s="1" t="s">
        <v>11</v>
      </c>
    </row>
    <row r="11932">
      <c r="A11932" s="1">
        <v>4.90500275E8</v>
      </c>
      <c r="B11932" s="2">
        <v>13355.0</v>
      </c>
      <c r="C11932" s="1" t="s">
        <v>5</v>
      </c>
      <c r="D11932" s="1" t="s">
        <v>10178</v>
      </c>
      <c r="E11932" s="1" t="s">
        <v>11</v>
      </c>
    </row>
    <row r="11933">
      <c r="A11933" s="1">
        <v>4.90500282E8</v>
      </c>
      <c r="B11933" s="2">
        <v>13332.0</v>
      </c>
      <c r="C11933" s="1" t="s">
        <v>5</v>
      </c>
      <c r="D11933" s="1" t="s">
        <v>10179</v>
      </c>
      <c r="E11933" s="1" t="s">
        <v>7</v>
      </c>
    </row>
    <row r="11934">
      <c r="A11934" s="1">
        <v>4.90500294E8</v>
      </c>
      <c r="B11934" s="2">
        <v>13381.0</v>
      </c>
      <c r="C11934" s="1" t="s">
        <v>5</v>
      </c>
      <c r="D11934" s="1" t="s">
        <v>10180</v>
      </c>
      <c r="E11934" s="1" t="s">
        <v>11</v>
      </c>
    </row>
    <row r="11935">
      <c r="A11935" s="1">
        <v>4.90500322E8</v>
      </c>
      <c r="B11935" s="2">
        <v>13362.0</v>
      </c>
      <c r="C11935" s="1" t="s">
        <v>5</v>
      </c>
      <c r="D11935" s="1" t="s">
        <v>10181</v>
      </c>
      <c r="E11935" s="1" t="s">
        <v>7</v>
      </c>
    </row>
    <row r="11936">
      <c r="A11936" s="1">
        <v>4.90500326E8</v>
      </c>
      <c r="B11936" s="2">
        <v>13310.0</v>
      </c>
      <c r="C11936" s="1" t="s">
        <v>5</v>
      </c>
      <c r="D11936" s="1" t="s">
        <v>10182</v>
      </c>
      <c r="E11936" s="1" t="s">
        <v>7</v>
      </c>
    </row>
    <row r="11937">
      <c r="A11937" s="1">
        <v>4.90500342E8</v>
      </c>
      <c r="B11937" s="2">
        <v>13382.0</v>
      </c>
      <c r="C11937" s="1" t="s">
        <v>5</v>
      </c>
      <c r="D11937" s="1" t="s">
        <v>11</v>
      </c>
      <c r="E11937" s="1" t="s">
        <v>7</v>
      </c>
    </row>
    <row r="11938">
      <c r="A11938" s="1">
        <v>4.90500349E8</v>
      </c>
      <c r="B11938" s="2">
        <v>13373.0</v>
      </c>
      <c r="C11938" s="1" t="s">
        <v>5</v>
      </c>
      <c r="D11938" s="1" t="s">
        <v>11</v>
      </c>
      <c r="E11938" s="1" t="s">
        <v>7</v>
      </c>
    </row>
    <row r="11939">
      <c r="A11939" s="1">
        <v>4.90500402E8</v>
      </c>
      <c r="B11939" s="2">
        <v>13362.0</v>
      </c>
      <c r="C11939" s="1" t="s">
        <v>5</v>
      </c>
      <c r="D11939" s="1" t="s">
        <v>11</v>
      </c>
      <c r="E11939" s="1" t="s">
        <v>7</v>
      </c>
    </row>
    <row r="11940">
      <c r="A11940" s="1">
        <v>4.90500404E8</v>
      </c>
      <c r="B11940" s="2">
        <v>13387.0</v>
      </c>
      <c r="C11940" s="1" t="s">
        <v>5</v>
      </c>
      <c r="D11940" s="1" t="s">
        <v>10183</v>
      </c>
      <c r="E11940" s="1" t="s">
        <v>7</v>
      </c>
    </row>
    <row r="11941">
      <c r="A11941" s="1">
        <v>4.9050043E8</v>
      </c>
      <c r="B11941" s="2">
        <v>13354.0</v>
      </c>
      <c r="C11941" s="1" t="s">
        <v>5</v>
      </c>
      <c r="D11941" s="1" t="s">
        <v>11</v>
      </c>
      <c r="E11941" s="1" t="s">
        <v>7</v>
      </c>
    </row>
    <row r="11942">
      <c r="A11942" s="1">
        <v>4.90500432E8</v>
      </c>
      <c r="B11942" s="2">
        <v>13269.0</v>
      </c>
      <c r="C11942" s="1" t="s">
        <v>5</v>
      </c>
      <c r="D11942" s="1" t="s">
        <v>10184</v>
      </c>
      <c r="E11942" s="1" t="s">
        <v>11</v>
      </c>
    </row>
    <row r="11943">
      <c r="A11943" s="1">
        <v>4.90500474E8</v>
      </c>
      <c r="B11943" s="2">
        <v>13380.0</v>
      </c>
      <c r="C11943" s="1" t="s">
        <v>5</v>
      </c>
      <c r="D11943" s="1" t="s">
        <v>10185</v>
      </c>
      <c r="E11943" s="1" t="s">
        <v>11</v>
      </c>
    </row>
    <row r="11944">
      <c r="A11944" s="1">
        <v>4.90500486E8</v>
      </c>
      <c r="B11944" s="2">
        <v>13387.0</v>
      </c>
      <c r="C11944" s="1" t="s">
        <v>5</v>
      </c>
      <c r="D11944" s="1" t="s">
        <v>10186</v>
      </c>
      <c r="E11944" s="1" t="s">
        <v>11</v>
      </c>
    </row>
    <row r="11945">
      <c r="A11945" s="1">
        <v>4.90500515E8</v>
      </c>
      <c r="B11945" s="2">
        <v>13358.0</v>
      </c>
      <c r="C11945" s="1" t="s">
        <v>5</v>
      </c>
      <c r="D11945" s="1" t="s">
        <v>11</v>
      </c>
      <c r="E11945" s="1" t="s">
        <v>7</v>
      </c>
    </row>
    <row r="11946">
      <c r="A11946" s="1">
        <v>4.90500525E8</v>
      </c>
      <c r="B11946" s="2">
        <v>13360.0</v>
      </c>
      <c r="C11946" s="1" t="s">
        <v>5</v>
      </c>
      <c r="D11946" s="1" t="s">
        <v>11</v>
      </c>
      <c r="E11946" s="1" t="s">
        <v>7</v>
      </c>
    </row>
    <row r="11947">
      <c r="A11947" s="1">
        <v>4.90500544E8</v>
      </c>
      <c r="B11947" s="2">
        <v>13360.0</v>
      </c>
      <c r="C11947" s="1" t="s">
        <v>5</v>
      </c>
      <c r="D11947" s="1" t="s">
        <v>10187</v>
      </c>
      <c r="E11947" s="1" t="s">
        <v>11</v>
      </c>
    </row>
    <row r="11948">
      <c r="A11948" s="1">
        <v>4.90500561E8</v>
      </c>
      <c r="B11948" s="2">
        <v>13386.0</v>
      </c>
      <c r="C11948" s="1" t="s">
        <v>5</v>
      </c>
      <c r="D11948" s="1" t="s">
        <v>10188</v>
      </c>
      <c r="E11948" s="1" t="s">
        <v>7</v>
      </c>
    </row>
    <row r="11949">
      <c r="A11949" s="1">
        <v>4.90500564E8</v>
      </c>
      <c r="B11949" s="2">
        <v>13368.0</v>
      </c>
      <c r="C11949" s="1" t="s">
        <v>5</v>
      </c>
      <c r="D11949" s="1" t="s">
        <v>10189</v>
      </c>
      <c r="E11949" s="1" t="s">
        <v>7</v>
      </c>
    </row>
    <row r="11950">
      <c r="A11950" s="1">
        <v>4.90500584E8</v>
      </c>
      <c r="B11950" s="2">
        <v>13373.0</v>
      </c>
      <c r="C11950" s="1" t="s">
        <v>5</v>
      </c>
      <c r="D11950" s="1" t="s">
        <v>10190</v>
      </c>
      <c r="E11950" s="1" t="s">
        <v>11</v>
      </c>
    </row>
    <row r="11951">
      <c r="A11951" s="1">
        <v>4.90500597E8</v>
      </c>
      <c r="B11951" s="2">
        <v>13379.0</v>
      </c>
      <c r="C11951" s="1" t="s">
        <v>5</v>
      </c>
      <c r="D11951" s="1" t="s">
        <v>11</v>
      </c>
      <c r="E11951" s="1" t="s">
        <v>7</v>
      </c>
    </row>
    <row r="11952">
      <c r="A11952" s="1">
        <v>4.90500634E8</v>
      </c>
      <c r="B11952" s="2">
        <v>13372.0</v>
      </c>
      <c r="C11952" s="1" t="s">
        <v>5</v>
      </c>
      <c r="D11952" s="1" t="s">
        <v>10191</v>
      </c>
      <c r="E11952" s="1" t="s">
        <v>10192</v>
      </c>
    </row>
    <row r="11953">
      <c r="A11953" s="1">
        <v>4.9050064E8</v>
      </c>
      <c r="B11953" s="2">
        <v>13354.0</v>
      </c>
      <c r="C11953" s="1" t="s">
        <v>5</v>
      </c>
      <c r="D11953" s="1" t="s">
        <v>10193</v>
      </c>
      <c r="E11953" s="1" t="s">
        <v>7</v>
      </c>
    </row>
    <row r="11954">
      <c r="A11954" s="1">
        <v>4.90500645E8</v>
      </c>
      <c r="B11954" s="2">
        <v>13385.0</v>
      </c>
      <c r="C11954" s="1" t="s">
        <v>5</v>
      </c>
      <c r="D11954" s="1" t="s">
        <v>10194</v>
      </c>
      <c r="E11954" s="1" t="s">
        <v>7</v>
      </c>
    </row>
    <row r="11955">
      <c r="A11955" s="1">
        <v>4.90500656E8</v>
      </c>
      <c r="B11955" s="2">
        <v>13365.0</v>
      </c>
      <c r="C11955" s="1" t="s">
        <v>5</v>
      </c>
      <c r="D11955" s="1" t="s">
        <v>10195</v>
      </c>
      <c r="E11955" s="1" t="s">
        <v>7</v>
      </c>
    </row>
    <row r="11956">
      <c r="A11956" s="1">
        <v>4.90500657E8</v>
      </c>
      <c r="B11956" s="2">
        <v>13367.0</v>
      </c>
      <c r="C11956" s="1" t="s">
        <v>5</v>
      </c>
      <c r="D11956" s="1" t="s">
        <v>10196</v>
      </c>
      <c r="E11956" s="1" t="s">
        <v>10197</v>
      </c>
    </row>
    <row r="11957">
      <c r="A11957" s="1">
        <v>4.90500666E8</v>
      </c>
      <c r="B11957" s="2">
        <v>13349.0</v>
      </c>
      <c r="C11957" s="1" t="s">
        <v>5</v>
      </c>
      <c r="D11957" s="1" t="s">
        <v>10198</v>
      </c>
      <c r="E11957" s="1" t="s">
        <v>7</v>
      </c>
    </row>
    <row r="11958">
      <c r="A11958" s="1">
        <v>4.90500695E8</v>
      </c>
      <c r="B11958" s="2">
        <v>13367.0</v>
      </c>
      <c r="C11958" s="1" t="s">
        <v>5</v>
      </c>
      <c r="D11958" s="1" t="s">
        <v>10199</v>
      </c>
      <c r="E11958" s="1" t="s">
        <v>7</v>
      </c>
    </row>
    <row r="11959">
      <c r="A11959" s="1">
        <v>4.90500725E8</v>
      </c>
      <c r="B11959" s="2">
        <v>13367.0</v>
      </c>
      <c r="C11959" s="1" t="s">
        <v>5</v>
      </c>
      <c r="D11959" s="1" t="s">
        <v>10200</v>
      </c>
      <c r="E11959" s="1" t="s">
        <v>7</v>
      </c>
    </row>
    <row r="11960">
      <c r="A11960" s="1">
        <v>4.90500763E8</v>
      </c>
      <c r="B11960" s="2">
        <v>13380.0</v>
      </c>
      <c r="C11960" s="1" t="s">
        <v>5</v>
      </c>
      <c r="D11960" s="1" t="s">
        <v>11</v>
      </c>
      <c r="E11960" s="1" t="s">
        <v>7</v>
      </c>
    </row>
    <row r="11961">
      <c r="A11961" s="1">
        <v>4.90500782E8</v>
      </c>
      <c r="B11961" s="2">
        <v>13380.0</v>
      </c>
      <c r="C11961" s="1" t="s">
        <v>5</v>
      </c>
      <c r="D11961" s="1" t="s">
        <v>10201</v>
      </c>
      <c r="E11961" s="1" t="s">
        <v>11</v>
      </c>
    </row>
    <row r="11962">
      <c r="A11962" s="1">
        <v>4.90500827E8</v>
      </c>
      <c r="B11962" s="2">
        <v>13343.0</v>
      </c>
      <c r="C11962" s="1" t="s">
        <v>5</v>
      </c>
      <c r="D11962" s="1" t="s">
        <v>10202</v>
      </c>
      <c r="E11962" s="1" t="s">
        <v>7</v>
      </c>
    </row>
    <row r="11963">
      <c r="A11963" s="1">
        <v>4.90500844E8</v>
      </c>
      <c r="B11963" s="2">
        <v>13356.0</v>
      </c>
      <c r="C11963" s="1" t="s">
        <v>5</v>
      </c>
      <c r="D11963" s="1" t="s">
        <v>10203</v>
      </c>
      <c r="E11963" s="1" t="s">
        <v>11</v>
      </c>
    </row>
    <row r="11964">
      <c r="A11964" s="1">
        <v>4.90500846E8</v>
      </c>
      <c r="B11964" s="2">
        <v>13367.0</v>
      </c>
      <c r="C11964" s="1" t="s">
        <v>5</v>
      </c>
      <c r="D11964" s="1" t="s">
        <v>11</v>
      </c>
      <c r="E11964" s="1" t="s">
        <v>7</v>
      </c>
    </row>
    <row r="11965">
      <c r="A11965" s="1">
        <v>4.90500855E8</v>
      </c>
      <c r="B11965" s="2">
        <v>13378.0</v>
      </c>
      <c r="C11965" s="1" t="s">
        <v>5</v>
      </c>
      <c r="D11965" s="1" t="s">
        <v>10204</v>
      </c>
      <c r="E11965" s="1" t="s">
        <v>10205</v>
      </c>
    </row>
    <row r="11966">
      <c r="A11966" s="1">
        <v>4.90500872E8</v>
      </c>
      <c r="B11966" s="2">
        <v>13355.0</v>
      </c>
      <c r="C11966" s="1" t="s">
        <v>5</v>
      </c>
      <c r="D11966" s="1" t="s">
        <v>10206</v>
      </c>
      <c r="E11966" s="1" t="s">
        <v>11</v>
      </c>
    </row>
    <row r="11967">
      <c r="A11967" s="1">
        <v>4.90500886E8</v>
      </c>
      <c r="B11967" s="2">
        <v>13349.0</v>
      </c>
      <c r="C11967" s="1" t="s">
        <v>5</v>
      </c>
      <c r="D11967" s="1" t="s">
        <v>11</v>
      </c>
      <c r="E11967" s="1" t="s">
        <v>7</v>
      </c>
    </row>
    <row r="11968">
      <c r="A11968" s="1">
        <v>4.90500952E8</v>
      </c>
      <c r="B11968" s="2">
        <v>13367.0</v>
      </c>
      <c r="C11968" s="1" t="s">
        <v>5</v>
      </c>
      <c r="D11968" s="1" t="s">
        <v>11</v>
      </c>
      <c r="E11968" s="1" t="s">
        <v>7</v>
      </c>
    </row>
    <row r="11969">
      <c r="A11969" s="1">
        <v>4.90500962E8</v>
      </c>
      <c r="B11969" s="2">
        <v>13345.0</v>
      </c>
      <c r="C11969" s="1" t="s">
        <v>5</v>
      </c>
      <c r="D11969" s="1" t="s">
        <v>10207</v>
      </c>
      <c r="E11969" s="1" t="s">
        <v>7</v>
      </c>
    </row>
    <row r="11970">
      <c r="A11970" s="1">
        <v>4.90500966E8</v>
      </c>
      <c r="B11970" s="2">
        <v>13366.0</v>
      </c>
      <c r="C11970" s="1" t="s">
        <v>5</v>
      </c>
      <c r="D11970" s="1" t="s">
        <v>10208</v>
      </c>
      <c r="E11970" s="1" t="s">
        <v>10209</v>
      </c>
    </row>
    <row r="11971">
      <c r="A11971" s="1">
        <v>4.90500977E8</v>
      </c>
      <c r="B11971" s="2">
        <v>13357.0</v>
      </c>
      <c r="C11971" s="1" t="s">
        <v>5</v>
      </c>
      <c r="D11971" s="1" t="s">
        <v>10210</v>
      </c>
      <c r="E11971" s="1" t="s">
        <v>7</v>
      </c>
    </row>
    <row r="11972">
      <c r="A11972" s="1">
        <v>4.90500985E8</v>
      </c>
      <c r="B11972" s="2">
        <v>13364.0</v>
      </c>
      <c r="C11972" s="1" t="s">
        <v>5</v>
      </c>
      <c r="D11972" s="1" t="s">
        <v>11</v>
      </c>
      <c r="E11972" s="1" t="s">
        <v>7</v>
      </c>
    </row>
    <row r="11973">
      <c r="A11973" s="1">
        <v>4.90500994E8</v>
      </c>
      <c r="B11973" s="2">
        <v>13378.0</v>
      </c>
      <c r="C11973" s="1" t="s">
        <v>5</v>
      </c>
      <c r="D11973" s="1" t="s">
        <v>10211</v>
      </c>
      <c r="E11973" s="1" t="s">
        <v>11</v>
      </c>
    </row>
    <row r="11974">
      <c r="A11974" s="1">
        <v>4.9050101E8</v>
      </c>
      <c r="B11974" s="2">
        <v>13369.0</v>
      </c>
      <c r="C11974" s="1" t="s">
        <v>5</v>
      </c>
      <c r="D11974" s="1" t="s">
        <v>11</v>
      </c>
      <c r="E11974" s="1" t="s">
        <v>7</v>
      </c>
    </row>
    <row r="11975">
      <c r="A11975" s="1">
        <v>4.90501043E8</v>
      </c>
      <c r="B11975" s="2">
        <v>13351.0</v>
      </c>
      <c r="C11975" s="1" t="s">
        <v>5</v>
      </c>
      <c r="D11975" s="1" t="s">
        <v>10212</v>
      </c>
      <c r="E11975" s="1" t="s">
        <v>10213</v>
      </c>
    </row>
    <row r="11976">
      <c r="A11976" s="1">
        <v>4.90501044E8</v>
      </c>
      <c r="B11976" s="2">
        <v>13345.0</v>
      </c>
      <c r="C11976" s="1" t="s">
        <v>5</v>
      </c>
      <c r="D11976" s="1" t="s">
        <v>10214</v>
      </c>
      <c r="E11976" s="1" t="s">
        <v>7</v>
      </c>
    </row>
    <row r="11977">
      <c r="A11977" s="1">
        <v>4.90501047E8</v>
      </c>
      <c r="B11977" s="2">
        <v>13338.0</v>
      </c>
      <c r="C11977" s="1" t="s">
        <v>5</v>
      </c>
      <c r="D11977" s="1" t="s">
        <v>10215</v>
      </c>
      <c r="E11977" s="1" t="s">
        <v>10216</v>
      </c>
    </row>
    <row r="11978">
      <c r="A11978" s="1">
        <v>4.9050105E8</v>
      </c>
      <c r="B11978" s="2">
        <v>13369.0</v>
      </c>
      <c r="C11978" s="1" t="s">
        <v>5</v>
      </c>
      <c r="D11978" s="1" t="s">
        <v>11</v>
      </c>
      <c r="E11978" s="1" t="s">
        <v>7</v>
      </c>
    </row>
    <row r="11979">
      <c r="A11979" s="1">
        <v>4.90501065E8</v>
      </c>
      <c r="B11979" s="2">
        <v>13351.0</v>
      </c>
      <c r="C11979" s="1" t="s">
        <v>5</v>
      </c>
      <c r="D11979" s="1" t="s">
        <v>10217</v>
      </c>
      <c r="E11979" s="1" t="s">
        <v>7</v>
      </c>
    </row>
    <row r="11980">
      <c r="A11980" s="1">
        <v>4.90501089E8</v>
      </c>
      <c r="B11980" s="2">
        <v>13370.0</v>
      </c>
      <c r="C11980" s="1" t="s">
        <v>5</v>
      </c>
      <c r="D11980" s="1" t="s">
        <v>10218</v>
      </c>
      <c r="E11980" s="1" t="s">
        <v>10219</v>
      </c>
    </row>
    <row r="11981">
      <c r="A11981" s="1">
        <v>4.90501102E8</v>
      </c>
      <c r="B11981" s="2">
        <v>13353.0</v>
      </c>
      <c r="C11981" s="1" t="s">
        <v>5</v>
      </c>
      <c r="D11981" s="1" t="s">
        <v>10220</v>
      </c>
      <c r="E11981" s="1" t="s">
        <v>7</v>
      </c>
    </row>
    <row r="11982">
      <c r="A11982" s="1">
        <v>4.90501117E8</v>
      </c>
      <c r="B11982" s="2">
        <v>13349.0</v>
      </c>
      <c r="C11982" s="1" t="s">
        <v>5</v>
      </c>
      <c r="D11982" s="1" t="s">
        <v>11</v>
      </c>
      <c r="E11982" s="1" t="s">
        <v>7</v>
      </c>
    </row>
    <row r="11983">
      <c r="A11983" s="1">
        <v>4.90501138E8</v>
      </c>
      <c r="B11983" s="2">
        <v>13370.0</v>
      </c>
      <c r="C11983" s="1" t="s">
        <v>5</v>
      </c>
      <c r="D11983" s="1" t="s">
        <v>10221</v>
      </c>
      <c r="E11983" s="1" t="s">
        <v>11</v>
      </c>
    </row>
    <row r="11984">
      <c r="A11984" s="1">
        <v>4.90501164E8</v>
      </c>
      <c r="B11984" s="2">
        <v>13370.0</v>
      </c>
      <c r="C11984" s="1" t="s">
        <v>5</v>
      </c>
      <c r="D11984" s="1" t="s">
        <v>10222</v>
      </c>
      <c r="E11984" s="1" t="s">
        <v>7</v>
      </c>
    </row>
    <row r="11985">
      <c r="A11985" s="1">
        <v>4.90501236E8</v>
      </c>
      <c r="B11985" s="2">
        <v>13365.0</v>
      </c>
      <c r="C11985" s="1" t="s">
        <v>5</v>
      </c>
      <c r="D11985" s="1" t="s">
        <v>10223</v>
      </c>
      <c r="E11985" s="1" t="s">
        <v>7</v>
      </c>
    </row>
    <row r="11986">
      <c r="A11986" s="1">
        <v>4.90501246E8</v>
      </c>
      <c r="B11986" s="2">
        <v>13356.0</v>
      </c>
      <c r="C11986" s="1" t="s">
        <v>5</v>
      </c>
      <c r="D11986" s="1" t="s">
        <v>10224</v>
      </c>
      <c r="E11986" s="1" t="s">
        <v>7</v>
      </c>
    </row>
    <row r="11987">
      <c r="A11987" s="1">
        <v>4.90501254E8</v>
      </c>
      <c r="B11987" s="2">
        <v>13382.0</v>
      </c>
      <c r="C11987" s="1" t="s">
        <v>5</v>
      </c>
      <c r="D11987" s="1" t="s">
        <v>10185</v>
      </c>
      <c r="E11987" s="1" t="s">
        <v>11</v>
      </c>
    </row>
    <row r="11988">
      <c r="A11988" s="1">
        <v>4.90501267E8</v>
      </c>
      <c r="B11988" s="2">
        <v>13379.0</v>
      </c>
      <c r="C11988" s="1" t="s">
        <v>5</v>
      </c>
      <c r="D11988" s="1" t="s">
        <v>10225</v>
      </c>
      <c r="E11988" s="1" t="s">
        <v>11</v>
      </c>
    </row>
    <row r="11989">
      <c r="A11989" s="1">
        <v>4.9050128E8</v>
      </c>
      <c r="B11989" s="2">
        <v>13369.0</v>
      </c>
      <c r="C11989" s="1" t="s">
        <v>5</v>
      </c>
      <c r="D11989" s="1" t="s">
        <v>10226</v>
      </c>
      <c r="E11989" s="1" t="s">
        <v>7</v>
      </c>
    </row>
    <row r="11990">
      <c r="A11990" s="1">
        <v>4.90501281E8</v>
      </c>
      <c r="B11990" s="2">
        <v>13349.0</v>
      </c>
      <c r="C11990" s="1" t="s">
        <v>5</v>
      </c>
      <c r="D11990" s="1" t="s">
        <v>10227</v>
      </c>
      <c r="E11990" s="1" t="s">
        <v>11</v>
      </c>
    </row>
    <row r="11991">
      <c r="A11991" s="1">
        <v>4.90501316E8</v>
      </c>
      <c r="B11991" s="2">
        <v>13373.0</v>
      </c>
      <c r="C11991" s="1" t="s">
        <v>5</v>
      </c>
      <c r="D11991" s="1" t="s">
        <v>11</v>
      </c>
      <c r="E11991" s="1" t="s">
        <v>7</v>
      </c>
    </row>
    <row r="11992">
      <c r="A11992" s="1">
        <v>4.90501363E8</v>
      </c>
      <c r="B11992" s="2">
        <v>13342.0</v>
      </c>
      <c r="C11992" s="1" t="s">
        <v>5</v>
      </c>
      <c r="D11992" s="1" t="s">
        <v>11</v>
      </c>
      <c r="E11992" s="1" t="s">
        <v>7</v>
      </c>
    </row>
    <row r="11993">
      <c r="A11993" s="1">
        <v>4.90501379E8</v>
      </c>
      <c r="B11993" s="2">
        <v>13376.0</v>
      </c>
      <c r="C11993" s="1" t="s">
        <v>5</v>
      </c>
      <c r="D11993" s="1" t="s">
        <v>10228</v>
      </c>
      <c r="E11993" s="1" t="s">
        <v>7</v>
      </c>
    </row>
    <row r="11994">
      <c r="A11994" s="1">
        <v>4.90501382E8</v>
      </c>
      <c r="B11994" s="2">
        <v>13342.0</v>
      </c>
      <c r="C11994" s="1" t="s">
        <v>5</v>
      </c>
      <c r="D11994" s="1" t="s">
        <v>10229</v>
      </c>
      <c r="E11994" s="1" t="s">
        <v>7</v>
      </c>
    </row>
    <row r="11995">
      <c r="A11995" s="1">
        <v>4.90501401E8</v>
      </c>
      <c r="B11995" s="2">
        <v>13368.0</v>
      </c>
      <c r="C11995" s="1" t="s">
        <v>5</v>
      </c>
      <c r="D11995" s="1" t="s">
        <v>10230</v>
      </c>
      <c r="E11995" s="1" t="s">
        <v>7</v>
      </c>
    </row>
    <row r="11996">
      <c r="A11996" s="1">
        <v>4.90501415E8</v>
      </c>
      <c r="B11996" s="2">
        <v>13368.0</v>
      </c>
      <c r="C11996" s="1" t="s">
        <v>5</v>
      </c>
      <c r="D11996" s="1" t="s">
        <v>10231</v>
      </c>
      <c r="E11996" s="1" t="s">
        <v>11</v>
      </c>
    </row>
    <row r="11997">
      <c r="A11997" s="1">
        <v>4.90501436E8</v>
      </c>
      <c r="B11997" s="2">
        <v>13342.0</v>
      </c>
      <c r="C11997" s="1" t="s">
        <v>5</v>
      </c>
      <c r="D11997" s="1" t="s">
        <v>10232</v>
      </c>
      <c r="E11997" s="1" t="s">
        <v>7</v>
      </c>
    </row>
    <row r="11998">
      <c r="A11998" s="1">
        <v>4.9050145E8</v>
      </c>
      <c r="B11998" s="2">
        <v>13399.0</v>
      </c>
      <c r="C11998" s="1" t="s">
        <v>5</v>
      </c>
      <c r="D11998" s="1" t="s">
        <v>10233</v>
      </c>
      <c r="E11998" s="1" t="s">
        <v>11</v>
      </c>
    </row>
    <row r="11999">
      <c r="A11999" s="1">
        <v>4.90501462E8</v>
      </c>
      <c r="B11999" s="2">
        <v>13368.0</v>
      </c>
      <c r="C11999" s="1" t="s">
        <v>5</v>
      </c>
      <c r="D11999" s="1" t="s">
        <v>11</v>
      </c>
      <c r="E11999" s="1" t="s">
        <v>7</v>
      </c>
    </row>
    <row r="12000">
      <c r="A12000" s="1">
        <v>4.90501493E8</v>
      </c>
      <c r="B12000" s="2">
        <v>13379.0</v>
      </c>
      <c r="C12000" s="1" t="s">
        <v>5</v>
      </c>
      <c r="D12000" s="1" t="s">
        <v>10234</v>
      </c>
      <c r="E12000" s="1" t="s">
        <v>11</v>
      </c>
    </row>
    <row r="12001">
      <c r="A12001" s="1">
        <v>4.90501504E8</v>
      </c>
      <c r="B12001" s="2">
        <v>13365.0</v>
      </c>
      <c r="C12001" s="1" t="s">
        <v>5</v>
      </c>
      <c r="D12001" s="1" t="s">
        <v>10235</v>
      </c>
      <c r="E12001" s="1" t="s">
        <v>11</v>
      </c>
    </row>
    <row r="12002">
      <c r="A12002" s="1">
        <v>4.90501511E8</v>
      </c>
      <c r="B12002" s="2">
        <v>13337.0</v>
      </c>
      <c r="C12002" s="1" t="s">
        <v>5</v>
      </c>
      <c r="D12002" s="1" t="s">
        <v>10236</v>
      </c>
      <c r="E12002" s="1" t="s">
        <v>7</v>
      </c>
    </row>
    <row r="12003">
      <c r="A12003" s="1">
        <v>4.90501593E8</v>
      </c>
      <c r="B12003" s="2">
        <v>13354.0</v>
      </c>
      <c r="C12003" s="1" t="s">
        <v>5</v>
      </c>
      <c r="D12003" s="1" t="s">
        <v>11</v>
      </c>
      <c r="E12003" s="1" t="s">
        <v>7</v>
      </c>
    </row>
    <row r="12004">
      <c r="A12004" s="1">
        <v>4.90501601E8</v>
      </c>
      <c r="B12004" s="2">
        <v>13370.0</v>
      </c>
      <c r="C12004" s="1" t="s">
        <v>5</v>
      </c>
      <c r="D12004" s="1" t="s">
        <v>10237</v>
      </c>
      <c r="E12004" s="1" t="s">
        <v>11</v>
      </c>
    </row>
    <row r="12005">
      <c r="A12005" s="1">
        <v>4.90501622E8</v>
      </c>
      <c r="B12005" s="2">
        <v>13263.0</v>
      </c>
      <c r="C12005" s="1" t="s">
        <v>5</v>
      </c>
      <c r="D12005" s="1" t="s">
        <v>10238</v>
      </c>
      <c r="E12005" s="1" t="s">
        <v>7</v>
      </c>
    </row>
    <row r="12006">
      <c r="A12006" s="1">
        <v>4.90501636E8</v>
      </c>
      <c r="B12006" s="2">
        <v>13369.0</v>
      </c>
      <c r="C12006" s="1" t="s">
        <v>5</v>
      </c>
      <c r="D12006" s="1" t="s">
        <v>10239</v>
      </c>
      <c r="E12006" s="1" t="s">
        <v>7</v>
      </c>
    </row>
    <row r="12007">
      <c r="A12007" s="1">
        <v>4.9050164E8</v>
      </c>
      <c r="B12007" s="2">
        <v>13308.0</v>
      </c>
      <c r="C12007" s="1" t="s">
        <v>5</v>
      </c>
      <c r="D12007" s="1" t="s">
        <v>10240</v>
      </c>
      <c r="E12007" s="1" t="s">
        <v>11</v>
      </c>
    </row>
    <row r="12008">
      <c r="A12008" s="1">
        <v>4.90501655E8</v>
      </c>
      <c r="B12008" s="2">
        <v>13366.0</v>
      </c>
      <c r="C12008" s="1" t="s">
        <v>5</v>
      </c>
      <c r="D12008" s="1" t="s">
        <v>11</v>
      </c>
      <c r="E12008" s="1" t="s">
        <v>7</v>
      </c>
    </row>
    <row r="12009">
      <c r="A12009" s="1">
        <v>4.90501676E8</v>
      </c>
      <c r="B12009" s="2">
        <v>13366.0</v>
      </c>
      <c r="C12009" s="1" t="s">
        <v>5</v>
      </c>
      <c r="D12009" s="1" t="s">
        <v>10241</v>
      </c>
      <c r="E12009" s="1" t="s">
        <v>7</v>
      </c>
    </row>
    <row r="12010">
      <c r="A12010" s="1">
        <v>4.90501683E8</v>
      </c>
      <c r="B12010" s="2">
        <v>13368.0</v>
      </c>
      <c r="C12010" s="1" t="s">
        <v>5</v>
      </c>
      <c r="D12010" s="1" t="s">
        <v>11</v>
      </c>
      <c r="E12010" s="1" t="s">
        <v>7</v>
      </c>
    </row>
    <row r="12011">
      <c r="A12011" s="1">
        <v>4.90501716E8</v>
      </c>
      <c r="B12011" s="2">
        <v>13332.0</v>
      </c>
      <c r="C12011" s="1" t="s">
        <v>5</v>
      </c>
      <c r="D12011" s="1" t="s">
        <v>10242</v>
      </c>
      <c r="E12011" s="1" t="s">
        <v>7</v>
      </c>
    </row>
    <row r="12012">
      <c r="A12012" s="1">
        <v>4.90501721E8</v>
      </c>
      <c r="B12012" s="2">
        <v>13369.0</v>
      </c>
      <c r="C12012" s="1" t="s">
        <v>5</v>
      </c>
      <c r="D12012" s="1" t="s">
        <v>10243</v>
      </c>
      <c r="E12012" s="1" t="s">
        <v>10244</v>
      </c>
    </row>
    <row r="12013">
      <c r="A12013" s="1">
        <v>4.90501722E8</v>
      </c>
      <c r="B12013" s="2">
        <v>13378.0</v>
      </c>
      <c r="C12013" s="1" t="s">
        <v>5</v>
      </c>
      <c r="D12013" s="1" t="s">
        <v>10245</v>
      </c>
      <c r="E12013" s="1" t="s">
        <v>7</v>
      </c>
    </row>
    <row r="12014">
      <c r="A12014" s="1">
        <v>4.90501742E8</v>
      </c>
      <c r="B12014" s="2">
        <v>13370.0</v>
      </c>
      <c r="C12014" s="1" t="s">
        <v>5</v>
      </c>
      <c r="D12014" s="1" t="s">
        <v>11</v>
      </c>
      <c r="E12014" s="1" t="s">
        <v>7</v>
      </c>
    </row>
    <row r="12015">
      <c r="A12015" s="1">
        <v>4.90501762E8</v>
      </c>
      <c r="B12015" s="2">
        <v>13335.0</v>
      </c>
      <c r="C12015" s="1" t="s">
        <v>5</v>
      </c>
      <c r="D12015" s="1" t="s">
        <v>10246</v>
      </c>
      <c r="E12015" s="1" t="s">
        <v>7</v>
      </c>
    </row>
    <row r="12016">
      <c r="A12016" s="1">
        <v>4.90501766E8</v>
      </c>
      <c r="B12016" s="2">
        <v>13381.0</v>
      </c>
      <c r="C12016" s="1" t="s">
        <v>5</v>
      </c>
      <c r="D12016" s="1" t="s">
        <v>10247</v>
      </c>
      <c r="E12016" s="1" t="s">
        <v>11</v>
      </c>
    </row>
    <row r="12017">
      <c r="A12017" s="1">
        <v>4.9050177E8</v>
      </c>
      <c r="B12017" s="2">
        <v>13375.0</v>
      </c>
      <c r="C12017" s="1" t="s">
        <v>5</v>
      </c>
      <c r="D12017" s="1" t="s">
        <v>10248</v>
      </c>
      <c r="E12017" s="1" t="s">
        <v>11</v>
      </c>
    </row>
    <row r="12018">
      <c r="A12018" s="1">
        <v>4.90501811E8</v>
      </c>
      <c r="B12018" s="2">
        <v>13364.0</v>
      </c>
      <c r="C12018" s="1" t="s">
        <v>5</v>
      </c>
      <c r="D12018" s="1" t="s">
        <v>10249</v>
      </c>
      <c r="E12018" s="1" t="s">
        <v>7</v>
      </c>
    </row>
    <row r="12019">
      <c r="A12019" s="1">
        <v>4.90501827E8</v>
      </c>
      <c r="B12019" s="2">
        <v>13369.0</v>
      </c>
      <c r="C12019" s="1" t="s">
        <v>5</v>
      </c>
      <c r="D12019" s="1" t="s">
        <v>10250</v>
      </c>
      <c r="E12019" s="1" t="s">
        <v>7</v>
      </c>
    </row>
    <row r="12020">
      <c r="A12020" s="1">
        <v>4.90501836E8</v>
      </c>
      <c r="B12020" s="2">
        <v>13381.0</v>
      </c>
      <c r="C12020" s="1" t="s">
        <v>5</v>
      </c>
      <c r="D12020" s="1" t="s">
        <v>10251</v>
      </c>
      <c r="E12020" s="1" t="s">
        <v>7</v>
      </c>
    </row>
    <row r="12021">
      <c r="A12021" s="1">
        <v>4.90501846E8</v>
      </c>
      <c r="B12021" s="2">
        <v>13371.0</v>
      </c>
      <c r="C12021" s="1" t="s">
        <v>5</v>
      </c>
      <c r="D12021" s="1" t="s">
        <v>10252</v>
      </c>
      <c r="E12021" s="1" t="s">
        <v>11</v>
      </c>
    </row>
    <row r="12022">
      <c r="A12022" s="1">
        <v>4.9050187E8</v>
      </c>
      <c r="B12022" s="2">
        <v>13335.0</v>
      </c>
      <c r="C12022" s="1" t="s">
        <v>5</v>
      </c>
      <c r="D12022" s="1" t="s">
        <v>10253</v>
      </c>
      <c r="E12022" s="1" t="s">
        <v>7</v>
      </c>
    </row>
    <row r="12023">
      <c r="A12023" s="1">
        <v>4.90501904E8</v>
      </c>
      <c r="B12023" s="2">
        <v>13430.0</v>
      </c>
      <c r="C12023" s="1" t="s">
        <v>5</v>
      </c>
      <c r="D12023" s="1" t="s">
        <v>10254</v>
      </c>
      <c r="E12023" s="1" t="s">
        <v>7</v>
      </c>
    </row>
    <row r="12024">
      <c r="A12024" s="1">
        <v>4.90501914E8</v>
      </c>
      <c r="B12024" s="2">
        <v>13370.0</v>
      </c>
      <c r="C12024" s="1" t="s">
        <v>5</v>
      </c>
      <c r="D12024" s="1" t="s">
        <v>10255</v>
      </c>
      <c r="E12024" s="1" t="s">
        <v>11</v>
      </c>
    </row>
    <row r="12025">
      <c r="A12025" s="1">
        <v>4.90501923E8</v>
      </c>
      <c r="B12025" s="2">
        <v>13420.0</v>
      </c>
      <c r="C12025" s="1" t="s">
        <v>5</v>
      </c>
      <c r="D12025" s="1" t="s">
        <v>10256</v>
      </c>
      <c r="E12025" s="1" t="s">
        <v>11</v>
      </c>
    </row>
    <row r="12026">
      <c r="A12026" s="1">
        <v>4.90501926E8</v>
      </c>
      <c r="B12026" s="2">
        <v>13380.0</v>
      </c>
      <c r="C12026" s="1" t="s">
        <v>5</v>
      </c>
      <c r="D12026" s="1" t="s">
        <v>10257</v>
      </c>
      <c r="E12026" s="1" t="s">
        <v>7</v>
      </c>
    </row>
    <row r="12027">
      <c r="A12027" s="1">
        <v>4.90501945E8</v>
      </c>
      <c r="B12027" s="2">
        <v>13370.0</v>
      </c>
      <c r="C12027" s="1" t="s">
        <v>5</v>
      </c>
      <c r="D12027" s="1" t="s">
        <v>10258</v>
      </c>
      <c r="E12027" s="1" t="s">
        <v>7</v>
      </c>
    </row>
    <row r="12028">
      <c r="A12028" s="1">
        <v>4.90501951E8</v>
      </c>
      <c r="B12028" s="2">
        <v>13423.0</v>
      </c>
      <c r="C12028" s="1" t="s">
        <v>5</v>
      </c>
      <c r="D12028" s="1" t="s">
        <v>10259</v>
      </c>
      <c r="E12028" s="1" t="s">
        <v>7</v>
      </c>
    </row>
    <row r="12029">
      <c r="A12029" s="1">
        <v>4.90501986E8</v>
      </c>
      <c r="B12029" s="2">
        <v>13425.0</v>
      </c>
      <c r="C12029" s="1" t="s">
        <v>5</v>
      </c>
      <c r="D12029" s="1" t="s">
        <v>10260</v>
      </c>
      <c r="E12029" s="1" t="s">
        <v>10261</v>
      </c>
    </row>
    <row r="12030">
      <c r="A12030" s="1">
        <v>4.90502027E8</v>
      </c>
      <c r="B12030" s="2">
        <v>13362.0</v>
      </c>
      <c r="C12030" s="1" t="s">
        <v>5</v>
      </c>
      <c r="D12030" s="1" t="s">
        <v>10262</v>
      </c>
      <c r="E12030" s="1" t="s">
        <v>7</v>
      </c>
    </row>
    <row r="12031">
      <c r="A12031" s="1">
        <v>4.90502042E8</v>
      </c>
      <c r="B12031" s="2">
        <v>13367.0</v>
      </c>
      <c r="C12031" s="1" t="s">
        <v>5</v>
      </c>
      <c r="D12031" s="1" t="s">
        <v>10263</v>
      </c>
      <c r="E12031" s="1" t="s">
        <v>10264</v>
      </c>
    </row>
    <row r="12032">
      <c r="A12032" s="1">
        <v>4.90502055E8</v>
      </c>
      <c r="B12032" s="2">
        <v>13364.0</v>
      </c>
      <c r="C12032" s="1" t="s">
        <v>5</v>
      </c>
      <c r="D12032" s="1" t="s">
        <v>10265</v>
      </c>
      <c r="E12032" s="1" t="s">
        <v>11</v>
      </c>
    </row>
    <row r="12033">
      <c r="A12033" s="1">
        <v>4.90502071E8</v>
      </c>
      <c r="B12033" s="2">
        <v>13364.0</v>
      </c>
      <c r="C12033" s="1" t="s">
        <v>5</v>
      </c>
      <c r="D12033" s="1" t="s">
        <v>10266</v>
      </c>
      <c r="E12033" s="1" t="s">
        <v>10267</v>
      </c>
    </row>
    <row r="12034">
      <c r="A12034" s="1">
        <v>4.90502103E8</v>
      </c>
      <c r="B12034" s="2">
        <v>13364.0</v>
      </c>
      <c r="C12034" s="1" t="s">
        <v>5</v>
      </c>
      <c r="D12034" s="1" t="s">
        <v>11</v>
      </c>
      <c r="E12034" s="1" t="s">
        <v>7</v>
      </c>
    </row>
    <row r="12035">
      <c r="A12035" s="1">
        <v>4.90502116E8</v>
      </c>
      <c r="B12035" s="2">
        <v>13378.0</v>
      </c>
      <c r="C12035" s="1" t="s">
        <v>5</v>
      </c>
      <c r="D12035" s="1" t="s">
        <v>10268</v>
      </c>
      <c r="E12035" s="1" t="s">
        <v>11</v>
      </c>
    </row>
    <row r="12036">
      <c r="A12036" s="1">
        <v>4.90502153E8</v>
      </c>
      <c r="B12036" s="2">
        <v>13259.0</v>
      </c>
      <c r="C12036" s="1" t="s">
        <v>5</v>
      </c>
      <c r="D12036" s="1" t="s">
        <v>10269</v>
      </c>
      <c r="E12036" s="1" t="s">
        <v>7</v>
      </c>
    </row>
    <row r="12037">
      <c r="A12037" s="1">
        <v>4.90502219E8</v>
      </c>
      <c r="B12037" s="2">
        <v>13357.0</v>
      </c>
      <c r="C12037" s="1" t="s">
        <v>5</v>
      </c>
      <c r="D12037" s="1" t="s">
        <v>10270</v>
      </c>
      <c r="E12037" s="1" t="s">
        <v>7</v>
      </c>
    </row>
    <row r="12038">
      <c r="A12038" s="1">
        <v>4.90502245E8</v>
      </c>
      <c r="B12038" s="2">
        <v>13430.0</v>
      </c>
      <c r="C12038" s="1" t="s">
        <v>5</v>
      </c>
      <c r="D12038" s="1" t="s">
        <v>11</v>
      </c>
      <c r="E12038" s="1" t="s">
        <v>7</v>
      </c>
    </row>
    <row r="12039">
      <c r="A12039" s="1">
        <v>4.90502246E8</v>
      </c>
      <c r="B12039" s="2">
        <v>13363.0</v>
      </c>
      <c r="C12039" s="1" t="s">
        <v>5</v>
      </c>
      <c r="D12039" s="1" t="s">
        <v>10271</v>
      </c>
      <c r="E12039" s="1" t="s">
        <v>10272</v>
      </c>
    </row>
    <row r="12040">
      <c r="A12040" s="1">
        <v>4.90502259E8</v>
      </c>
      <c r="B12040" s="2">
        <v>13258.0</v>
      </c>
      <c r="C12040" s="1" t="s">
        <v>5</v>
      </c>
      <c r="D12040" s="1" t="s">
        <v>10273</v>
      </c>
      <c r="E12040" s="1" t="s">
        <v>7</v>
      </c>
    </row>
    <row r="12041">
      <c r="A12041" s="1">
        <v>4.90502264E8</v>
      </c>
      <c r="B12041" s="2">
        <v>13363.0</v>
      </c>
      <c r="C12041" s="1" t="s">
        <v>5</v>
      </c>
      <c r="D12041" s="1" t="s">
        <v>10274</v>
      </c>
      <c r="E12041" s="1" t="s">
        <v>7</v>
      </c>
    </row>
    <row r="12042">
      <c r="A12042" s="1">
        <v>4.90502265E8</v>
      </c>
      <c r="B12042" s="2">
        <v>13366.0</v>
      </c>
      <c r="C12042" s="1" t="s">
        <v>5</v>
      </c>
      <c r="D12042" s="1" t="s">
        <v>10275</v>
      </c>
      <c r="E12042" s="1" t="s">
        <v>7</v>
      </c>
    </row>
    <row r="12043">
      <c r="A12043" s="1">
        <v>4.90502277E8</v>
      </c>
      <c r="B12043" s="2">
        <v>13363.0</v>
      </c>
      <c r="C12043" s="1" t="s">
        <v>5</v>
      </c>
      <c r="D12043" s="1" t="s">
        <v>10276</v>
      </c>
      <c r="E12043" s="1" t="s">
        <v>7</v>
      </c>
    </row>
    <row r="12044">
      <c r="A12044" s="1">
        <v>4.90502295E8</v>
      </c>
      <c r="B12044" s="2">
        <v>13484.0</v>
      </c>
      <c r="C12044" s="1" t="s">
        <v>5</v>
      </c>
      <c r="D12044" s="1" t="s">
        <v>10277</v>
      </c>
      <c r="E12044" s="1" t="s">
        <v>11</v>
      </c>
    </row>
    <row r="12045">
      <c r="A12045" s="1">
        <v>4.90502299E8</v>
      </c>
      <c r="B12045" s="2">
        <v>13421.0</v>
      </c>
      <c r="C12045" s="1" t="s">
        <v>5</v>
      </c>
      <c r="D12045" s="1" t="s">
        <v>10278</v>
      </c>
      <c r="E12045" s="1" t="s">
        <v>10279</v>
      </c>
    </row>
    <row r="12046">
      <c r="A12046" s="1">
        <v>4.90502312E8</v>
      </c>
      <c r="B12046" s="2">
        <v>13484.0</v>
      </c>
      <c r="C12046" s="1" t="s">
        <v>5</v>
      </c>
      <c r="D12046" s="1" t="s">
        <v>10280</v>
      </c>
      <c r="E12046" s="1" t="s">
        <v>11</v>
      </c>
    </row>
    <row r="12047">
      <c r="A12047" s="1">
        <v>4.90502321E8</v>
      </c>
      <c r="B12047" s="2">
        <v>13418.0</v>
      </c>
      <c r="C12047" s="1" t="s">
        <v>5</v>
      </c>
      <c r="D12047" s="1" t="s">
        <v>11</v>
      </c>
      <c r="E12047" s="1" t="s">
        <v>7</v>
      </c>
    </row>
    <row r="12048">
      <c r="A12048" s="1">
        <v>4.90502323E8</v>
      </c>
      <c r="B12048" s="2">
        <v>13422.0</v>
      </c>
      <c r="C12048" s="1" t="s">
        <v>5</v>
      </c>
      <c r="D12048" s="1" t="s">
        <v>10281</v>
      </c>
      <c r="E12048" s="1" t="s">
        <v>7</v>
      </c>
    </row>
    <row r="12049">
      <c r="A12049" s="1">
        <v>4.90502337E8</v>
      </c>
      <c r="B12049" s="2">
        <v>13421.0</v>
      </c>
      <c r="C12049" s="1" t="s">
        <v>5</v>
      </c>
      <c r="D12049" s="1" t="s">
        <v>10282</v>
      </c>
      <c r="E12049" s="1" t="s">
        <v>7</v>
      </c>
    </row>
    <row r="12050">
      <c r="A12050" s="1">
        <v>4.90502344E8</v>
      </c>
      <c r="B12050" s="2">
        <v>13303.0</v>
      </c>
      <c r="C12050" s="1" t="s">
        <v>5</v>
      </c>
      <c r="D12050" s="1" t="s">
        <v>10283</v>
      </c>
      <c r="E12050" s="1" t="s">
        <v>7</v>
      </c>
    </row>
    <row r="12051">
      <c r="A12051" s="1">
        <v>4.90502354E8</v>
      </c>
      <c r="B12051" s="2">
        <v>13399.0</v>
      </c>
      <c r="C12051" s="1" t="s">
        <v>5</v>
      </c>
      <c r="D12051" s="1" t="s">
        <v>10284</v>
      </c>
      <c r="E12051" s="1" t="s">
        <v>11</v>
      </c>
    </row>
    <row r="12052">
      <c r="A12052" s="1">
        <v>4.90502376E8</v>
      </c>
      <c r="B12052" s="2">
        <v>13418.0</v>
      </c>
      <c r="C12052" s="1" t="s">
        <v>5</v>
      </c>
      <c r="D12052" s="1" t="s">
        <v>10285</v>
      </c>
      <c r="E12052" s="1" t="s">
        <v>11</v>
      </c>
    </row>
    <row r="12053">
      <c r="A12053" s="1">
        <v>4.90502418E8</v>
      </c>
      <c r="B12053" s="2">
        <v>13352.0</v>
      </c>
      <c r="C12053" s="1" t="s">
        <v>5</v>
      </c>
      <c r="D12053" s="1" t="s">
        <v>11</v>
      </c>
      <c r="E12053" s="1" t="s">
        <v>7</v>
      </c>
    </row>
    <row r="12054">
      <c r="A12054" s="1">
        <v>4.90502442E8</v>
      </c>
      <c r="B12054" s="2">
        <v>13419.0</v>
      </c>
      <c r="C12054" s="1" t="s">
        <v>5</v>
      </c>
      <c r="D12054" s="1" t="s">
        <v>10286</v>
      </c>
      <c r="E12054" s="1" t="s">
        <v>7</v>
      </c>
    </row>
    <row r="12055">
      <c r="A12055" s="1">
        <v>4.90502475E8</v>
      </c>
      <c r="B12055" s="2">
        <v>13354.0</v>
      </c>
      <c r="C12055" s="1" t="s">
        <v>5</v>
      </c>
      <c r="D12055" s="1" t="s">
        <v>10287</v>
      </c>
      <c r="E12055" s="1" t="s">
        <v>11</v>
      </c>
    </row>
    <row r="12056">
      <c r="A12056" s="1">
        <v>4.90502506E8</v>
      </c>
      <c r="B12056" s="2">
        <v>13375.0</v>
      </c>
      <c r="C12056" s="1" t="s">
        <v>5</v>
      </c>
      <c r="D12056" s="1" t="s">
        <v>10288</v>
      </c>
      <c r="E12056" s="1" t="s">
        <v>10289</v>
      </c>
    </row>
    <row r="12057">
      <c r="A12057" s="1">
        <v>4.90502507E8</v>
      </c>
      <c r="B12057" s="2">
        <v>13479.0</v>
      </c>
      <c r="C12057" s="1" t="s">
        <v>5</v>
      </c>
      <c r="D12057" s="1" t="s">
        <v>11</v>
      </c>
      <c r="E12057" s="1" t="s">
        <v>7</v>
      </c>
    </row>
    <row r="12058">
      <c r="A12058" s="1">
        <v>4.9050251E8</v>
      </c>
      <c r="B12058" s="2">
        <v>13371.0</v>
      </c>
      <c r="C12058" s="1" t="s">
        <v>5</v>
      </c>
      <c r="D12058" s="1" t="s">
        <v>11</v>
      </c>
      <c r="E12058" s="1" t="s">
        <v>7</v>
      </c>
    </row>
    <row r="12059">
      <c r="A12059" s="1">
        <v>4.90502515E8</v>
      </c>
      <c r="B12059" s="2">
        <v>13479.0</v>
      </c>
      <c r="C12059" s="1" t="s">
        <v>5</v>
      </c>
      <c r="D12059" s="1" t="s">
        <v>10290</v>
      </c>
      <c r="E12059" s="1" t="s">
        <v>10291</v>
      </c>
    </row>
    <row r="12060">
      <c r="A12060" s="1">
        <v>4.90502517E8</v>
      </c>
      <c r="B12060" s="2">
        <v>13256.0</v>
      </c>
      <c r="C12060" s="1" t="s">
        <v>5</v>
      </c>
      <c r="D12060" s="1" t="s">
        <v>10292</v>
      </c>
      <c r="E12060" s="1" t="s">
        <v>7</v>
      </c>
    </row>
    <row r="12061">
      <c r="A12061" s="1">
        <v>4.9050252E8</v>
      </c>
      <c r="B12061" s="2">
        <v>13431.0</v>
      </c>
      <c r="C12061" s="1" t="s">
        <v>5</v>
      </c>
      <c r="D12061" s="1" t="s">
        <v>10293</v>
      </c>
      <c r="E12061" s="1" t="s">
        <v>11</v>
      </c>
    </row>
    <row r="12062">
      <c r="A12062" s="1">
        <v>4.90502525E8</v>
      </c>
      <c r="B12062" s="2">
        <v>13398.0</v>
      </c>
      <c r="C12062" s="1" t="s">
        <v>5</v>
      </c>
      <c r="D12062" s="1" t="s">
        <v>10294</v>
      </c>
      <c r="E12062" s="1" t="s">
        <v>11</v>
      </c>
    </row>
    <row r="12063">
      <c r="A12063" s="1">
        <v>4.90502537E8</v>
      </c>
      <c r="B12063" s="2">
        <v>13399.0</v>
      </c>
      <c r="C12063" s="1" t="s">
        <v>5</v>
      </c>
      <c r="D12063" s="1" t="s">
        <v>11</v>
      </c>
      <c r="E12063" s="1" t="s">
        <v>7</v>
      </c>
    </row>
    <row r="12064">
      <c r="A12064" s="1">
        <v>4.90502556E8</v>
      </c>
      <c r="B12064" s="2">
        <v>13399.0</v>
      </c>
      <c r="C12064" s="1" t="s">
        <v>5</v>
      </c>
      <c r="D12064" s="1" t="s">
        <v>10295</v>
      </c>
      <c r="E12064" s="1" t="s">
        <v>7</v>
      </c>
    </row>
    <row r="12065">
      <c r="A12065" s="1">
        <v>4.90502577E8</v>
      </c>
      <c r="B12065" s="2">
        <v>13398.0</v>
      </c>
      <c r="C12065" s="1" t="s">
        <v>5</v>
      </c>
      <c r="D12065" s="1" t="s">
        <v>11</v>
      </c>
      <c r="E12065" s="1" t="s">
        <v>7</v>
      </c>
    </row>
    <row r="12066">
      <c r="A12066" s="1">
        <v>4.90502584E8</v>
      </c>
      <c r="B12066" s="2">
        <v>13414.0</v>
      </c>
      <c r="C12066" s="1" t="s">
        <v>5</v>
      </c>
      <c r="D12066" s="1" t="s">
        <v>10296</v>
      </c>
      <c r="E12066" s="1" t="s">
        <v>7</v>
      </c>
    </row>
    <row r="12067">
      <c r="A12067" s="1">
        <v>4.90502593E8</v>
      </c>
      <c r="B12067" s="2">
        <v>13419.0</v>
      </c>
      <c r="C12067" s="1" t="s">
        <v>5</v>
      </c>
      <c r="D12067" s="1" t="s">
        <v>10297</v>
      </c>
      <c r="E12067" s="1" t="s">
        <v>11</v>
      </c>
    </row>
    <row r="12068">
      <c r="A12068" s="1">
        <v>4.90502596E8</v>
      </c>
      <c r="B12068" s="2">
        <v>13413.0</v>
      </c>
      <c r="C12068" s="1" t="s">
        <v>5</v>
      </c>
      <c r="D12068" s="1" t="s">
        <v>10298</v>
      </c>
      <c r="E12068" s="1" t="s">
        <v>10299</v>
      </c>
    </row>
    <row r="12069">
      <c r="A12069" s="1">
        <v>4.905026E8</v>
      </c>
      <c r="B12069" s="2">
        <v>13252.0</v>
      </c>
      <c r="C12069" s="1" t="s">
        <v>5</v>
      </c>
      <c r="D12069" s="1" t="s">
        <v>10300</v>
      </c>
      <c r="E12069" s="1" t="s">
        <v>7</v>
      </c>
    </row>
    <row r="12070">
      <c r="A12070" s="1">
        <v>4.9050261E8</v>
      </c>
      <c r="B12070" s="2">
        <v>13364.0</v>
      </c>
      <c r="C12070" s="1" t="s">
        <v>5</v>
      </c>
      <c r="D12070" s="1" t="s">
        <v>11</v>
      </c>
      <c r="E12070" s="1" t="s">
        <v>7</v>
      </c>
    </row>
    <row r="12071">
      <c r="A12071" s="1">
        <v>4.90502677E8</v>
      </c>
      <c r="B12071" s="2">
        <v>13367.0</v>
      </c>
      <c r="C12071" s="1" t="s">
        <v>5</v>
      </c>
      <c r="D12071" s="1" t="s">
        <v>10301</v>
      </c>
      <c r="E12071" s="1" t="s">
        <v>11</v>
      </c>
    </row>
    <row r="12072">
      <c r="A12072" s="1">
        <v>4.90502682E8</v>
      </c>
      <c r="B12072" s="2">
        <v>13251.0</v>
      </c>
      <c r="C12072" s="1" t="s">
        <v>5</v>
      </c>
      <c r="D12072" s="1" t="s">
        <v>10302</v>
      </c>
      <c r="E12072" s="1" t="s">
        <v>7</v>
      </c>
    </row>
    <row r="12073">
      <c r="A12073" s="1">
        <v>4.90502777E8</v>
      </c>
      <c r="B12073" s="2">
        <v>13411.0</v>
      </c>
      <c r="C12073" s="1" t="s">
        <v>5</v>
      </c>
      <c r="D12073" s="1" t="s">
        <v>11</v>
      </c>
      <c r="E12073" s="1" t="s">
        <v>7</v>
      </c>
    </row>
    <row r="12074">
      <c r="A12074" s="1">
        <v>4.90502794E8</v>
      </c>
      <c r="B12074" s="2">
        <v>13411.0</v>
      </c>
      <c r="C12074" s="1" t="s">
        <v>5</v>
      </c>
      <c r="D12074" s="1" t="s">
        <v>10303</v>
      </c>
      <c r="E12074" s="1" t="s">
        <v>11</v>
      </c>
    </row>
    <row r="12075">
      <c r="A12075" s="1">
        <v>4.90502835E8</v>
      </c>
      <c r="B12075" s="2">
        <v>13420.0</v>
      </c>
      <c r="C12075" s="1" t="s">
        <v>5</v>
      </c>
      <c r="D12075" s="1" t="s">
        <v>10304</v>
      </c>
      <c r="E12075" s="1" t="s">
        <v>7</v>
      </c>
    </row>
    <row r="12076">
      <c r="A12076" s="1">
        <v>4.90502886E8</v>
      </c>
      <c r="B12076" s="2">
        <v>13356.0</v>
      </c>
      <c r="C12076" s="1" t="s">
        <v>5</v>
      </c>
      <c r="D12076" s="1" t="s">
        <v>10305</v>
      </c>
      <c r="E12076" s="1" t="s">
        <v>7</v>
      </c>
    </row>
    <row r="12077">
      <c r="A12077" s="1">
        <v>4.90502922E8</v>
      </c>
      <c r="B12077" s="2">
        <v>13413.0</v>
      </c>
      <c r="C12077" s="1" t="s">
        <v>5</v>
      </c>
      <c r="D12077" s="1" t="s">
        <v>10306</v>
      </c>
      <c r="E12077" s="1" t="s">
        <v>7</v>
      </c>
    </row>
    <row r="12078">
      <c r="A12078" s="1">
        <v>4.90502942E8</v>
      </c>
      <c r="B12078" s="2">
        <v>13410.0</v>
      </c>
      <c r="C12078" s="1" t="s">
        <v>5</v>
      </c>
      <c r="D12078" s="1" t="s">
        <v>10307</v>
      </c>
      <c r="E12078" s="1" t="s">
        <v>11</v>
      </c>
    </row>
    <row r="12079">
      <c r="A12079" s="1">
        <v>4.90502957E8</v>
      </c>
      <c r="B12079" s="2">
        <v>13363.0</v>
      </c>
      <c r="C12079" s="1" t="s">
        <v>5</v>
      </c>
      <c r="D12079" s="1" t="s">
        <v>10308</v>
      </c>
      <c r="E12079" s="1" t="s">
        <v>7</v>
      </c>
    </row>
    <row r="12080">
      <c r="A12080" s="1">
        <v>4.90502963E8</v>
      </c>
      <c r="B12080" s="2">
        <v>13477.0</v>
      </c>
      <c r="C12080" s="1" t="s">
        <v>5</v>
      </c>
      <c r="D12080" s="1" t="s">
        <v>10309</v>
      </c>
      <c r="E12080" s="1" t="s">
        <v>7</v>
      </c>
    </row>
    <row r="12081">
      <c r="A12081" s="1">
        <v>4.90502967E8</v>
      </c>
      <c r="B12081" s="2">
        <v>13345.0</v>
      </c>
      <c r="C12081" s="1" t="s">
        <v>5</v>
      </c>
      <c r="D12081" s="1" t="s">
        <v>10310</v>
      </c>
      <c r="E12081" s="1" t="s">
        <v>7</v>
      </c>
    </row>
    <row r="12082">
      <c r="A12082" s="1">
        <v>4.90503024E8</v>
      </c>
      <c r="B12082" s="2">
        <v>13356.0</v>
      </c>
      <c r="C12082" s="1" t="s">
        <v>5</v>
      </c>
      <c r="D12082" s="1" t="s">
        <v>10311</v>
      </c>
      <c r="E12082" s="1" t="s">
        <v>7</v>
      </c>
    </row>
    <row r="12083">
      <c r="A12083" s="1">
        <v>4.90503046E8</v>
      </c>
      <c r="B12083" s="2">
        <v>13342.0</v>
      </c>
      <c r="C12083" s="1" t="s">
        <v>5</v>
      </c>
      <c r="D12083" s="1" t="s">
        <v>10312</v>
      </c>
      <c r="E12083" s="1" t="s">
        <v>7</v>
      </c>
    </row>
    <row r="12084">
      <c r="A12084" s="1">
        <v>4.9050309E8</v>
      </c>
      <c r="B12084" s="2">
        <v>13469.0</v>
      </c>
      <c r="C12084" s="1" t="s">
        <v>5</v>
      </c>
      <c r="D12084" s="1" t="s">
        <v>11</v>
      </c>
      <c r="E12084" s="1" t="s">
        <v>7</v>
      </c>
    </row>
    <row r="12085">
      <c r="A12085" s="1">
        <v>4.90503163E8</v>
      </c>
      <c r="B12085" s="2">
        <v>13399.0</v>
      </c>
      <c r="C12085" s="1" t="s">
        <v>5</v>
      </c>
      <c r="D12085" s="1" t="s">
        <v>10313</v>
      </c>
      <c r="E12085" s="1" t="s">
        <v>11</v>
      </c>
    </row>
    <row r="12086">
      <c r="A12086" s="1">
        <v>4.90503174E8</v>
      </c>
      <c r="B12086" s="2">
        <v>13468.0</v>
      </c>
      <c r="C12086" s="1" t="s">
        <v>5</v>
      </c>
      <c r="D12086" s="1" t="s">
        <v>11</v>
      </c>
      <c r="E12086" s="1" t="s">
        <v>7</v>
      </c>
    </row>
    <row r="12087">
      <c r="A12087" s="1">
        <v>4.90503182E8</v>
      </c>
      <c r="B12087" s="2">
        <v>13399.0</v>
      </c>
      <c r="C12087" s="1" t="s">
        <v>5</v>
      </c>
      <c r="D12087" s="1" t="s">
        <v>10314</v>
      </c>
      <c r="E12087" s="1" t="s">
        <v>7</v>
      </c>
    </row>
    <row r="12088">
      <c r="A12088" s="1">
        <v>4.90503234E8</v>
      </c>
      <c r="B12088" s="2">
        <v>13468.0</v>
      </c>
      <c r="C12088" s="1" t="s">
        <v>5</v>
      </c>
      <c r="D12088" s="1" t="s">
        <v>10315</v>
      </c>
      <c r="E12088" s="1" t="s">
        <v>7</v>
      </c>
    </row>
    <row r="12089">
      <c r="A12089" s="1">
        <v>4.90503247E8</v>
      </c>
      <c r="B12089" s="2">
        <v>13415.0</v>
      </c>
      <c r="C12089" s="1" t="s">
        <v>5</v>
      </c>
      <c r="D12089" s="1" t="s">
        <v>10316</v>
      </c>
      <c r="E12089" s="1" t="s">
        <v>7</v>
      </c>
    </row>
    <row r="12090">
      <c r="A12090" s="1">
        <v>4.90503275E8</v>
      </c>
      <c r="B12090" s="2">
        <v>13411.0</v>
      </c>
      <c r="C12090" s="1" t="s">
        <v>5</v>
      </c>
      <c r="D12090" s="1" t="s">
        <v>10317</v>
      </c>
      <c r="E12090" s="1" t="s">
        <v>7</v>
      </c>
    </row>
    <row r="12091">
      <c r="A12091" s="1">
        <v>4.90503287E8</v>
      </c>
      <c r="B12091" s="2">
        <v>13422.0</v>
      </c>
      <c r="C12091" s="1" t="s">
        <v>5</v>
      </c>
      <c r="D12091" s="1" t="s">
        <v>10318</v>
      </c>
      <c r="E12091" s="1" t="s">
        <v>11</v>
      </c>
    </row>
    <row r="12092">
      <c r="A12092" s="1">
        <v>4.90503312E8</v>
      </c>
      <c r="B12092" s="2">
        <v>13421.0</v>
      </c>
      <c r="C12092" s="1" t="s">
        <v>5</v>
      </c>
      <c r="D12092" s="1" t="s">
        <v>10319</v>
      </c>
      <c r="E12092" s="1" t="s">
        <v>7</v>
      </c>
    </row>
    <row r="12093">
      <c r="A12093" s="1">
        <v>4.90503316E8</v>
      </c>
      <c r="B12093" s="2">
        <v>13336.0</v>
      </c>
      <c r="C12093" s="1" t="s">
        <v>5</v>
      </c>
      <c r="D12093" s="1" t="s">
        <v>10320</v>
      </c>
      <c r="E12093" s="1" t="s">
        <v>10321</v>
      </c>
    </row>
    <row r="12094">
      <c r="A12094" s="1">
        <v>4.90503323E8</v>
      </c>
      <c r="B12094" s="2">
        <v>13398.0</v>
      </c>
      <c r="C12094" s="1" t="s">
        <v>5</v>
      </c>
      <c r="D12094" s="1" t="s">
        <v>10322</v>
      </c>
      <c r="E12094" s="1" t="s">
        <v>7</v>
      </c>
    </row>
    <row r="12095">
      <c r="A12095" s="1">
        <v>4.90503339E8</v>
      </c>
      <c r="B12095" s="2">
        <v>13467.0</v>
      </c>
      <c r="C12095" s="1" t="s">
        <v>5</v>
      </c>
      <c r="D12095" s="1" t="s">
        <v>10323</v>
      </c>
      <c r="E12095" s="1" t="s">
        <v>11</v>
      </c>
    </row>
    <row r="12096">
      <c r="A12096" s="1">
        <v>4.90503352E8</v>
      </c>
      <c r="B12096" s="2">
        <v>13368.0</v>
      </c>
      <c r="C12096" s="1" t="s">
        <v>5</v>
      </c>
      <c r="D12096" s="1" t="s">
        <v>11</v>
      </c>
      <c r="E12096" s="1" t="s">
        <v>7</v>
      </c>
    </row>
    <row r="12097">
      <c r="A12097" s="1">
        <v>4.90503357E8</v>
      </c>
      <c r="B12097" s="2">
        <v>13398.0</v>
      </c>
      <c r="C12097" s="1" t="s">
        <v>5</v>
      </c>
      <c r="D12097" s="1" t="s">
        <v>10324</v>
      </c>
      <c r="E12097" s="1" t="s">
        <v>7</v>
      </c>
    </row>
    <row r="12098">
      <c r="A12098" s="1">
        <v>4.90503359E8</v>
      </c>
      <c r="B12098" s="2">
        <v>13414.0</v>
      </c>
      <c r="C12098" s="1" t="s">
        <v>5</v>
      </c>
      <c r="D12098" s="1" t="s">
        <v>10325</v>
      </c>
      <c r="E12098" s="1" t="s">
        <v>10326</v>
      </c>
    </row>
    <row r="12099">
      <c r="A12099" s="1">
        <v>4.90503396E8</v>
      </c>
      <c r="B12099" s="2">
        <v>13410.0</v>
      </c>
      <c r="C12099" s="1" t="s">
        <v>5</v>
      </c>
      <c r="D12099" s="1" t="s">
        <v>10327</v>
      </c>
      <c r="E12099" s="1" t="s">
        <v>7</v>
      </c>
    </row>
    <row r="12100">
      <c r="A12100" s="1">
        <v>4.905034E8</v>
      </c>
      <c r="B12100" s="2">
        <v>13427.0</v>
      </c>
      <c r="C12100" s="1" t="s">
        <v>5</v>
      </c>
      <c r="D12100" s="1" t="s">
        <v>11</v>
      </c>
      <c r="E12100" s="1" t="s">
        <v>7</v>
      </c>
    </row>
    <row r="12101">
      <c r="A12101" s="1">
        <v>4.90503418E8</v>
      </c>
      <c r="B12101" s="2">
        <v>13407.0</v>
      </c>
      <c r="C12101" s="1" t="s">
        <v>5</v>
      </c>
      <c r="D12101" s="1" t="s">
        <v>10328</v>
      </c>
      <c r="E12101" s="1" t="s">
        <v>11</v>
      </c>
    </row>
    <row r="12102">
      <c r="A12102" s="1">
        <v>4.90503436E8</v>
      </c>
      <c r="B12102" s="2">
        <v>13368.0</v>
      </c>
      <c r="C12102" s="1" t="s">
        <v>5</v>
      </c>
      <c r="D12102" s="1" t="s">
        <v>10329</v>
      </c>
      <c r="E12102" s="1" t="s">
        <v>7</v>
      </c>
    </row>
    <row r="12103">
      <c r="A12103" s="1">
        <v>4.90503481E8</v>
      </c>
      <c r="B12103" s="2">
        <v>13371.0</v>
      </c>
      <c r="C12103" s="1" t="s">
        <v>5</v>
      </c>
      <c r="D12103" s="1" t="s">
        <v>11</v>
      </c>
      <c r="E12103" s="1" t="s">
        <v>7</v>
      </c>
    </row>
    <row r="12104">
      <c r="A12104" s="1">
        <v>4.90503482E8</v>
      </c>
      <c r="B12104" s="2">
        <v>13336.0</v>
      </c>
      <c r="C12104" s="1" t="s">
        <v>5</v>
      </c>
      <c r="D12104" s="1" t="s">
        <v>10330</v>
      </c>
      <c r="E12104" s="1" t="s">
        <v>11</v>
      </c>
    </row>
    <row r="12105">
      <c r="A12105" s="1">
        <v>4.90503495E8</v>
      </c>
      <c r="B12105" s="2">
        <v>13430.0</v>
      </c>
      <c r="C12105" s="1" t="s">
        <v>5</v>
      </c>
      <c r="D12105" s="1" t="s">
        <v>10331</v>
      </c>
      <c r="E12105" s="1" t="s">
        <v>7</v>
      </c>
    </row>
    <row r="12106">
      <c r="A12106" s="1">
        <v>4.90503502E8</v>
      </c>
      <c r="B12106" s="2">
        <v>13484.0</v>
      </c>
      <c r="C12106" s="1" t="s">
        <v>5</v>
      </c>
      <c r="D12106" s="1" t="s">
        <v>10332</v>
      </c>
      <c r="E12106" s="1" t="s">
        <v>10333</v>
      </c>
    </row>
    <row r="12107">
      <c r="A12107" s="1">
        <v>4.90503511E8</v>
      </c>
      <c r="B12107" s="2">
        <v>13417.0</v>
      </c>
      <c r="C12107" s="1" t="s">
        <v>5</v>
      </c>
      <c r="D12107" s="1" t="s">
        <v>10334</v>
      </c>
      <c r="E12107" s="1" t="s">
        <v>7</v>
      </c>
    </row>
    <row r="12108">
      <c r="A12108" s="1">
        <v>4.90503566E8</v>
      </c>
      <c r="B12108" s="2">
        <v>13399.0</v>
      </c>
      <c r="C12108" s="1" t="s">
        <v>5</v>
      </c>
      <c r="D12108" s="1" t="s">
        <v>11</v>
      </c>
      <c r="E12108" s="1" t="s">
        <v>7</v>
      </c>
    </row>
    <row r="12109">
      <c r="A12109" s="1">
        <v>4.90503632E8</v>
      </c>
      <c r="B12109" s="2">
        <v>13416.0</v>
      </c>
      <c r="C12109" s="1" t="s">
        <v>5</v>
      </c>
      <c r="D12109" s="1" t="s">
        <v>10335</v>
      </c>
      <c r="E12109" s="1" t="s">
        <v>7</v>
      </c>
    </row>
    <row r="12110">
      <c r="A12110" s="1">
        <v>4.90503634E8</v>
      </c>
      <c r="B12110" s="2">
        <v>13479.0</v>
      </c>
      <c r="C12110" s="1" t="s">
        <v>5</v>
      </c>
      <c r="D12110" s="1" t="s">
        <v>10336</v>
      </c>
      <c r="E12110" s="1" t="s">
        <v>10337</v>
      </c>
    </row>
    <row r="12111">
      <c r="A12111" s="1">
        <v>4.90503644E8</v>
      </c>
      <c r="B12111" s="2">
        <v>13420.0</v>
      </c>
      <c r="C12111" s="1" t="s">
        <v>5</v>
      </c>
      <c r="D12111" s="1" t="s">
        <v>11</v>
      </c>
      <c r="E12111" s="1" t="s">
        <v>7</v>
      </c>
    </row>
    <row r="12112">
      <c r="A12112" s="1">
        <v>4.9050367E8</v>
      </c>
      <c r="B12112" s="2">
        <v>13430.0</v>
      </c>
      <c r="C12112" s="1" t="s">
        <v>5</v>
      </c>
      <c r="D12112" s="1" t="s">
        <v>10338</v>
      </c>
      <c r="E12112" s="1" t="s">
        <v>7</v>
      </c>
    </row>
    <row r="12113">
      <c r="A12113" s="1">
        <v>4.9050369E8</v>
      </c>
      <c r="B12113" s="2">
        <v>13407.0</v>
      </c>
      <c r="C12113" s="1" t="s">
        <v>5</v>
      </c>
      <c r="D12113" s="1" t="s">
        <v>10339</v>
      </c>
      <c r="E12113" s="1" t="s">
        <v>11</v>
      </c>
    </row>
    <row r="12114">
      <c r="A12114" s="1">
        <v>4.90503727E8</v>
      </c>
      <c r="B12114" s="2">
        <v>13478.0</v>
      </c>
      <c r="C12114" s="1" t="s">
        <v>5</v>
      </c>
      <c r="D12114" s="1" t="s">
        <v>10340</v>
      </c>
      <c r="E12114" s="1" t="s">
        <v>7</v>
      </c>
    </row>
    <row r="12115">
      <c r="A12115" s="1">
        <v>4.90503744E8</v>
      </c>
      <c r="B12115" s="2">
        <v>13423.0</v>
      </c>
      <c r="C12115" s="1" t="s">
        <v>5</v>
      </c>
      <c r="D12115" s="1" t="s">
        <v>11</v>
      </c>
      <c r="E12115" s="1" t="s">
        <v>7</v>
      </c>
    </row>
    <row r="12116">
      <c r="A12116" s="1">
        <v>4.90503751E8</v>
      </c>
      <c r="B12116" s="2">
        <v>13484.0</v>
      </c>
      <c r="C12116" s="1" t="s">
        <v>5</v>
      </c>
      <c r="D12116" s="1" t="s">
        <v>11</v>
      </c>
      <c r="E12116" s="1" t="s">
        <v>7</v>
      </c>
    </row>
    <row r="12117">
      <c r="A12117" s="1">
        <v>4.90503756E8</v>
      </c>
      <c r="B12117" s="2">
        <v>13366.0</v>
      </c>
      <c r="C12117" s="1" t="s">
        <v>5</v>
      </c>
      <c r="D12117" s="1" t="s">
        <v>10341</v>
      </c>
      <c r="E12117" s="1" t="s">
        <v>10342</v>
      </c>
    </row>
    <row r="12118">
      <c r="A12118" s="1">
        <v>4.90503792E8</v>
      </c>
      <c r="B12118" s="2">
        <v>13422.0</v>
      </c>
      <c r="C12118" s="1" t="s">
        <v>5</v>
      </c>
      <c r="D12118" s="1" t="s">
        <v>10343</v>
      </c>
      <c r="E12118" s="1" t="s">
        <v>7</v>
      </c>
    </row>
    <row r="12119">
      <c r="A12119" s="1">
        <v>4.90503795E8</v>
      </c>
      <c r="B12119" s="2">
        <v>13406.0</v>
      </c>
      <c r="C12119" s="1" t="s">
        <v>5</v>
      </c>
      <c r="D12119" s="1" t="s">
        <v>11</v>
      </c>
      <c r="E12119" s="1" t="s">
        <v>7</v>
      </c>
    </row>
    <row r="12120">
      <c r="A12120" s="1">
        <v>4.905038E8</v>
      </c>
      <c r="B12120" s="2">
        <v>13366.0</v>
      </c>
      <c r="C12120" s="1" t="s">
        <v>5</v>
      </c>
      <c r="D12120" s="1" t="s">
        <v>10344</v>
      </c>
      <c r="E12120" s="1" t="s">
        <v>7</v>
      </c>
    </row>
    <row r="12121">
      <c r="A12121" s="1">
        <v>4.90503824E8</v>
      </c>
      <c r="B12121" s="2">
        <v>13406.0</v>
      </c>
      <c r="C12121" s="1" t="s">
        <v>5</v>
      </c>
      <c r="D12121" s="1" t="s">
        <v>10345</v>
      </c>
      <c r="E12121" s="1" t="s">
        <v>11</v>
      </c>
    </row>
    <row r="12122">
      <c r="A12122" s="1">
        <v>4.90503895E8</v>
      </c>
      <c r="B12122" s="2">
        <v>13365.0</v>
      </c>
      <c r="C12122" s="1" t="s">
        <v>5</v>
      </c>
      <c r="D12122" s="1" t="s">
        <v>10346</v>
      </c>
      <c r="E12122" s="1" t="s">
        <v>7</v>
      </c>
    </row>
    <row r="12123">
      <c r="A12123" s="1">
        <v>4.90503982E8</v>
      </c>
      <c r="B12123" s="2">
        <v>13399.0</v>
      </c>
      <c r="C12123" s="1" t="s">
        <v>5</v>
      </c>
      <c r="D12123" s="1" t="s">
        <v>10347</v>
      </c>
      <c r="E12123" s="1" t="s">
        <v>11</v>
      </c>
    </row>
    <row r="12124">
      <c r="A12124" s="1">
        <v>4.90504031E8</v>
      </c>
      <c r="B12124" s="2">
        <v>13466.0</v>
      </c>
      <c r="C12124" s="1" t="s">
        <v>5</v>
      </c>
      <c r="D12124" s="1" t="s">
        <v>10348</v>
      </c>
      <c r="E12124" s="1" t="s">
        <v>7</v>
      </c>
    </row>
    <row r="12125">
      <c r="A12125" s="1">
        <v>4.90504074E8</v>
      </c>
      <c r="B12125" s="2">
        <v>13415.0</v>
      </c>
      <c r="C12125" s="1" t="s">
        <v>5</v>
      </c>
      <c r="D12125" s="1" t="s">
        <v>10349</v>
      </c>
      <c r="E12125" s="1" t="s">
        <v>7</v>
      </c>
    </row>
    <row r="12126">
      <c r="A12126" s="1">
        <v>4.90504162E8</v>
      </c>
      <c r="B12126" s="2">
        <v>13415.0</v>
      </c>
      <c r="C12126" s="1" t="s">
        <v>5</v>
      </c>
      <c r="D12126" s="1" t="s">
        <v>10350</v>
      </c>
      <c r="E12126" s="1" t="s">
        <v>7</v>
      </c>
    </row>
    <row r="12127">
      <c r="A12127" s="1">
        <v>4.90504202E8</v>
      </c>
      <c r="B12127" s="2">
        <v>13475.0</v>
      </c>
      <c r="C12127" s="1" t="s">
        <v>5</v>
      </c>
      <c r="D12127" s="1" t="s">
        <v>10351</v>
      </c>
      <c r="E12127" s="1" t="s">
        <v>11</v>
      </c>
    </row>
    <row r="12128">
      <c r="A12128" s="1">
        <v>4.90504272E8</v>
      </c>
      <c r="B12128" s="2">
        <v>13411.0</v>
      </c>
      <c r="C12128" s="1" t="s">
        <v>5</v>
      </c>
      <c r="D12128" s="1" t="s">
        <v>10352</v>
      </c>
      <c r="E12128" s="1" t="s">
        <v>11</v>
      </c>
    </row>
    <row r="12129">
      <c r="A12129" s="1">
        <v>4.9050428E8</v>
      </c>
      <c r="B12129" s="2">
        <v>13359.0</v>
      </c>
      <c r="C12129" s="1" t="s">
        <v>5</v>
      </c>
      <c r="D12129" s="1" t="s">
        <v>11</v>
      </c>
      <c r="E12129" s="1" t="s">
        <v>7</v>
      </c>
    </row>
    <row r="12130">
      <c r="A12130" s="1">
        <v>4.90504348E8</v>
      </c>
      <c r="B12130" s="2">
        <v>13399.0</v>
      </c>
      <c r="C12130" s="1" t="s">
        <v>5</v>
      </c>
      <c r="D12130" s="1" t="s">
        <v>10353</v>
      </c>
      <c r="E12130" s="1" t="s">
        <v>7</v>
      </c>
    </row>
    <row r="12131">
      <c r="A12131" s="1">
        <v>4.90504393E8</v>
      </c>
      <c r="B12131" s="2">
        <v>13419.0</v>
      </c>
      <c r="C12131" s="1" t="s">
        <v>5</v>
      </c>
      <c r="D12131" s="1" t="s">
        <v>11</v>
      </c>
      <c r="E12131" s="1" t="s">
        <v>7</v>
      </c>
    </row>
    <row r="12132">
      <c r="A12132" s="1">
        <v>4.90504449E8</v>
      </c>
      <c r="B12132" s="2">
        <v>13413.0</v>
      </c>
      <c r="C12132" s="1" t="s">
        <v>5</v>
      </c>
      <c r="D12132" s="1" t="s">
        <v>10354</v>
      </c>
      <c r="E12132" s="1" t="s">
        <v>11</v>
      </c>
    </row>
    <row r="12133">
      <c r="A12133" s="1">
        <v>4.90504473E8</v>
      </c>
      <c r="B12133" s="2">
        <v>13467.0</v>
      </c>
      <c r="C12133" s="1" t="s">
        <v>5</v>
      </c>
      <c r="D12133" s="1" t="s">
        <v>10355</v>
      </c>
      <c r="E12133" s="1" t="s">
        <v>10356</v>
      </c>
    </row>
    <row r="12134">
      <c r="A12134" s="1">
        <v>4.90504485E8</v>
      </c>
      <c r="B12134" s="2">
        <v>13421.0</v>
      </c>
      <c r="C12134" s="1" t="s">
        <v>5</v>
      </c>
      <c r="D12134" s="1" t="s">
        <v>10357</v>
      </c>
      <c r="E12134" s="1" t="s">
        <v>11</v>
      </c>
    </row>
    <row r="12135">
      <c r="A12135" s="1">
        <v>4.90504505E8</v>
      </c>
      <c r="B12135" s="2">
        <v>13472.0</v>
      </c>
      <c r="C12135" s="1" t="s">
        <v>5</v>
      </c>
      <c r="D12135" s="1" t="s">
        <v>10358</v>
      </c>
      <c r="E12135" s="1" t="s">
        <v>7</v>
      </c>
    </row>
    <row r="12136">
      <c r="A12136" s="1">
        <v>4.90504522E8</v>
      </c>
      <c r="B12136" s="2">
        <v>13418.0</v>
      </c>
      <c r="C12136" s="1" t="s">
        <v>5</v>
      </c>
      <c r="D12136" s="1" t="s">
        <v>11</v>
      </c>
      <c r="E12136" s="1" t="s">
        <v>7</v>
      </c>
    </row>
    <row r="12137">
      <c r="A12137" s="1">
        <v>4.90504527E8</v>
      </c>
      <c r="B12137" s="2">
        <v>13410.0</v>
      </c>
      <c r="C12137" s="1" t="s">
        <v>5</v>
      </c>
      <c r="D12137" s="1" t="s">
        <v>10359</v>
      </c>
      <c r="E12137" s="1" t="s">
        <v>7</v>
      </c>
    </row>
    <row r="12138">
      <c r="A12138" s="1">
        <v>4.90504539E8</v>
      </c>
      <c r="B12138" s="2">
        <v>13418.0</v>
      </c>
      <c r="C12138" s="1" t="s">
        <v>5</v>
      </c>
      <c r="D12138" s="1" t="s">
        <v>11</v>
      </c>
      <c r="E12138" s="1" t="s">
        <v>7</v>
      </c>
    </row>
    <row r="12139">
      <c r="A12139" s="1">
        <v>4.90504597E8</v>
      </c>
      <c r="B12139" s="2">
        <v>13418.0</v>
      </c>
      <c r="C12139" s="1" t="s">
        <v>5</v>
      </c>
      <c r="D12139" s="1" t="s">
        <v>10360</v>
      </c>
      <c r="E12139" s="1" t="s">
        <v>7</v>
      </c>
    </row>
    <row r="12140">
      <c r="A12140" s="1">
        <v>4.90504601E8</v>
      </c>
      <c r="B12140" s="2">
        <v>13419.0</v>
      </c>
      <c r="C12140" s="1" t="s">
        <v>5</v>
      </c>
      <c r="D12140" s="1" t="s">
        <v>10361</v>
      </c>
      <c r="E12140" s="1" t="s">
        <v>11</v>
      </c>
    </row>
    <row r="12141">
      <c r="A12141" s="1">
        <v>4.90504605E8</v>
      </c>
      <c r="B12141" s="2">
        <v>13463.0</v>
      </c>
      <c r="C12141" s="1" t="s">
        <v>5</v>
      </c>
      <c r="D12141" s="1" t="s">
        <v>10362</v>
      </c>
      <c r="E12141" s="1" t="s">
        <v>7</v>
      </c>
    </row>
    <row r="12142">
      <c r="A12142" s="1">
        <v>4.90504622E8</v>
      </c>
      <c r="B12142" s="2">
        <v>13471.0</v>
      </c>
      <c r="C12142" s="1" t="s">
        <v>5</v>
      </c>
      <c r="D12142" s="1" t="s">
        <v>10363</v>
      </c>
      <c r="E12142" s="1" t="s">
        <v>11</v>
      </c>
    </row>
    <row r="12143">
      <c r="A12143" s="1">
        <v>4.9050464E8</v>
      </c>
      <c r="B12143" s="2">
        <v>13396.0</v>
      </c>
      <c r="C12143" s="1" t="s">
        <v>5</v>
      </c>
      <c r="D12143" s="1" t="s">
        <v>10364</v>
      </c>
      <c r="E12143" s="1" t="s">
        <v>7</v>
      </c>
    </row>
    <row r="12144">
      <c r="A12144" s="1">
        <v>4.9050465E8</v>
      </c>
      <c r="B12144" s="2">
        <v>13459.0</v>
      </c>
      <c r="C12144" s="1" t="s">
        <v>5</v>
      </c>
      <c r="D12144" s="1" t="s">
        <v>10365</v>
      </c>
      <c r="E12144" s="1" t="s">
        <v>7</v>
      </c>
    </row>
    <row r="12145">
      <c r="A12145" s="1">
        <v>4.90504701E8</v>
      </c>
      <c r="B12145" s="2">
        <v>13410.0</v>
      </c>
      <c r="C12145" s="1" t="s">
        <v>5</v>
      </c>
      <c r="D12145" s="1" t="s">
        <v>11</v>
      </c>
      <c r="E12145" s="1" t="s">
        <v>7</v>
      </c>
    </row>
    <row r="12146">
      <c r="A12146" s="1">
        <v>4.90504713E8</v>
      </c>
      <c r="B12146" s="2">
        <v>13418.0</v>
      </c>
      <c r="C12146" s="1" t="s">
        <v>5</v>
      </c>
      <c r="D12146" s="1" t="s">
        <v>10366</v>
      </c>
      <c r="E12146" s="1" t="s">
        <v>7</v>
      </c>
    </row>
    <row r="12147">
      <c r="A12147" s="1">
        <v>4.90504779E8</v>
      </c>
      <c r="B12147" s="2">
        <v>13469.0</v>
      </c>
      <c r="C12147" s="1" t="s">
        <v>5</v>
      </c>
      <c r="D12147" s="1" t="s">
        <v>11</v>
      </c>
      <c r="E12147" s="1" t="s">
        <v>7</v>
      </c>
    </row>
    <row r="12148">
      <c r="A12148" s="1">
        <v>4.90504832E8</v>
      </c>
      <c r="B12148" s="2">
        <v>13423.0</v>
      </c>
      <c r="C12148" s="1" t="s">
        <v>5</v>
      </c>
      <c r="D12148" s="1" t="s">
        <v>10367</v>
      </c>
      <c r="E12148" s="1" t="s">
        <v>7</v>
      </c>
    </row>
    <row r="12149">
      <c r="A12149" s="1">
        <v>4.90504837E8</v>
      </c>
      <c r="B12149" s="2">
        <v>13468.0</v>
      </c>
      <c r="C12149" s="1" t="s">
        <v>5</v>
      </c>
      <c r="D12149" s="1" t="s">
        <v>10368</v>
      </c>
      <c r="E12149" s="1" t="s">
        <v>7</v>
      </c>
    </row>
    <row r="12150">
      <c r="A12150" s="1">
        <v>4.90504839E8</v>
      </c>
      <c r="B12150" s="2">
        <v>13409.0</v>
      </c>
      <c r="C12150" s="1" t="s">
        <v>5</v>
      </c>
      <c r="D12150" s="1" t="s">
        <v>11</v>
      </c>
      <c r="E12150" s="1" t="s">
        <v>7</v>
      </c>
    </row>
    <row r="12151">
      <c r="A12151" s="1">
        <v>4.90504842E8</v>
      </c>
      <c r="B12151" s="2">
        <v>13345.0</v>
      </c>
      <c r="C12151" s="1" t="s">
        <v>5</v>
      </c>
      <c r="D12151" s="1" t="s">
        <v>10369</v>
      </c>
      <c r="E12151" s="1" t="s">
        <v>7</v>
      </c>
    </row>
    <row r="12152">
      <c r="A12152" s="1">
        <v>4.90504864E8</v>
      </c>
      <c r="B12152" s="2">
        <v>13476.0</v>
      </c>
      <c r="C12152" s="1" t="s">
        <v>5</v>
      </c>
      <c r="D12152" s="1" t="s">
        <v>10370</v>
      </c>
      <c r="E12152" s="1" t="s">
        <v>7</v>
      </c>
    </row>
    <row r="12153">
      <c r="A12153" s="1">
        <v>4.90504895E8</v>
      </c>
      <c r="B12153" s="2">
        <v>13469.0</v>
      </c>
      <c r="C12153" s="1" t="s">
        <v>5</v>
      </c>
      <c r="D12153" s="1" t="s">
        <v>10371</v>
      </c>
      <c r="E12153" s="1" t="s">
        <v>10372</v>
      </c>
    </row>
    <row r="12154">
      <c r="A12154" s="1">
        <v>4.90505024E8</v>
      </c>
      <c r="B12154" s="2">
        <v>13455.0</v>
      </c>
      <c r="C12154" s="1" t="s">
        <v>5</v>
      </c>
      <c r="D12154" s="1" t="s">
        <v>11</v>
      </c>
      <c r="E12154" s="1" t="s">
        <v>7</v>
      </c>
    </row>
    <row r="12155">
      <c r="A12155" s="1">
        <v>4.90505027E8</v>
      </c>
      <c r="B12155" s="2">
        <v>13406.0</v>
      </c>
      <c r="C12155" s="1" t="s">
        <v>5</v>
      </c>
      <c r="D12155" s="1" t="s">
        <v>10373</v>
      </c>
      <c r="E12155" s="1" t="s">
        <v>11</v>
      </c>
    </row>
    <row r="12156">
      <c r="A12156" s="1">
        <v>4.90505033E8</v>
      </c>
      <c r="B12156" s="2">
        <v>13408.0</v>
      </c>
      <c r="C12156" s="1" t="s">
        <v>5</v>
      </c>
      <c r="D12156" s="1" t="s">
        <v>11</v>
      </c>
      <c r="E12156" s="1" t="s">
        <v>7</v>
      </c>
    </row>
    <row r="12157">
      <c r="A12157" s="1">
        <v>4.90505072E8</v>
      </c>
      <c r="B12157" s="2">
        <v>13465.0</v>
      </c>
      <c r="C12157" s="1" t="s">
        <v>5</v>
      </c>
      <c r="D12157" s="1" t="s">
        <v>10374</v>
      </c>
      <c r="E12157" s="1" t="s">
        <v>7</v>
      </c>
    </row>
    <row r="12158">
      <c r="A12158" s="1">
        <v>4.90505083E8</v>
      </c>
      <c r="B12158" s="2">
        <v>13459.0</v>
      </c>
      <c r="C12158" s="1" t="s">
        <v>5</v>
      </c>
      <c r="D12158" s="1" t="s">
        <v>11</v>
      </c>
      <c r="E12158" s="1" t="s">
        <v>7</v>
      </c>
    </row>
    <row r="12159">
      <c r="A12159" s="1">
        <v>4.90505086E8</v>
      </c>
      <c r="B12159" s="2">
        <v>13467.0</v>
      </c>
      <c r="C12159" s="1" t="s">
        <v>5</v>
      </c>
      <c r="D12159" s="1" t="s">
        <v>10375</v>
      </c>
      <c r="E12159" s="1" t="s">
        <v>7</v>
      </c>
    </row>
    <row r="12160">
      <c r="A12160" s="1">
        <v>4.90505117E8</v>
      </c>
      <c r="B12160" s="2">
        <v>13406.0</v>
      </c>
      <c r="C12160" s="1" t="s">
        <v>5</v>
      </c>
      <c r="D12160" s="1" t="s">
        <v>10376</v>
      </c>
      <c r="E12160" s="1" t="s">
        <v>11</v>
      </c>
    </row>
    <row r="12161">
      <c r="A12161" s="1">
        <v>4.9050512E8</v>
      </c>
      <c r="B12161" s="2">
        <v>13416.0</v>
      </c>
      <c r="C12161" s="1" t="s">
        <v>5</v>
      </c>
      <c r="D12161" s="1" t="s">
        <v>10377</v>
      </c>
      <c r="E12161" s="1" t="s">
        <v>7</v>
      </c>
    </row>
    <row r="12162">
      <c r="A12162" s="1">
        <v>4.90505152E8</v>
      </c>
      <c r="B12162" s="2">
        <v>13459.0</v>
      </c>
      <c r="C12162" s="1" t="s">
        <v>5</v>
      </c>
      <c r="D12162" s="1" t="s">
        <v>10378</v>
      </c>
      <c r="E12162" s="1" t="s">
        <v>11</v>
      </c>
    </row>
    <row r="12163">
      <c r="A12163" s="1">
        <v>4.90505222E8</v>
      </c>
      <c r="B12163" s="2">
        <v>13459.0</v>
      </c>
      <c r="C12163" s="1" t="s">
        <v>5</v>
      </c>
      <c r="D12163" s="1" t="s">
        <v>10379</v>
      </c>
      <c r="E12163" s="1" t="s">
        <v>7</v>
      </c>
    </row>
    <row r="12164">
      <c r="A12164" s="1">
        <v>4.90505224E8</v>
      </c>
      <c r="B12164" s="2">
        <v>13458.0</v>
      </c>
      <c r="C12164" s="1" t="s">
        <v>5</v>
      </c>
      <c r="D12164" s="1" t="s">
        <v>10380</v>
      </c>
      <c r="E12164" s="1" t="s">
        <v>7</v>
      </c>
    </row>
    <row r="12165">
      <c r="A12165" s="1">
        <v>4.90505225E8</v>
      </c>
      <c r="B12165" s="2">
        <v>13455.0</v>
      </c>
      <c r="C12165" s="1" t="s">
        <v>5</v>
      </c>
      <c r="D12165" s="1" t="s">
        <v>10381</v>
      </c>
      <c r="E12165" s="1" t="s">
        <v>7</v>
      </c>
    </row>
    <row r="12166">
      <c r="A12166" s="1">
        <v>4.90505255E8</v>
      </c>
      <c r="B12166" s="2">
        <v>13423.0</v>
      </c>
      <c r="C12166" s="1" t="s">
        <v>5</v>
      </c>
      <c r="D12166" s="1" t="s">
        <v>10382</v>
      </c>
      <c r="E12166" s="1" t="s">
        <v>7</v>
      </c>
    </row>
    <row r="12167">
      <c r="A12167" s="1">
        <v>4.90505281E8</v>
      </c>
      <c r="B12167" s="2">
        <v>13407.0</v>
      </c>
      <c r="C12167" s="1" t="s">
        <v>5</v>
      </c>
      <c r="D12167" s="1" t="s">
        <v>10383</v>
      </c>
      <c r="E12167" s="1" t="s">
        <v>11</v>
      </c>
    </row>
    <row r="12168">
      <c r="A12168" s="1">
        <v>4.90505396E8</v>
      </c>
      <c r="B12168" s="2">
        <v>13412.0</v>
      </c>
      <c r="C12168" s="1" t="s">
        <v>5</v>
      </c>
      <c r="D12168" s="1" t="s">
        <v>10384</v>
      </c>
      <c r="E12168" s="1" t="s">
        <v>10385</v>
      </c>
    </row>
    <row r="12169">
      <c r="A12169" s="1">
        <v>4.90505444E8</v>
      </c>
      <c r="B12169" s="2">
        <v>13414.0</v>
      </c>
      <c r="C12169" s="1" t="s">
        <v>5</v>
      </c>
      <c r="D12169" s="1" t="s">
        <v>10386</v>
      </c>
      <c r="E12169" s="1" t="s">
        <v>11</v>
      </c>
    </row>
    <row r="12170">
      <c r="A12170" s="1">
        <v>4.90505451E8</v>
      </c>
      <c r="B12170" s="2">
        <v>13417.0</v>
      </c>
      <c r="C12170" s="1" t="s">
        <v>5</v>
      </c>
      <c r="D12170" s="1" t="s">
        <v>10387</v>
      </c>
      <c r="E12170" s="1" t="s">
        <v>7</v>
      </c>
    </row>
    <row r="12171">
      <c r="A12171" s="1">
        <v>4.90505457E8</v>
      </c>
      <c r="B12171" s="2">
        <v>13426.0</v>
      </c>
      <c r="C12171" s="1" t="s">
        <v>5</v>
      </c>
      <c r="D12171" s="1" t="s">
        <v>10388</v>
      </c>
      <c r="E12171" s="1" t="s">
        <v>7</v>
      </c>
    </row>
    <row r="12172">
      <c r="A12172" s="1">
        <v>4.90505467E8</v>
      </c>
      <c r="B12172" s="2">
        <v>13462.0</v>
      </c>
      <c r="C12172" s="1" t="s">
        <v>5</v>
      </c>
      <c r="D12172" s="1" t="s">
        <v>10389</v>
      </c>
      <c r="E12172" s="1" t="s">
        <v>7</v>
      </c>
    </row>
    <row r="12173">
      <c r="A12173" s="1">
        <v>4.90505501E8</v>
      </c>
      <c r="B12173" s="2">
        <v>13457.0</v>
      </c>
      <c r="C12173" s="1" t="s">
        <v>5</v>
      </c>
      <c r="D12173" s="1" t="s">
        <v>11</v>
      </c>
      <c r="E12173" s="1" t="s">
        <v>7</v>
      </c>
    </row>
    <row r="12174">
      <c r="A12174" s="1">
        <v>4.90505507E8</v>
      </c>
      <c r="B12174" s="2">
        <v>13426.0</v>
      </c>
      <c r="C12174" s="1" t="s">
        <v>5</v>
      </c>
      <c r="D12174" s="1" t="s">
        <v>10390</v>
      </c>
      <c r="E12174" s="1" t="s">
        <v>11</v>
      </c>
    </row>
    <row r="12175">
      <c r="A12175" s="1">
        <v>4.90505514E8</v>
      </c>
      <c r="B12175" s="2">
        <v>13476.0</v>
      </c>
      <c r="C12175" s="1" t="s">
        <v>5</v>
      </c>
      <c r="D12175" s="1" t="s">
        <v>10391</v>
      </c>
      <c r="E12175" s="1" t="s">
        <v>11</v>
      </c>
    </row>
    <row r="12176">
      <c r="A12176" s="1">
        <v>4.90505517E8</v>
      </c>
      <c r="B12176" s="2">
        <v>13417.0</v>
      </c>
      <c r="C12176" s="1" t="s">
        <v>5</v>
      </c>
      <c r="D12176" s="1" t="s">
        <v>11</v>
      </c>
      <c r="E12176" s="1" t="s">
        <v>7</v>
      </c>
    </row>
    <row r="12177">
      <c r="A12177" s="1">
        <v>4.90505521E8</v>
      </c>
      <c r="B12177" s="2">
        <v>13421.0</v>
      </c>
      <c r="C12177" s="1" t="s">
        <v>5</v>
      </c>
      <c r="D12177" s="1" t="s">
        <v>10392</v>
      </c>
      <c r="E12177" s="1" t="s">
        <v>11</v>
      </c>
    </row>
    <row r="12178">
      <c r="A12178" s="1">
        <v>4.90505565E8</v>
      </c>
      <c r="B12178" s="2">
        <v>13462.0</v>
      </c>
      <c r="C12178" s="1" t="s">
        <v>5</v>
      </c>
      <c r="D12178" s="1" t="s">
        <v>11</v>
      </c>
      <c r="E12178" s="1" t="s">
        <v>7</v>
      </c>
    </row>
    <row r="12179">
      <c r="A12179" s="1">
        <v>4.90505587E8</v>
      </c>
      <c r="B12179" s="2">
        <v>13426.0</v>
      </c>
      <c r="C12179" s="1" t="s">
        <v>5</v>
      </c>
      <c r="D12179" s="1" t="s">
        <v>10393</v>
      </c>
      <c r="E12179" s="1" t="s">
        <v>11</v>
      </c>
    </row>
    <row r="12180">
      <c r="A12180" s="1">
        <v>4.90505594E8</v>
      </c>
      <c r="B12180" s="2">
        <v>13455.0</v>
      </c>
      <c r="C12180" s="1" t="s">
        <v>5</v>
      </c>
      <c r="D12180" s="1" t="s">
        <v>10394</v>
      </c>
      <c r="E12180" s="1" t="s">
        <v>11</v>
      </c>
    </row>
    <row r="12181">
      <c r="A12181" s="1">
        <v>4.90505597E8</v>
      </c>
      <c r="B12181" s="2">
        <v>13455.0</v>
      </c>
      <c r="C12181" s="1" t="s">
        <v>5</v>
      </c>
      <c r="D12181" s="1" t="s">
        <v>10395</v>
      </c>
      <c r="E12181" s="1" t="s">
        <v>7</v>
      </c>
    </row>
    <row r="12182">
      <c r="A12182" s="1">
        <v>4.90505667E8</v>
      </c>
      <c r="B12182" s="2">
        <v>13465.0</v>
      </c>
      <c r="C12182" s="1" t="s">
        <v>5</v>
      </c>
      <c r="D12182" s="1" t="s">
        <v>10396</v>
      </c>
      <c r="E12182" s="1" t="s">
        <v>11</v>
      </c>
    </row>
    <row r="12183">
      <c r="A12183" s="1">
        <v>4.90505676E8</v>
      </c>
      <c r="B12183" s="2">
        <v>13404.0</v>
      </c>
      <c r="C12183" s="1" t="s">
        <v>5</v>
      </c>
      <c r="D12183" s="1" t="s">
        <v>10397</v>
      </c>
      <c r="E12183" s="1" t="s">
        <v>11</v>
      </c>
    </row>
    <row r="12184">
      <c r="A12184" s="1">
        <v>4.90505715E8</v>
      </c>
      <c r="B12184" s="2">
        <v>13412.0</v>
      </c>
      <c r="C12184" s="1" t="s">
        <v>5</v>
      </c>
      <c r="D12184" s="1" t="s">
        <v>10398</v>
      </c>
      <c r="E12184" s="1" t="s">
        <v>11</v>
      </c>
    </row>
    <row r="12185">
      <c r="A12185" s="1">
        <v>4.9050572E8</v>
      </c>
      <c r="B12185" s="2">
        <v>13411.0</v>
      </c>
      <c r="C12185" s="1" t="s">
        <v>5</v>
      </c>
      <c r="D12185" s="1" t="s">
        <v>10399</v>
      </c>
      <c r="E12185" s="1" t="s">
        <v>7</v>
      </c>
    </row>
    <row r="12186">
      <c r="A12186" s="1">
        <v>4.90505728E8</v>
      </c>
      <c r="B12186" s="2">
        <v>13456.0</v>
      </c>
      <c r="C12186" s="1" t="s">
        <v>5</v>
      </c>
      <c r="D12186" s="1" t="s">
        <v>10400</v>
      </c>
      <c r="E12186" s="1" t="s">
        <v>7</v>
      </c>
    </row>
    <row r="12187">
      <c r="A12187" s="1">
        <v>4.90505786E8</v>
      </c>
      <c r="B12187" s="2">
        <v>13402.0</v>
      </c>
      <c r="C12187" s="1" t="s">
        <v>5</v>
      </c>
      <c r="D12187" s="1" t="s">
        <v>10401</v>
      </c>
      <c r="E12187" s="1" t="s">
        <v>7</v>
      </c>
    </row>
    <row r="12188">
      <c r="A12188" s="1">
        <v>4.90505805E8</v>
      </c>
      <c r="B12188" s="2">
        <v>13464.0</v>
      </c>
      <c r="C12188" s="1" t="s">
        <v>5</v>
      </c>
      <c r="D12188" s="1" t="s">
        <v>10402</v>
      </c>
      <c r="E12188" s="1" t="s">
        <v>7</v>
      </c>
    </row>
    <row r="12189">
      <c r="A12189" s="1">
        <v>4.90505807E8</v>
      </c>
      <c r="B12189" s="2">
        <v>13464.0</v>
      </c>
      <c r="C12189" s="1" t="s">
        <v>5</v>
      </c>
      <c r="D12189" s="1" t="s">
        <v>10403</v>
      </c>
      <c r="E12189" s="1" t="s">
        <v>11</v>
      </c>
    </row>
    <row r="12190">
      <c r="A12190" s="1">
        <v>4.90505826E8</v>
      </c>
      <c r="B12190" s="2">
        <v>13412.0</v>
      </c>
      <c r="C12190" s="1" t="s">
        <v>5</v>
      </c>
      <c r="D12190" s="1" t="s">
        <v>10404</v>
      </c>
      <c r="E12190" s="1" t="s">
        <v>11</v>
      </c>
    </row>
    <row r="12191">
      <c r="A12191" s="1">
        <v>4.90505837E8</v>
      </c>
      <c r="B12191" s="2">
        <v>13417.0</v>
      </c>
      <c r="C12191" s="1" t="s">
        <v>5</v>
      </c>
      <c r="D12191" s="1" t="s">
        <v>10405</v>
      </c>
      <c r="E12191" s="1" t="s">
        <v>7</v>
      </c>
    </row>
    <row r="12192">
      <c r="A12192" s="1">
        <v>4.90505844E8</v>
      </c>
      <c r="B12192" s="2">
        <v>13410.0</v>
      </c>
      <c r="C12192" s="1" t="s">
        <v>5</v>
      </c>
      <c r="D12192" s="1" t="s">
        <v>10406</v>
      </c>
      <c r="E12192" s="1" t="s">
        <v>10407</v>
      </c>
    </row>
    <row r="12193">
      <c r="A12193" s="1">
        <v>4.90505891E8</v>
      </c>
      <c r="B12193" s="2">
        <v>13411.0</v>
      </c>
      <c r="C12193" s="1" t="s">
        <v>5</v>
      </c>
      <c r="D12193" s="1" t="s">
        <v>10408</v>
      </c>
      <c r="E12193" s="1" t="s">
        <v>11</v>
      </c>
    </row>
    <row r="12194">
      <c r="A12194" s="1">
        <v>4.90505902E8</v>
      </c>
      <c r="B12194" s="2">
        <v>13409.0</v>
      </c>
      <c r="C12194" s="1" t="s">
        <v>5</v>
      </c>
      <c r="D12194" s="1" t="s">
        <v>10409</v>
      </c>
      <c r="E12194" s="1" t="s">
        <v>10410</v>
      </c>
    </row>
    <row r="12195">
      <c r="A12195" s="1">
        <v>4.90505939E8</v>
      </c>
      <c r="B12195" s="2">
        <v>13463.0</v>
      </c>
      <c r="C12195" s="1" t="s">
        <v>5</v>
      </c>
      <c r="D12195" s="1" t="s">
        <v>10411</v>
      </c>
      <c r="E12195" s="1" t="s">
        <v>11</v>
      </c>
    </row>
    <row r="12196">
      <c r="A12196" s="1">
        <v>4.90505965E8</v>
      </c>
      <c r="B12196" s="2">
        <v>13409.0</v>
      </c>
      <c r="C12196" s="1" t="s">
        <v>5</v>
      </c>
      <c r="D12196" s="1" t="s">
        <v>10412</v>
      </c>
      <c r="E12196" s="1" t="s">
        <v>7</v>
      </c>
    </row>
    <row r="12197">
      <c r="A12197" s="1">
        <v>4.90505991E8</v>
      </c>
      <c r="B12197" s="2">
        <v>13515.0</v>
      </c>
      <c r="C12197" s="1" t="s">
        <v>5</v>
      </c>
      <c r="D12197" s="1" t="s">
        <v>10413</v>
      </c>
      <c r="E12197" s="1" t="s">
        <v>7</v>
      </c>
    </row>
    <row r="12198">
      <c r="A12198" s="1">
        <v>4.90506064E8</v>
      </c>
      <c r="B12198" s="2">
        <v>13412.0</v>
      </c>
      <c r="C12198" s="1" t="s">
        <v>5</v>
      </c>
      <c r="D12198" s="1" t="s">
        <v>10414</v>
      </c>
      <c r="E12198" s="1" t="s">
        <v>7</v>
      </c>
    </row>
    <row r="12199">
      <c r="A12199" s="1">
        <v>4.90506077E8</v>
      </c>
      <c r="B12199" s="2">
        <v>13426.0</v>
      </c>
      <c r="C12199" s="1" t="s">
        <v>5</v>
      </c>
      <c r="D12199" s="1" t="s">
        <v>10415</v>
      </c>
      <c r="E12199" s="1" t="s">
        <v>11</v>
      </c>
    </row>
    <row r="12200">
      <c r="A12200" s="1">
        <v>4.90506098E8</v>
      </c>
      <c r="B12200" s="2">
        <v>13514.0</v>
      </c>
      <c r="C12200" s="1" t="s">
        <v>5</v>
      </c>
      <c r="D12200" s="1" t="s">
        <v>10416</v>
      </c>
      <c r="E12200" s="1" t="s">
        <v>11</v>
      </c>
    </row>
    <row r="12201">
      <c r="A12201" s="1">
        <v>4.90506162E8</v>
      </c>
      <c r="B12201" s="2">
        <v>13511.0</v>
      </c>
      <c r="C12201" s="1" t="s">
        <v>5</v>
      </c>
      <c r="D12201" s="1" t="s">
        <v>11</v>
      </c>
      <c r="E12201" s="1" t="s">
        <v>7</v>
      </c>
    </row>
    <row r="12202">
      <c r="A12202" s="1">
        <v>4.90506191E8</v>
      </c>
      <c r="B12202" s="2">
        <v>13448.0</v>
      </c>
      <c r="C12202" s="1" t="s">
        <v>5</v>
      </c>
      <c r="D12202" s="1" t="s">
        <v>10417</v>
      </c>
      <c r="E12202" s="1" t="s">
        <v>7</v>
      </c>
    </row>
    <row r="12203">
      <c r="A12203" s="1">
        <v>4.90506213E8</v>
      </c>
      <c r="B12203" s="2">
        <v>13401.0</v>
      </c>
      <c r="C12203" s="1" t="s">
        <v>5</v>
      </c>
      <c r="D12203" s="1" t="s">
        <v>10418</v>
      </c>
      <c r="E12203" s="1" t="s">
        <v>7</v>
      </c>
    </row>
    <row r="12204">
      <c r="A12204" s="1">
        <v>4.90506216E8</v>
      </c>
      <c r="B12204" s="2">
        <v>13458.0</v>
      </c>
      <c r="C12204" s="1" t="s">
        <v>5</v>
      </c>
      <c r="D12204" s="1" t="s">
        <v>10419</v>
      </c>
      <c r="E12204" s="1" t="s">
        <v>7</v>
      </c>
    </row>
    <row r="12205">
      <c r="A12205" s="1">
        <v>4.90506235E8</v>
      </c>
      <c r="B12205" s="2">
        <v>13469.0</v>
      </c>
      <c r="C12205" s="1" t="s">
        <v>5</v>
      </c>
      <c r="D12205" s="1" t="s">
        <v>10420</v>
      </c>
      <c r="E12205" s="1" t="s">
        <v>7</v>
      </c>
    </row>
    <row r="12206">
      <c r="A12206" s="1">
        <v>4.90506408E8</v>
      </c>
      <c r="B12206" s="2">
        <v>13400.0</v>
      </c>
      <c r="C12206" s="1" t="s">
        <v>5</v>
      </c>
      <c r="D12206" s="1" t="s">
        <v>10421</v>
      </c>
      <c r="E12206" s="1" t="s">
        <v>11</v>
      </c>
    </row>
    <row r="12207">
      <c r="A12207" s="1">
        <v>4.90506415E8</v>
      </c>
      <c r="B12207" s="2">
        <v>13411.0</v>
      </c>
      <c r="C12207" s="1" t="s">
        <v>5</v>
      </c>
      <c r="D12207" s="1" t="s">
        <v>11</v>
      </c>
      <c r="E12207" s="1" t="s">
        <v>7</v>
      </c>
    </row>
    <row r="12208">
      <c r="A12208" s="1">
        <v>4.90506435E8</v>
      </c>
      <c r="B12208" s="2">
        <v>13406.0</v>
      </c>
      <c r="C12208" s="1" t="s">
        <v>5</v>
      </c>
      <c r="D12208" s="1" t="s">
        <v>10422</v>
      </c>
      <c r="E12208" s="1" t="s">
        <v>7</v>
      </c>
    </row>
    <row r="12209">
      <c r="A12209" s="1">
        <v>4.90506482E8</v>
      </c>
      <c r="B12209" s="2">
        <v>13400.0</v>
      </c>
      <c r="C12209" s="1" t="s">
        <v>5</v>
      </c>
      <c r="D12209" s="1" t="s">
        <v>11</v>
      </c>
      <c r="E12209" s="1" t="s">
        <v>7</v>
      </c>
    </row>
    <row r="12210">
      <c r="A12210" s="1">
        <v>4.90506496E8</v>
      </c>
      <c r="B12210" s="2">
        <v>13461.0</v>
      </c>
      <c r="C12210" s="1" t="s">
        <v>5</v>
      </c>
      <c r="D12210" s="1" t="s">
        <v>10423</v>
      </c>
      <c r="E12210" s="1" t="s">
        <v>7</v>
      </c>
    </row>
    <row r="12211">
      <c r="A12211" s="1">
        <v>4.90506512E8</v>
      </c>
      <c r="B12211" s="2">
        <v>13460.0</v>
      </c>
      <c r="C12211" s="1" t="s">
        <v>5</v>
      </c>
      <c r="D12211" s="1" t="s">
        <v>10424</v>
      </c>
      <c r="E12211" s="1" t="s">
        <v>10425</v>
      </c>
    </row>
    <row r="12212">
      <c r="A12212" s="1">
        <v>4.90506546E8</v>
      </c>
      <c r="B12212" s="2">
        <v>13396.0</v>
      </c>
      <c r="C12212" s="1" t="s">
        <v>5</v>
      </c>
      <c r="D12212" s="1" t="s">
        <v>10426</v>
      </c>
      <c r="E12212" s="1" t="s">
        <v>7</v>
      </c>
    </row>
    <row r="12213">
      <c r="A12213" s="1">
        <v>4.90506552E8</v>
      </c>
      <c r="B12213" s="2">
        <v>13417.0</v>
      </c>
      <c r="C12213" s="1" t="s">
        <v>5</v>
      </c>
      <c r="D12213" s="1" t="s">
        <v>11</v>
      </c>
      <c r="E12213" s="1" t="s">
        <v>7</v>
      </c>
    </row>
    <row r="12214">
      <c r="A12214" s="1">
        <v>4.90506585E8</v>
      </c>
      <c r="B12214" s="2">
        <v>13464.0</v>
      </c>
      <c r="C12214" s="1" t="s">
        <v>5</v>
      </c>
      <c r="D12214" s="1" t="s">
        <v>10427</v>
      </c>
      <c r="E12214" s="1" t="s">
        <v>7</v>
      </c>
    </row>
    <row r="12215">
      <c r="A12215" s="1">
        <v>4.90506594E8</v>
      </c>
      <c r="B12215" s="2">
        <v>13397.0</v>
      </c>
      <c r="C12215" s="1" t="s">
        <v>5</v>
      </c>
      <c r="D12215" s="1" t="s">
        <v>11</v>
      </c>
      <c r="E12215" s="1" t="s">
        <v>7</v>
      </c>
    </row>
    <row r="12216">
      <c r="A12216" s="1">
        <v>4.90506606E8</v>
      </c>
      <c r="B12216" s="2">
        <v>13467.0</v>
      </c>
      <c r="C12216" s="1" t="s">
        <v>5</v>
      </c>
      <c r="D12216" s="1" t="s">
        <v>10428</v>
      </c>
      <c r="E12216" s="1" t="s">
        <v>7</v>
      </c>
    </row>
    <row r="12217">
      <c r="A12217" s="1">
        <v>4.90506673E8</v>
      </c>
      <c r="B12217" s="2">
        <v>13463.0</v>
      </c>
      <c r="C12217" s="1" t="s">
        <v>5</v>
      </c>
      <c r="D12217" s="1" t="s">
        <v>11</v>
      </c>
      <c r="E12217" s="1" t="s">
        <v>7</v>
      </c>
    </row>
    <row r="12218">
      <c r="A12218" s="1">
        <v>4.90506757E8</v>
      </c>
      <c r="B12218" s="2">
        <v>13458.0</v>
      </c>
      <c r="C12218" s="1" t="s">
        <v>5</v>
      </c>
      <c r="D12218" s="1" t="s">
        <v>10429</v>
      </c>
      <c r="E12218" s="1" t="s">
        <v>11</v>
      </c>
    </row>
    <row r="12219">
      <c r="A12219" s="1">
        <v>4.9050679E8</v>
      </c>
      <c r="B12219" s="2">
        <v>13471.0</v>
      </c>
      <c r="C12219" s="1" t="s">
        <v>5</v>
      </c>
      <c r="D12219" s="1" t="s">
        <v>9474</v>
      </c>
      <c r="E12219" s="1" t="s">
        <v>7</v>
      </c>
    </row>
    <row r="12220">
      <c r="A12220" s="1">
        <v>4.90506798E8</v>
      </c>
      <c r="B12220" s="2">
        <v>13405.0</v>
      </c>
      <c r="C12220" s="1" t="s">
        <v>5</v>
      </c>
      <c r="D12220" s="1" t="s">
        <v>10430</v>
      </c>
      <c r="E12220" s="1" t="s">
        <v>7</v>
      </c>
    </row>
    <row r="12221">
      <c r="A12221" s="1">
        <v>4.90506805E8</v>
      </c>
      <c r="B12221" s="2">
        <v>13514.0</v>
      </c>
      <c r="C12221" s="1" t="s">
        <v>5</v>
      </c>
      <c r="D12221" s="1" t="s">
        <v>11</v>
      </c>
      <c r="E12221" s="1" t="s">
        <v>7</v>
      </c>
    </row>
    <row r="12222">
      <c r="A12222" s="1">
        <v>4.90506833E8</v>
      </c>
      <c r="B12222" s="2">
        <v>13454.0</v>
      </c>
      <c r="C12222" s="1" t="s">
        <v>5</v>
      </c>
      <c r="D12222" s="1" t="s">
        <v>10431</v>
      </c>
      <c r="E12222" s="1" t="s">
        <v>11</v>
      </c>
    </row>
    <row r="12223">
      <c r="A12223" s="1">
        <v>4.90506844E8</v>
      </c>
      <c r="B12223" s="2">
        <v>13405.0</v>
      </c>
      <c r="C12223" s="1" t="s">
        <v>5</v>
      </c>
      <c r="D12223" s="1" t="s">
        <v>11</v>
      </c>
      <c r="E12223" s="1" t="s">
        <v>7</v>
      </c>
    </row>
    <row r="12224">
      <c r="A12224" s="1">
        <v>4.9050688E8</v>
      </c>
      <c r="B12224" s="2">
        <v>13447.0</v>
      </c>
      <c r="C12224" s="1" t="s">
        <v>5</v>
      </c>
      <c r="D12224" s="1" t="s">
        <v>10432</v>
      </c>
      <c r="E12224" s="1" t="s">
        <v>7</v>
      </c>
    </row>
    <row r="12225">
      <c r="A12225" s="1">
        <v>4.90506897E8</v>
      </c>
      <c r="B12225" s="2">
        <v>13394.0</v>
      </c>
      <c r="C12225" s="1" t="s">
        <v>5</v>
      </c>
      <c r="D12225" s="1" t="s">
        <v>11</v>
      </c>
      <c r="E12225" s="1" t="s">
        <v>7</v>
      </c>
    </row>
    <row r="12226">
      <c r="A12226" s="1">
        <v>4.90506927E8</v>
      </c>
      <c r="B12226" s="2">
        <v>13454.0</v>
      </c>
      <c r="C12226" s="1" t="s">
        <v>5</v>
      </c>
      <c r="D12226" s="1" t="s">
        <v>10433</v>
      </c>
      <c r="E12226" s="1" t="s">
        <v>7</v>
      </c>
    </row>
    <row r="12227">
      <c r="A12227" s="1">
        <v>4.90506937E8</v>
      </c>
      <c r="B12227" s="2">
        <v>13404.0</v>
      </c>
      <c r="C12227" s="1" t="s">
        <v>5</v>
      </c>
      <c r="D12227" s="1" t="s">
        <v>10434</v>
      </c>
      <c r="E12227" s="1" t="s">
        <v>11</v>
      </c>
    </row>
    <row r="12228">
      <c r="A12228" s="1">
        <v>4.90506965E8</v>
      </c>
      <c r="B12228" s="2">
        <v>13458.0</v>
      </c>
      <c r="C12228" s="1" t="s">
        <v>5</v>
      </c>
      <c r="D12228" s="1" t="s">
        <v>10435</v>
      </c>
      <c r="E12228" s="1" t="s">
        <v>11</v>
      </c>
    </row>
    <row r="12229">
      <c r="A12229" s="1">
        <v>4.90506987E8</v>
      </c>
      <c r="B12229" s="2">
        <v>13409.0</v>
      </c>
      <c r="C12229" s="1" t="s">
        <v>5</v>
      </c>
      <c r="D12229" s="1" t="s">
        <v>10436</v>
      </c>
      <c r="E12229" s="1" t="s">
        <v>7</v>
      </c>
    </row>
    <row r="12230">
      <c r="A12230" s="1">
        <v>4.90506993E8</v>
      </c>
      <c r="B12230" s="2">
        <v>13457.0</v>
      </c>
      <c r="C12230" s="1" t="s">
        <v>5</v>
      </c>
      <c r="D12230" s="1" t="s">
        <v>11</v>
      </c>
      <c r="E12230" s="1" t="s">
        <v>7</v>
      </c>
    </row>
    <row r="12231">
      <c r="A12231" s="1">
        <v>4.90507011E8</v>
      </c>
      <c r="B12231" s="2">
        <v>13405.0</v>
      </c>
      <c r="C12231" s="1" t="s">
        <v>5</v>
      </c>
      <c r="D12231" s="1" t="s">
        <v>10437</v>
      </c>
      <c r="E12231" s="1" t="s">
        <v>7</v>
      </c>
    </row>
    <row r="12232">
      <c r="A12232" s="1">
        <v>4.90507023E8</v>
      </c>
      <c r="B12232" s="2">
        <v>13508.0</v>
      </c>
      <c r="C12232" s="1" t="s">
        <v>5</v>
      </c>
      <c r="D12232" s="1" t="s">
        <v>10438</v>
      </c>
      <c r="E12232" s="1" t="s">
        <v>7</v>
      </c>
    </row>
    <row r="12233">
      <c r="A12233" s="1">
        <v>4.90507086E8</v>
      </c>
      <c r="B12233" s="2">
        <v>13409.0</v>
      </c>
      <c r="C12233" s="1" t="s">
        <v>5</v>
      </c>
      <c r="D12233" s="1" t="s">
        <v>11</v>
      </c>
      <c r="E12233" s="1" t="s">
        <v>7</v>
      </c>
    </row>
    <row r="12234">
      <c r="A12234" s="1">
        <v>4.90507087E8</v>
      </c>
      <c r="B12234" s="2">
        <v>13454.0</v>
      </c>
      <c r="C12234" s="1" t="s">
        <v>5</v>
      </c>
      <c r="D12234" s="1" t="s">
        <v>10439</v>
      </c>
      <c r="E12234" s="1" t="s">
        <v>7</v>
      </c>
    </row>
    <row r="12235">
      <c r="A12235" s="1">
        <v>4.90507153E8</v>
      </c>
      <c r="B12235" s="2">
        <v>13406.0</v>
      </c>
      <c r="C12235" s="1" t="s">
        <v>5</v>
      </c>
      <c r="D12235" s="1" t="s">
        <v>10440</v>
      </c>
      <c r="E12235" s="1" t="s">
        <v>11</v>
      </c>
    </row>
    <row r="12236">
      <c r="A12236" s="1">
        <v>4.9050719E8</v>
      </c>
      <c r="B12236" s="2">
        <v>13406.0</v>
      </c>
      <c r="C12236" s="1" t="s">
        <v>5</v>
      </c>
      <c r="D12236" s="1" t="s">
        <v>10441</v>
      </c>
      <c r="E12236" s="1" t="s">
        <v>10442</v>
      </c>
    </row>
    <row r="12237">
      <c r="A12237" s="1">
        <v>4.90507193E8</v>
      </c>
      <c r="B12237" s="2">
        <v>13455.0</v>
      </c>
      <c r="C12237" s="1" t="s">
        <v>5</v>
      </c>
      <c r="D12237" s="1" t="s">
        <v>10443</v>
      </c>
      <c r="E12237" s="1" t="s">
        <v>7</v>
      </c>
    </row>
    <row r="12238">
      <c r="A12238" s="1">
        <v>4.90507204E8</v>
      </c>
      <c r="B12238" s="2">
        <v>13461.0</v>
      </c>
      <c r="C12238" s="1" t="s">
        <v>5</v>
      </c>
      <c r="D12238" s="1" t="s">
        <v>10444</v>
      </c>
      <c r="E12238" s="1" t="s">
        <v>11</v>
      </c>
    </row>
    <row r="12239">
      <c r="A12239" s="1">
        <v>4.90507217E8</v>
      </c>
      <c r="B12239" s="2">
        <v>13464.0</v>
      </c>
      <c r="C12239" s="1" t="s">
        <v>5</v>
      </c>
      <c r="D12239" s="1" t="s">
        <v>10445</v>
      </c>
      <c r="E12239" s="1" t="s">
        <v>11</v>
      </c>
    </row>
    <row r="12240">
      <c r="A12240" s="1">
        <v>4.90507245E8</v>
      </c>
      <c r="B12240" s="2">
        <v>13510.0</v>
      </c>
      <c r="C12240" s="1" t="s">
        <v>5</v>
      </c>
      <c r="D12240" s="1" t="s">
        <v>11</v>
      </c>
      <c r="E12240" s="1" t="s">
        <v>7</v>
      </c>
    </row>
    <row r="12241">
      <c r="A12241" s="1">
        <v>4.90507251E8</v>
      </c>
      <c r="B12241" s="2">
        <v>13445.0</v>
      </c>
      <c r="C12241" s="1" t="s">
        <v>5</v>
      </c>
      <c r="D12241" s="1" t="s">
        <v>10446</v>
      </c>
      <c r="E12241" s="1" t="s">
        <v>11</v>
      </c>
    </row>
    <row r="12242">
      <c r="A12242" s="1">
        <v>4.90507329E8</v>
      </c>
      <c r="B12242" s="2">
        <v>13408.0</v>
      </c>
      <c r="C12242" s="1" t="s">
        <v>5</v>
      </c>
      <c r="D12242" s="1" t="s">
        <v>10447</v>
      </c>
      <c r="E12242" s="1" t="s">
        <v>11</v>
      </c>
    </row>
    <row r="12243">
      <c r="A12243" s="1">
        <v>4.90507341E8</v>
      </c>
      <c r="B12243" s="2">
        <v>13454.0</v>
      </c>
      <c r="C12243" s="1" t="s">
        <v>5</v>
      </c>
      <c r="D12243" s="1" t="s">
        <v>11</v>
      </c>
      <c r="E12243" s="1" t="s">
        <v>7</v>
      </c>
    </row>
    <row r="12244">
      <c r="A12244" s="1">
        <v>4.90507364E8</v>
      </c>
      <c r="B12244" s="2">
        <v>13460.0</v>
      </c>
      <c r="C12244" s="1" t="s">
        <v>5</v>
      </c>
      <c r="D12244" s="1" t="s">
        <v>10448</v>
      </c>
      <c r="E12244" s="1" t="s">
        <v>11</v>
      </c>
    </row>
    <row r="12245">
      <c r="A12245" s="1">
        <v>4.90507381E8</v>
      </c>
      <c r="B12245" s="2">
        <v>13454.0</v>
      </c>
      <c r="C12245" s="1" t="s">
        <v>5</v>
      </c>
      <c r="D12245" s="1" t="s">
        <v>11</v>
      </c>
      <c r="E12245" s="1" t="s">
        <v>7</v>
      </c>
    </row>
    <row r="12246">
      <c r="A12246" s="1">
        <v>4.9050739E8</v>
      </c>
      <c r="B12246" s="2">
        <v>13406.0</v>
      </c>
      <c r="C12246" s="1" t="s">
        <v>5</v>
      </c>
      <c r="D12246" s="1" t="s">
        <v>10449</v>
      </c>
      <c r="E12246" s="1" t="s">
        <v>7</v>
      </c>
    </row>
    <row r="12247">
      <c r="A12247" s="1">
        <v>4.90507423E8</v>
      </c>
      <c r="B12247" s="2">
        <v>13442.0</v>
      </c>
      <c r="C12247" s="1" t="s">
        <v>5</v>
      </c>
      <c r="D12247" s="1" t="s">
        <v>10450</v>
      </c>
      <c r="E12247" s="1" t="s">
        <v>11</v>
      </c>
    </row>
    <row r="12248">
      <c r="A12248" s="1">
        <v>4.90507445E8</v>
      </c>
      <c r="B12248" s="2">
        <v>13442.0</v>
      </c>
      <c r="C12248" s="1" t="s">
        <v>5</v>
      </c>
      <c r="D12248" s="1" t="s">
        <v>11</v>
      </c>
      <c r="E12248" s="1" t="s">
        <v>7</v>
      </c>
    </row>
    <row r="12249">
      <c r="A12249" s="1">
        <v>4.90507474E8</v>
      </c>
      <c r="B12249" s="2">
        <v>13401.0</v>
      </c>
      <c r="C12249" s="1" t="s">
        <v>5</v>
      </c>
      <c r="D12249" s="1" t="s">
        <v>10451</v>
      </c>
      <c r="E12249" s="1" t="s">
        <v>7</v>
      </c>
    </row>
    <row r="12250">
      <c r="A12250" s="1">
        <v>4.90507497E8</v>
      </c>
      <c r="B12250" s="2">
        <v>13407.0</v>
      </c>
      <c r="C12250" s="1" t="s">
        <v>5</v>
      </c>
      <c r="D12250" s="1" t="s">
        <v>10452</v>
      </c>
      <c r="E12250" s="1" t="s">
        <v>7</v>
      </c>
    </row>
    <row r="12251">
      <c r="A12251" s="1">
        <v>4.90507545E8</v>
      </c>
      <c r="B12251" s="2">
        <v>13463.0</v>
      </c>
      <c r="C12251" s="1" t="s">
        <v>5</v>
      </c>
      <c r="D12251" s="1" t="s">
        <v>10453</v>
      </c>
      <c r="E12251" s="1" t="s">
        <v>11</v>
      </c>
    </row>
    <row r="12252">
      <c r="A12252" s="1">
        <v>4.90507551E8</v>
      </c>
      <c r="B12252" s="2">
        <v>13503.0</v>
      </c>
      <c r="C12252" s="1" t="s">
        <v>5</v>
      </c>
      <c r="D12252" s="1" t="s">
        <v>10454</v>
      </c>
      <c r="E12252" s="1" t="s">
        <v>11</v>
      </c>
    </row>
    <row r="12253">
      <c r="A12253" s="1">
        <v>4.90507584E8</v>
      </c>
      <c r="B12253" s="2">
        <v>13507.0</v>
      </c>
      <c r="C12253" s="1" t="s">
        <v>5</v>
      </c>
      <c r="D12253" s="1" t="s">
        <v>10455</v>
      </c>
      <c r="E12253" s="1" t="s">
        <v>7</v>
      </c>
    </row>
    <row r="12254">
      <c r="A12254" s="1">
        <v>4.90507591E8</v>
      </c>
      <c r="B12254" s="2">
        <v>13463.0</v>
      </c>
      <c r="C12254" s="1" t="s">
        <v>5</v>
      </c>
      <c r="D12254" s="1" t="s">
        <v>10456</v>
      </c>
      <c r="E12254" s="1" t="s">
        <v>7</v>
      </c>
    </row>
    <row r="12255">
      <c r="A12255" s="1">
        <v>4.90507624E8</v>
      </c>
      <c r="B12255" s="2">
        <v>13442.0</v>
      </c>
      <c r="C12255" s="1" t="s">
        <v>5</v>
      </c>
      <c r="D12255" s="1" t="s">
        <v>10457</v>
      </c>
      <c r="E12255" s="1" t="s">
        <v>10458</v>
      </c>
    </row>
    <row r="12256">
      <c r="A12256" s="1">
        <v>4.9050763E8</v>
      </c>
      <c r="B12256" s="2">
        <v>13456.0</v>
      </c>
      <c r="C12256" s="1" t="s">
        <v>5</v>
      </c>
      <c r="D12256" s="1" t="s">
        <v>11</v>
      </c>
      <c r="E12256" s="1" t="s">
        <v>7</v>
      </c>
    </row>
    <row r="12257">
      <c r="A12257" s="1">
        <v>4.90507637E8</v>
      </c>
      <c r="B12257" s="2">
        <v>13503.0</v>
      </c>
      <c r="C12257" s="1" t="s">
        <v>5</v>
      </c>
      <c r="D12257" s="1" t="s">
        <v>10459</v>
      </c>
      <c r="E12257" s="1" t="s">
        <v>7</v>
      </c>
    </row>
    <row r="12258">
      <c r="A12258" s="1">
        <v>4.90507696E8</v>
      </c>
      <c r="B12258" s="2">
        <v>13408.0</v>
      </c>
      <c r="C12258" s="1" t="s">
        <v>5</v>
      </c>
      <c r="D12258" s="1" t="s">
        <v>10460</v>
      </c>
      <c r="E12258" s="1" t="s">
        <v>10461</v>
      </c>
    </row>
    <row r="12259">
      <c r="A12259" s="1">
        <v>4.90507713E8</v>
      </c>
      <c r="B12259" s="2">
        <v>13405.0</v>
      </c>
      <c r="C12259" s="1" t="s">
        <v>5</v>
      </c>
      <c r="D12259" s="1" t="s">
        <v>10462</v>
      </c>
      <c r="E12259" s="1" t="s">
        <v>7</v>
      </c>
    </row>
    <row r="12260">
      <c r="A12260" s="1">
        <v>4.90507727E8</v>
      </c>
      <c r="B12260" s="2">
        <v>13502.0</v>
      </c>
      <c r="C12260" s="1" t="s">
        <v>5</v>
      </c>
      <c r="D12260" s="1" t="s">
        <v>10463</v>
      </c>
      <c r="E12260" s="1" t="s">
        <v>7</v>
      </c>
    </row>
    <row r="12261">
      <c r="A12261" s="1">
        <v>4.90507753E8</v>
      </c>
      <c r="B12261" s="2">
        <v>13455.0</v>
      </c>
      <c r="C12261" s="1" t="s">
        <v>5</v>
      </c>
      <c r="D12261" s="1" t="s">
        <v>11</v>
      </c>
      <c r="E12261" s="1" t="s">
        <v>7</v>
      </c>
    </row>
    <row r="12262">
      <c r="A12262" s="1">
        <v>4.90507762E8</v>
      </c>
      <c r="B12262" s="2">
        <v>13408.0</v>
      </c>
      <c r="C12262" s="1" t="s">
        <v>5</v>
      </c>
      <c r="D12262" s="1" t="s">
        <v>10464</v>
      </c>
      <c r="E12262" s="1" t="s">
        <v>11</v>
      </c>
    </row>
    <row r="12263">
      <c r="A12263" s="1">
        <v>4.90507767E8</v>
      </c>
      <c r="B12263" s="2">
        <v>13505.0</v>
      </c>
      <c r="C12263" s="1" t="s">
        <v>5</v>
      </c>
      <c r="D12263" s="1" t="s">
        <v>10465</v>
      </c>
      <c r="E12263" s="1" t="s">
        <v>10466</v>
      </c>
    </row>
    <row r="12264">
      <c r="A12264" s="1">
        <v>4.90507784E8</v>
      </c>
      <c r="B12264" s="2">
        <v>13397.0</v>
      </c>
      <c r="C12264" s="1" t="s">
        <v>5</v>
      </c>
      <c r="D12264" s="1" t="s">
        <v>10467</v>
      </c>
      <c r="E12264" s="1" t="s">
        <v>7</v>
      </c>
    </row>
    <row r="12265">
      <c r="A12265" s="1">
        <v>4.90507806E8</v>
      </c>
      <c r="B12265" s="2">
        <v>13406.0</v>
      </c>
      <c r="C12265" s="1" t="s">
        <v>5</v>
      </c>
      <c r="D12265" s="1" t="s">
        <v>10468</v>
      </c>
      <c r="E12265" s="1" t="s">
        <v>7</v>
      </c>
    </row>
    <row r="12266">
      <c r="A12266" s="1">
        <v>4.90507823E8</v>
      </c>
      <c r="B12266" s="2">
        <v>13460.0</v>
      </c>
      <c r="C12266" s="1" t="s">
        <v>5</v>
      </c>
      <c r="D12266" s="1" t="s">
        <v>10469</v>
      </c>
      <c r="E12266" s="1" t="s">
        <v>11</v>
      </c>
    </row>
    <row r="12267">
      <c r="A12267" s="1">
        <v>4.90507824E8</v>
      </c>
      <c r="B12267" s="2">
        <v>13426.0</v>
      </c>
      <c r="C12267" s="1" t="s">
        <v>5</v>
      </c>
      <c r="D12267" s="1" t="s">
        <v>10470</v>
      </c>
      <c r="E12267" s="1" t="s">
        <v>7</v>
      </c>
    </row>
    <row r="12268">
      <c r="A12268" s="1">
        <v>4.90507839E8</v>
      </c>
      <c r="B12268" s="2">
        <v>13400.0</v>
      </c>
      <c r="C12268" s="1" t="s">
        <v>5</v>
      </c>
      <c r="D12268" s="1" t="s">
        <v>11</v>
      </c>
      <c r="E12268" s="1" t="s">
        <v>7</v>
      </c>
    </row>
    <row r="12269">
      <c r="A12269" s="1">
        <v>4.90507874E8</v>
      </c>
      <c r="B12269" s="2">
        <v>13510.0</v>
      </c>
      <c r="C12269" s="1" t="s">
        <v>5</v>
      </c>
      <c r="D12269" s="1" t="s">
        <v>10471</v>
      </c>
      <c r="E12269" s="1" t="s">
        <v>7</v>
      </c>
    </row>
    <row r="12270">
      <c r="A12270" s="1">
        <v>4.90507885E8</v>
      </c>
      <c r="B12270" s="2">
        <v>13455.0</v>
      </c>
      <c r="C12270" s="1" t="s">
        <v>5</v>
      </c>
      <c r="D12270" s="1" t="s">
        <v>10472</v>
      </c>
      <c r="E12270" s="1" t="s">
        <v>11</v>
      </c>
    </row>
    <row r="12271">
      <c r="A12271" s="1">
        <v>4.90507944E8</v>
      </c>
      <c r="B12271" s="2">
        <v>13459.0</v>
      </c>
      <c r="C12271" s="1" t="s">
        <v>5</v>
      </c>
      <c r="D12271" s="1" t="s">
        <v>11</v>
      </c>
      <c r="E12271" s="1" t="s">
        <v>7</v>
      </c>
    </row>
    <row r="12272">
      <c r="A12272" s="1">
        <v>4.90507965E8</v>
      </c>
      <c r="B12272" s="2">
        <v>13397.0</v>
      </c>
      <c r="C12272" s="1" t="s">
        <v>5</v>
      </c>
      <c r="D12272" s="1" t="s">
        <v>11</v>
      </c>
      <c r="E12272" s="1" t="s">
        <v>7</v>
      </c>
    </row>
    <row r="12273">
      <c r="A12273" s="1">
        <v>4.90507984E8</v>
      </c>
      <c r="B12273" s="2">
        <v>13462.0</v>
      </c>
      <c r="C12273" s="1" t="s">
        <v>5</v>
      </c>
      <c r="D12273" s="4" t="s">
        <v>10473</v>
      </c>
      <c r="E12273" s="1" t="s">
        <v>7</v>
      </c>
    </row>
    <row r="12274">
      <c r="A12274" s="1">
        <v>4.90507992E8</v>
      </c>
      <c r="B12274" s="2">
        <v>13504.0</v>
      </c>
      <c r="C12274" s="1" t="s">
        <v>5</v>
      </c>
      <c r="D12274" s="1" t="s">
        <v>10474</v>
      </c>
      <c r="E12274" s="1" t="s">
        <v>7</v>
      </c>
    </row>
    <row r="12275">
      <c r="A12275" s="1">
        <v>4.90507995E8</v>
      </c>
      <c r="B12275" s="2">
        <v>13404.0</v>
      </c>
      <c r="C12275" s="1" t="s">
        <v>5</v>
      </c>
      <c r="D12275" s="1" t="s">
        <v>10475</v>
      </c>
      <c r="E12275" s="1" t="s">
        <v>10476</v>
      </c>
    </row>
    <row r="12276">
      <c r="A12276" s="1">
        <v>4.90508034E8</v>
      </c>
      <c r="B12276" s="2">
        <v>13404.0</v>
      </c>
      <c r="C12276" s="1" t="s">
        <v>5</v>
      </c>
      <c r="D12276" s="1" t="s">
        <v>10477</v>
      </c>
      <c r="E12276" s="1" t="s">
        <v>11</v>
      </c>
    </row>
    <row r="12277">
      <c r="A12277" s="1">
        <v>4.90508067E8</v>
      </c>
      <c r="B12277" s="2">
        <v>13404.0</v>
      </c>
      <c r="C12277" s="1" t="s">
        <v>5</v>
      </c>
      <c r="D12277" s="1" t="s">
        <v>11</v>
      </c>
      <c r="E12277" s="1" t="s">
        <v>7</v>
      </c>
    </row>
    <row r="12278">
      <c r="A12278" s="1">
        <v>4.90508085E8</v>
      </c>
      <c r="B12278" s="2">
        <v>13463.0</v>
      </c>
      <c r="C12278" s="1" t="s">
        <v>5</v>
      </c>
      <c r="D12278" s="1" t="s">
        <v>10478</v>
      </c>
      <c r="E12278" s="1" t="s">
        <v>7</v>
      </c>
    </row>
    <row r="12279">
      <c r="A12279" s="1">
        <v>4.90508087E8</v>
      </c>
      <c r="B12279" s="2">
        <v>13404.0</v>
      </c>
      <c r="C12279" s="1" t="s">
        <v>5</v>
      </c>
      <c r="D12279" s="1" t="s">
        <v>11</v>
      </c>
      <c r="E12279" s="1" t="s">
        <v>7</v>
      </c>
    </row>
    <row r="12280">
      <c r="A12280" s="1">
        <v>4.90508088E8</v>
      </c>
      <c r="B12280" s="2">
        <v>13397.0</v>
      </c>
      <c r="C12280" s="1" t="s">
        <v>5</v>
      </c>
      <c r="D12280" s="1" t="s">
        <v>10479</v>
      </c>
      <c r="E12280" s="1" t="s">
        <v>7</v>
      </c>
    </row>
    <row r="12281">
      <c r="A12281" s="1">
        <v>4.90508089E8</v>
      </c>
      <c r="B12281" s="2">
        <v>13504.0</v>
      </c>
      <c r="C12281" s="1" t="s">
        <v>5</v>
      </c>
      <c r="D12281" s="1" t="s">
        <v>10480</v>
      </c>
      <c r="E12281" s="1" t="s">
        <v>10481</v>
      </c>
    </row>
    <row r="12282">
      <c r="A12282" s="1">
        <v>4.90508116E8</v>
      </c>
      <c r="B12282" s="2">
        <v>13512.0</v>
      </c>
      <c r="C12282" s="1" t="s">
        <v>5</v>
      </c>
      <c r="D12282" s="1" t="s">
        <v>10482</v>
      </c>
      <c r="E12282" s="1" t="s">
        <v>10483</v>
      </c>
    </row>
    <row r="12283">
      <c r="A12283" s="1">
        <v>4.90508205E8</v>
      </c>
      <c r="B12283" s="2">
        <v>13396.0</v>
      </c>
      <c r="C12283" s="1" t="s">
        <v>5</v>
      </c>
      <c r="D12283" s="1" t="s">
        <v>11</v>
      </c>
      <c r="E12283" s="1" t="s">
        <v>7</v>
      </c>
    </row>
    <row r="12284">
      <c r="A12284" s="1">
        <v>4.90508231E8</v>
      </c>
      <c r="B12284" s="2">
        <v>13502.0</v>
      </c>
      <c r="C12284" s="1" t="s">
        <v>5</v>
      </c>
      <c r="D12284" s="1" t="s">
        <v>10484</v>
      </c>
      <c r="E12284" s="1" t="s">
        <v>10485</v>
      </c>
    </row>
    <row r="12285">
      <c r="A12285" s="1">
        <v>4.90508249E8</v>
      </c>
      <c r="B12285" s="2">
        <v>13515.0</v>
      </c>
      <c r="C12285" s="1" t="s">
        <v>5</v>
      </c>
      <c r="D12285" s="1" t="s">
        <v>10486</v>
      </c>
      <c r="E12285" s="1" t="s">
        <v>7</v>
      </c>
    </row>
    <row r="12286">
      <c r="A12286" s="1">
        <v>4.90508281E8</v>
      </c>
      <c r="B12286" s="2">
        <v>13440.0</v>
      </c>
      <c r="C12286" s="1" t="s">
        <v>5</v>
      </c>
      <c r="D12286" s="1" t="s">
        <v>10487</v>
      </c>
      <c r="E12286" s="1" t="s">
        <v>7</v>
      </c>
    </row>
    <row r="12287">
      <c r="A12287" s="1">
        <v>4.90508347E8</v>
      </c>
      <c r="B12287" s="2">
        <v>13447.0</v>
      </c>
      <c r="C12287" s="1" t="s">
        <v>5</v>
      </c>
      <c r="D12287" s="1" t="s">
        <v>10488</v>
      </c>
      <c r="E12287" s="1" t="s">
        <v>7</v>
      </c>
    </row>
    <row r="12288">
      <c r="A12288" s="1">
        <v>4.90508355E8</v>
      </c>
      <c r="B12288" s="2">
        <v>13515.0</v>
      </c>
      <c r="C12288" s="1" t="s">
        <v>5</v>
      </c>
      <c r="D12288" s="1" t="s">
        <v>11</v>
      </c>
      <c r="E12288" s="1" t="s">
        <v>7</v>
      </c>
    </row>
    <row r="12289">
      <c r="A12289" s="1">
        <v>4.90508365E8</v>
      </c>
      <c r="B12289" s="2">
        <v>13509.0</v>
      </c>
      <c r="C12289" s="1" t="s">
        <v>5</v>
      </c>
      <c r="D12289" s="1" t="s">
        <v>11</v>
      </c>
      <c r="E12289" s="1" t="s">
        <v>7</v>
      </c>
    </row>
    <row r="12290">
      <c r="A12290" s="1">
        <v>4.90508384E8</v>
      </c>
      <c r="B12290" s="2">
        <v>13459.0</v>
      </c>
      <c r="C12290" s="1" t="s">
        <v>5</v>
      </c>
      <c r="D12290" s="1" t="s">
        <v>10489</v>
      </c>
      <c r="E12290" s="1" t="s">
        <v>11</v>
      </c>
    </row>
    <row r="12291">
      <c r="A12291" s="1">
        <v>4.90508479E8</v>
      </c>
      <c r="B12291" s="2">
        <v>13395.0</v>
      </c>
      <c r="C12291" s="1" t="s">
        <v>5</v>
      </c>
      <c r="D12291" s="1" t="s">
        <v>10490</v>
      </c>
      <c r="E12291" s="1" t="s">
        <v>7</v>
      </c>
    </row>
    <row r="12292">
      <c r="A12292" s="1">
        <v>4.90508487E8</v>
      </c>
      <c r="B12292" s="2">
        <v>13446.0</v>
      </c>
      <c r="C12292" s="1" t="s">
        <v>5</v>
      </c>
      <c r="D12292" s="1" t="s">
        <v>11</v>
      </c>
      <c r="E12292" s="1" t="s">
        <v>7</v>
      </c>
    </row>
    <row r="12293">
      <c r="A12293" s="1">
        <v>4.90508502E8</v>
      </c>
      <c r="B12293" s="2">
        <v>13438.0</v>
      </c>
      <c r="C12293" s="1" t="s">
        <v>5</v>
      </c>
      <c r="D12293" s="1" t="s">
        <v>10491</v>
      </c>
      <c r="E12293" s="1" t="s">
        <v>7</v>
      </c>
    </row>
    <row r="12294">
      <c r="A12294" s="1">
        <v>4.90508563E8</v>
      </c>
      <c r="B12294" s="2">
        <v>13400.0</v>
      </c>
      <c r="C12294" s="1" t="s">
        <v>5</v>
      </c>
      <c r="D12294" s="1" t="s">
        <v>10492</v>
      </c>
      <c r="E12294" s="1" t="s">
        <v>7</v>
      </c>
    </row>
    <row r="12295">
      <c r="A12295" s="1">
        <v>4.90508565E8</v>
      </c>
      <c r="B12295" s="2">
        <v>13462.0</v>
      </c>
      <c r="C12295" s="1" t="s">
        <v>5</v>
      </c>
      <c r="D12295" s="1" t="s">
        <v>11</v>
      </c>
      <c r="E12295" s="1" t="s">
        <v>7</v>
      </c>
    </row>
    <row r="12296">
      <c r="A12296" s="1">
        <v>4.90508567E8</v>
      </c>
      <c r="B12296" s="2">
        <v>13396.0</v>
      </c>
      <c r="C12296" s="1" t="s">
        <v>5</v>
      </c>
      <c r="D12296" s="1" t="s">
        <v>11</v>
      </c>
      <c r="E12296" s="1" t="s">
        <v>7</v>
      </c>
    </row>
    <row r="12297">
      <c r="A12297" s="1">
        <v>4.90508594E8</v>
      </c>
      <c r="B12297" s="2">
        <v>13400.0</v>
      </c>
      <c r="C12297" s="1" t="s">
        <v>5</v>
      </c>
      <c r="D12297" s="1" t="s">
        <v>10493</v>
      </c>
      <c r="E12297" s="1" t="s">
        <v>11</v>
      </c>
    </row>
    <row r="12298">
      <c r="A12298" s="1">
        <v>4.90508601E8</v>
      </c>
      <c r="B12298" s="2">
        <v>13513.0</v>
      </c>
      <c r="C12298" s="1" t="s">
        <v>5</v>
      </c>
      <c r="D12298" s="1" t="s">
        <v>11</v>
      </c>
      <c r="E12298" s="1" t="s">
        <v>7</v>
      </c>
    </row>
    <row r="12299">
      <c r="A12299" s="1">
        <v>4.90508675E8</v>
      </c>
      <c r="B12299" s="2">
        <v>13445.0</v>
      </c>
      <c r="C12299" s="1" t="s">
        <v>5</v>
      </c>
      <c r="D12299" s="1" t="s">
        <v>11</v>
      </c>
      <c r="E12299" s="1" t="s">
        <v>7</v>
      </c>
    </row>
    <row r="12300">
      <c r="A12300" s="1">
        <v>4.90508704E8</v>
      </c>
      <c r="B12300" s="2">
        <v>13395.0</v>
      </c>
      <c r="C12300" s="1" t="s">
        <v>5</v>
      </c>
      <c r="D12300" s="1" t="s">
        <v>11</v>
      </c>
      <c r="E12300" s="1" t="s">
        <v>7</v>
      </c>
    </row>
    <row r="12301">
      <c r="A12301" s="1">
        <v>4.90508712E8</v>
      </c>
      <c r="B12301" s="2">
        <v>13434.0</v>
      </c>
      <c r="C12301" s="1" t="s">
        <v>5</v>
      </c>
      <c r="D12301" s="1" t="s">
        <v>10494</v>
      </c>
      <c r="E12301" s="1" t="s">
        <v>7</v>
      </c>
    </row>
    <row r="12302">
      <c r="A12302" s="1">
        <v>4.90508725E8</v>
      </c>
      <c r="B12302" s="2">
        <v>13461.0</v>
      </c>
      <c r="C12302" s="1" t="s">
        <v>5</v>
      </c>
      <c r="D12302" s="1" t="s">
        <v>11</v>
      </c>
      <c r="E12302" s="1" t="s">
        <v>7</v>
      </c>
    </row>
    <row r="12303">
      <c r="A12303" s="1">
        <v>4.90508736E8</v>
      </c>
      <c r="B12303" s="2">
        <v>13434.0</v>
      </c>
      <c r="C12303" s="1" t="s">
        <v>5</v>
      </c>
      <c r="D12303" s="1" t="s">
        <v>10495</v>
      </c>
      <c r="E12303" s="1" t="s">
        <v>7</v>
      </c>
    </row>
    <row r="12304">
      <c r="A12304" s="1">
        <v>4.90508742E8</v>
      </c>
      <c r="B12304" s="2">
        <v>13454.0</v>
      </c>
      <c r="C12304" s="1" t="s">
        <v>5</v>
      </c>
      <c r="D12304" s="1" t="s">
        <v>10496</v>
      </c>
      <c r="E12304" s="1" t="s">
        <v>11</v>
      </c>
    </row>
    <row r="12305">
      <c r="A12305" s="1">
        <v>4.90508745E8</v>
      </c>
      <c r="B12305" s="2">
        <v>13512.0</v>
      </c>
      <c r="C12305" s="1" t="s">
        <v>5</v>
      </c>
      <c r="D12305" s="1" t="s">
        <v>10497</v>
      </c>
      <c r="E12305" s="1" t="s">
        <v>7</v>
      </c>
    </row>
    <row r="12306">
      <c r="A12306" s="1">
        <v>4.9050877E8</v>
      </c>
      <c r="B12306" s="2">
        <v>13397.0</v>
      </c>
      <c r="C12306" s="1" t="s">
        <v>5</v>
      </c>
      <c r="D12306" s="1" t="s">
        <v>10498</v>
      </c>
      <c r="E12306" s="1" t="s">
        <v>11</v>
      </c>
    </row>
    <row r="12307">
      <c r="A12307" s="1">
        <v>4.90508822E8</v>
      </c>
      <c r="B12307" s="2">
        <v>13400.0</v>
      </c>
      <c r="C12307" s="1" t="s">
        <v>5</v>
      </c>
      <c r="D12307" s="1" t="s">
        <v>10499</v>
      </c>
      <c r="E12307" s="1" t="s">
        <v>10500</v>
      </c>
    </row>
    <row r="12308">
      <c r="A12308" s="1">
        <v>4.90508824E8</v>
      </c>
      <c r="B12308" s="2">
        <v>13511.0</v>
      </c>
      <c r="C12308" s="1" t="s">
        <v>5</v>
      </c>
      <c r="D12308" s="1" t="s">
        <v>10501</v>
      </c>
      <c r="E12308" s="1" t="s">
        <v>10502</v>
      </c>
    </row>
    <row r="12309">
      <c r="A12309" s="1">
        <v>4.90508836E8</v>
      </c>
      <c r="B12309" s="2">
        <v>13460.0</v>
      </c>
      <c r="C12309" s="1" t="s">
        <v>5</v>
      </c>
      <c r="D12309" s="1" t="s">
        <v>10503</v>
      </c>
      <c r="E12309" s="1" t="s">
        <v>7</v>
      </c>
    </row>
    <row r="12310">
      <c r="A12310" s="1">
        <v>4.90508884E8</v>
      </c>
      <c r="B12310" s="2">
        <v>13447.0</v>
      </c>
      <c r="C12310" s="1" t="s">
        <v>5</v>
      </c>
      <c r="D12310" s="1" t="s">
        <v>10504</v>
      </c>
      <c r="E12310" s="1" t="s">
        <v>7</v>
      </c>
    </row>
    <row r="12311">
      <c r="A12311" s="1">
        <v>4.90508898E8</v>
      </c>
      <c r="B12311" s="2">
        <v>13397.0</v>
      </c>
      <c r="C12311" s="1" t="s">
        <v>5</v>
      </c>
      <c r="D12311" s="1" t="s">
        <v>10505</v>
      </c>
      <c r="E12311" s="1" t="s">
        <v>7</v>
      </c>
    </row>
    <row r="12312">
      <c r="A12312" s="1">
        <v>4.90508986E8</v>
      </c>
      <c r="B12312" s="2">
        <v>13506.0</v>
      </c>
      <c r="C12312" s="1" t="s">
        <v>5</v>
      </c>
      <c r="D12312" s="1" t="s">
        <v>10506</v>
      </c>
      <c r="E12312" s="1" t="s">
        <v>7</v>
      </c>
    </row>
    <row r="12313">
      <c r="A12313" s="1">
        <v>4.90508996E8</v>
      </c>
      <c r="B12313" s="2">
        <v>13515.0</v>
      </c>
      <c r="C12313" s="1" t="s">
        <v>5</v>
      </c>
      <c r="D12313" s="1" t="s">
        <v>10507</v>
      </c>
      <c r="E12313" s="1" t="s">
        <v>11</v>
      </c>
    </row>
    <row r="12314">
      <c r="A12314" s="1">
        <v>4.90509007E8</v>
      </c>
      <c r="B12314" s="2">
        <v>13506.0</v>
      </c>
      <c r="C12314" s="1" t="s">
        <v>5</v>
      </c>
      <c r="D12314" s="1" t="s">
        <v>10508</v>
      </c>
      <c r="E12314" s="1" t="s">
        <v>11</v>
      </c>
    </row>
    <row r="12315">
      <c r="A12315" s="1">
        <v>4.90509034E8</v>
      </c>
      <c r="B12315" s="2">
        <v>13434.0</v>
      </c>
      <c r="C12315" s="1" t="s">
        <v>5</v>
      </c>
      <c r="D12315" s="1" t="s">
        <v>11</v>
      </c>
      <c r="E12315" s="1" t="s">
        <v>7</v>
      </c>
    </row>
    <row r="12316">
      <c r="A12316" s="1">
        <v>4.90509065E8</v>
      </c>
      <c r="B12316" s="2">
        <v>13515.0</v>
      </c>
      <c r="C12316" s="1" t="s">
        <v>5</v>
      </c>
      <c r="D12316" s="1" t="s">
        <v>11</v>
      </c>
      <c r="E12316" s="1" t="s">
        <v>7</v>
      </c>
    </row>
    <row r="12317">
      <c r="A12317" s="1">
        <v>4.90509125E8</v>
      </c>
      <c r="B12317" s="2">
        <v>13493.0</v>
      </c>
      <c r="C12317" s="1" t="s">
        <v>5</v>
      </c>
      <c r="D12317" s="1" t="s">
        <v>11</v>
      </c>
      <c r="E12317" s="1" t="s">
        <v>7</v>
      </c>
    </row>
    <row r="12318">
      <c r="A12318" s="1">
        <v>4.90509129E8</v>
      </c>
      <c r="B12318" s="2">
        <v>13396.0</v>
      </c>
      <c r="C12318" s="1" t="s">
        <v>5</v>
      </c>
      <c r="D12318" s="1" t="s">
        <v>10509</v>
      </c>
      <c r="E12318" s="1" t="s">
        <v>7</v>
      </c>
    </row>
    <row r="12319">
      <c r="A12319" s="1">
        <v>4.90509157E8</v>
      </c>
      <c r="B12319" s="2">
        <v>13443.0</v>
      </c>
      <c r="C12319" s="1" t="s">
        <v>5</v>
      </c>
      <c r="D12319" s="1" t="s">
        <v>10510</v>
      </c>
      <c r="E12319" s="1" t="s">
        <v>7</v>
      </c>
    </row>
    <row r="12320">
      <c r="A12320" s="1">
        <v>4.90509168E8</v>
      </c>
      <c r="B12320" s="2">
        <v>13498.0</v>
      </c>
      <c r="C12320" s="1" t="s">
        <v>5</v>
      </c>
      <c r="D12320" s="1" t="s">
        <v>10511</v>
      </c>
      <c r="E12320" s="1" t="s">
        <v>11</v>
      </c>
    </row>
    <row r="12321">
      <c r="A12321" s="1">
        <v>4.90509173E8</v>
      </c>
      <c r="B12321" s="2">
        <v>13458.0</v>
      </c>
      <c r="C12321" s="1" t="s">
        <v>5</v>
      </c>
      <c r="D12321" s="1" t="s">
        <v>10512</v>
      </c>
      <c r="E12321" s="1" t="s">
        <v>7</v>
      </c>
    </row>
    <row r="12322">
      <c r="A12322" s="1">
        <v>4.90509204E8</v>
      </c>
      <c r="B12322" s="2">
        <v>13449.0</v>
      </c>
      <c r="C12322" s="1" t="s">
        <v>5</v>
      </c>
      <c r="D12322" s="1" t="s">
        <v>10513</v>
      </c>
      <c r="E12322" s="1" t="s">
        <v>11</v>
      </c>
    </row>
    <row r="12323">
      <c r="A12323" s="1">
        <v>4.90509222E8</v>
      </c>
      <c r="B12323" s="2">
        <v>13442.0</v>
      </c>
      <c r="C12323" s="1" t="s">
        <v>5</v>
      </c>
      <c r="D12323" s="1" t="s">
        <v>10514</v>
      </c>
      <c r="E12323" s="1" t="s">
        <v>11</v>
      </c>
    </row>
    <row r="12324">
      <c r="A12324" s="1">
        <v>4.90509262E8</v>
      </c>
      <c r="B12324" s="2">
        <v>13515.0</v>
      </c>
      <c r="C12324" s="1" t="s">
        <v>5</v>
      </c>
      <c r="D12324" s="1" t="s">
        <v>10515</v>
      </c>
      <c r="E12324" s="1" t="s">
        <v>11</v>
      </c>
    </row>
    <row r="12325">
      <c r="A12325" s="1">
        <v>4.90509266E8</v>
      </c>
      <c r="B12325" s="2">
        <v>13498.0</v>
      </c>
      <c r="C12325" s="1" t="s">
        <v>5</v>
      </c>
      <c r="D12325" s="1" t="s">
        <v>10516</v>
      </c>
      <c r="E12325" s="1" t="s">
        <v>7</v>
      </c>
    </row>
    <row r="12326">
      <c r="A12326" s="1">
        <v>4.90509271E8</v>
      </c>
      <c r="B12326" s="2">
        <v>13508.0</v>
      </c>
      <c r="C12326" s="1" t="s">
        <v>5</v>
      </c>
      <c r="D12326" s="1" t="s">
        <v>10517</v>
      </c>
      <c r="E12326" s="1" t="s">
        <v>11</v>
      </c>
    </row>
    <row r="12327">
      <c r="A12327" s="1">
        <v>4.90509275E8</v>
      </c>
      <c r="B12327" s="2">
        <v>13426.0</v>
      </c>
      <c r="C12327" s="1" t="s">
        <v>5</v>
      </c>
      <c r="D12327" s="1" t="s">
        <v>10518</v>
      </c>
      <c r="E12327" s="1" t="s">
        <v>7</v>
      </c>
    </row>
    <row r="12328">
      <c r="A12328" s="1">
        <v>4.90509285E8</v>
      </c>
      <c r="B12328" s="2">
        <v>13434.0</v>
      </c>
      <c r="C12328" s="1" t="s">
        <v>5</v>
      </c>
      <c r="D12328" s="1" t="s">
        <v>11</v>
      </c>
      <c r="E12328" s="1" t="s">
        <v>7</v>
      </c>
    </row>
    <row r="12329">
      <c r="A12329" s="1">
        <v>4.9050929E8</v>
      </c>
      <c r="B12329" s="2">
        <v>13396.0</v>
      </c>
      <c r="C12329" s="1" t="s">
        <v>5</v>
      </c>
      <c r="D12329" s="1" t="s">
        <v>10519</v>
      </c>
      <c r="E12329" s="1" t="s">
        <v>7</v>
      </c>
    </row>
    <row r="12330">
      <c r="A12330" s="1">
        <v>4.90509304E8</v>
      </c>
      <c r="B12330" s="2">
        <v>13514.0</v>
      </c>
      <c r="C12330" s="1" t="s">
        <v>5</v>
      </c>
      <c r="D12330" s="1" t="s">
        <v>10520</v>
      </c>
      <c r="E12330" s="1" t="s">
        <v>10521</v>
      </c>
    </row>
    <row r="12331">
      <c r="A12331" s="1">
        <v>4.90509308E8</v>
      </c>
      <c r="B12331" s="2">
        <v>13509.0</v>
      </c>
      <c r="C12331" s="1" t="s">
        <v>5</v>
      </c>
      <c r="D12331" s="1" t="s">
        <v>10522</v>
      </c>
      <c r="E12331" s="1" t="s">
        <v>7</v>
      </c>
    </row>
    <row r="12332">
      <c r="A12332" s="1">
        <v>4.90509311E8</v>
      </c>
      <c r="B12332" s="2">
        <v>13493.0</v>
      </c>
      <c r="C12332" s="1" t="s">
        <v>5</v>
      </c>
      <c r="D12332" s="1" t="s">
        <v>10523</v>
      </c>
      <c r="E12332" s="1" t="s">
        <v>11</v>
      </c>
    </row>
    <row r="12333">
      <c r="A12333" s="1">
        <v>4.90509327E8</v>
      </c>
      <c r="B12333" s="2">
        <v>13498.0</v>
      </c>
      <c r="C12333" s="1" t="s">
        <v>5</v>
      </c>
      <c r="D12333" s="1" t="s">
        <v>10524</v>
      </c>
      <c r="E12333" s="1" t="s">
        <v>11</v>
      </c>
    </row>
    <row r="12334">
      <c r="A12334" s="1">
        <v>4.90509424E8</v>
      </c>
      <c r="B12334" s="2">
        <v>13426.0</v>
      </c>
      <c r="C12334" s="1" t="s">
        <v>5</v>
      </c>
      <c r="D12334" s="1" t="s">
        <v>10525</v>
      </c>
      <c r="E12334" s="1" t="s">
        <v>11</v>
      </c>
    </row>
    <row r="12335">
      <c r="A12335" s="1">
        <v>4.90509433E8</v>
      </c>
      <c r="B12335" s="2">
        <v>13395.0</v>
      </c>
      <c r="C12335" s="1" t="s">
        <v>5</v>
      </c>
      <c r="D12335" s="1" t="s">
        <v>10526</v>
      </c>
      <c r="E12335" s="1" t="s">
        <v>7</v>
      </c>
    </row>
    <row r="12336">
      <c r="A12336" s="1">
        <v>4.90509435E8</v>
      </c>
      <c r="B12336" s="2">
        <v>13496.0</v>
      </c>
      <c r="C12336" s="1" t="s">
        <v>5</v>
      </c>
      <c r="D12336" s="1" t="s">
        <v>10527</v>
      </c>
      <c r="E12336" s="1" t="s">
        <v>11</v>
      </c>
    </row>
    <row r="12337">
      <c r="A12337" s="1">
        <v>4.90509444E8</v>
      </c>
      <c r="B12337" s="2">
        <v>13455.0</v>
      </c>
      <c r="C12337" s="1" t="s">
        <v>5</v>
      </c>
      <c r="D12337" s="1" t="s">
        <v>11</v>
      </c>
      <c r="E12337" s="1" t="s">
        <v>7</v>
      </c>
    </row>
    <row r="12338">
      <c r="A12338" s="1">
        <v>4.9050945E8</v>
      </c>
      <c r="B12338" s="2">
        <v>13441.0</v>
      </c>
      <c r="C12338" s="1" t="s">
        <v>5</v>
      </c>
      <c r="D12338" s="1" t="s">
        <v>10528</v>
      </c>
      <c r="E12338" s="1" t="s">
        <v>7</v>
      </c>
    </row>
    <row r="12339">
      <c r="A12339" s="1">
        <v>4.90509465E8</v>
      </c>
      <c r="B12339" s="2">
        <v>13452.0</v>
      </c>
      <c r="C12339" s="1" t="s">
        <v>5</v>
      </c>
      <c r="D12339" s="1" t="s">
        <v>10529</v>
      </c>
      <c r="E12339" s="1" t="s">
        <v>11</v>
      </c>
    </row>
    <row r="12340">
      <c r="A12340" s="1">
        <v>4.90509513E8</v>
      </c>
      <c r="B12340" s="2">
        <v>13426.0</v>
      </c>
      <c r="C12340" s="1" t="s">
        <v>5</v>
      </c>
      <c r="D12340" s="1" t="s">
        <v>11</v>
      </c>
      <c r="E12340" s="1" t="s">
        <v>7</v>
      </c>
    </row>
    <row r="12341">
      <c r="A12341" s="1">
        <v>4.90509551E8</v>
      </c>
      <c r="B12341" s="2">
        <v>13447.0</v>
      </c>
      <c r="C12341" s="1" t="s">
        <v>5</v>
      </c>
      <c r="D12341" s="1" t="s">
        <v>10530</v>
      </c>
      <c r="E12341" s="1" t="s">
        <v>7</v>
      </c>
    </row>
    <row r="12342">
      <c r="A12342" s="1">
        <v>4.9050959E8</v>
      </c>
      <c r="B12342" s="2">
        <v>13431.0</v>
      </c>
      <c r="C12342" s="1" t="s">
        <v>5</v>
      </c>
      <c r="D12342" s="1" t="s">
        <v>10531</v>
      </c>
      <c r="E12342" s="1" t="s">
        <v>7</v>
      </c>
    </row>
    <row r="12343">
      <c r="A12343" s="1">
        <v>4.90509618E8</v>
      </c>
      <c r="B12343" s="2">
        <v>13494.0</v>
      </c>
      <c r="C12343" s="1" t="s">
        <v>5</v>
      </c>
      <c r="D12343" s="1" t="s">
        <v>10532</v>
      </c>
      <c r="E12343" s="1" t="s">
        <v>7</v>
      </c>
    </row>
    <row r="12344">
      <c r="A12344" s="1">
        <v>4.9050963E8</v>
      </c>
      <c r="B12344" s="2">
        <v>13506.0</v>
      </c>
      <c r="C12344" s="1" t="s">
        <v>5</v>
      </c>
      <c r="D12344" s="1" t="s">
        <v>10533</v>
      </c>
      <c r="E12344" s="1" t="s">
        <v>7</v>
      </c>
    </row>
    <row r="12345">
      <c r="A12345" s="1">
        <v>4.90509634E8</v>
      </c>
      <c r="B12345" s="2">
        <v>13507.0</v>
      </c>
      <c r="C12345" s="1" t="s">
        <v>5</v>
      </c>
      <c r="D12345" s="1" t="s">
        <v>10534</v>
      </c>
      <c r="E12345" s="1" t="s">
        <v>7</v>
      </c>
    </row>
    <row r="12346">
      <c r="A12346" s="1">
        <v>4.90509637E8</v>
      </c>
      <c r="B12346" s="2">
        <v>13504.0</v>
      </c>
      <c r="C12346" s="1" t="s">
        <v>5</v>
      </c>
      <c r="D12346" s="1" t="s">
        <v>11</v>
      </c>
      <c r="E12346" s="1" t="s">
        <v>7</v>
      </c>
    </row>
    <row r="12347">
      <c r="A12347" s="1">
        <v>4.90509643E8</v>
      </c>
      <c r="B12347" s="2">
        <v>13493.0</v>
      </c>
      <c r="C12347" s="1" t="s">
        <v>5</v>
      </c>
      <c r="D12347" s="1" t="s">
        <v>10535</v>
      </c>
      <c r="E12347" s="1" t="s">
        <v>7</v>
      </c>
    </row>
    <row r="12348">
      <c r="A12348" s="1">
        <v>4.90509647E8</v>
      </c>
      <c r="B12348" s="2">
        <v>13492.0</v>
      </c>
      <c r="C12348" s="1" t="s">
        <v>5</v>
      </c>
      <c r="D12348" s="1" t="s">
        <v>10536</v>
      </c>
      <c r="E12348" s="1" t="s">
        <v>7</v>
      </c>
    </row>
    <row r="12349">
      <c r="A12349" s="1">
        <v>4.90509739E8</v>
      </c>
      <c r="B12349" s="2">
        <v>13429.0</v>
      </c>
      <c r="C12349" s="1" t="s">
        <v>5</v>
      </c>
      <c r="D12349" s="1" t="s">
        <v>10537</v>
      </c>
      <c r="E12349" s="1" t="s">
        <v>11</v>
      </c>
    </row>
    <row r="12350">
      <c r="A12350" s="1">
        <v>4.90509745E8</v>
      </c>
      <c r="B12350" s="2">
        <v>13442.0</v>
      </c>
      <c r="C12350" s="1" t="s">
        <v>5</v>
      </c>
      <c r="D12350" s="1" t="s">
        <v>10538</v>
      </c>
      <c r="E12350" s="1" t="s">
        <v>7</v>
      </c>
    </row>
    <row r="12351">
      <c r="A12351" s="1">
        <v>4.90509843E8</v>
      </c>
      <c r="B12351" s="2">
        <v>13450.0</v>
      </c>
      <c r="C12351" s="1" t="s">
        <v>5</v>
      </c>
      <c r="D12351" s="1" t="s">
        <v>10539</v>
      </c>
      <c r="E12351" s="1" t="s">
        <v>11</v>
      </c>
    </row>
    <row r="12352">
      <c r="A12352" s="1">
        <v>4.90509847E8</v>
      </c>
      <c r="B12352" s="2">
        <v>13488.0</v>
      </c>
      <c r="C12352" s="1" t="s">
        <v>5</v>
      </c>
      <c r="D12352" s="1" t="s">
        <v>10540</v>
      </c>
      <c r="E12352" s="1" t="s">
        <v>7</v>
      </c>
    </row>
    <row r="12353">
      <c r="A12353" s="1">
        <v>4.90509889E8</v>
      </c>
      <c r="B12353" s="2">
        <v>13450.0</v>
      </c>
      <c r="C12353" s="1" t="s">
        <v>5</v>
      </c>
      <c r="D12353" s="1" t="s">
        <v>11</v>
      </c>
      <c r="E12353" s="1" t="s">
        <v>7</v>
      </c>
    </row>
    <row r="12354">
      <c r="A12354" s="1">
        <v>4.90509944E8</v>
      </c>
      <c r="B12354" s="2">
        <v>13493.0</v>
      </c>
      <c r="C12354" s="1" t="s">
        <v>5</v>
      </c>
      <c r="D12354" s="1" t="s">
        <v>10541</v>
      </c>
      <c r="E12354" s="1" t="s">
        <v>11</v>
      </c>
    </row>
    <row r="12355">
      <c r="A12355" s="1">
        <v>4.90509966E8</v>
      </c>
      <c r="B12355" s="2">
        <v>13507.0</v>
      </c>
      <c r="C12355" s="1" t="s">
        <v>5</v>
      </c>
      <c r="D12355" s="1" t="s">
        <v>10542</v>
      </c>
      <c r="E12355" s="1" t="s">
        <v>7</v>
      </c>
    </row>
    <row r="12356">
      <c r="A12356" s="1">
        <v>4.9050997E8</v>
      </c>
      <c r="B12356" s="2">
        <v>13503.0</v>
      </c>
      <c r="C12356" s="1" t="s">
        <v>5</v>
      </c>
      <c r="D12356" s="1" t="s">
        <v>11</v>
      </c>
      <c r="E12356" s="1" t="s">
        <v>7</v>
      </c>
    </row>
    <row r="12357">
      <c r="A12357" s="1">
        <v>4.90509988E8</v>
      </c>
      <c r="B12357" s="2">
        <v>13444.0</v>
      </c>
      <c r="C12357" s="1" t="s">
        <v>5</v>
      </c>
      <c r="D12357" s="1" t="s">
        <v>10543</v>
      </c>
      <c r="E12357" s="1" t="s">
        <v>10544</v>
      </c>
    </row>
    <row r="12358">
      <c r="A12358" s="1">
        <v>4.90510017E8</v>
      </c>
      <c r="B12358" s="2">
        <v>13444.0</v>
      </c>
      <c r="C12358" s="1" t="s">
        <v>5</v>
      </c>
      <c r="D12358" s="1" t="s">
        <v>10545</v>
      </c>
      <c r="E12358" s="1" t="s">
        <v>7</v>
      </c>
    </row>
    <row r="12359">
      <c r="A12359" s="1">
        <v>4.90510071E8</v>
      </c>
      <c r="B12359" s="2">
        <v>13428.0</v>
      </c>
      <c r="C12359" s="1" t="s">
        <v>5</v>
      </c>
      <c r="D12359" s="1" t="s">
        <v>10546</v>
      </c>
      <c r="E12359" s="1" t="s">
        <v>7</v>
      </c>
    </row>
    <row r="12360">
      <c r="A12360" s="1">
        <v>4.9051009E8</v>
      </c>
      <c r="B12360" s="2">
        <v>13504.0</v>
      </c>
      <c r="C12360" s="1" t="s">
        <v>5</v>
      </c>
      <c r="D12360" s="1" t="s">
        <v>11</v>
      </c>
      <c r="E12360" s="1" t="s">
        <v>7</v>
      </c>
    </row>
    <row r="12361">
      <c r="A12361" s="1">
        <v>4.90510115E8</v>
      </c>
      <c r="B12361" s="2">
        <v>13489.0</v>
      </c>
      <c r="C12361" s="1" t="s">
        <v>5</v>
      </c>
      <c r="D12361" s="1" t="s">
        <v>10547</v>
      </c>
      <c r="E12361" s="1" t="s">
        <v>7</v>
      </c>
    </row>
    <row r="12362">
      <c r="A12362" s="1">
        <v>4.90510116E8</v>
      </c>
      <c r="B12362" s="2">
        <v>13441.0</v>
      </c>
      <c r="C12362" s="1" t="s">
        <v>5</v>
      </c>
      <c r="D12362" s="1" t="s">
        <v>10548</v>
      </c>
      <c r="E12362" s="1" t="s">
        <v>7</v>
      </c>
    </row>
    <row r="12363">
      <c r="A12363" s="1">
        <v>4.90510145E8</v>
      </c>
      <c r="B12363" s="2">
        <v>13501.0</v>
      </c>
      <c r="C12363" s="1" t="s">
        <v>5</v>
      </c>
      <c r="D12363" s="1" t="s">
        <v>11</v>
      </c>
      <c r="E12363" s="1" t="s">
        <v>7</v>
      </c>
    </row>
    <row r="12364">
      <c r="A12364" s="1">
        <v>4.90510157E8</v>
      </c>
      <c r="B12364" s="2">
        <v>13394.0</v>
      </c>
      <c r="C12364" s="1" t="s">
        <v>5</v>
      </c>
      <c r="D12364" s="1" t="s">
        <v>10549</v>
      </c>
      <c r="E12364" s="1" t="s">
        <v>7</v>
      </c>
    </row>
    <row r="12365">
      <c r="A12365" s="1">
        <v>4.90510187E8</v>
      </c>
      <c r="B12365" s="2">
        <v>13454.0</v>
      </c>
      <c r="C12365" s="1" t="s">
        <v>5</v>
      </c>
      <c r="D12365" s="1" t="s">
        <v>10550</v>
      </c>
      <c r="E12365" s="1" t="s">
        <v>7</v>
      </c>
    </row>
    <row r="12366">
      <c r="A12366" s="1">
        <v>4.90510211E8</v>
      </c>
      <c r="B12366" s="2">
        <v>13454.0</v>
      </c>
      <c r="C12366" s="1" t="s">
        <v>5</v>
      </c>
      <c r="D12366" s="1" t="s">
        <v>10551</v>
      </c>
      <c r="E12366" s="1" t="s">
        <v>10552</v>
      </c>
    </row>
    <row r="12367">
      <c r="A12367" s="1">
        <v>4.90510238E8</v>
      </c>
      <c r="B12367" s="2">
        <v>13452.0</v>
      </c>
      <c r="C12367" s="1" t="s">
        <v>5</v>
      </c>
      <c r="D12367" s="1" t="s">
        <v>10553</v>
      </c>
      <c r="E12367" s="1" t="s">
        <v>7</v>
      </c>
    </row>
    <row r="12368">
      <c r="A12368" s="1">
        <v>4.90510247E8</v>
      </c>
      <c r="B12368" s="2">
        <v>13448.0</v>
      </c>
      <c r="C12368" s="1" t="s">
        <v>5</v>
      </c>
      <c r="D12368" s="1" t="s">
        <v>10554</v>
      </c>
      <c r="E12368" s="1" t="s">
        <v>11</v>
      </c>
    </row>
    <row r="12369">
      <c r="A12369" s="1">
        <v>4.90510313E8</v>
      </c>
      <c r="B12369" s="2">
        <v>13486.0</v>
      </c>
      <c r="C12369" s="1" t="s">
        <v>5</v>
      </c>
      <c r="D12369" s="1" t="s">
        <v>10555</v>
      </c>
      <c r="E12369" s="1" t="s">
        <v>10556</v>
      </c>
    </row>
    <row r="12370">
      <c r="A12370" s="1">
        <v>4.90510315E8</v>
      </c>
      <c r="B12370" s="2">
        <v>13512.0</v>
      </c>
      <c r="C12370" s="1" t="s">
        <v>5</v>
      </c>
      <c r="D12370" s="1" t="s">
        <v>11</v>
      </c>
      <c r="E12370" s="1" t="s">
        <v>7</v>
      </c>
    </row>
    <row r="12371">
      <c r="A12371" s="1">
        <v>4.90510317E8</v>
      </c>
      <c r="B12371" s="2">
        <v>13504.0</v>
      </c>
      <c r="C12371" s="1" t="s">
        <v>5</v>
      </c>
      <c r="D12371" s="1" t="s">
        <v>11</v>
      </c>
      <c r="E12371" s="1" t="s">
        <v>7</v>
      </c>
    </row>
    <row r="12372">
      <c r="A12372" s="1">
        <v>4.90510364E8</v>
      </c>
      <c r="B12372" s="2">
        <v>13424.0</v>
      </c>
      <c r="C12372" s="1" t="s">
        <v>5</v>
      </c>
      <c r="D12372" s="1" t="s">
        <v>10557</v>
      </c>
      <c r="E12372" s="1" t="s">
        <v>7</v>
      </c>
    </row>
    <row r="12373">
      <c r="A12373" s="1">
        <v>4.90510405E8</v>
      </c>
      <c r="B12373" s="2">
        <v>13509.0</v>
      </c>
      <c r="C12373" s="1" t="s">
        <v>5</v>
      </c>
      <c r="D12373" s="1" t="s">
        <v>10558</v>
      </c>
      <c r="E12373" s="1" t="s">
        <v>7</v>
      </c>
    </row>
    <row r="12374">
      <c r="A12374" s="1">
        <v>4.9051041E8</v>
      </c>
      <c r="B12374" s="2">
        <v>13511.0</v>
      </c>
      <c r="C12374" s="1" t="s">
        <v>5</v>
      </c>
      <c r="D12374" s="1" t="s">
        <v>10559</v>
      </c>
      <c r="E12374" s="1" t="s">
        <v>11</v>
      </c>
    </row>
    <row r="12375">
      <c r="A12375" s="1">
        <v>4.90510427E8</v>
      </c>
      <c r="B12375" s="2">
        <v>13490.0</v>
      </c>
      <c r="C12375" s="1" t="s">
        <v>5</v>
      </c>
      <c r="D12375" s="1" t="s">
        <v>11</v>
      </c>
      <c r="E12375" s="1" t="s">
        <v>7</v>
      </c>
    </row>
    <row r="12376">
      <c r="A12376" s="1">
        <v>4.90510443E8</v>
      </c>
      <c r="B12376" s="2">
        <v>13448.0</v>
      </c>
      <c r="C12376" s="1" t="s">
        <v>5</v>
      </c>
      <c r="D12376" s="1" t="s">
        <v>10560</v>
      </c>
      <c r="E12376" s="1" t="s">
        <v>11</v>
      </c>
    </row>
    <row r="12377">
      <c r="A12377" s="1">
        <v>4.90510467E8</v>
      </c>
      <c r="B12377" s="2">
        <v>13504.0</v>
      </c>
      <c r="C12377" s="1" t="s">
        <v>5</v>
      </c>
      <c r="D12377" s="1" t="s">
        <v>11</v>
      </c>
      <c r="E12377" s="1" t="s">
        <v>7</v>
      </c>
    </row>
    <row r="12378">
      <c r="A12378" s="1">
        <v>4.90510486E8</v>
      </c>
      <c r="B12378" s="2">
        <v>13448.0</v>
      </c>
      <c r="C12378" s="1" t="s">
        <v>5</v>
      </c>
      <c r="D12378" s="1" t="s">
        <v>11</v>
      </c>
      <c r="E12378" s="1" t="s">
        <v>7</v>
      </c>
    </row>
    <row r="12379">
      <c r="A12379" s="1">
        <v>4.90510507E8</v>
      </c>
      <c r="B12379" s="2">
        <v>13448.0</v>
      </c>
      <c r="C12379" s="1" t="s">
        <v>5</v>
      </c>
      <c r="D12379" s="1" t="s">
        <v>10561</v>
      </c>
      <c r="E12379" s="1" t="s">
        <v>7</v>
      </c>
    </row>
    <row r="12380">
      <c r="A12380" s="1">
        <v>4.90510521E8</v>
      </c>
      <c r="B12380" s="2">
        <v>13436.0</v>
      </c>
      <c r="C12380" s="1" t="s">
        <v>5</v>
      </c>
      <c r="D12380" s="1" t="s">
        <v>10562</v>
      </c>
      <c r="E12380" s="1" t="s">
        <v>11</v>
      </c>
    </row>
    <row r="12381">
      <c r="A12381" s="1">
        <v>4.90510525E8</v>
      </c>
      <c r="B12381" s="2">
        <v>13442.0</v>
      </c>
      <c r="C12381" s="1" t="s">
        <v>5</v>
      </c>
      <c r="D12381" s="1" t="s">
        <v>10563</v>
      </c>
      <c r="E12381" s="1" t="s">
        <v>11</v>
      </c>
    </row>
    <row r="12382">
      <c r="A12382" s="1">
        <v>4.90510551E8</v>
      </c>
      <c r="B12382" s="2">
        <v>13485.0</v>
      </c>
      <c r="C12382" s="1" t="s">
        <v>5</v>
      </c>
      <c r="D12382" s="1" t="s">
        <v>10564</v>
      </c>
      <c r="E12382" s="1" t="s">
        <v>7</v>
      </c>
    </row>
    <row r="12383">
      <c r="A12383" s="1">
        <v>4.9051056E8</v>
      </c>
      <c r="B12383" s="2">
        <v>13508.0</v>
      </c>
      <c r="C12383" s="1" t="s">
        <v>5</v>
      </c>
      <c r="D12383" s="1" t="s">
        <v>11</v>
      </c>
      <c r="E12383" s="1" t="s">
        <v>7</v>
      </c>
    </row>
    <row r="12384">
      <c r="A12384" s="1">
        <v>4.90510563E8</v>
      </c>
      <c r="B12384" s="2">
        <v>13504.0</v>
      </c>
      <c r="C12384" s="1" t="s">
        <v>5</v>
      </c>
      <c r="D12384" s="1" t="s">
        <v>10565</v>
      </c>
      <c r="E12384" s="1" t="s">
        <v>11</v>
      </c>
    </row>
    <row r="12385">
      <c r="A12385" s="1">
        <v>4.90510602E8</v>
      </c>
      <c r="B12385" s="2">
        <v>13511.0</v>
      </c>
      <c r="C12385" s="1" t="s">
        <v>5</v>
      </c>
      <c r="D12385" s="1" t="s">
        <v>10566</v>
      </c>
      <c r="E12385" s="1" t="s">
        <v>7</v>
      </c>
    </row>
    <row r="12386">
      <c r="A12386" s="1">
        <v>4.90510631E8</v>
      </c>
      <c r="B12386" s="2">
        <v>13447.0</v>
      </c>
      <c r="C12386" s="1" t="s">
        <v>5</v>
      </c>
      <c r="D12386" s="1" t="s">
        <v>11</v>
      </c>
      <c r="E12386" s="1" t="s">
        <v>7</v>
      </c>
    </row>
    <row r="12387">
      <c r="A12387" s="1">
        <v>4.90510687E8</v>
      </c>
      <c r="B12387" s="2">
        <v>13449.0</v>
      </c>
      <c r="C12387" s="1" t="s">
        <v>5</v>
      </c>
      <c r="D12387" s="1" t="s">
        <v>10567</v>
      </c>
      <c r="E12387" s="1" t="s">
        <v>7</v>
      </c>
    </row>
    <row r="12388">
      <c r="A12388" s="1">
        <v>4.90510703E8</v>
      </c>
      <c r="B12388" s="2">
        <v>13437.0</v>
      </c>
      <c r="C12388" s="1" t="s">
        <v>5</v>
      </c>
      <c r="D12388" s="1" t="s">
        <v>10568</v>
      </c>
      <c r="E12388" s="1" t="s">
        <v>7</v>
      </c>
    </row>
    <row r="12389">
      <c r="A12389" s="1">
        <v>4.90510713E8</v>
      </c>
      <c r="B12389" s="2">
        <v>13446.0</v>
      </c>
      <c r="C12389" s="1" t="s">
        <v>5</v>
      </c>
      <c r="D12389" s="1" t="s">
        <v>11</v>
      </c>
      <c r="E12389" s="1" t="s">
        <v>7</v>
      </c>
    </row>
    <row r="12390">
      <c r="A12390" s="1">
        <v>4.90510722E8</v>
      </c>
      <c r="B12390" s="2">
        <v>13426.0</v>
      </c>
      <c r="C12390" s="1" t="s">
        <v>5</v>
      </c>
      <c r="D12390" s="1" t="s">
        <v>10569</v>
      </c>
      <c r="E12390" s="1" t="s">
        <v>10570</v>
      </c>
    </row>
    <row r="12391">
      <c r="A12391" s="1">
        <v>4.90510727E8</v>
      </c>
      <c r="B12391" s="2">
        <v>13441.0</v>
      </c>
      <c r="C12391" s="1" t="s">
        <v>5</v>
      </c>
      <c r="D12391" s="1" t="s">
        <v>10571</v>
      </c>
      <c r="E12391" s="1" t="s">
        <v>7</v>
      </c>
    </row>
    <row r="12392">
      <c r="A12392" s="1">
        <v>4.90510778E8</v>
      </c>
      <c r="B12392" s="2">
        <v>13441.0</v>
      </c>
      <c r="C12392" s="1" t="s">
        <v>5</v>
      </c>
      <c r="D12392" s="1" t="s">
        <v>10572</v>
      </c>
      <c r="E12392" s="1" t="s">
        <v>7</v>
      </c>
    </row>
    <row r="12393">
      <c r="A12393" s="1">
        <v>4.90510802E8</v>
      </c>
      <c r="B12393" s="2">
        <v>13546.0</v>
      </c>
      <c r="C12393" s="1" t="s">
        <v>5</v>
      </c>
      <c r="D12393" s="1" t="s">
        <v>10573</v>
      </c>
      <c r="E12393" s="1" t="s">
        <v>11</v>
      </c>
    </row>
    <row r="12394">
      <c r="A12394" s="1">
        <v>4.90510809E8</v>
      </c>
      <c r="B12394" s="2">
        <v>13440.0</v>
      </c>
      <c r="C12394" s="1" t="s">
        <v>5</v>
      </c>
      <c r="D12394" s="1" t="s">
        <v>10574</v>
      </c>
      <c r="E12394" s="1" t="s">
        <v>11</v>
      </c>
    </row>
    <row r="12395">
      <c r="A12395" s="1">
        <v>4.9051087E8</v>
      </c>
      <c r="B12395" s="2">
        <v>13440.0</v>
      </c>
      <c r="C12395" s="1" t="s">
        <v>5</v>
      </c>
      <c r="D12395" s="1" t="s">
        <v>10575</v>
      </c>
      <c r="E12395" s="1" t="s">
        <v>7</v>
      </c>
    </row>
    <row r="12396">
      <c r="A12396" s="1">
        <v>4.90510877E8</v>
      </c>
      <c r="B12396" s="2">
        <v>13495.0</v>
      </c>
      <c r="C12396" s="1" t="s">
        <v>5</v>
      </c>
      <c r="D12396" s="1" t="s">
        <v>10576</v>
      </c>
      <c r="E12396" s="1" t="s">
        <v>11</v>
      </c>
    </row>
    <row r="12397">
      <c r="A12397" s="1">
        <v>4.90510884E8</v>
      </c>
      <c r="B12397" s="2">
        <v>13440.0</v>
      </c>
      <c r="C12397" s="1" t="s">
        <v>5</v>
      </c>
      <c r="D12397" s="1" t="s">
        <v>11</v>
      </c>
      <c r="E12397" s="1" t="s">
        <v>7</v>
      </c>
    </row>
    <row r="12398">
      <c r="A12398" s="1">
        <v>4.90510921E8</v>
      </c>
      <c r="B12398" s="2">
        <v>13509.0</v>
      </c>
      <c r="C12398" s="1" t="s">
        <v>5</v>
      </c>
      <c r="D12398" s="1" t="s">
        <v>10577</v>
      </c>
      <c r="E12398" s="1" t="s">
        <v>10578</v>
      </c>
    </row>
    <row r="12399">
      <c r="A12399" s="1">
        <v>4.90510942E8</v>
      </c>
      <c r="B12399" s="2">
        <v>13493.0</v>
      </c>
      <c r="C12399" s="1" t="s">
        <v>5</v>
      </c>
      <c r="D12399" s="1" t="s">
        <v>10579</v>
      </c>
      <c r="E12399" s="1" t="s">
        <v>11</v>
      </c>
    </row>
    <row r="12400">
      <c r="A12400" s="1">
        <v>4.90511001E8</v>
      </c>
      <c r="B12400" s="2">
        <v>13486.0</v>
      </c>
      <c r="C12400" s="1" t="s">
        <v>5</v>
      </c>
      <c r="D12400" s="1" t="s">
        <v>10580</v>
      </c>
      <c r="E12400" s="1" t="s">
        <v>11</v>
      </c>
    </row>
    <row r="12401">
      <c r="A12401" s="1">
        <v>4.90511023E8</v>
      </c>
      <c r="B12401" s="2">
        <v>13503.0</v>
      </c>
      <c r="C12401" s="1" t="s">
        <v>5</v>
      </c>
      <c r="D12401" s="1" t="s">
        <v>10581</v>
      </c>
      <c r="E12401" s="1" t="s">
        <v>11</v>
      </c>
    </row>
    <row r="12402">
      <c r="A12402" s="1">
        <v>4.90511036E8</v>
      </c>
      <c r="B12402" s="2">
        <v>13481.0</v>
      </c>
      <c r="C12402" s="1" t="s">
        <v>5</v>
      </c>
      <c r="D12402" s="1" t="s">
        <v>10582</v>
      </c>
      <c r="E12402" s="1" t="s">
        <v>7</v>
      </c>
    </row>
    <row r="12403">
      <c r="A12403" s="1">
        <v>4.90511059E8</v>
      </c>
      <c r="B12403" s="2">
        <v>13447.0</v>
      </c>
      <c r="C12403" s="1" t="s">
        <v>5</v>
      </c>
      <c r="D12403" s="1" t="s">
        <v>10583</v>
      </c>
      <c r="E12403" s="1" t="s">
        <v>7</v>
      </c>
    </row>
    <row r="12404">
      <c r="A12404" s="1">
        <v>4.90511077E8</v>
      </c>
      <c r="B12404" s="2">
        <v>13446.0</v>
      </c>
      <c r="C12404" s="1" t="s">
        <v>5</v>
      </c>
      <c r="D12404" s="1" t="s">
        <v>10584</v>
      </c>
      <c r="E12404" s="1" t="s">
        <v>7</v>
      </c>
    </row>
    <row r="12405">
      <c r="A12405" s="1">
        <v>4.90511111E8</v>
      </c>
      <c r="B12405" s="2">
        <v>13499.0</v>
      </c>
      <c r="C12405" s="1" t="s">
        <v>5</v>
      </c>
      <c r="D12405" s="1" t="s">
        <v>10585</v>
      </c>
      <c r="E12405" s="1" t="s">
        <v>7</v>
      </c>
    </row>
    <row r="12406">
      <c r="A12406" s="1">
        <v>4.90511125E8</v>
      </c>
      <c r="B12406" s="2">
        <v>13443.0</v>
      </c>
      <c r="C12406" s="1" t="s">
        <v>5</v>
      </c>
      <c r="D12406" s="1" t="s">
        <v>11</v>
      </c>
      <c r="E12406" s="1" t="s">
        <v>7</v>
      </c>
    </row>
    <row r="12407">
      <c r="A12407" s="1">
        <v>4.90511152E8</v>
      </c>
      <c r="B12407" s="2">
        <v>13485.0</v>
      </c>
      <c r="C12407" s="1" t="s">
        <v>5</v>
      </c>
      <c r="D12407" s="1" t="s">
        <v>10586</v>
      </c>
      <c r="E12407" s="1" t="s">
        <v>7</v>
      </c>
    </row>
    <row r="12408">
      <c r="A12408" s="1">
        <v>4.90511163E8</v>
      </c>
      <c r="B12408" s="2">
        <v>13544.0</v>
      </c>
      <c r="C12408" s="1" t="s">
        <v>5</v>
      </c>
      <c r="D12408" s="1" t="s">
        <v>11</v>
      </c>
      <c r="E12408" s="1" t="s">
        <v>7</v>
      </c>
    </row>
    <row r="12409">
      <c r="A12409" s="1">
        <v>4.90511207E8</v>
      </c>
      <c r="B12409" s="2">
        <v>13502.0</v>
      </c>
      <c r="C12409" s="1" t="s">
        <v>5</v>
      </c>
      <c r="D12409" s="1" t="s">
        <v>10587</v>
      </c>
      <c r="E12409" s="1" t="s">
        <v>7</v>
      </c>
    </row>
    <row r="12410">
      <c r="A12410" s="1">
        <v>4.90511247E8</v>
      </c>
      <c r="B12410" s="2">
        <v>13502.0</v>
      </c>
      <c r="C12410" s="1" t="s">
        <v>5</v>
      </c>
      <c r="D12410" s="1" t="s">
        <v>10588</v>
      </c>
      <c r="E12410" s="1" t="s">
        <v>7</v>
      </c>
    </row>
    <row r="12411">
      <c r="A12411" s="1">
        <v>4.90511307E8</v>
      </c>
      <c r="B12411" s="2">
        <v>13445.0</v>
      </c>
      <c r="C12411" s="1" t="s">
        <v>5</v>
      </c>
      <c r="D12411" s="1" t="s">
        <v>10589</v>
      </c>
      <c r="E12411" s="1" t="s">
        <v>11</v>
      </c>
    </row>
    <row r="12412">
      <c r="A12412" s="1">
        <v>4.90511313E8</v>
      </c>
      <c r="B12412" s="2">
        <v>13451.0</v>
      </c>
      <c r="C12412" s="1" t="s">
        <v>5</v>
      </c>
      <c r="D12412" s="1" t="s">
        <v>10590</v>
      </c>
      <c r="E12412" s="1" t="s">
        <v>7</v>
      </c>
    </row>
    <row r="12413">
      <c r="A12413" s="1">
        <v>4.9051139E8</v>
      </c>
      <c r="B12413" s="2">
        <v>13545.0</v>
      </c>
      <c r="C12413" s="1" t="s">
        <v>5</v>
      </c>
      <c r="D12413" s="1" t="s">
        <v>10591</v>
      </c>
      <c r="E12413" s="1" t="s">
        <v>11</v>
      </c>
    </row>
    <row r="12414">
      <c r="A12414" s="1">
        <v>4.90511393E8</v>
      </c>
      <c r="B12414" s="2">
        <v>13451.0</v>
      </c>
      <c r="C12414" s="1" t="s">
        <v>5</v>
      </c>
      <c r="D12414" s="1" t="s">
        <v>10592</v>
      </c>
      <c r="E12414" s="1" t="s">
        <v>7</v>
      </c>
    </row>
    <row r="12415">
      <c r="A12415" s="1">
        <v>4.90511468E8</v>
      </c>
      <c r="B12415" s="2">
        <v>13546.0</v>
      </c>
      <c r="C12415" s="1" t="s">
        <v>5</v>
      </c>
      <c r="D12415" s="1" t="s">
        <v>10593</v>
      </c>
      <c r="E12415" s="1" t="s">
        <v>7</v>
      </c>
    </row>
    <row r="12416">
      <c r="A12416" s="1">
        <v>4.9051147E8</v>
      </c>
      <c r="B12416" s="2">
        <v>13501.0</v>
      </c>
      <c r="C12416" s="1" t="s">
        <v>5</v>
      </c>
      <c r="D12416" s="1" t="s">
        <v>11</v>
      </c>
      <c r="E12416" s="1" t="s">
        <v>7</v>
      </c>
    </row>
    <row r="12417">
      <c r="A12417" s="1">
        <v>4.90511484E8</v>
      </c>
      <c r="B12417" s="2">
        <v>13496.0</v>
      </c>
      <c r="C12417" s="1" t="s">
        <v>5</v>
      </c>
      <c r="D12417" s="1" t="s">
        <v>10594</v>
      </c>
      <c r="E12417" s="1" t="s">
        <v>7</v>
      </c>
    </row>
    <row r="12418">
      <c r="A12418" s="1">
        <v>4.90511557E8</v>
      </c>
      <c r="B12418" s="2">
        <v>13486.0</v>
      </c>
      <c r="C12418" s="1" t="s">
        <v>5</v>
      </c>
      <c r="D12418" s="1" t="s">
        <v>10595</v>
      </c>
      <c r="E12418" s="1" t="s">
        <v>11</v>
      </c>
    </row>
    <row r="12419">
      <c r="A12419" s="1">
        <v>4.90511565E8</v>
      </c>
      <c r="B12419" s="2">
        <v>13505.0</v>
      </c>
      <c r="C12419" s="1" t="s">
        <v>5</v>
      </c>
      <c r="D12419" s="1" t="s">
        <v>10596</v>
      </c>
      <c r="E12419" s="1" t="s">
        <v>7</v>
      </c>
    </row>
    <row r="12420">
      <c r="A12420" s="1">
        <v>4.90511599E8</v>
      </c>
      <c r="B12420" s="2">
        <v>13443.0</v>
      </c>
      <c r="C12420" s="1" t="s">
        <v>5</v>
      </c>
      <c r="D12420" s="1" t="s">
        <v>10597</v>
      </c>
      <c r="E12420" s="1" t="s">
        <v>7</v>
      </c>
    </row>
    <row r="12421">
      <c r="A12421" s="1">
        <v>4.90511608E8</v>
      </c>
      <c r="B12421" s="2">
        <v>13441.0</v>
      </c>
      <c r="C12421" s="1" t="s">
        <v>5</v>
      </c>
      <c r="D12421" s="1" t="s">
        <v>11</v>
      </c>
      <c r="E12421" s="1" t="s">
        <v>7</v>
      </c>
    </row>
    <row r="12422">
      <c r="A12422" s="1">
        <v>4.90511642E8</v>
      </c>
      <c r="B12422" s="2">
        <v>13435.0</v>
      </c>
      <c r="C12422" s="1" t="s">
        <v>5</v>
      </c>
      <c r="D12422" s="1" t="s">
        <v>10598</v>
      </c>
      <c r="E12422" s="1" t="s">
        <v>11</v>
      </c>
    </row>
    <row r="12423">
      <c r="A12423" s="1">
        <v>4.90511653E8</v>
      </c>
      <c r="B12423" s="2">
        <v>13475.0</v>
      </c>
      <c r="C12423" s="1" t="s">
        <v>5</v>
      </c>
      <c r="D12423" s="1" t="s">
        <v>10599</v>
      </c>
      <c r="E12423" s="1" t="s">
        <v>7</v>
      </c>
    </row>
    <row r="12424">
      <c r="A12424" s="1">
        <v>4.90511664E8</v>
      </c>
      <c r="B12424" s="2">
        <v>13485.0</v>
      </c>
      <c r="C12424" s="1" t="s">
        <v>5</v>
      </c>
      <c r="D12424" s="1" t="s">
        <v>10600</v>
      </c>
      <c r="E12424" s="1" t="s">
        <v>7</v>
      </c>
    </row>
    <row r="12425">
      <c r="A12425" s="1">
        <v>4.90511731E8</v>
      </c>
      <c r="B12425" s="2">
        <v>13494.0</v>
      </c>
      <c r="C12425" s="1" t="s">
        <v>5</v>
      </c>
      <c r="D12425" s="1" t="s">
        <v>10601</v>
      </c>
      <c r="E12425" s="1" t="s">
        <v>7</v>
      </c>
    </row>
    <row r="12426">
      <c r="A12426" s="1">
        <v>4.90511775E8</v>
      </c>
      <c r="B12426" s="2">
        <v>13500.0</v>
      </c>
      <c r="C12426" s="1" t="s">
        <v>5</v>
      </c>
      <c r="D12426" s="1" t="s">
        <v>11</v>
      </c>
      <c r="E12426" s="1" t="s">
        <v>7</v>
      </c>
    </row>
    <row r="12427">
      <c r="A12427" s="1">
        <v>4.90511788E8</v>
      </c>
      <c r="B12427" s="2">
        <v>13440.0</v>
      </c>
      <c r="C12427" s="1" t="s">
        <v>5</v>
      </c>
      <c r="D12427" s="1" t="s">
        <v>10602</v>
      </c>
      <c r="E12427" s="1" t="s">
        <v>7</v>
      </c>
    </row>
    <row r="12428">
      <c r="A12428" s="1">
        <v>4.90511794E8</v>
      </c>
      <c r="B12428" s="2">
        <v>13537.0</v>
      </c>
      <c r="C12428" s="1" t="s">
        <v>5</v>
      </c>
      <c r="D12428" s="1" t="s">
        <v>11</v>
      </c>
      <c r="E12428" s="1" t="s">
        <v>7</v>
      </c>
    </row>
    <row r="12429">
      <c r="A12429" s="1">
        <v>4.90511922E8</v>
      </c>
      <c r="B12429" s="2">
        <v>13434.0</v>
      </c>
      <c r="C12429" s="1" t="s">
        <v>5</v>
      </c>
      <c r="D12429" s="1" t="s">
        <v>10603</v>
      </c>
      <c r="E12429" s="1" t="s">
        <v>10604</v>
      </c>
    </row>
    <row r="12430">
      <c r="A12430" s="1">
        <v>4.90511961E8</v>
      </c>
      <c r="B12430" s="2">
        <v>13497.0</v>
      </c>
      <c r="C12430" s="1" t="s">
        <v>5</v>
      </c>
      <c r="D12430" s="1" t="s">
        <v>11</v>
      </c>
      <c r="E12430" s="1" t="s">
        <v>7</v>
      </c>
    </row>
    <row r="12431">
      <c r="A12431" s="1">
        <v>4.90511967E8</v>
      </c>
      <c r="B12431" s="2">
        <v>13450.0</v>
      </c>
      <c r="C12431" s="1" t="s">
        <v>5</v>
      </c>
      <c r="D12431" s="1" t="s">
        <v>10605</v>
      </c>
      <c r="E12431" s="1" t="s">
        <v>7</v>
      </c>
    </row>
    <row r="12432">
      <c r="A12432" s="1">
        <v>4.9051197E8</v>
      </c>
      <c r="B12432" s="2">
        <v>13518.0</v>
      </c>
      <c r="C12432" s="1" t="s">
        <v>5</v>
      </c>
      <c r="D12432" s="1" t="s">
        <v>11</v>
      </c>
      <c r="E12432" s="1" t="s">
        <v>7</v>
      </c>
    </row>
    <row r="12433">
      <c r="A12433" s="1">
        <v>4.90511995E8</v>
      </c>
      <c r="B12433" s="2">
        <v>13477.0</v>
      </c>
      <c r="C12433" s="1" t="s">
        <v>5</v>
      </c>
      <c r="D12433" s="1" t="s">
        <v>10606</v>
      </c>
      <c r="E12433" s="1" t="s">
        <v>11</v>
      </c>
    </row>
    <row r="12434">
      <c r="A12434" s="1">
        <v>4.90512037E8</v>
      </c>
      <c r="B12434" s="2">
        <v>13544.0</v>
      </c>
      <c r="C12434" s="1" t="s">
        <v>5</v>
      </c>
      <c r="D12434" s="1" t="s">
        <v>10607</v>
      </c>
      <c r="E12434" s="1" t="s">
        <v>10608</v>
      </c>
    </row>
    <row r="12435">
      <c r="A12435" s="1">
        <v>4.90512056E8</v>
      </c>
      <c r="B12435" s="2">
        <v>13566.0</v>
      </c>
      <c r="C12435" s="1" t="s">
        <v>5</v>
      </c>
      <c r="D12435" s="1" t="s">
        <v>11</v>
      </c>
      <c r="E12435" s="1" t="s">
        <v>7</v>
      </c>
    </row>
    <row r="12436">
      <c r="A12436" s="1">
        <v>4.9051207E8</v>
      </c>
      <c r="B12436" s="2">
        <v>13498.0</v>
      </c>
      <c r="C12436" s="1" t="s">
        <v>5</v>
      </c>
      <c r="D12436" s="1" t="s">
        <v>11</v>
      </c>
      <c r="E12436" s="1" t="s">
        <v>7</v>
      </c>
    </row>
    <row r="12437">
      <c r="A12437" s="1">
        <v>4.90512097E8</v>
      </c>
      <c r="B12437" s="2">
        <v>13497.0</v>
      </c>
      <c r="C12437" s="1" t="s">
        <v>5</v>
      </c>
      <c r="D12437" s="1" t="s">
        <v>10609</v>
      </c>
      <c r="E12437" s="1" t="s">
        <v>10610</v>
      </c>
    </row>
    <row r="12438">
      <c r="A12438" s="1">
        <v>4.9051212E8</v>
      </c>
      <c r="B12438" s="2">
        <v>13471.0</v>
      </c>
      <c r="C12438" s="1" t="s">
        <v>5</v>
      </c>
      <c r="D12438" s="1" t="s">
        <v>10611</v>
      </c>
      <c r="E12438" s="1" t="s">
        <v>11</v>
      </c>
    </row>
    <row r="12439">
      <c r="A12439" s="1">
        <v>4.90512144E8</v>
      </c>
      <c r="B12439" s="2">
        <v>13497.0</v>
      </c>
      <c r="C12439" s="1" t="s">
        <v>5</v>
      </c>
      <c r="D12439" s="1" t="s">
        <v>10612</v>
      </c>
      <c r="E12439" s="1" t="s">
        <v>7</v>
      </c>
    </row>
    <row r="12440">
      <c r="A12440" s="1">
        <v>4.90512146E8</v>
      </c>
      <c r="B12440" s="2">
        <v>13503.0</v>
      </c>
      <c r="C12440" s="1" t="s">
        <v>5</v>
      </c>
      <c r="D12440" s="1" t="s">
        <v>10613</v>
      </c>
      <c r="E12440" s="1" t="s">
        <v>11</v>
      </c>
    </row>
    <row r="12441">
      <c r="A12441" s="1">
        <v>4.90512205E8</v>
      </c>
      <c r="B12441" s="2">
        <v>13433.0</v>
      </c>
      <c r="C12441" s="1" t="s">
        <v>5</v>
      </c>
      <c r="D12441" s="1" t="s">
        <v>10614</v>
      </c>
      <c r="E12441" s="1" t="s">
        <v>11</v>
      </c>
    </row>
    <row r="12442">
      <c r="A12442" s="1">
        <v>4.90512215E8</v>
      </c>
      <c r="B12442" s="2">
        <v>13476.0</v>
      </c>
      <c r="C12442" s="1" t="s">
        <v>5</v>
      </c>
      <c r="D12442" s="1" t="s">
        <v>11</v>
      </c>
      <c r="E12442" s="1" t="s">
        <v>7</v>
      </c>
    </row>
    <row r="12443">
      <c r="A12443" s="1">
        <v>4.90512245E8</v>
      </c>
      <c r="B12443" s="2">
        <v>13491.0</v>
      </c>
      <c r="C12443" s="1" t="s">
        <v>5</v>
      </c>
      <c r="D12443" s="1" t="s">
        <v>10615</v>
      </c>
      <c r="E12443" s="1" t="s">
        <v>7</v>
      </c>
    </row>
    <row r="12444">
      <c r="A12444" s="1">
        <v>4.90512259E8</v>
      </c>
      <c r="B12444" s="2">
        <v>13483.0</v>
      </c>
      <c r="C12444" s="1" t="s">
        <v>5</v>
      </c>
      <c r="D12444" s="1" t="s">
        <v>10616</v>
      </c>
      <c r="E12444" s="1" t="s">
        <v>11</v>
      </c>
    </row>
    <row r="12445">
      <c r="A12445" s="1">
        <v>4.90512313E8</v>
      </c>
      <c r="B12445" s="2">
        <v>13490.0</v>
      </c>
      <c r="C12445" s="1" t="s">
        <v>5</v>
      </c>
      <c r="D12445" s="1" t="s">
        <v>10617</v>
      </c>
      <c r="E12445" s="1" t="s">
        <v>7</v>
      </c>
    </row>
    <row r="12446">
      <c r="A12446" s="1">
        <v>4.90512314E8</v>
      </c>
      <c r="B12446" s="2">
        <v>13501.0</v>
      </c>
      <c r="C12446" s="1" t="s">
        <v>5</v>
      </c>
      <c r="D12446" s="1" t="s">
        <v>10618</v>
      </c>
      <c r="E12446" s="1" t="s">
        <v>10619</v>
      </c>
    </row>
    <row r="12447">
      <c r="A12447" s="1">
        <v>4.90512396E8</v>
      </c>
      <c r="B12447" s="2">
        <v>13536.0</v>
      </c>
      <c r="C12447" s="1" t="s">
        <v>5</v>
      </c>
      <c r="D12447" s="1" t="s">
        <v>10620</v>
      </c>
      <c r="E12447" s="1" t="s">
        <v>11</v>
      </c>
    </row>
    <row r="12448">
      <c r="A12448" s="1">
        <v>4.90512467E8</v>
      </c>
      <c r="B12448" s="2">
        <v>13439.0</v>
      </c>
      <c r="C12448" s="1" t="s">
        <v>5</v>
      </c>
      <c r="D12448" s="1" t="s">
        <v>10621</v>
      </c>
      <c r="E12448" s="1" t="s">
        <v>7</v>
      </c>
    </row>
    <row r="12449">
      <c r="A12449" s="1">
        <v>4.90512471E8</v>
      </c>
      <c r="B12449" s="2">
        <v>13489.0</v>
      </c>
      <c r="C12449" s="1" t="s">
        <v>5</v>
      </c>
      <c r="D12449" s="1" t="s">
        <v>10622</v>
      </c>
      <c r="E12449" s="1" t="s">
        <v>7</v>
      </c>
    </row>
    <row r="12450">
      <c r="A12450" s="1">
        <v>4.9051249E8</v>
      </c>
      <c r="B12450" s="2">
        <v>13483.0</v>
      </c>
      <c r="C12450" s="1" t="s">
        <v>5</v>
      </c>
      <c r="D12450" s="1" t="s">
        <v>10623</v>
      </c>
      <c r="E12450" s="1" t="s">
        <v>7</v>
      </c>
    </row>
    <row r="12451">
      <c r="A12451" s="1">
        <v>4.90512492E8</v>
      </c>
      <c r="B12451" s="2">
        <v>13497.0</v>
      </c>
      <c r="C12451" s="1" t="s">
        <v>5</v>
      </c>
      <c r="D12451" s="1" t="s">
        <v>7</v>
      </c>
      <c r="E12451" s="1" t="s">
        <v>7</v>
      </c>
    </row>
    <row r="12452">
      <c r="A12452" s="1">
        <v>4.90512515E8</v>
      </c>
      <c r="B12452" s="2">
        <v>13563.0</v>
      </c>
      <c r="C12452" s="1" t="s">
        <v>5</v>
      </c>
      <c r="D12452" s="1" t="s">
        <v>10624</v>
      </c>
      <c r="E12452" s="1" t="s">
        <v>7</v>
      </c>
    </row>
    <row r="12453">
      <c r="A12453" s="1">
        <v>4.90512524E8</v>
      </c>
      <c r="B12453" s="2">
        <v>13560.0</v>
      </c>
      <c r="C12453" s="1" t="s">
        <v>5</v>
      </c>
      <c r="D12453" s="1" t="s">
        <v>10625</v>
      </c>
      <c r="E12453" s="1" t="s">
        <v>11</v>
      </c>
    </row>
    <row r="12454">
      <c r="A12454" s="1">
        <v>4.905126E8</v>
      </c>
      <c r="B12454" s="2">
        <v>13435.0</v>
      </c>
      <c r="C12454" s="1" t="s">
        <v>5</v>
      </c>
      <c r="D12454" s="1" t="s">
        <v>10626</v>
      </c>
      <c r="E12454" s="1" t="s">
        <v>11</v>
      </c>
    </row>
    <row r="12455">
      <c r="A12455" s="1">
        <v>4.90512627E8</v>
      </c>
      <c r="B12455" s="2">
        <v>13437.0</v>
      </c>
      <c r="C12455" s="1" t="s">
        <v>5</v>
      </c>
      <c r="D12455" s="1" t="s">
        <v>10627</v>
      </c>
      <c r="E12455" s="1" t="s">
        <v>7</v>
      </c>
    </row>
    <row r="12456">
      <c r="A12456" s="1">
        <v>4.90512644E8</v>
      </c>
      <c r="B12456" s="2">
        <v>13500.0</v>
      </c>
      <c r="C12456" s="1" t="s">
        <v>5</v>
      </c>
      <c r="D12456" s="1" t="s">
        <v>10628</v>
      </c>
      <c r="E12456" s="1" t="s">
        <v>11</v>
      </c>
    </row>
    <row r="12457">
      <c r="A12457" s="1">
        <v>4.90512716E8</v>
      </c>
      <c r="B12457" s="2">
        <v>13487.0</v>
      </c>
      <c r="C12457" s="1" t="s">
        <v>5</v>
      </c>
      <c r="D12457" s="1" t="s">
        <v>11</v>
      </c>
      <c r="E12457" s="1" t="s">
        <v>7</v>
      </c>
    </row>
    <row r="12458">
      <c r="A12458" s="1">
        <v>4.90512724E8</v>
      </c>
      <c r="B12458" s="2">
        <v>13449.0</v>
      </c>
      <c r="C12458" s="1" t="s">
        <v>5</v>
      </c>
      <c r="D12458" s="1" t="s">
        <v>10629</v>
      </c>
      <c r="E12458" s="1" t="s">
        <v>11</v>
      </c>
    </row>
    <row r="12459">
      <c r="A12459" s="1">
        <v>4.9051273E8</v>
      </c>
      <c r="B12459" s="2">
        <v>13495.0</v>
      </c>
      <c r="C12459" s="1" t="s">
        <v>5</v>
      </c>
      <c r="D12459" s="1" t="s">
        <v>10630</v>
      </c>
      <c r="E12459" s="1" t="s">
        <v>11</v>
      </c>
    </row>
    <row r="12460">
      <c r="A12460" s="1">
        <v>4.90512744E8</v>
      </c>
      <c r="B12460" s="2">
        <v>13480.0</v>
      </c>
      <c r="C12460" s="1" t="s">
        <v>5</v>
      </c>
      <c r="D12460" s="1" t="s">
        <v>10631</v>
      </c>
      <c r="E12460" s="1" t="s">
        <v>11</v>
      </c>
    </row>
    <row r="12461">
      <c r="A12461" s="1">
        <v>4.90512765E8</v>
      </c>
      <c r="B12461" s="2">
        <v>13437.0</v>
      </c>
      <c r="C12461" s="1" t="s">
        <v>5</v>
      </c>
      <c r="D12461" s="1" t="s">
        <v>10632</v>
      </c>
      <c r="E12461" s="1" t="s">
        <v>10633</v>
      </c>
    </row>
    <row r="12462">
      <c r="A12462" s="1">
        <v>4.90512797E8</v>
      </c>
      <c r="B12462" s="2">
        <v>13486.0</v>
      </c>
      <c r="C12462" s="1" t="s">
        <v>5</v>
      </c>
      <c r="D12462" s="1" t="s">
        <v>10634</v>
      </c>
      <c r="E12462" s="1" t="s">
        <v>11</v>
      </c>
    </row>
    <row r="12463">
      <c r="A12463" s="1">
        <v>4.90512839E8</v>
      </c>
      <c r="B12463" s="2">
        <v>13499.0</v>
      </c>
      <c r="C12463" s="1" t="s">
        <v>5</v>
      </c>
      <c r="D12463" s="1" t="s">
        <v>11</v>
      </c>
      <c r="E12463" s="1" t="s">
        <v>7</v>
      </c>
    </row>
    <row r="12464">
      <c r="A12464" s="1">
        <v>4.90512844E8</v>
      </c>
      <c r="B12464" s="2">
        <v>13487.0</v>
      </c>
      <c r="C12464" s="1" t="s">
        <v>5</v>
      </c>
      <c r="D12464" s="1" t="s">
        <v>10635</v>
      </c>
      <c r="E12464" s="1" t="s">
        <v>11</v>
      </c>
    </row>
    <row r="12465">
      <c r="A12465" s="1">
        <v>4.90512877E8</v>
      </c>
      <c r="B12465" s="2">
        <v>13569.0</v>
      </c>
      <c r="C12465" s="1" t="s">
        <v>5</v>
      </c>
      <c r="D12465" s="1" t="s">
        <v>10636</v>
      </c>
      <c r="E12465" s="1" t="s">
        <v>11</v>
      </c>
    </row>
    <row r="12466">
      <c r="A12466" s="1">
        <v>4.90512885E8</v>
      </c>
      <c r="B12466" s="2">
        <v>13540.0</v>
      </c>
      <c r="C12466" s="1" t="s">
        <v>5</v>
      </c>
      <c r="D12466" s="1" t="s">
        <v>10637</v>
      </c>
      <c r="E12466" s="1" t="s">
        <v>10638</v>
      </c>
    </row>
    <row r="12467">
      <c r="A12467" s="1">
        <v>4.90512887E8</v>
      </c>
      <c r="B12467" s="2">
        <v>13448.0</v>
      </c>
      <c r="C12467" s="1" t="s">
        <v>5</v>
      </c>
      <c r="D12467" s="1" t="s">
        <v>10639</v>
      </c>
      <c r="E12467" s="1" t="s">
        <v>7</v>
      </c>
    </row>
    <row r="12468">
      <c r="A12468" s="1">
        <v>4.90512904E8</v>
      </c>
      <c r="B12468" s="2">
        <v>13518.0</v>
      </c>
      <c r="C12468" s="1" t="s">
        <v>5</v>
      </c>
      <c r="D12468" s="1" t="s">
        <v>11</v>
      </c>
      <c r="E12468" s="1" t="s">
        <v>7</v>
      </c>
    </row>
    <row r="12469">
      <c r="A12469" s="1">
        <v>4.90512925E8</v>
      </c>
      <c r="B12469" s="2">
        <v>13478.0</v>
      </c>
      <c r="C12469" s="1" t="s">
        <v>5</v>
      </c>
      <c r="D12469" s="1" t="s">
        <v>10640</v>
      </c>
      <c r="E12469" s="1" t="s">
        <v>11</v>
      </c>
    </row>
    <row r="12470">
      <c r="A12470" s="1">
        <v>4.90512952E8</v>
      </c>
      <c r="B12470" s="2">
        <v>13435.0</v>
      </c>
      <c r="C12470" s="1" t="s">
        <v>5</v>
      </c>
      <c r="D12470" s="1" t="s">
        <v>11</v>
      </c>
      <c r="E12470" s="1" t="s">
        <v>7</v>
      </c>
    </row>
    <row r="12471">
      <c r="A12471" s="1">
        <v>4.90512967E8</v>
      </c>
      <c r="B12471" s="2">
        <v>13448.0</v>
      </c>
      <c r="C12471" s="1" t="s">
        <v>5</v>
      </c>
      <c r="D12471" s="1" t="s">
        <v>11</v>
      </c>
      <c r="E12471" s="1" t="s">
        <v>7</v>
      </c>
    </row>
    <row r="12472">
      <c r="A12472" s="1">
        <v>4.90512971E8</v>
      </c>
      <c r="B12472" s="2">
        <v>13568.0</v>
      </c>
      <c r="C12472" s="1" t="s">
        <v>5</v>
      </c>
      <c r="D12472" s="1" t="s">
        <v>10641</v>
      </c>
      <c r="E12472" s="1" t="s">
        <v>11</v>
      </c>
    </row>
    <row r="12473">
      <c r="A12473" s="1">
        <v>4.90512983E8</v>
      </c>
      <c r="B12473" s="2">
        <v>13435.0</v>
      </c>
      <c r="C12473" s="1" t="s">
        <v>5</v>
      </c>
      <c r="D12473" s="1" t="s">
        <v>10642</v>
      </c>
      <c r="E12473" s="1" t="s">
        <v>11</v>
      </c>
    </row>
    <row r="12474">
      <c r="A12474" s="1">
        <v>4.90513042E8</v>
      </c>
      <c r="B12474" s="2">
        <v>13535.0</v>
      </c>
      <c r="C12474" s="1" t="s">
        <v>5</v>
      </c>
      <c r="D12474" s="1" t="s">
        <v>10643</v>
      </c>
      <c r="E12474" s="1" t="s">
        <v>11</v>
      </c>
    </row>
    <row r="12475">
      <c r="A12475" s="1">
        <v>4.90513044E8</v>
      </c>
      <c r="B12475" s="2">
        <v>13540.0</v>
      </c>
      <c r="C12475" s="1" t="s">
        <v>5</v>
      </c>
      <c r="D12475" s="1" t="s">
        <v>10644</v>
      </c>
      <c r="E12475" s="1" t="s">
        <v>11</v>
      </c>
    </row>
    <row r="12476">
      <c r="A12476" s="1">
        <v>4.90513082E8</v>
      </c>
      <c r="B12476" s="2">
        <v>13428.0</v>
      </c>
      <c r="C12476" s="1" t="s">
        <v>5</v>
      </c>
      <c r="D12476" s="1" t="s">
        <v>10645</v>
      </c>
      <c r="E12476" s="1" t="s">
        <v>7</v>
      </c>
    </row>
    <row r="12477">
      <c r="A12477" s="1">
        <v>4.9051311E8</v>
      </c>
      <c r="B12477" s="2">
        <v>13433.0</v>
      </c>
      <c r="C12477" s="1" t="s">
        <v>5</v>
      </c>
      <c r="D12477" s="1" t="s">
        <v>10646</v>
      </c>
      <c r="E12477" s="1" t="s">
        <v>11</v>
      </c>
    </row>
    <row r="12478">
      <c r="A12478" s="1">
        <v>4.9051319E8</v>
      </c>
      <c r="B12478" s="2">
        <v>13556.0</v>
      </c>
      <c r="C12478" s="1" t="s">
        <v>5</v>
      </c>
      <c r="D12478" s="1" t="s">
        <v>10647</v>
      </c>
      <c r="E12478" s="1" t="s">
        <v>7</v>
      </c>
    </row>
    <row r="12479">
      <c r="A12479" s="1">
        <v>4.905132E8</v>
      </c>
      <c r="B12479" s="2">
        <v>13532.0</v>
      </c>
      <c r="C12479" s="1" t="s">
        <v>5</v>
      </c>
      <c r="D12479" s="1" t="s">
        <v>10648</v>
      </c>
      <c r="E12479" s="1" t="s">
        <v>7</v>
      </c>
    </row>
    <row r="12480">
      <c r="A12480" s="1">
        <v>4.90513243E8</v>
      </c>
      <c r="B12480" s="2">
        <v>13485.0</v>
      </c>
      <c r="C12480" s="1" t="s">
        <v>5</v>
      </c>
      <c r="D12480" s="1" t="s">
        <v>10649</v>
      </c>
      <c r="E12480" s="1" t="s">
        <v>7</v>
      </c>
    </row>
    <row r="12481">
      <c r="A12481" s="1">
        <v>4.90513251E8</v>
      </c>
      <c r="B12481" s="2">
        <v>13517.0</v>
      </c>
      <c r="C12481" s="1" t="s">
        <v>5</v>
      </c>
      <c r="D12481" s="1" t="s">
        <v>10650</v>
      </c>
      <c r="E12481" s="1" t="s">
        <v>7</v>
      </c>
    </row>
    <row r="12482">
      <c r="A12482" s="1">
        <v>4.9051329E8</v>
      </c>
      <c r="B12482" s="2">
        <v>13434.0</v>
      </c>
      <c r="C12482" s="1" t="s">
        <v>5</v>
      </c>
      <c r="D12482" s="1" t="s">
        <v>10651</v>
      </c>
      <c r="E12482" s="1" t="s">
        <v>11</v>
      </c>
    </row>
    <row r="12483">
      <c r="A12483" s="1">
        <v>4.90513309E8</v>
      </c>
      <c r="B12483" s="2">
        <v>13559.0</v>
      </c>
      <c r="C12483" s="1" t="s">
        <v>5</v>
      </c>
      <c r="D12483" s="1" t="s">
        <v>10652</v>
      </c>
      <c r="E12483" s="1" t="s">
        <v>11</v>
      </c>
    </row>
    <row r="12484">
      <c r="A12484" s="1">
        <v>4.90513314E8</v>
      </c>
      <c r="B12484" s="2">
        <v>13434.0</v>
      </c>
      <c r="C12484" s="1" t="s">
        <v>5</v>
      </c>
      <c r="D12484" s="1" t="s">
        <v>10653</v>
      </c>
      <c r="E12484" s="1" t="s">
        <v>7</v>
      </c>
    </row>
    <row r="12485">
      <c r="A12485" s="1">
        <v>4.90513325E8</v>
      </c>
      <c r="B12485" s="2">
        <v>13432.0</v>
      </c>
      <c r="C12485" s="1" t="s">
        <v>5</v>
      </c>
      <c r="D12485" s="1" t="s">
        <v>10654</v>
      </c>
      <c r="E12485" s="1" t="s">
        <v>11</v>
      </c>
    </row>
    <row r="12486">
      <c r="A12486" s="1">
        <v>4.90513344E8</v>
      </c>
      <c r="B12486" s="2">
        <v>13490.0</v>
      </c>
      <c r="C12486" s="1" t="s">
        <v>5</v>
      </c>
      <c r="D12486" s="1" t="s">
        <v>11</v>
      </c>
      <c r="E12486" s="1" t="s">
        <v>7</v>
      </c>
    </row>
    <row r="12487">
      <c r="A12487" s="1">
        <v>4.90513363E8</v>
      </c>
      <c r="B12487" s="2">
        <v>13532.0</v>
      </c>
      <c r="C12487" s="1" t="s">
        <v>5</v>
      </c>
      <c r="D12487" s="1" t="s">
        <v>11</v>
      </c>
      <c r="E12487" s="1" t="s">
        <v>7</v>
      </c>
    </row>
    <row r="12488">
      <c r="A12488" s="1">
        <v>4.90513364E8</v>
      </c>
      <c r="B12488" s="2">
        <v>13424.0</v>
      </c>
      <c r="C12488" s="1" t="s">
        <v>5</v>
      </c>
      <c r="D12488" s="1" t="s">
        <v>10655</v>
      </c>
      <c r="E12488" s="1" t="s">
        <v>7</v>
      </c>
    </row>
    <row r="12489">
      <c r="A12489" s="1">
        <v>4.90513391E8</v>
      </c>
      <c r="B12489" s="2">
        <v>13526.0</v>
      </c>
      <c r="C12489" s="1" t="s">
        <v>5</v>
      </c>
      <c r="D12489" s="1" t="s">
        <v>11</v>
      </c>
      <c r="E12489" s="1" t="s">
        <v>7</v>
      </c>
    </row>
    <row r="12490">
      <c r="A12490" s="1">
        <v>4.90513491E8</v>
      </c>
      <c r="B12490" s="2">
        <v>13493.0</v>
      </c>
      <c r="C12490" s="1" t="s">
        <v>5</v>
      </c>
      <c r="D12490" s="1" t="s">
        <v>10656</v>
      </c>
      <c r="E12490" s="1" t="s">
        <v>11</v>
      </c>
    </row>
    <row r="12491">
      <c r="A12491" s="1">
        <v>4.90513499E8</v>
      </c>
      <c r="B12491" s="2">
        <v>13553.0</v>
      </c>
      <c r="C12491" s="1" t="s">
        <v>5</v>
      </c>
      <c r="D12491" s="1" t="s">
        <v>10657</v>
      </c>
      <c r="E12491" s="1" t="s">
        <v>11</v>
      </c>
    </row>
    <row r="12492">
      <c r="A12492" s="1">
        <v>4.90513544E8</v>
      </c>
      <c r="B12492" s="2">
        <v>13488.0</v>
      </c>
      <c r="C12492" s="1" t="s">
        <v>5</v>
      </c>
      <c r="D12492" s="1" t="s">
        <v>11</v>
      </c>
      <c r="E12492" s="1" t="s">
        <v>7</v>
      </c>
    </row>
    <row r="12493">
      <c r="A12493" s="1">
        <v>4.90513556E8</v>
      </c>
      <c r="B12493" s="2">
        <v>13445.0</v>
      </c>
      <c r="C12493" s="1" t="s">
        <v>5</v>
      </c>
      <c r="D12493" s="1" t="s">
        <v>11</v>
      </c>
      <c r="E12493" s="1" t="s">
        <v>7</v>
      </c>
    </row>
    <row r="12494">
      <c r="A12494" s="1">
        <v>4.90513594E8</v>
      </c>
      <c r="B12494" s="2">
        <v>13554.0</v>
      </c>
      <c r="C12494" s="1" t="s">
        <v>5</v>
      </c>
      <c r="D12494" s="1" t="s">
        <v>10658</v>
      </c>
      <c r="E12494" s="1" t="s">
        <v>7</v>
      </c>
    </row>
    <row r="12495">
      <c r="A12495" s="1">
        <v>4.90513702E8</v>
      </c>
      <c r="B12495" s="2">
        <v>13431.0</v>
      </c>
      <c r="C12495" s="1" t="s">
        <v>5</v>
      </c>
      <c r="D12495" s="1" t="s">
        <v>11</v>
      </c>
      <c r="E12495" s="1" t="s">
        <v>7</v>
      </c>
    </row>
    <row r="12496">
      <c r="A12496" s="1">
        <v>4.90513725E8</v>
      </c>
      <c r="B12496" s="2">
        <v>13516.0</v>
      </c>
      <c r="C12496" s="1" t="s">
        <v>5</v>
      </c>
      <c r="D12496" s="1" t="s">
        <v>11</v>
      </c>
      <c r="E12496" s="1" t="s">
        <v>7</v>
      </c>
    </row>
    <row r="12497">
      <c r="A12497" s="1">
        <v>4.90513754E8</v>
      </c>
      <c r="B12497" s="2">
        <v>13429.0</v>
      </c>
      <c r="C12497" s="1" t="s">
        <v>5</v>
      </c>
      <c r="D12497" s="1" t="s">
        <v>10659</v>
      </c>
      <c r="E12497" s="1" t="s">
        <v>11</v>
      </c>
    </row>
    <row r="12498">
      <c r="A12498" s="1">
        <v>4.90513765E8</v>
      </c>
      <c r="B12498" s="2">
        <v>13553.0</v>
      </c>
      <c r="C12498" s="1" t="s">
        <v>5</v>
      </c>
      <c r="D12498" s="1" t="s">
        <v>10660</v>
      </c>
      <c r="E12498" s="1" t="s">
        <v>11</v>
      </c>
    </row>
    <row r="12499">
      <c r="A12499" s="1">
        <v>4.90513811E8</v>
      </c>
      <c r="B12499" s="2">
        <v>13429.0</v>
      </c>
      <c r="C12499" s="1" t="s">
        <v>5</v>
      </c>
      <c r="D12499" s="1" t="s">
        <v>10661</v>
      </c>
      <c r="E12499" s="1" t="s">
        <v>7</v>
      </c>
    </row>
    <row r="12500">
      <c r="A12500" s="1">
        <v>4.90513836E8</v>
      </c>
      <c r="B12500" s="2">
        <v>13556.0</v>
      </c>
      <c r="C12500" s="1" t="s">
        <v>5</v>
      </c>
      <c r="D12500" s="1" t="s">
        <v>10662</v>
      </c>
      <c r="E12500" s="1" t="s">
        <v>10663</v>
      </c>
    </row>
    <row r="12501">
      <c r="A12501" s="1">
        <v>4.90513842E8</v>
      </c>
      <c r="B12501" s="2">
        <v>13473.0</v>
      </c>
      <c r="C12501" s="1" t="s">
        <v>5</v>
      </c>
      <c r="D12501" s="1" t="s">
        <v>10664</v>
      </c>
      <c r="E12501" s="1" t="s">
        <v>7</v>
      </c>
    </row>
    <row r="12502">
      <c r="A12502" s="1">
        <v>4.90513864E8</v>
      </c>
      <c r="B12502" s="2">
        <v>13486.0</v>
      </c>
      <c r="C12502" s="1" t="s">
        <v>5</v>
      </c>
      <c r="D12502" s="1" t="s">
        <v>10665</v>
      </c>
      <c r="E12502" s="1" t="s">
        <v>7</v>
      </c>
    </row>
    <row r="12503">
      <c r="A12503" s="1">
        <v>4.90513869E8</v>
      </c>
      <c r="B12503" s="2">
        <v>13495.0</v>
      </c>
      <c r="C12503" s="1" t="s">
        <v>5</v>
      </c>
      <c r="D12503" s="1" t="s">
        <v>10666</v>
      </c>
      <c r="E12503" s="1" t="s">
        <v>10667</v>
      </c>
    </row>
    <row r="12504">
      <c r="A12504" s="1">
        <v>4.90513889E8</v>
      </c>
      <c r="B12504" s="2">
        <v>13530.0</v>
      </c>
      <c r="C12504" s="1" t="s">
        <v>5</v>
      </c>
      <c r="D12504" s="1" t="s">
        <v>10668</v>
      </c>
      <c r="E12504" s="1" t="s">
        <v>11</v>
      </c>
    </row>
    <row r="12505">
      <c r="A12505" s="1">
        <v>4.90513901E8</v>
      </c>
      <c r="B12505" s="2">
        <v>13443.0</v>
      </c>
      <c r="C12505" s="1" t="s">
        <v>5</v>
      </c>
      <c r="D12505" s="1" t="s">
        <v>10669</v>
      </c>
      <c r="E12505" s="1" t="s">
        <v>7</v>
      </c>
    </row>
    <row r="12506">
      <c r="A12506" s="1">
        <v>4.90513907E8</v>
      </c>
      <c r="B12506" s="2">
        <v>13528.0</v>
      </c>
      <c r="C12506" s="1" t="s">
        <v>5</v>
      </c>
      <c r="D12506" s="1" t="s">
        <v>10670</v>
      </c>
      <c r="E12506" s="1" t="s">
        <v>11</v>
      </c>
    </row>
    <row r="12507">
      <c r="A12507" s="1">
        <v>4.90513957E8</v>
      </c>
      <c r="B12507" s="2">
        <v>13551.0</v>
      </c>
      <c r="C12507" s="1" t="s">
        <v>5</v>
      </c>
      <c r="D12507" s="1" t="s">
        <v>10671</v>
      </c>
      <c r="E12507" s="1" t="s">
        <v>10672</v>
      </c>
    </row>
    <row r="12508">
      <c r="A12508" s="1">
        <v>4.90513965E8</v>
      </c>
      <c r="B12508" s="2">
        <v>13429.0</v>
      </c>
      <c r="C12508" s="1" t="s">
        <v>5</v>
      </c>
      <c r="D12508" s="1" t="s">
        <v>10673</v>
      </c>
      <c r="E12508" s="1" t="s">
        <v>11</v>
      </c>
    </row>
    <row r="12509">
      <c r="A12509" s="1">
        <v>4.90513984E8</v>
      </c>
      <c r="B12509" s="2">
        <v>13429.0</v>
      </c>
      <c r="C12509" s="1" t="s">
        <v>5</v>
      </c>
      <c r="D12509" s="1" t="s">
        <v>10674</v>
      </c>
      <c r="E12509" s="1" t="s">
        <v>7</v>
      </c>
    </row>
    <row r="12510">
      <c r="A12510" s="1">
        <v>4.90514009E8</v>
      </c>
      <c r="B12510" s="2">
        <v>13551.0</v>
      </c>
      <c r="C12510" s="1" t="s">
        <v>5</v>
      </c>
      <c r="D12510" s="1" t="s">
        <v>11</v>
      </c>
      <c r="E12510" s="1" t="s">
        <v>7</v>
      </c>
    </row>
    <row r="12511">
      <c r="A12511" s="1">
        <v>4.90514022E8</v>
      </c>
      <c r="B12511" s="2">
        <v>13531.0</v>
      </c>
      <c r="C12511" s="1" t="s">
        <v>5</v>
      </c>
      <c r="D12511" s="1" t="s">
        <v>10675</v>
      </c>
      <c r="E12511" s="1" t="s">
        <v>11</v>
      </c>
    </row>
    <row r="12512">
      <c r="A12512" s="1">
        <v>4.90514024E8</v>
      </c>
      <c r="B12512" s="2">
        <v>13560.0</v>
      </c>
      <c r="C12512" s="1" t="s">
        <v>5</v>
      </c>
      <c r="D12512" s="1" t="s">
        <v>10676</v>
      </c>
      <c r="E12512" s="1" t="s">
        <v>7</v>
      </c>
    </row>
    <row r="12513">
      <c r="A12513" s="1">
        <v>4.90514034E8</v>
      </c>
      <c r="B12513" s="2">
        <v>13428.0</v>
      </c>
      <c r="C12513" s="1" t="s">
        <v>5</v>
      </c>
      <c r="D12513" s="1" t="s">
        <v>10677</v>
      </c>
      <c r="E12513" s="1" t="s">
        <v>7</v>
      </c>
    </row>
    <row r="12514">
      <c r="A12514" s="1">
        <v>4.90514042E8</v>
      </c>
      <c r="B12514" s="2">
        <v>13545.0</v>
      </c>
      <c r="C12514" s="1" t="s">
        <v>5</v>
      </c>
      <c r="D12514" s="1" t="s">
        <v>10678</v>
      </c>
      <c r="E12514" s="1" t="s">
        <v>7</v>
      </c>
    </row>
    <row r="12515">
      <c r="A12515" s="1">
        <v>4.90514044E8</v>
      </c>
      <c r="B12515" s="2">
        <v>13573.0</v>
      </c>
      <c r="C12515" s="1" t="s">
        <v>5</v>
      </c>
      <c r="D12515" s="1" t="s">
        <v>11</v>
      </c>
      <c r="E12515" s="1" t="s">
        <v>7</v>
      </c>
    </row>
    <row r="12516">
      <c r="A12516" s="1">
        <v>4.90514107E8</v>
      </c>
      <c r="B12516" s="2">
        <v>13480.0</v>
      </c>
      <c r="C12516" s="1" t="s">
        <v>5</v>
      </c>
      <c r="D12516" s="1" t="s">
        <v>10679</v>
      </c>
      <c r="E12516" s="1" t="s">
        <v>10680</v>
      </c>
    </row>
    <row r="12517">
      <c r="A12517" s="1">
        <v>4.90514117E8</v>
      </c>
      <c r="B12517" s="2">
        <v>13531.0</v>
      </c>
      <c r="C12517" s="1" t="s">
        <v>5</v>
      </c>
      <c r="D12517" s="1" t="s">
        <v>11</v>
      </c>
      <c r="E12517" s="1" t="s">
        <v>7</v>
      </c>
    </row>
    <row r="12518">
      <c r="A12518" s="1">
        <v>4.90514125E8</v>
      </c>
      <c r="B12518" s="2">
        <v>13550.0</v>
      </c>
      <c r="C12518" s="1" t="s">
        <v>5</v>
      </c>
      <c r="D12518" s="1" t="s">
        <v>10681</v>
      </c>
      <c r="E12518" s="1" t="s">
        <v>7</v>
      </c>
    </row>
    <row r="12519">
      <c r="A12519" s="1">
        <v>4.90514156E8</v>
      </c>
      <c r="B12519" s="2">
        <v>13485.0</v>
      </c>
      <c r="C12519" s="1" t="s">
        <v>5</v>
      </c>
      <c r="D12519" s="1" t="s">
        <v>10682</v>
      </c>
      <c r="E12519" s="1" t="s">
        <v>7</v>
      </c>
    </row>
    <row r="12520">
      <c r="A12520" s="1">
        <v>4.90514163E8</v>
      </c>
      <c r="B12520" s="2">
        <v>13470.0</v>
      </c>
      <c r="C12520" s="1" t="s">
        <v>5</v>
      </c>
      <c r="D12520" s="1" t="s">
        <v>10683</v>
      </c>
      <c r="E12520" s="1" t="s">
        <v>7</v>
      </c>
    </row>
    <row r="12521">
      <c r="A12521" s="1">
        <v>4.90514183E8</v>
      </c>
      <c r="B12521" s="2">
        <v>13482.0</v>
      </c>
      <c r="C12521" s="1" t="s">
        <v>5</v>
      </c>
      <c r="D12521" s="1" t="s">
        <v>10684</v>
      </c>
      <c r="E12521" s="1" t="s">
        <v>11</v>
      </c>
    </row>
    <row r="12522">
      <c r="A12522" s="1">
        <v>4.90514197E8</v>
      </c>
      <c r="B12522" s="2">
        <v>13527.0</v>
      </c>
      <c r="C12522" s="1" t="s">
        <v>5</v>
      </c>
      <c r="D12522" s="1" t="s">
        <v>11</v>
      </c>
      <c r="E12522" s="1" t="s">
        <v>7</v>
      </c>
    </row>
    <row r="12523">
      <c r="A12523" s="1">
        <v>4.90514212E8</v>
      </c>
      <c r="B12523" s="2">
        <v>13529.0</v>
      </c>
      <c r="C12523" s="1" t="s">
        <v>5</v>
      </c>
      <c r="D12523" s="1" t="s">
        <v>11</v>
      </c>
      <c r="E12523" s="1" t="s">
        <v>7</v>
      </c>
    </row>
    <row r="12524">
      <c r="A12524" s="1">
        <v>4.90514245E8</v>
      </c>
      <c r="B12524" s="2">
        <v>13428.0</v>
      </c>
      <c r="C12524" s="1" t="s">
        <v>5</v>
      </c>
      <c r="D12524" s="1" t="s">
        <v>10685</v>
      </c>
      <c r="E12524" s="1" t="s">
        <v>11</v>
      </c>
    </row>
    <row r="12525">
      <c r="A12525" s="1">
        <v>4.90514266E8</v>
      </c>
      <c r="B12525" s="2">
        <v>13518.0</v>
      </c>
      <c r="C12525" s="1" t="s">
        <v>5</v>
      </c>
      <c r="D12525" s="1" t="s">
        <v>10686</v>
      </c>
      <c r="E12525" s="1" t="s">
        <v>11</v>
      </c>
    </row>
    <row r="12526">
      <c r="A12526" s="1">
        <v>4.90514289E8</v>
      </c>
      <c r="B12526" s="2">
        <v>13428.0</v>
      </c>
      <c r="C12526" s="1" t="s">
        <v>5</v>
      </c>
      <c r="D12526" s="1" t="s">
        <v>10687</v>
      </c>
      <c r="E12526" s="1" t="s">
        <v>7</v>
      </c>
    </row>
    <row r="12527">
      <c r="A12527" s="1">
        <v>4.90514302E8</v>
      </c>
      <c r="B12527" s="2">
        <v>13490.0</v>
      </c>
      <c r="C12527" s="1" t="s">
        <v>5</v>
      </c>
      <c r="D12527" s="1" t="s">
        <v>10688</v>
      </c>
      <c r="E12527" s="1" t="s">
        <v>11</v>
      </c>
    </row>
    <row r="12528">
      <c r="A12528" s="1">
        <v>4.90514317E8</v>
      </c>
      <c r="B12528" s="2">
        <v>13480.0</v>
      </c>
      <c r="C12528" s="1" t="s">
        <v>5</v>
      </c>
      <c r="D12528" s="1" t="s">
        <v>11</v>
      </c>
      <c r="E12528" s="1" t="s">
        <v>7</v>
      </c>
    </row>
    <row r="12529">
      <c r="A12529" s="1">
        <v>4.90514324E8</v>
      </c>
      <c r="B12529" s="2">
        <v>13522.0</v>
      </c>
      <c r="C12529" s="1" t="s">
        <v>5</v>
      </c>
      <c r="D12529" s="1" t="s">
        <v>11</v>
      </c>
      <c r="E12529" s="1" t="s">
        <v>7</v>
      </c>
    </row>
    <row r="12530">
      <c r="A12530" s="1">
        <v>4.90514339E8</v>
      </c>
      <c r="B12530" s="2">
        <v>13495.0</v>
      </c>
      <c r="C12530" s="1" t="s">
        <v>5</v>
      </c>
      <c r="D12530" s="1" t="s">
        <v>10689</v>
      </c>
      <c r="E12530" s="1" t="s">
        <v>7</v>
      </c>
    </row>
    <row r="12531">
      <c r="A12531" s="1">
        <v>4.90514344E8</v>
      </c>
      <c r="B12531" s="2">
        <v>13550.0</v>
      </c>
      <c r="C12531" s="1" t="s">
        <v>5</v>
      </c>
      <c r="D12531" s="1" t="s">
        <v>11</v>
      </c>
      <c r="E12531" s="1" t="s">
        <v>7</v>
      </c>
    </row>
    <row r="12532">
      <c r="A12532" s="1">
        <v>4.90514355E8</v>
      </c>
      <c r="B12532" s="2">
        <v>13489.0</v>
      </c>
      <c r="C12532" s="1" t="s">
        <v>5</v>
      </c>
      <c r="D12532" s="1" t="s">
        <v>10690</v>
      </c>
      <c r="E12532" s="1" t="s">
        <v>10691</v>
      </c>
    </row>
    <row r="12533">
      <c r="A12533" s="1">
        <v>4.90514357E8</v>
      </c>
      <c r="B12533" s="2">
        <v>13424.0</v>
      </c>
      <c r="C12533" s="1" t="s">
        <v>5</v>
      </c>
      <c r="D12533" s="1" t="s">
        <v>10692</v>
      </c>
      <c r="E12533" s="1" t="s">
        <v>7</v>
      </c>
    </row>
    <row r="12534">
      <c r="A12534" s="1">
        <v>4.9051436E8</v>
      </c>
      <c r="B12534" s="2">
        <v>13538.0</v>
      </c>
      <c r="C12534" s="1" t="s">
        <v>5</v>
      </c>
      <c r="D12534" s="1" t="s">
        <v>11</v>
      </c>
      <c r="E12534" s="1" t="s">
        <v>7</v>
      </c>
    </row>
    <row r="12535">
      <c r="A12535" s="1">
        <v>4.9051439E8</v>
      </c>
      <c r="B12535" s="2">
        <v>13528.0</v>
      </c>
      <c r="C12535" s="1" t="s">
        <v>5</v>
      </c>
      <c r="D12535" s="1" t="s">
        <v>10693</v>
      </c>
      <c r="E12535" s="1" t="s">
        <v>7</v>
      </c>
    </row>
    <row r="12536">
      <c r="A12536" s="1">
        <v>4.90514416E8</v>
      </c>
      <c r="B12536" s="2">
        <v>13553.0</v>
      </c>
      <c r="C12536" s="1" t="s">
        <v>5</v>
      </c>
      <c r="D12536" s="1" t="s">
        <v>10694</v>
      </c>
      <c r="E12536" s="1" t="s">
        <v>11</v>
      </c>
    </row>
    <row r="12537">
      <c r="A12537" s="1">
        <v>4.90514443E8</v>
      </c>
      <c r="B12537" s="2">
        <v>13485.0</v>
      </c>
      <c r="C12537" s="1" t="s">
        <v>5</v>
      </c>
      <c r="D12537" s="1" t="s">
        <v>10695</v>
      </c>
      <c r="E12537" s="1" t="s">
        <v>10696</v>
      </c>
    </row>
    <row r="12538">
      <c r="A12538" s="1">
        <v>4.90514463E8</v>
      </c>
      <c r="B12538" s="2">
        <v>13551.0</v>
      </c>
      <c r="C12538" s="1" t="s">
        <v>5</v>
      </c>
      <c r="D12538" s="1" t="s">
        <v>10697</v>
      </c>
      <c r="E12538" s="1" t="s">
        <v>10698</v>
      </c>
    </row>
    <row r="12539">
      <c r="A12539" s="1">
        <v>4.90514464E8</v>
      </c>
      <c r="B12539" s="2">
        <v>13531.0</v>
      </c>
      <c r="C12539" s="1" t="s">
        <v>5</v>
      </c>
      <c r="D12539" s="1" t="s">
        <v>11</v>
      </c>
      <c r="E12539" s="1" t="s">
        <v>7</v>
      </c>
    </row>
    <row r="12540">
      <c r="A12540" s="1">
        <v>4.90514504E8</v>
      </c>
      <c r="B12540" s="2">
        <v>13527.0</v>
      </c>
      <c r="C12540" s="1" t="s">
        <v>5</v>
      </c>
      <c r="D12540" s="1" t="s">
        <v>10699</v>
      </c>
      <c r="E12540" s="1" t="s">
        <v>7</v>
      </c>
    </row>
    <row r="12541">
      <c r="A12541" s="1">
        <v>4.90514527E8</v>
      </c>
      <c r="B12541" s="2">
        <v>13560.0</v>
      </c>
      <c r="C12541" s="1" t="s">
        <v>5</v>
      </c>
      <c r="D12541" s="1" t="s">
        <v>10700</v>
      </c>
      <c r="E12541" s="1" t="s">
        <v>7</v>
      </c>
    </row>
    <row r="12542">
      <c r="A12542" s="1">
        <v>4.9051459E8</v>
      </c>
      <c r="B12542" s="2">
        <v>13556.0</v>
      </c>
      <c r="C12542" s="1" t="s">
        <v>5</v>
      </c>
      <c r="D12542" s="1" t="s">
        <v>11</v>
      </c>
      <c r="E12542" s="1" t="s">
        <v>7</v>
      </c>
    </row>
    <row r="12543">
      <c r="A12543" s="1">
        <v>4.90514598E8</v>
      </c>
      <c r="B12543" s="2">
        <v>13441.0</v>
      </c>
      <c r="C12543" s="1" t="s">
        <v>5</v>
      </c>
      <c r="D12543" s="1" t="s">
        <v>11</v>
      </c>
      <c r="E12543" s="1" t="s">
        <v>7</v>
      </c>
    </row>
    <row r="12544">
      <c r="A12544" s="1">
        <v>4.90514636E8</v>
      </c>
      <c r="B12544" s="2">
        <v>13537.0</v>
      </c>
      <c r="C12544" s="1" t="s">
        <v>5</v>
      </c>
      <c r="D12544" s="1" t="s">
        <v>10701</v>
      </c>
      <c r="E12544" s="1" t="s">
        <v>7</v>
      </c>
    </row>
    <row r="12545">
      <c r="A12545" s="1">
        <v>4.90514685E8</v>
      </c>
      <c r="B12545" s="2">
        <v>13488.0</v>
      </c>
      <c r="C12545" s="1" t="s">
        <v>5</v>
      </c>
      <c r="D12545" s="1" t="s">
        <v>10702</v>
      </c>
      <c r="E12545" s="1" t="s">
        <v>7</v>
      </c>
    </row>
    <row r="12546">
      <c r="A12546" s="1">
        <v>4.90514725E8</v>
      </c>
      <c r="B12546" s="2">
        <v>13559.0</v>
      </c>
      <c r="C12546" s="1" t="s">
        <v>5</v>
      </c>
      <c r="D12546" s="1" t="s">
        <v>11</v>
      </c>
      <c r="E12546" s="1" t="s">
        <v>7</v>
      </c>
    </row>
    <row r="12547">
      <c r="A12547" s="1">
        <v>4.90514747E8</v>
      </c>
      <c r="B12547" s="2">
        <v>13564.0</v>
      </c>
      <c r="C12547" s="1" t="s">
        <v>5</v>
      </c>
      <c r="D12547" s="1" t="s">
        <v>10703</v>
      </c>
      <c r="E12547" s="1" t="s">
        <v>11</v>
      </c>
    </row>
    <row r="12548">
      <c r="A12548" s="1">
        <v>4.90514763E8</v>
      </c>
      <c r="B12548" s="2">
        <v>13483.0</v>
      </c>
      <c r="C12548" s="1" t="s">
        <v>5</v>
      </c>
      <c r="D12548" s="1" t="s">
        <v>10704</v>
      </c>
      <c r="E12548" s="1" t="s">
        <v>7</v>
      </c>
    </row>
    <row r="12549">
      <c r="A12549" s="1">
        <v>4.90514764E8</v>
      </c>
      <c r="B12549" s="2">
        <v>13493.0</v>
      </c>
      <c r="C12549" s="1" t="s">
        <v>5</v>
      </c>
      <c r="D12549" s="1" t="s">
        <v>10705</v>
      </c>
      <c r="E12549" s="1" t="s">
        <v>10706</v>
      </c>
    </row>
    <row r="12550">
      <c r="A12550" s="1">
        <v>4.90514782E8</v>
      </c>
      <c r="B12550" s="2">
        <v>13563.0</v>
      </c>
      <c r="C12550" s="1" t="s">
        <v>5</v>
      </c>
      <c r="D12550" s="1" t="s">
        <v>11</v>
      </c>
      <c r="E12550" s="1" t="s">
        <v>7</v>
      </c>
    </row>
    <row r="12551">
      <c r="A12551" s="1">
        <v>4.90514812E8</v>
      </c>
      <c r="B12551" s="2">
        <v>13542.0</v>
      </c>
      <c r="C12551" s="1" t="s">
        <v>5</v>
      </c>
      <c r="D12551" s="1" t="s">
        <v>10707</v>
      </c>
      <c r="E12551" s="1" t="s">
        <v>7</v>
      </c>
    </row>
    <row r="12552">
      <c r="A12552" s="1">
        <v>4.9051483E8</v>
      </c>
      <c r="B12552" s="2">
        <v>13559.0</v>
      </c>
      <c r="C12552" s="1" t="s">
        <v>5</v>
      </c>
      <c r="D12552" s="1" t="s">
        <v>10708</v>
      </c>
      <c r="E12552" s="1" t="s">
        <v>11</v>
      </c>
    </row>
    <row r="12553">
      <c r="A12553" s="1">
        <v>4.90514831E8</v>
      </c>
      <c r="B12553" s="2">
        <v>13572.0</v>
      </c>
      <c r="C12553" s="1" t="s">
        <v>5</v>
      </c>
      <c r="D12553" s="1" t="s">
        <v>10709</v>
      </c>
      <c r="E12553" s="1" t="s">
        <v>7</v>
      </c>
    </row>
    <row r="12554">
      <c r="A12554" s="1">
        <v>4.90514911E8</v>
      </c>
      <c r="B12554" s="2">
        <v>13482.0</v>
      </c>
      <c r="C12554" s="1" t="s">
        <v>5</v>
      </c>
      <c r="D12554" s="1" t="s">
        <v>11</v>
      </c>
      <c r="E12554" s="1" t="s">
        <v>7</v>
      </c>
    </row>
    <row r="12555">
      <c r="A12555" s="1">
        <v>4.90514923E8</v>
      </c>
      <c r="B12555" s="2">
        <v>13554.0</v>
      </c>
      <c r="C12555" s="1" t="s">
        <v>5</v>
      </c>
      <c r="D12555" s="1" t="s">
        <v>10710</v>
      </c>
      <c r="E12555" s="1" t="s">
        <v>10711</v>
      </c>
    </row>
    <row r="12556">
      <c r="A12556" s="1">
        <v>4.90514938E8</v>
      </c>
      <c r="B12556" s="2">
        <v>13524.0</v>
      </c>
      <c r="C12556" s="1" t="s">
        <v>5</v>
      </c>
      <c r="D12556" s="1" t="s">
        <v>11</v>
      </c>
      <c r="E12556" s="1" t="s">
        <v>7</v>
      </c>
    </row>
    <row r="12557">
      <c r="A12557" s="1">
        <v>4.90514963E8</v>
      </c>
      <c r="B12557" s="2">
        <v>13559.0</v>
      </c>
      <c r="C12557" s="1" t="s">
        <v>5</v>
      </c>
      <c r="D12557" s="1" t="s">
        <v>10712</v>
      </c>
      <c r="E12557" s="1" t="s">
        <v>7</v>
      </c>
    </row>
    <row r="12558">
      <c r="A12558" s="1">
        <v>4.90515004E8</v>
      </c>
      <c r="B12558" s="2">
        <v>13530.0</v>
      </c>
      <c r="C12558" s="1" t="s">
        <v>5</v>
      </c>
      <c r="D12558" s="1" t="s">
        <v>11</v>
      </c>
      <c r="E12558" s="1" t="s">
        <v>7</v>
      </c>
    </row>
    <row r="12559">
      <c r="A12559" s="1">
        <v>4.90515022E8</v>
      </c>
      <c r="B12559" s="2">
        <v>13482.0</v>
      </c>
      <c r="C12559" s="1" t="s">
        <v>5</v>
      </c>
      <c r="D12559" s="1" t="s">
        <v>10713</v>
      </c>
      <c r="E12559" s="1" t="s">
        <v>7</v>
      </c>
    </row>
    <row r="12560">
      <c r="A12560" s="1">
        <v>4.90515029E8</v>
      </c>
      <c r="B12560" s="2">
        <v>13483.0</v>
      </c>
      <c r="C12560" s="1" t="s">
        <v>5</v>
      </c>
      <c r="D12560" s="1" t="s">
        <v>11</v>
      </c>
      <c r="E12560" s="1" t="s">
        <v>7</v>
      </c>
    </row>
    <row r="12561">
      <c r="A12561" s="1">
        <v>4.90515074E8</v>
      </c>
      <c r="B12561" s="2">
        <v>13492.0</v>
      </c>
      <c r="C12561" s="1" t="s">
        <v>5</v>
      </c>
      <c r="D12561" s="1" t="s">
        <v>10714</v>
      </c>
      <c r="E12561" s="1" t="s">
        <v>7</v>
      </c>
    </row>
    <row r="12562">
      <c r="A12562" s="1">
        <v>4.90515084E8</v>
      </c>
      <c r="B12562" s="2">
        <v>13517.0</v>
      </c>
      <c r="C12562" s="1" t="s">
        <v>5</v>
      </c>
      <c r="D12562" s="1" t="s">
        <v>11</v>
      </c>
      <c r="E12562" s="1" t="s">
        <v>7</v>
      </c>
    </row>
    <row r="12563">
      <c r="A12563" s="1">
        <v>4.9051511E8</v>
      </c>
      <c r="B12563" s="2">
        <v>13553.0</v>
      </c>
      <c r="C12563" s="1" t="s">
        <v>5</v>
      </c>
      <c r="D12563" s="1" t="s">
        <v>10715</v>
      </c>
      <c r="E12563" s="1" t="s">
        <v>7</v>
      </c>
    </row>
    <row r="12564">
      <c r="A12564" s="1">
        <v>4.90515143E8</v>
      </c>
      <c r="B12564" s="2">
        <v>13483.0</v>
      </c>
      <c r="C12564" s="1" t="s">
        <v>5</v>
      </c>
      <c r="D12564" s="1" t="s">
        <v>10716</v>
      </c>
      <c r="E12564" s="1" t="s">
        <v>7</v>
      </c>
    </row>
    <row r="12565">
      <c r="A12565" s="1">
        <v>4.90515184E8</v>
      </c>
      <c r="B12565" s="2">
        <v>13558.0</v>
      </c>
      <c r="C12565" s="1" t="s">
        <v>5</v>
      </c>
      <c r="D12565" s="1" t="s">
        <v>10717</v>
      </c>
      <c r="E12565" s="1" t="s">
        <v>7</v>
      </c>
    </row>
    <row r="12566">
      <c r="A12566" s="1">
        <v>4.9051519E8</v>
      </c>
      <c r="B12566" s="2">
        <v>13480.0</v>
      </c>
      <c r="C12566" s="1" t="s">
        <v>5</v>
      </c>
      <c r="D12566" s="1" t="s">
        <v>10718</v>
      </c>
      <c r="E12566" s="1" t="s">
        <v>7</v>
      </c>
    </row>
    <row r="12567">
      <c r="A12567" s="1">
        <v>4.90515196E8</v>
      </c>
      <c r="B12567" s="2">
        <v>13564.0</v>
      </c>
      <c r="C12567" s="1" t="s">
        <v>5</v>
      </c>
      <c r="D12567" s="1" t="s">
        <v>10719</v>
      </c>
      <c r="E12567" s="1" t="s">
        <v>7</v>
      </c>
    </row>
    <row r="12568">
      <c r="A12568" s="1">
        <v>4.905152E8</v>
      </c>
      <c r="B12568" s="2">
        <v>13568.0</v>
      </c>
      <c r="C12568" s="1" t="s">
        <v>5</v>
      </c>
      <c r="D12568" s="1" t="s">
        <v>10720</v>
      </c>
      <c r="E12568" s="1" t="s">
        <v>7</v>
      </c>
    </row>
    <row r="12569">
      <c r="A12569" s="1">
        <v>4.9051525E8</v>
      </c>
      <c r="B12569" s="2">
        <v>13522.0</v>
      </c>
      <c r="C12569" s="1" t="s">
        <v>5</v>
      </c>
      <c r="D12569" s="1" t="s">
        <v>10721</v>
      </c>
      <c r="E12569" s="1" t="s">
        <v>7</v>
      </c>
    </row>
    <row r="12570">
      <c r="A12570" s="1">
        <v>4.90515285E8</v>
      </c>
      <c r="B12570" s="2">
        <v>13540.0</v>
      </c>
      <c r="C12570" s="1" t="s">
        <v>5</v>
      </c>
      <c r="D12570" s="1" t="s">
        <v>10722</v>
      </c>
      <c r="E12570" s="1" t="s">
        <v>10723</v>
      </c>
    </row>
    <row r="12571">
      <c r="A12571" s="1">
        <v>4.90515325E8</v>
      </c>
      <c r="B12571" s="2">
        <v>13540.0</v>
      </c>
      <c r="C12571" s="1" t="s">
        <v>5</v>
      </c>
      <c r="D12571" s="1" t="s">
        <v>10724</v>
      </c>
      <c r="E12571" s="1" t="s">
        <v>7</v>
      </c>
    </row>
    <row r="12572">
      <c r="A12572" s="1">
        <v>4.90515331E8</v>
      </c>
      <c r="B12572" s="2">
        <v>13603.0</v>
      </c>
      <c r="C12572" s="1" t="s">
        <v>5</v>
      </c>
      <c r="D12572" s="1" t="s">
        <v>11</v>
      </c>
      <c r="E12572" s="1" t="s">
        <v>7</v>
      </c>
    </row>
    <row r="12573">
      <c r="A12573" s="1">
        <v>4.90515335E8</v>
      </c>
      <c r="B12573" s="2">
        <v>13545.0</v>
      </c>
      <c r="C12573" s="1" t="s">
        <v>5</v>
      </c>
      <c r="D12573" s="1" t="s">
        <v>10725</v>
      </c>
      <c r="E12573" s="1" t="s">
        <v>7</v>
      </c>
    </row>
    <row r="12574">
      <c r="A12574" s="1">
        <v>4.90515336E8</v>
      </c>
      <c r="B12574" s="2">
        <v>13556.0</v>
      </c>
      <c r="C12574" s="1" t="s">
        <v>5</v>
      </c>
      <c r="D12574" s="1" t="s">
        <v>10726</v>
      </c>
      <c r="E12574" s="1" t="s">
        <v>11</v>
      </c>
    </row>
    <row r="12575">
      <c r="A12575" s="1">
        <v>4.90515343E8</v>
      </c>
      <c r="B12575" s="2">
        <v>13536.0</v>
      </c>
      <c r="C12575" s="1" t="s">
        <v>5</v>
      </c>
      <c r="D12575" s="1" t="s">
        <v>10727</v>
      </c>
      <c r="E12575" s="1" t="s">
        <v>7</v>
      </c>
    </row>
    <row r="12576">
      <c r="A12576" s="1">
        <v>4.90515346E8</v>
      </c>
      <c r="B12576" s="2">
        <v>13554.0</v>
      </c>
      <c r="C12576" s="1" t="s">
        <v>5</v>
      </c>
      <c r="D12576" s="1" t="s">
        <v>11</v>
      </c>
      <c r="E12576" s="1" t="s">
        <v>7</v>
      </c>
    </row>
    <row r="12577">
      <c r="A12577" s="1">
        <v>4.90515347E8</v>
      </c>
      <c r="B12577" s="2">
        <v>13486.0</v>
      </c>
      <c r="C12577" s="1" t="s">
        <v>5</v>
      </c>
      <c r="D12577" s="1" t="s">
        <v>10728</v>
      </c>
      <c r="E12577" s="1" t="s">
        <v>7</v>
      </c>
    </row>
    <row r="12578">
      <c r="A12578" s="1">
        <v>4.90515363E8</v>
      </c>
      <c r="B12578" s="2">
        <v>13545.0</v>
      </c>
      <c r="C12578" s="1" t="s">
        <v>5</v>
      </c>
      <c r="D12578" s="1" t="s">
        <v>10729</v>
      </c>
      <c r="E12578" s="1" t="s">
        <v>7</v>
      </c>
    </row>
    <row r="12579">
      <c r="A12579" s="1">
        <v>4.90515393E8</v>
      </c>
      <c r="B12579" s="2">
        <v>13565.0</v>
      </c>
      <c r="C12579" s="1" t="s">
        <v>5</v>
      </c>
      <c r="D12579" s="1" t="s">
        <v>10730</v>
      </c>
      <c r="E12579" s="1" t="s">
        <v>10731</v>
      </c>
    </row>
    <row r="12580">
      <c r="A12580" s="1">
        <v>4.90515426E8</v>
      </c>
      <c r="B12580" s="2">
        <v>13552.0</v>
      </c>
      <c r="C12580" s="1" t="s">
        <v>5</v>
      </c>
      <c r="D12580" s="1" t="s">
        <v>10732</v>
      </c>
      <c r="E12580" s="1" t="s">
        <v>7</v>
      </c>
    </row>
    <row r="12581">
      <c r="A12581" s="1">
        <v>4.90515445E8</v>
      </c>
      <c r="B12581" s="2">
        <v>13549.0</v>
      </c>
      <c r="C12581" s="1" t="s">
        <v>5</v>
      </c>
      <c r="D12581" s="1" t="s">
        <v>10733</v>
      </c>
      <c r="E12581" s="1" t="s">
        <v>11</v>
      </c>
    </row>
    <row r="12582">
      <c r="A12582" s="1">
        <v>4.90515454E8</v>
      </c>
      <c r="B12582" s="2">
        <v>13560.0</v>
      </c>
      <c r="C12582" s="1" t="s">
        <v>5</v>
      </c>
      <c r="D12582" s="1" t="s">
        <v>10734</v>
      </c>
      <c r="E12582" s="1" t="s">
        <v>7</v>
      </c>
    </row>
    <row r="12583">
      <c r="A12583" s="1">
        <v>4.9051551E8</v>
      </c>
      <c r="B12583" s="2">
        <v>13555.0</v>
      </c>
      <c r="C12583" s="1" t="s">
        <v>5</v>
      </c>
      <c r="D12583" s="1" t="s">
        <v>10735</v>
      </c>
      <c r="E12583" s="1" t="s">
        <v>11</v>
      </c>
    </row>
    <row r="12584">
      <c r="A12584" s="1">
        <v>4.90515587E8</v>
      </c>
      <c r="B12584" s="2">
        <v>13560.0</v>
      </c>
      <c r="C12584" s="1" t="s">
        <v>5</v>
      </c>
      <c r="D12584" s="1" t="s">
        <v>10736</v>
      </c>
      <c r="E12584" s="1" t="s">
        <v>11</v>
      </c>
    </row>
    <row r="12585">
      <c r="A12585" s="1">
        <v>4.90515588E8</v>
      </c>
      <c r="B12585" s="2">
        <v>13535.0</v>
      </c>
      <c r="C12585" s="1" t="s">
        <v>5</v>
      </c>
      <c r="D12585" s="1" t="s">
        <v>10737</v>
      </c>
      <c r="E12585" s="1" t="s">
        <v>11</v>
      </c>
    </row>
    <row r="12586">
      <c r="A12586" s="1">
        <v>4.90515605E8</v>
      </c>
      <c r="B12586" s="2">
        <v>13520.0</v>
      </c>
      <c r="C12586" s="1" t="s">
        <v>5</v>
      </c>
      <c r="D12586" s="1" t="s">
        <v>10738</v>
      </c>
      <c r="E12586" s="1" t="s">
        <v>10739</v>
      </c>
    </row>
    <row r="12587">
      <c r="A12587" s="1">
        <v>4.90515642E8</v>
      </c>
      <c r="B12587" s="2">
        <v>13475.0</v>
      </c>
      <c r="C12587" s="1" t="s">
        <v>5</v>
      </c>
      <c r="D12587" s="1" t="s">
        <v>11</v>
      </c>
      <c r="E12587" s="1" t="s">
        <v>7</v>
      </c>
    </row>
    <row r="12588">
      <c r="A12588" s="1">
        <v>4.90515673E8</v>
      </c>
      <c r="B12588" s="2">
        <v>13542.0</v>
      </c>
      <c r="C12588" s="1" t="s">
        <v>5</v>
      </c>
      <c r="D12588" s="1" t="s">
        <v>10740</v>
      </c>
      <c r="E12588" s="1" t="s">
        <v>7</v>
      </c>
    </row>
    <row r="12589">
      <c r="A12589" s="1">
        <v>4.90515679E8</v>
      </c>
      <c r="B12589" s="2">
        <v>13554.0</v>
      </c>
      <c r="C12589" s="1" t="s">
        <v>5</v>
      </c>
      <c r="D12589" s="1" t="s">
        <v>11</v>
      </c>
      <c r="E12589" s="1" t="s">
        <v>7</v>
      </c>
    </row>
    <row r="12590">
      <c r="A12590" s="1">
        <v>4.9051568E8</v>
      </c>
      <c r="B12590" s="2">
        <v>13548.0</v>
      </c>
      <c r="C12590" s="1" t="s">
        <v>5</v>
      </c>
      <c r="D12590" s="1" t="s">
        <v>11</v>
      </c>
      <c r="E12590" s="1" t="s">
        <v>7</v>
      </c>
    </row>
    <row r="12591">
      <c r="A12591" s="1">
        <v>4.90515736E8</v>
      </c>
      <c r="B12591" s="2">
        <v>13554.0</v>
      </c>
      <c r="C12591" s="1" t="s">
        <v>5</v>
      </c>
      <c r="D12591" s="1" t="s">
        <v>10741</v>
      </c>
      <c r="E12591" s="1" t="s">
        <v>11</v>
      </c>
    </row>
    <row r="12592">
      <c r="A12592" s="1">
        <v>4.90515748E8</v>
      </c>
      <c r="B12592" s="2">
        <v>13553.0</v>
      </c>
      <c r="C12592" s="1" t="s">
        <v>5</v>
      </c>
      <c r="D12592" s="1" t="s">
        <v>10742</v>
      </c>
      <c r="E12592" s="1" t="s">
        <v>11</v>
      </c>
    </row>
    <row r="12593">
      <c r="A12593" s="1">
        <v>4.90515758E8</v>
      </c>
      <c r="B12593" s="2">
        <v>13475.0</v>
      </c>
      <c r="C12593" s="1" t="s">
        <v>5</v>
      </c>
      <c r="D12593" s="1" t="s">
        <v>10743</v>
      </c>
      <c r="E12593" s="1" t="s">
        <v>11</v>
      </c>
    </row>
    <row r="12594">
      <c r="A12594" s="1">
        <v>4.90515764E8</v>
      </c>
      <c r="B12594" s="2">
        <v>13474.0</v>
      </c>
      <c r="C12594" s="1" t="s">
        <v>5</v>
      </c>
      <c r="D12594" s="1" t="s">
        <v>10744</v>
      </c>
      <c r="E12594" s="1" t="s">
        <v>11</v>
      </c>
    </row>
    <row r="12595">
      <c r="A12595" s="1">
        <v>4.90515771E8</v>
      </c>
      <c r="B12595" s="2">
        <v>13471.0</v>
      </c>
      <c r="C12595" s="1" t="s">
        <v>5</v>
      </c>
      <c r="D12595" s="1" t="s">
        <v>10745</v>
      </c>
      <c r="E12595" s="1" t="s">
        <v>10746</v>
      </c>
    </row>
    <row r="12596">
      <c r="A12596" s="1">
        <v>4.90515776E8</v>
      </c>
      <c r="B12596" s="2">
        <v>13546.0</v>
      </c>
      <c r="C12596" s="1" t="s">
        <v>5</v>
      </c>
      <c r="D12596" s="1" t="s">
        <v>10747</v>
      </c>
      <c r="E12596" s="1" t="s">
        <v>7</v>
      </c>
    </row>
    <row r="12597">
      <c r="A12597" s="1">
        <v>4.90515864E8</v>
      </c>
      <c r="B12597" s="2">
        <v>13471.0</v>
      </c>
      <c r="C12597" s="1" t="s">
        <v>5</v>
      </c>
      <c r="D12597" s="1" t="s">
        <v>10748</v>
      </c>
      <c r="E12597" s="1" t="s">
        <v>11</v>
      </c>
    </row>
    <row r="12598">
      <c r="A12598" s="1">
        <v>4.90515889E8</v>
      </c>
      <c r="B12598" s="2">
        <v>13553.0</v>
      </c>
      <c r="C12598" s="1" t="s">
        <v>5</v>
      </c>
      <c r="D12598" s="1" t="s">
        <v>10749</v>
      </c>
      <c r="E12598" s="1" t="s">
        <v>11</v>
      </c>
    </row>
    <row r="12599">
      <c r="A12599" s="1">
        <v>4.90515893E8</v>
      </c>
      <c r="B12599" s="2">
        <v>13472.0</v>
      </c>
      <c r="C12599" s="1" t="s">
        <v>5</v>
      </c>
      <c r="D12599" s="1" t="s">
        <v>11</v>
      </c>
      <c r="E12599" s="1" t="s">
        <v>7</v>
      </c>
    </row>
    <row r="12600">
      <c r="A12600" s="1">
        <v>4.90515916E8</v>
      </c>
      <c r="B12600" s="2">
        <v>13525.0</v>
      </c>
      <c r="C12600" s="1" t="s">
        <v>5</v>
      </c>
      <c r="D12600" s="1" t="s">
        <v>10750</v>
      </c>
      <c r="E12600" s="1" t="s">
        <v>11</v>
      </c>
    </row>
    <row r="12601">
      <c r="A12601" s="1">
        <v>4.90515944E8</v>
      </c>
      <c r="B12601" s="2">
        <v>13539.0</v>
      </c>
      <c r="C12601" s="1" t="s">
        <v>5</v>
      </c>
      <c r="D12601" s="1" t="s">
        <v>10751</v>
      </c>
      <c r="E12601" s="1" t="s">
        <v>11</v>
      </c>
    </row>
    <row r="12602">
      <c r="A12602" s="1">
        <v>4.90515985E8</v>
      </c>
      <c r="B12602" s="2">
        <v>13553.0</v>
      </c>
      <c r="C12602" s="1" t="s">
        <v>5</v>
      </c>
      <c r="D12602" s="1" t="s">
        <v>11</v>
      </c>
      <c r="E12602" s="1" t="s">
        <v>7</v>
      </c>
    </row>
    <row r="12603">
      <c r="A12603" s="1">
        <v>4.90516025E8</v>
      </c>
      <c r="B12603" s="2">
        <v>13541.0</v>
      </c>
      <c r="C12603" s="1" t="s">
        <v>5</v>
      </c>
      <c r="D12603" s="1" t="s">
        <v>10752</v>
      </c>
      <c r="E12603" s="1" t="s">
        <v>7</v>
      </c>
    </row>
    <row r="12604">
      <c r="A12604" s="1">
        <v>4.90516104E8</v>
      </c>
      <c r="B12604" s="2">
        <v>13556.0</v>
      </c>
      <c r="C12604" s="1" t="s">
        <v>5</v>
      </c>
      <c r="D12604" s="1" t="s">
        <v>10753</v>
      </c>
      <c r="E12604" s="1" t="s">
        <v>11</v>
      </c>
    </row>
    <row r="12605">
      <c r="A12605" s="1">
        <v>4.90516134E8</v>
      </c>
      <c r="B12605" s="2">
        <v>13476.0</v>
      </c>
      <c r="C12605" s="1" t="s">
        <v>5</v>
      </c>
      <c r="D12605" s="1" t="s">
        <v>11</v>
      </c>
      <c r="E12605" s="1" t="s">
        <v>7</v>
      </c>
    </row>
    <row r="12606">
      <c r="A12606" s="1">
        <v>4.90516151E8</v>
      </c>
      <c r="B12606" s="2">
        <v>13545.0</v>
      </c>
      <c r="C12606" s="1" t="s">
        <v>5</v>
      </c>
      <c r="D12606" s="1" t="s">
        <v>10754</v>
      </c>
      <c r="E12606" s="1" t="s">
        <v>7</v>
      </c>
    </row>
    <row r="12607">
      <c r="A12607" s="1">
        <v>4.90516204E8</v>
      </c>
      <c r="B12607" s="2">
        <v>13533.0</v>
      </c>
      <c r="C12607" s="1" t="s">
        <v>5</v>
      </c>
      <c r="D12607" s="1" t="s">
        <v>10755</v>
      </c>
      <c r="E12607" s="1" t="s">
        <v>11</v>
      </c>
    </row>
    <row r="12608">
      <c r="A12608" s="1">
        <v>4.90516212E8</v>
      </c>
      <c r="B12608" s="2">
        <v>13471.0</v>
      </c>
      <c r="C12608" s="1" t="s">
        <v>5</v>
      </c>
      <c r="D12608" s="1" t="s">
        <v>10756</v>
      </c>
      <c r="E12608" s="1" t="s">
        <v>7</v>
      </c>
    </row>
    <row r="12609">
      <c r="A12609" s="1">
        <v>4.90516225E8</v>
      </c>
      <c r="B12609" s="2">
        <v>13598.0</v>
      </c>
      <c r="C12609" s="1" t="s">
        <v>5</v>
      </c>
      <c r="D12609" s="1" t="s">
        <v>10757</v>
      </c>
      <c r="E12609" s="1" t="s">
        <v>7</v>
      </c>
    </row>
    <row r="12610">
      <c r="A12610" s="1">
        <v>4.9051623E8</v>
      </c>
      <c r="B12610" s="2">
        <v>13544.0</v>
      </c>
      <c r="C12610" s="1" t="s">
        <v>5</v>
      </c>
      <c r="D12610" s="1" t="s">
        <v>10758</v>
      </c>
      <c r="E12610" s="1" t="s">
        <v>11</v>
      </c>
    </row>
    <row r="12611">
      <c r="A12611" s="1">
        <v>4.9051625E8</v>
      </c>
      <c r="B12611" s="2">
        <v>13552.0</v>
      </c>
      <c r="C12611" s="1" t="s">
        <v>5</v>
      </c>
      <c r="D12611" s="1" t="s">
        <v>10759</v>
      </c>
      <c r="E12611" s="1" t="s">
        <v>10760</v>
      </c>
    </row>
    <row r="12612">
      <c r="A12612" s="1">
        <v>4.90516261E8</v>
      </c>
      <c r="B12612" s="2">
        <v>13555.0</v>
      </c>
      <c r="C12612" s="1" t="s">
        <v>5</v>
      </c>
      <c r="D12612" s="1" t="s">
        <v>10761</v>
      </c>
      <c r="E12612" s="1" t="s">
        <v>7</v>
      </c>
    </row>
    <row r="12613">
      <c r="A12613" s="1">
        <v>4.90516318E8</v>
      </c>
      <c r="B12613" s="2">
        <v>13539.0</v>
      </c>
      <c r="C12613" s="1" t="s">
        <v>5</v>
      </c>
      <c r="D12613" s="1" t="s">
        <v>11</v>
      </c>
      <c r="E12613" s="1" t="s">
        <v>7</v>
      </c>
    </row>
    <row r="12614">
      <c r="A12614" s="1">
        <v>4.9051632E8</v>
      </c>
      <c r="B12614" s="2">
        <v>13533.0</v>
      </c>
      <c r="C12614" s="1" t="s">
        <v>5</v>
      </c>
      <c r="D12614" s="1" t="s">
        <v>10762</v>
      </c>
      <c r="E12614" s="1" t="s">
        <v>7</v>
      </c>
    </row>
    <row r="12615">
      <c r="A12615" s="1">
        <v>4.90516343E8</v>
      </c>
      <c r="B12615" s="2">
        <v>13552.0</v>
      </c>
      <c r="C12615" s="1" t="s">
        <v>5</v>
      </c>
      <c r="D12615" s="1" t="s">
        <v>10763</v>
      </c>
      <c r="E12615" s="1" t="s">
        <v>7</v>
      </c>
    </row>
    <row r="12616">
      <c r="A12616" s="1">
        <v>4.90516352E8</v>
      </c>
      <c r="B12616" s="2">
        <v>13569.0</v>
      </c>
      <c r="C12616" s="1" t="s">
        <v>5</v>
      </c>
      <c r="D12616" s="1" t="s">
        <v>7</v>
      </c>
      <c r="E12616" s="1" t="s">
        <v>7</v>
      </c>
    </row>
    <row r="12617">
      <c r="A12617" s="1">
        <v>4.90516374E8</v>
      </c>
      <c r="B12617" s="2">
        <v>13548.0</v>
      </c>
      <c r="C12617" s="1" t="s">
        <v>5</v>
      </c>
      <c r="D12617" s="1" t="s">
        <v>10764</v>
      </c>
      <c r="E12617" s="1" t="s">
        <v>11</v>
      </c>
    </row>
    <row r="12618">
      <c r="A12618" s="1">
        <v>4.90516389E8</v>
      </c>
      <c r="B12618" s="2">
        <v>13567.0</v>
      </c>
      <c r="C12618" s="1" t="s">
        <v>5</v>
      </c>
      <c r="D12618" s="1" t="s">
        <v>10765</v>
      </c>
      <c r="E12618" s="1" t="s">
        <v>7</v>
      </c>
    </row>
    <row r="12619">
      <c r="A12619" s="1">
        <v>4.90516444E8</v>
      </c>
      <c r="B12619" s="2">
        <v>13532.0</v>
      </c>
      <c r="C12619" s="1" t="s">
        <v>5</v>
      </c>
      <c r="D12619" s="1" t="s">
        <v>10766</v>
      </c>
      <c r="E12619" s="1" t="s">
        <v>10767</v>
      </c>
    </row>
    <row r="12620">
      <c r="A12620" s="1">
        <v>4.90516507E8</v>
      </c>
      <c r="B12620" s="2">
        <v>13487.0</v>
      </c>
      <c r="C12620" s="1" t="s">
        <v>5</v>
      </c>
      <c r="D12620" s="1" t="s">
        <v>10768</v>
      </c>
      <c r="E12620" s="1" t="s">
        <v>10769</v>
      </c>
    </row>
    <row r="12621">
      <c r="A12621" s="1">
        <v>4.90516551E8</v>
      </c>
      <c r="B12621" s="2">
        <v>13539.0</v>
      </c>
      <c r="C12621" s="1" t="s">
        <v>5</v>
      </c>
      <c r="D12621" s="1" t="s">
        <v>10770</v>
      </c>
      <c r="E12621" s="1" t="s">
        <v>7</v>
      </c>
    </row>
    <row r="12622">
      <c r="A12622" s="1">
        <v>4.90516578E8</v>
      </c>
      <c r="B12622" s="2">
        <v>13543.0</v>
      </c>
      <c r="C12622" s="1" t="s">
        <v>5</v>
      </c>
      <c r="D12622" s="1" t="s">
        <v>7</v>
      </c>
      <c r="E12622" s="1" t="s">
        <v>7</v>
      </c>
    </row>
    <row r="12623">
      <c r="A12623" s="1">
        <v>4.90516625E8</v>
      </c>
      <c r="B12623" s="2">
        <v>13549.0</v>
      </c>
      <c r="C12623" s="1" t="s">
        <v>5</v>
      </c>
      <c r="D12623" s="1" t="s">
        <v>10771</v>
      </c>
      <c r="E12623" s="1" t="s">
        <v>7</v>
      </c>
    </row>
    <row r="12624">
      <c r="A12624" s="1">
        <v>4.90516704E8</v>
      </c>
      <c r="B12624" s="2">
        <v>13596.0</v>
      </c>
      <c r="C12624" s="1" t="s">
        <v>5</v>
      </c>
      <c r="D12624" s="1" t="s">
        <v>10772</v>
      </c>
      <c r="E12624" s="1" t="s">
        <v>11</v>
      </c>
    </row>
    <row r="12625">
      <c r="A12625" s="1">
        <v>4.9051672E8</v>
      </c>
      <c r="B12625" s="2">
        <v>13538.0</v>
      </c>
      <c r="C12625" s="1" t="s">
        <v>5</v>
      </c>
      <c r="D12625" s="1" t="s">
        <v>10773</v>
      </c>
      <c r="E12625" s="1" t="s">
        <v>7</v>
      </c>
    </row>
    <row r="12626">
      <c r="A12626" s="1">
        <v>4.90516723E8</v>
      </c>
      <c r="B12626" s="2">
        <v>13538.0</v>
      </c>
      <c r="C12626" s="1" t="s">
        <v>5</v>
      </c>
      <c r="D12626" s="1" t="s">
        <v>10774</v>
      </c>
      <c r="E12626" s="1" t="s">
        <v>11</v>
      </c>
    </row>
    <row r="12627">
      <c r="A12627" s="1">
        <v>4.90516731E8</v>
      </c>
      <c r="B12627" s="2">
        <v>13551.0</v>
      </c>
      <c r="C12627" s="1" t="s">
        <v>5</v>
      </c>
      <c r="D12627" s="1" t="s">
        <v>10775</v>
      </c>
      <c r="E12627" s="1" t="s">
        <v>7</v>
      </c>
    </row>
    <row r="12628">
      <c r="A12628" s="1">
        <v>4.90516746E8</v>
      </c>
      <c r="B12628" s="2">
        <v>13538.0</v>
      </c>
      <c r="C12628" s="1" t="s">
        <v>5</v>
      </c>
      <c r="D12628" s="1" t="s">
        <v>11</v>
      </c>
      <c r="E12628" s="1" t="s">
        <v>7</v>
      </c>
    </row>
    <row r="12629">
      <c r="A12629" s="1">
        <v>4.90516805E8</v>
      </c>
      <c r="B12629" s="2">
        <v>13569.0</v>
      </c>
      <c r="C12629" s="1" t="s">
        <v>5</v>
      </c>
      <c r="D12629" s="1" t="s">
        <v>10776</v>
      </c>
      <c r="E12629" s="1" t="s">
        <v>10777</v>
      </c>
    </row>
    <row r="12630">
      <c r="A12630" s="1">
        <v>4.90516834E8</v>
      </c>
      <c r="B12630" s="2">
        <v>13605.0</v>
      </c>
      <c r="C12630" s="1" t="s">
        <v>5</v>
      </c>
      <c r="D12630" s="1" t="s">
        <v>10778</v>
      </c>
      <c r="E12630" s="1" t="s">
        <v>7</v>
      </c>
    </row>
    <row r="12631">
      <c r="A12631" s="1">
        <v>4.90516894E8</v>
      </c>
      <c r="B12631" s="2">
        <v>13566.0</v>
      </c>
      <c r="C12631" s="1" t="s">
        <v>5</v>
      </c>
      <c r="D12631" s="1" t="s">
        <v>11</v>
      </c>
      <c r="E12631" s="1" t="s">
        <v>7</v>
      </c>
    </row>
    <row r="12632">
      <c r="A12632" s="1">
        <v>4.90516899E8</v>
      </c>
      <c r="B12632" s="2">
        <v>13538.0</v>
      </c>
      <c r="C12632" s="1" t="s">
        <v>5</v>
      </c>
      <c r="D12632" s="1" t="s">
        <v>10779</v>
      </c>
      <c r="E12632" s="1" t="s">
        <v>11</v>
      </c>
    </row>
    <row r="12633">
      <c r="A12633" s="1">
        <v>4.90516913E8</v>
      </c>
      <c r="B12633" s="2">
        <v>13604.0</v>
      </c>
      <c r="C12633" s="1" t="s">
        <v>5</v>
      </c>
      <c r="D12633" s="1" t="s">
        <v>10780</v>
      </c>
      <c r="E12633" s="1" t="s">
        <v>11</v>
      </c>
    </row>
    <row r="12634">
      <c r="A12634" s="1">
        <v>4.90516929E8</v>
      </c>
      <c r="B12634" s="2">
        <v>13538.0</v>
      </c>
      <c r="C12634" s="1" t="s">
        <v>5</v>
      </c>
      <c r="D12634" s="4" t="s">
        <v>10781</v>
      </c>
      <c r="E12634" s="1" t="s">
        <v>7</v>
      </c>
    </row>
    <row r="12635">
      <c r="A12635" s="1">
        <v>4.90516949E8</v>
      </c>
      <c r="B12635" s="2">
        <v>13485.0</v>
      </c>
      <c r="C12635" s="1" t="s">
        <v>5</v>
      </c>
      <c r="D12635" s="1" t="s">
        <v>10782</v>
      </c>
      <c r="E12635" s="1" t="s">
        <v>11</v>
      </c>
    </row>
    <row r="12636">
      <c r="A12636" s="1">
        <v>4.90516958E8</v>
      </c>
      <c r="B12636" s="2">
        <v>13552.0</v>
      </c>
      <c r="C12636" s="1" t="s">
        <v>5</v>
      </c>
      <c r="D12636" s="1" t="s">
        <v>11</v>
      </c>
      <c r="E12636" s="1" t="s">
        <v>7</v>
      </c>
    </row>
    <row r="12637">
      <c r="A12637" s="1">
        <v>4.90516974E8</v>
      </c>
      <c r="B12637" s="2">
        <v>13601.0</v>
      </c>
      <c r="C12637" s="1" t="s">
        <v>5</v>
      </c>
      <c r="D12637" s="1" t="s">
        <v>10783</v>
      </c>
      <c r="E12637" s="1" t="s">
        <v>11</v>
      </c>
    </row>
    <row r="12638">
      <c r="A12638" s="1">
        <v>4.90516985E8</v>
      </c>
      <c r="B12638" s="2">
        <v>13531.0</v>
      </c>
      <c r="C12638" s="1" t="s">
        <v>5</v>
      </c>
      <c r="D12638" s="1" t="s">
        <v>11</v>
      </c>
      <c r="E12638" s="1" t="s">
        <v>7</v>
      </c>
    </row>
    <row r="12639">
      <c r="A12639" s="1">
        <v>4.9051699E8</v>
      </c>
      <c r="B12639" s="2">
        <v>13567.0</v>
      </c>
      <c r="C12639" s="1" t="s">
        <v>5</v>
      </c>
      <c r="D12639" s="1" t="s">
        <v>10784</v>
      </c>
      <c r="E12639" s="1" t="s">
        <v>11</v>
      </c>
    </row>
    <row r="12640">
      <c r="A12640" s="1">
        <v>4.90516999E8</v>
      </c>
      <c r="B12640" s="2">
        <v>13601.0</v>
      </c>
      <c r="C12640" s="1" t="s">
        <v>5</v>
      </c>
      <c r="D12640" s="1" t="s">
        <v>10785</v>
      </c>
      <c r="E12640" s="1" t="s">
        <v>11</v>
      </c>
    </row>
    <row r="12641">
      <c r="A12641" s="1">
        <v>4.90517067E8</v>
      </c>
      <c r="B12641" s="2">
        <v>13534.0</v>
      </c>
      <c r="C12641" s="1" t="s">
        <v>5</v>
      </c>
      <c r="D12641" s="1" t="s">
        <v>10786</v>
      </c>
      <c r="E12641" s="1" t="s">
        <v>7</v>
      </c>
    </row>
    <row r="12642">
      <c r="A12642" s="1">
        <v>4.90517114E8</v>
      </c>
      <c r="B12642" s="2">
        <v>13548.0</v>
      </c>
      <c r="C12642" s="1" t="s">
        <v>5</v>
      </c>
      <c r="D12642" s="1" t="s">
        <v>11</v>
      </c>
      <c r="E12642" s="1" t="s">
        <v>7</v>
      </c>
    </row>
    <row r="12643">
      <c r="A12643" s="1">
        <v>4.90517124E8</v>
      </c>
      <c r="B12643" s="2">
        <v>13523.0</v>
      </c>
      <c r="C12643" s="1" t="s">
        <v>5</v>
      </c>
      <c r="D12643" s="1" t="s">
        <v>11</v>
      </c>
      <c r="E12643" s="1" t="s">
        <v>7</v>
      </c>
    </row>
    <row r="12644">
      <c r="A12644" s="1">
        <v>4.90517209E8</v>
      </c>
      <c r="B12644" s="2">
        <v>13562.0</v>
      </c>
      <c r="C12644" s="1" t="s">
        <v>5</v>
      </c>
      <c r="D12644" s="1" t="s">
        <v>10787</v>
      </c>
      <c r="E12644" s="1" t="s">
        <v>7</v>
      </c>
    </row>
    <row r="12645">
      <c r="A12645" s="1">
        <v>4.90517214E8</v>
      </c>
      <c r="B12645" s="2">
        <v>13522.0</v>
      </c>
      <c r="C12645" s="1" t="s">
        <v>5</v>
      </c>
      <c r="D12645" s="1" t="s">
        <v>10788</v>
      </c>
      <c r="E12645" s="1" t="s">
        <v>7</v>
      </c>
    </row>
    <row r="12646">
      <c r="A12646" s="1">
        <v>4.90517246E8</v>
      </c>
      <c r="B12646" s="2">
        <v>13529.0</v>
      </c>
      <c r="C12646" s="1" t="s">
        <v>5</v>
      </c>
      <c r="D12646" s="1" t="s">
        <v>10789</v>
      </c>
      <c r="E12646" s="1" t="s">
        <v>10790</v>
      </c>
    </row>
    <row r="12647">
      <c r="A12647" s="1">
        <v>4.9051729E8</v>
      </c>
      <c r="B12647" s="2">
        <v>13599.0</v>
      </c>
      <c r="C12647" s="1" t="s">
        <v>5</v>
      </c>
      <c r="D12647" s="1" t="s">
        <v>10791</v>
      </c>
      <c r="E12647" s="1" t="s">
        <v>10792</v>
      </c>
    </row>
    <row r="12648">
      <c r="A12648" s="1">
        <v>4.90517295E8</v>
      </c>
      <c r="B12648" s="2">
        <v>13534.0</v>
      </c>
      <c r="C12648" s="1" t="s">
        <v>5</v>
      </c>
      <c r="D12648" s="1" t="s">
        <v>10793</v>
      </c>
      <c r="E12648" s="1" t="s">
        <v>7</v>
      </c>
    </row>
    <row r="12649">
      <c r="A12649" s="1">
        <v>4.90517318E8</v>
      </c>
      <c r="B12649" s="2">
        <v>13561.0</v>
      </c>
      <c r="C12649" s="1" t="s">
        <v>5</v>
      </c>
      <c r="D12649" s="1" t="s">
        <v>11</v>
      </c>
      <c r="E12649" s="1" t="s">
        <v>7</v>
      </c>
    </row>
    <row r="12650">
      <c r="A12650" s="1">
        <v>4.90517347E8</v>
      </c>
      <c r="B12650" s="2">
        <v>13521.0</v>
      </c>
      <c r="C12650" s="1" t="s">
        <v>5</v>
      </c>
      <c r="D12650" s="1" t="s">
        <v>10794</v>
      </c>
      <c r="E12650" s="1" t="s">
        <v>11</v>
      </c>
    </row>
    <row r="12651">
      <c r="A12651" s="1">
        <v>4.90517369E8</v>
      </c>
      <c r="B12651" s="2">
        <v>13521.0</v>
      </c>
      <c r="C12651" s="1" t="s">
        <v>5</v>
      </c>
      <c r="D12651" s="1" t="s">
        <v>10795</v>
      </c>
      <c r="E12651" s="1" t="s">
        <v>7</v>
      </c>
    </row>
    <row r="12652">
      <c r="A12652" s="1">
        <v>4.90517383E8</v>
      </c>
      <c r="B12652" s="2">
        <v>13533.0</v>
      </c>
      <c r="C12652" s="1" t="s">
        <v>5</v>
      </c>
      <c r="D12652" s="1" t="s">
        <v>10796</v>
      </c>
      <c r="E12652" s="1" t="s">
        <v>11</v>
      </c>
    </row>
    <row r="12653">
      <c r="A12653" s="1">
        <v>4.90517409E8</v>
      </c>
      <c r="B12653" s="2">
        <v>13563.0</v>
      </c>
      <c r="C12653" s="1" t="s">
        <v>5</v>
      </c>
      <c r="D12653" s="1" t="s">
        <v>10797</v>
      </c>
      <c r="E12653" s="1" t="s">
        <v>7</v>
      </c>
    </row>
    <row r="12654">
      <c r="A12654" s="1">
        <v>4.9051741E8</v>
      </c>
      <c r="B12654" s="2">
        <v>13553.0</v>
      </c>
      <c r="C12654" s="1" t="s">
        <v>5</v>
      </c>
      <c r="D12654" s="1" t="s">
        <v>11</v>
      </c>
      <c r="E12654" s="1" t="s">
        <v>7</v>
      </c>
    </row>
    <row r="12655">
      <c r="A12655" s="1">
        <v>4.9051744E8</v>
      </c>
      <c r="B12655" s="2">
        <v>13601.0</v>
      </c>
      <c r="C12655" s="1" t="s">
        <v>5</v>
      </c>
      <c r="D12655" s="1" t="s">
        <v>7</v>
      </c>
      <c r="E12655" s="1" t="s">
        <v>7</v>
      </c>
    </row>
    <row r="12656">
      <c r="A12656" s="1">
        <v>4.90517457E8</v>
      </c>
      <c r="B12656" s="2">
        <v>13529.0</v>
      </c>
      <c r="C12656" s="1" t="s">
        <v>5</v>
      </c>
      <c r="D12656" s="1" t="s">
        <v>11</v>
      </c>
      <c r="E12656" s="1" t="s">
        <v>7</v>
      </c>
    </row>
    <row r="12657">
      <c r="A12657" s="1">
        <v>4.9051747E8</v>
      </c>
      <c r="B12657" s="2">
        <v>13588.0</v>
      </c>
      <c r="C12657" s="1" t="s">
        <v>5</v>
      </c>
      <c r="D12657" s="1" t="s">
        <v>10798</v>
      </c>
      <c r="E12657" s="1" t="s">
        <v>11</v>
      </c>
    </row>
    <row r="12658">
      <c r="A12658" s="1">
        <v>4.90517546E8</v>
      </c>
      <c r="B12658" s="2">
        <v>13556.0</v>
      </c>
      <c r="C12658" s="1" t="s">
        <v>5</v>
      </c>
      <c r="D12658" s="1" t="s">
        <v>10799</v>
      </c>
      <c r="E12658" s="1" t="s">
        <v>11</v>
      </c>
    </row>
    <row r="12659">
      <c r="A12659" s="1">
        <v>4.9051756E8</v>
      </c>
      <c r="B12659" s="2">
        <v>13588.0</v>
      </c>
      <c r="C12659" s="1" t="s">
        <v>5</v>
      </c>
      <c r="D12659" s="1" t="s">
        <v>10800</v>
      </c>
      <c r="E12659" s="1" t="s">
        <v>10801</v>
      </c>
    </row>
    <row r="12660">
      <c r="A12660" s="1">
        <v>4.90517587E8</v>
      </c>
      <c r="B12660" s="2">
        <v>13519.0</v>
      </c>
      <c r="C12660" s="1" t="s">
        <v>5</v>
      </c>
      <c r="D12660" s="1" t="s">
        <v>11</v>
      </c>
      <c r="E12660" s="1" t="s">
        <v>7</v>
      </c>
    </row>
    <row r="12661">
      <c r="A12661" s="1">
        <v>4.9051759E8</v>
      </c>
      <c r="B12661" s="2">
        <v>13552.0</v>
      </c>
      <c r="C12661" s="1" t="s">
        <v>5</v>
      </c>
      <c r="D12661" s="1" t="s">
        <v>10802</v>
      </c>
      <c r="E12661" s="1" t="s">
        <v>7</v>
      </c>
    </row>
    <row r="12662">
      <c r="A12662" s="1">
        <v>4.90517655E8</v>
      </c>
      <c r="B12662" s="2">
        <v>13605.0</v>
      </c>
      <c r="C12662" s="1" t="s">
        <v>5</v>
      </c>
      <c r="D12662" s="1" t="s">
        <v>10803</v>
      </c>
      <c r="E12662" s="1" t="s">
        <v>7</v>
      </c>
    </row>
    <row r="12663">
      <c r="A12663" s="1">
        <v>4.90517656E8</v>
      </c>
      <c r="B12663" s="2">
        <v>13562.0</v>
      </c>
      <c r="C12663" s="1" t="s">
        <v>5</v>
      </c>
      <c r="D12663" s="1" t="s">
        <v>11</v>
      </c>
      <c r="E12663" s="1" t="s">
        <v>7</v>
      </c>
    </row>
    <row r="12664">
      <c r="A12664" s="1">
        <v>4.90517664E8</v>
      </c>
      <c r="B12664" s="2">
        <v>13521.0</v>
      </c>
      <c r="C12664" s="1" t="s">
        <v>5</v>
      </c>
      <c r="D12664" s="1" t="s">
        <v>10804</v>
      </c>
      <c r="E12664" s="1" t="s">
        <v>10805</v>
      </c>
    </row>
    <row r="12665">
      <c r="A12665" s="1">
        <v>4.90517676E8</v>
      </c>
      <c r="B12665" s="2">
        <v>13597.0</v>
      </c>
      <c r="C12665" s="1" t="s">
        <v>5</v>
      </c>
      <c r="D12665" s="1" t="s">
        <v>11</v>
      </c>
      <c r="E12665" s="1" t="s">
        <v>7</v>
      </c>
    </row>
    <row r="12666">
      <c r="A12666" s="1">
        <v>4.90517712E8</v>
      </c>
      <c r="B12666" s="2">
        <v>13555.0</v>
      </c>
      <c r="C12666" s="1" t="s">
        <v>5</v>
      </c>
      <c r="D12666" s="1" t="s">
        <v>10806</v>
      </c>
      <c r="E12666" s="1" t="s">
        <v>10807</v>
      </c>
    </row>
    <row r="12667">
      <c r="A12667" s="1">
        <v>4.90517747E8</v>
      </c>
      <c r="B12667" s="2">
        <v>13596.0</v>
      </c>
      <c r="C12667" s="1" t="s">
        <v>5</v>
      </c>
      <c r="D12667" s="1" t="s">
        <v>10808</v>
      </c>
      <c r="E12667" s="1" t="s">
        <v>11</v>
      </c>
    </row>
    <row r="12668">
      <c r="A12668" s="1">
        <v>4.9051776E8</v>
      </c>
      <c r="B12668" s="2">
        <v>13535.0</v>
      </c>
      <c r="C12668" s="1" t="s">
        <v>5</v>
      </c>
      <c r="D12668" s="1" t="s">
        <v>10809</v>
      </c>
      <c r="E12668" s="1" t="s">
        <v>7</v>
      </c>
    </row>
    <row r="12669">
      <c r="A12669" s="1">
        <v>4.90517766E8</v>
      </c>
      <c r="B12669" s="2">
        <v>13598.0</v>
      </c>
      <c r="C12669" s="1" t="s">
        <v>5</v>
      </c>
      <c r="D12669" s="1" t="s">
        <v>10810</v>
      </c>
      <c r="E12669" s="1" t="s">
        <v>7</v>
      </c>
    </row>
    <row r="12670">
      <c r="A12670" s="1">
        <v>4.90517774E8</v>
      </c>
      <c r="B12670" s="2">
        <v>13588.0</v>
      </c>
      <c r="C12670" s="1" t="s">
        <v>5</v>
      </c>
      <c r="D12670" s="1" t="s">
        <v>10811</v>
      </c>
      <c r="E12670" s="1" t="s">
        <v>11</v>
      </c>
    </row>
    <row r="12671">
      <c r="A12671" s="1">
        <v>4.90517777E8</v>
      </c>
      <c r="B12671" s="2">
        <v>13551.0</v>
      </c>
      <c r="C12671" s="1" t="s">
        <v>5</v>
      </c>
      <c r="D12671" s="1" t="s">
        <v>11</v>
      </c>
      <c r="E12671" s="1" t="s">
        <v>7</v>
      </c>
    </row>
    <row r="12672">
      <c r="A12672" s="1">
        <v>4.90517792E8</v>
      </c>
      <c r="B12672" s="2">
        <v>13603.0</v>
      </c>
      <c r="C12672" s="1" t="s">
        <v>5</v>
      </c>
      <c r="D12672" s="1" t="s">
        <v>10812</v>
      </c>
      <c r="E12672" s="1" t="s">
        <v>10813</v>
      </c>
    </row>
    <row r="12673">
      <c r="A12673" s="1">
        <v>4.90517803E8</v>
      </c>
      <c r="B12673" s="2">
        <v>13561.0</v>
      </c>
      <c r="C12673" s="1" t="s">
        <v>5</v>
      </c>
      <c r="D12673" s="1" t="s">
        <v>10814</v>
      </c>
      <c r="E12673" s="1" t="s">
        <v>11</v>
      </c>
    </row>
    <row r="12674">
      <c r="A12674" s="1">
        <v>4.9051781E8</v>
      </c>
      <c r="B12674" s="2">
        <v>13482.0</v>
      </c>
      <c r="C12674" s="1" t="s">
        <v>5</v>
      </c>
      <c r="D12674" s="1" t="s">
        <v>10815</v>
      </c>
      <c r="E12674" s="1" t="s">
        <v>11</v>
      </c>
    </row>
    <row r="12675">
      <c r="A12675" s="1">
        <v>4.90517817E8</v>
      </c>
      <c r="B12675" s="2">
        <v>13596.0</v>
      </c>
      <c r="C12675" s="1" t="s">
        <v>5</v>
      </c>
      <c r="D12675" s="1" t="s">
        <v>10816</v>
      </c>
      <c r="E12675" s="1" t="s">
        <v>7</v>
      </c>
    </row>
    <row r="12676">
      <c r="A12676" s="1">
        <v>4.90517821E8</v>
      </c>
      <c r="B12676" s="2">
        <v>13531.0</v>
      </c>
      <c r="C12676" s="1" t="s">
        <v>5</v>
      </c>
      <c r="D12676" s="1" t="s">
        <v>10817</v>
      </c>
      <c r="E12676" s="1" t="s">
        <v>7</v>
      </c>
    </row>
    <row r="12677">
      <c r="A12677" s="1">
        <v>4.90517823E8</v>
      </c>
      <c r="B12677" s="2">
        <v>13532.0</v>
      </c>
      <c r="C12677" s="1" t="s">
        <v>5</v>
      </c>
      <c r="D12677" s="1" t="s">
        <v>10818</v>
      </c>
      <c r="E12677" s="1" t="s">
        <v>7</v>
      </c>
    </row>
    <row r="12678">
      <c r="A12678" s="1">
        <v>4.90517941E8</v>
      </c>
      <c r="B12678" s="2">
        <v>13520.0</v>
      </c>
      <c r="C12678" s="1" t="s">
        <v>5</v>
      </c>
      <c r="D12678" s="1" t="s">
        <v>10819</v>
      </c>
      <c r="E12678" s="1" t="s">
        <v>11</v>
      </c>
    </row>
    <row r="12679">
      <c r="A12679" s="1">
        <v>4.90518049E8</v>
      </c>
      <c r="B12679" s="2">
        <v>13595.0</v>
      </c>
      <c r="C12679" s="1" t="s">
        <v>5</v>
      </c>
      <c r="D12679" s="1" t="s">
        <v>10820</v>
      </c>
      <c r="E12679" s="1" t="s">
        <v>11</v>
      </c>
    </row>
    <row r="12680">
      <c r="A12680" s="1">
        <v>4.90518055E8</v>
      </c>
      <c r="B12680" s="2">
        <v>13519.0</v>
      </c>
      <c r="C12680" s="1" t="s">
        <v>5</v>
      </c>
      <c r="D12680" s="1" t="s">
        <v>11</v>
      </c>
      <c r="E12680" s="1" t="s">
        <v>7</v>
      </c>
    </row>
    <row r="12681">
      <c r="A12681" s="1">
        <v>4.90518126E8</v>
      </c>
      <c r="B12681" s="2">
        <v>13588.0</v>
      </c>
      <c r="C12681" s="1" t="s">
        <v>5</v>
      </c>
      <c r="D12681" s="1" t="s">
        <v>10821</v>
      </c>
      <c r="E12681" s="1" t="s">
        <v>10822</v>
      </c>
    </row>
    <row r="12682">
      <c r="A12682" s="1">
        <v>4.90518141E8</v>
      </c>
      <c r="B12682" s="2">
        <v>13532.0</v>
      </c>
      <c r="C12682" s="1" t="s">
        <v>5</v>
      </c>
      <c r="D12682" s="1" t="s">
        <v>10823</v>
      </c>
      <c r="E12682" s="1" t="s">
        <v>7</v>
      </c>
    </row>
    <row r="12683">
      <c r="A12683" s="1">
        <v>4.90518169E8</v>
      </c>
      <c r="B12683" s="2">
        <v>13533.0</v>
      </c>
      <c r="C12683" s="1" t="s">
        <v>5</v>
      </c>
      <c r="D12683" s="1" t="s">
        <v>10824</v>
      </c>
      <c r="E12683" s="1" t="s">
        <v>7</v>
      </c>
    </row>
    <row r="12684">
      <c r="A12684" s="1">
        <v>4.90518204E8</v>
      </c>
      <c r="B12684" s="2">
        <v>13601.0</v>
      </c>
      <c r="C12684" s="1" t="s">
        <v>5</v>
      </c>
      <c r="D12684" s="1" t="s">
        <v>10825</v>
      </c>
      <c r="E12684" s="1" t="s">
        <v>7</v>
      </c>
    </row>
    <row r="12685">
      <c r="A12685" s="1">
        <v>4.90518227E8</v>
      </c>
      <c r="B12685" s="2">
        <v>13601.0</v>
      </c>
      <c r="C12685" s="1" t="s">
        <v>5</v>
      </c>
      <c r="D12685" s="1" t="s">
        <v>11</v>
      </c>
      <c r="E12685" s="1" t="s">
        <v>7</v>
      </c>
    </row>
    <row r="12686">
      <c r="A12686" s="1">
        <v>4.90518301E8</v>
      </c>
      <c r="B12686" s="2">
        <v>13600.0</v>
      </c>
      <c r="C12686" s="1" t="s">
        <v>5</v>
      </c>
      <c r="D12686" s="1" t="s">
        <v>10826</v>
      </c>
      <c r="E12686" s="1" t="s">
        <v>7</v>
      </c>
    </row>
    <row r="12687">
      <c r="A12687" s="1">
        <v>4.90518319E8</v>
      </c>
      <c r="B12687" s="2">
        <v>13600.0</v>
      </c>
      <c r="C12687" s="1" t="s">
        <v>5</v>
      </c>
      <c r="D12687" s="1" t="s">
        <v>10827</v>
      </c>
      <c r="E12687" s="1" t="s">
        <v>7</v>
      </c>
    </row>
    <row r="12688">
      <c r="A12688" s="1">
        <v>4.90518335E8</v>
      </c>
      <c r="B12688" s="2">
        <v>13602.0</v>
      </c>
      <c r="C12688" s="1" t="s">
        <v>5</v>
      </c>
      <c r="D12688" s="1" t="s">
        <v>10828</v>
      </c>
      <c r="E12688" s="1" t="s">
        <v>7</v>
      </c>
    </row>
    <row r="12689">
      <c r="A12689" s="1">
        <v>4.90518347E8</v>
      </c>
      <c r="B12689" s="2">
        <v>13478.0</v>
      </c>
      <c r="C12689" s="1" t="s">
        <v>5</v>
      </c>
      <c r="D12689" s="1" t="s">
        <v>10829</v>
      </c>
      <c r="E12689" s="1" t="s">
        <v>7</v>
      </c>
    </row>
    <row r="12690">
      <c r="A12690" s="1">
        <v>4.90518351E8</v>
      </c>
      <c r="B12690" s="2">
        <v>13581.0</v>
      </c>
      <c r="C12690" s="1" t="s">
        <v>5</v>
      </c>
      <c r="D12690" s="1" t="s">
        <v>10830</v>
      </c>
      <c r="E12690" s="1" t="s">
        <v>7</v>
      </c>
    </row>
    <row r="12691">
      <c r="A12691" s="1">
        <v>4.90518375E8</v>
      </c>
      <c r="B12691" s="2">
        <v>13602.0</v>
      </c>
      <c r="C12691" s="1" t="s">
        <v>5</v>
      </c>
      <c r="D12691" s="1" t="s">
        <v>10831</v>
      </c>
      <c r="E12691" s="1" t="s">
        <v>11</v>
      </c>
    </row>
    <row r="12692">
      <c r="A12692" s="1">
        <v>4.905184E8</v>
      </c>
      <c r="B12692" s="2">
        <v>13595.0</v>
      </c>
      <c r="C12692" s="1" t="s">
        <v>5</v>
      </c>
      <c r="D12692" s="1" t="s">
        <v>10832</v>
      </c>
      <c r="E12692" s="1" t="s">
        <v>7</v>
      </c>
    </row>
    <row r="12693">
      <c r="A12693" s="1">
        <v>4.9051844E8</v>
      </c>
      <c r="B12693" s="2">
        <v>13532.0</v>
      </c>
      <c r="C12693" s="1" t="s">
        <v>5</v>
      </c>
      <c r="D12693" s="1" t="s">
        <v>7</v>
      </c>
      <c r="E12693" s="1" t="s">
        <v>7</v>
      </c>
    </row>
    <row r="12694">
      <c r="A12694" s="1">
        <v>4.90518461E8</v>
      </c>
      <c r="B12694" s="2">
        <v>13602.0</v>
      </c>
      <c r="C12694" s="1" t="s">
        <v>5</v>
      </c>
      <c r="D12694" s="1" t="s">
        <v>11</v>
      </c>
      <c r="E12694" s="1" t="s">
        <v>7</v>
      </c>
    </row>
    <row r="12695">
      <c r="A12695" s="1">
        <v>4.90518495E8</v>
      </c>
      <c r="B12695" s="2">
        <v>13519.0</v>
      </c>
      <c r="C12695" s="1" t="s">
        <v>5</v>
      </c>
      <c r="D12695" s="1" t="s">
        <v>11</v>
      </c>
      <c r="E12695" s="1" t="s">
        <v>7</v>
      </c>
    </row>
    <row r="12696">
      <c r="A12696" s="1">
        <v>4.90518509E8</v>
      </c>
      <c r="B12696" s="2">
        <v>13551.0</v>
      </c>
      <c r="C12696" s="1" t="s">
        <v>5</v>
      </c>
      <c r="D12696" s="1" t="s">
        <v>10833</v>
      </c>
      <c r="E12696" s="1" t="s">
        <v>11</v>
      </c>
    </row>
    <row r="12697">
      <c r="A12697" s="1">
        <v>4.90518516E8</v>
      </c>
      <c r="B12697" s="2">
        <v>13581.0</v>
      </c>
      <c r="C12697" s="1" t="s">
        <v>5</v>
      </c>
      <c r="D12697" s="1" t="s">
        <v>10834</v>
      </c>
      <c r="E12697" s="1" t="s">
        <v>7</v>
      </c>
    </row>
    <row r="12698">
      <c r="A12698" s="1">
        <v>4.90518616E8</v>
      </c>
      <c r="B12698" s="2">
        <v>13523.0</v>
      </c>
      <c r="C12698" s="1" t="s">
        <v>5</v>
      </c>
      <c r="D12698" s="1" t="s">
        <v>10835</v>
      </c>
      <c r="E12698" s="1" t="s">
        <v>11</v>
      </c>
    </row>
    <row r="12699">
      <c r="A12699" s="1">
        <v>4.90518646E8</v>
      </c>
      <c r="B12699" s="2">
        <v>13601.0</v>
      </c>
      <c r="C12699" s="1" t="s">
        <v>5</v>
      </c>
      <c r="D12699" s="1" t="s">
        <v>10836</v>
      </c>
      <c r="E12699" s="1" t="s">
        <v>10837</v>
      </c>
    </row>
    <row r="12700">
      <c r="A12700" s="1">
        <v>4.90518649E8</v>
      </c>
      <c r="B12700" s="2">
        <v>13566.0</v>
      </c>
      <c r="C12700" s="1" t="s">
        <v>5</v>
      </c>
      <c r="D12700" s="1" t="s">
        <v>10838</v>
      </c>
      <c r="E12700" s="1" t="s">
        <v>7</v>
      </c>
    </row>
    <row r="12701">
      <c r="A12701" s="1">
        <v>4.9051865E8</v>
      </c>
      <c r="B12701" s="2">
        <v>13525.0</v>
      </c>
      <c r="C12701" s="1" t="s">
        <v>5</v>
      </c>
      <c r="D12701" s="1" t="s">
        <v>10839</v>
      </c>
      <c r="E12701" s="1" t="s">
        <v>11</v>
      </c>
    </row>
    <row r="12702">
      <c r="A12702" s="1">
        <v>4.9051867E8</v>
      </c>
      <c r="B12702" s="2">
        <v>13580.0</v>
      </c>
      <c r="C12702" s="1" t="s">
        <v>5</v>
      </c>
      <c r="D12702" s="1" t="s">
        <v>11</v>
      </c>
      <c r="E12702" s="1" t="s">
        <v>7</v>
      </c>
    </row>
    <row r="12703">
      <c r="A12703" s="1">
        <v>4.90518745E8</v>
      </c>
      <c r="B12703" s="2">
        <v>13601.0</v>
      </c>
      <c r="C12703" s="1" t="s">
        <v>5</v>
      </c>
      <c r="D12703" s="1" t="s">
        <v>11</v>
      </c>
      <c r="E12703" s="1" t="s">
        <v>7</v>
      </c>
    </row>
    <row r="12704">
      <c r="A12704" s="1">
        <v>4.90518824E8</v>
      </c>
      <c r="B12704" s="2">
        <v>13473.0</v>
      </c>
      <c r="C12704" s="1" t="s">
        <v>5</v>
      </c>
      <c r="D12704" s="1" t="s">
        <v>10840</v>
      </c>
      <c r="E12704" s="1" t="s">
        <v>7</v>
      </c>
    </row>
    <row r="12705">
      <c r="A12705" s="1">
        <v>4.90518849E8</v>
      </c>
      <c r="B12705" s="2">
        <v>13527.0</v>
      </c>
      <c r="C12705" s="1" t="s">
        <v>5</v>
      </c>
      <c r="D12705" s="1" t="s">
        <v>10841</v>
      </c>
      <c r="E12705" s="1" t="s">
        <v>11</v>
      </c>
    </row>
    <row r="12706">
      <c r="A12706" s="1">
        <v>4.905189E8</v>
      </c>
      <c r="B12706" s="2">
        <v>13600.0</v>
      </c>
      <c r="C12706" s="1" t="s">
        <v>5</v>
      </c>
      <c r="D12706" s="1" t="s">
        <v>10842</v>
      </c>
      <c r="E12706" s="1" t="s">
        <v>7</v>
      </c>
    </row>
    <row r="12707">
      <c r="A12707" s="1">
        <v>4.90518924E8</v>
      </c>
      <c r="B12707" s="2">
        <v>13591.0</v>
      </c>
      <c r="C12707" s="1" t="s">
        <v>5</v>
      </c>
      <c r="D12707" s="1" t="s">
        <v>10843</v>
      </c>
      <c r="E12707" s="1" t="s">
        <v>7</v>
      </c>
    </row>
    <row r="12708">
      <c r="A12708" s="1">
        <v>4.90518941E8</v>
      </c>
      <c r="B12708" s="2">
        <v>13521.0</v>
      </c>
      <c r="C12708" s="1" t="s">
        <v>5</v>
      </c>
      <c r="D12708" s="1" t="s">
        <v>10844</v>
      </c>
      <c r="E12708" s="1" t="s">
        <v>7</v>
      </c>
    </row>
    <row r="12709">
      <c r="A12709" s="1">
        <v>4.90518976E8</v>
      </c>
      <c r="B12709" s="2">
        <v>13588.0</v>
      </c>
      <c r="C12709" s="1" t="s">
        <v>5</v>
      </c>
      <c r="D12709" s="1" t="s">
        <v>11</v>
      </c>
      <c r="E12709" s="1" t="s">
        <v>7</v>
      </c>
    </row>
    <row r="12710">
      <c r="A12710" s="1">
        <v>4.90518985E8</v>
      </c>
      <c r="B12710" s="2">
        <v>13523.0</v>
      </c>
      <c r="C12710" s="1" t="s">
        <v>5</v>
      </c>
      <c r="D12710" s="1" t="s">
        <v>10845</v>
      </c>
      <c r="E12710" s="1" t="s">
        <v>7</v>
      </c>
    </row>
    <row r="12711">
      <c r="A12711" s="1">
        <v>4.90519014E8</v>
      </c>
      <c r="B12711" s="2">
        <v>13471.0</v>
      </c>
      <c r="C12711" s="1" t="s">
        <v>5</v>
      </c>
      <c r="D12711" s="1" t="s">
        <v>10846</v>
      </c>
      <c r="E12711" s="1" t="s">
        <v>10847</v>
      </c>
    </row>
    <row r="12712">
      <c r="A12712" s="1">
        <v>4.90519019E8</v>
      </c>
      <c r="B12712" s="2">
        <v>13588.0</v>
      </c>
      <c r="C12712" s="1" t="s">
        <v>5</v>
      </c>
      <c r="D12712" s="1" t="s">
        <v>10848</v>
      </c>
      <c r="E12712" s="1" t="s">
        <v>7</v>
      </c>
    </row>
    <row r="12713">
      <c r="A12713" s="1">
        <v>4.90519104E8</v>
      </c>
      <c r="B12713" s="2">
        <v>13598.0</v>
      </c>
      <c r="C12713" s="1" t="s">
        <v>5</v>
      </c>
      <c r="D12713" s="1" t="s">
        <v>10849</v>
      </c>
      <c r="E12713" s="1" t="s">
        <v>11</v>
      </c>
    </row>
    <row r="12714">
      <c r="A12714" s="1">
        <v>4.90519105E8</v>
      </c>
      <c r="B12714" s="2">
        <v>13602.0</v>
      </c>
      <c r="C12714" s="1" t="s">
        <v>5</v>
      </c>
      <c r="D12714" s="1" t="s">
        <v>11</v>
      </c>
      <c r="E12714" s="1" t="s">
        <v>7</v>
      </c>
    </row>
    <row r="12715">
      <c r="A12715" s="1">
        <v>4.90519106E8</v>
      </c>
      <c r="B12715" s="2">
        <v>13522.0</v>
      </c>
      <c r="C12715" s="1" t="s">
        <v>5</v>
      </c>
      <c r="D12715" s="1" t="s">
        <v>10850</v>
      </c>
      <c r="E12715" s="1" t="s">
        <v>11</v>
      </c>
    </row>
    <row r="12716">
      <c r="A12716" s="1">
        <v>4.90519121E8</v>
      </c>
      <c r="B12716" s="2">
        <v>13594.0</v>
      </c>
      <c r="C12716" s="1" t="s">
        <v>5</v>
      </c>
      <c r="D12716" s="1" t="s">
        <v>10851</v>
      </c>
      <c r="E12716" s="1" t="s">
        <v>7</v>
      </c>
    </row>
    <row r="12717">
      <c r="A12717" s="1">
        <v>4.90519164E8</v>
      </c>
      <c r="B12717" s="2">
        <v>13605.0</v>
      </c>
      <c r="C12717" s="1" t="s">
        <v>5</v>
      </c>
      <c r="D12717" s="1" t="s">
        <v>10852</v>
      </c>
      <c r="E12717" s="1" t="s">
        <v>7</v>
      </c>
    </row>
    <row r="12718">
      <c r="A12718" s="1">
        <v>4.90519176E8</v>
      </c>
      <c r="B12718" s="2">
        <v>13589.0</v>
      </c>
      <c r="C12718" s="1" t="s">
        <v>5</v>
      </c>
      <c r="D12718" s="1" t="s">
        <v>10853</v>
      </c>
      <c r="E12718" s="1" t="s">
        <v>7</v>
      </c>
    </row>
    <row r="12719">
      <c r="A12719" s="1">
        <v>4.90519183E8</v>
      </c>
      <c r="B12719" s="2">
        <v>13590.0</v>
      </c>
      <c r="C12719" s="1" t="s">
        <v>5</v>
      </c>
      <c r="D12719" s="1" t="s">
        <v>10854</v>
      </c>
      <c r="E12719" s="1" t="s">
        <v>7</v>
      </c>
    </row>
    <row r="12720">
      <c r="A12720" s="1">
        <v>4.90519188E8</v>
      </c>
      <c r="B12720" s="2">
        <v>13601.0</v>
      </c>
      <c r="C12720" s="1" t="s">
        <v>5</v>
      </c>
      <c r="D12720" s="1" t="s">
        <v>11</v>
      </c>
      <c r="E12720" s="1" t="s">
        <v>7</v>
      </c>
    </row>
    <row r="12721">
      <c r="A12721" s="1">
        <v>4.90519239E8</v>
      </c>
      <c r="B12721" s="2">
        <v>13531.0</v>
      </c>
      <c r="C12721" s="1" t="s">
        <v>5</v>
      </c>
      <c r="D12721" s="1" t="s">
        <v>10855</v>
      </c>
      <c r="E12721" s="1" t="s">
        <v>7</v>
      </c>
    </row>
    <row r="12722">
      <c r="A12722" s="1">
        <v>4.90519243E8</v>
      </c>
      <c r="B12722" s="2">
        <v>13522.0</v>
      </c>
      <c r="C12722" s="1" t="s">
        <v>5</v>
      </c>
      <c r="D12722" s="1" t="s">
        <v>10856</v>
      </c>
      <c r="E12722" s="1" t="s">
        <v>10857</v>
      </c>
    </row>
    <row r="12723">
      <c r="A12723" s="1">
        <v>4.90519251E8</v>
      </c>
      <c r="B12723" s="2">
        <v>13596.0</v>
      </c>
      <c r="C12723" s="1" t="s">
        <v>5</v>
      </c>
      <c r="D12723" s="1" t="s">
        <v>10858</v>
      </c>
      <c r="E12723" s="1" t="s">
        <v>7</v>
      </c>
    </row>
    <row r="12724">
      <c r="A12724" s="1">
        <v>4.90519293E8</v>
      </c>
      <c r="B12724" s="2">
        <v>13600.0</v>
      </c>
      <c r="C12724" s="1" t="s">
        <v>5</v>
      </c>
      <c r="D12724" s="1" t="s">
        <v>10859</v>
      </c>
      <c r="E12724" s="1" t="s">
        <v>10860</v>
      </c>
    </row>
    <row r="12725">
      <c r="A12725" s="1">
        <v>4.90519336E8</v>
      </c>
      <c r="B12725" s="2">
        <v>13582.0</v>
      </c>
      <c r="C12725" s="1" t="s">
        <v>5</v>
      </c>
      <c r="D12725" s="1" t="s">
        <v>10861</v>
      </c>
      <c r="E12725" s="1" t="s">
        <v>11</v>
      </c>
    </row>
    <row r="12726">
      <c r="A12726" s="1">
        <v>4.90519344E8</v>
      </c>
      <c r="B12726" s="2">
        <v>13524.0</v>
      </c>
      <c r="C12726" s="1" t="s">
        <v>5</v>
      </c>
      <c r="D12726" s="1" t="s">
        <v>10862</v>
      </c>
      <c r="E12726" s="1" t="s">
        <v>7</v>
      </c>
    </row>
    <row r="12727">
      <c r="A12727" s="1">
        <v>4.90519359E8</v>
      </c>
      <c r="B12727" s="2">
        <v>13595.0</v>
      </c>
      <c r="C12727" s="1" t="s">
        <v>5</v>
      </c>
      <c r="D12727" s="1" t="s">
        <v>10863</v>
      </c>
      <c r="E12727" s="1" t="s">
        <v>11</v>
      </c>
    </row>
    <row r="12728">
      <c r="A12728" s="1">
        <v>4.90519384E8</v>
      </c>
      <c r="B12728" s="2">
        <v>13596.0</v>
      </c>
      <c r="C12728" s="1" t="s">
        <v>5</v>
      </c>
      <c r="D12728" s="1" t="s">
        <v>10864</v>
      </c>
      <c r="E12728" s="1" t="s">
        <v>7</v>
      </c>
    </row>
    <row r="12729">
      <c r="A12729" s="1">
        <v>4.90519415E8</v>
      </c>
      <c r="B12729" s="2">
        <v>13520.0</v>
      </c>
      <c r="C12729" s="1" t="s">
        <v>5</v>
      </c>
      <c r="D12729" s="1" t="s">
        <v>10865</v>
      </c>
      <c r="E12729" s="1" t="s">
        <v>11</v>
      </c>
    </row>
    <row r="12730">
      <c r="A12730" s="1">
        <v>4.90519467E8</v>
      </c>
      <c r="B12730" s="2">
        <v>13527.0</v>
      </c>
      <c r="C12730" s="1" t="s">
        <v>5</v>
      </c>
      <c r="D12730" s="1" t="s">
        <v>10866</v>
      </c>
      <c r="E12730" s="1" t="s">
        <v>10867</v>
      </c>
    </row>
    <row r="12731">
      <c r="A12731" s="1">
        <v>4.90519472E8</v>
      </c>
      <c r="B12731" s="2">
        <v>13517.0</v>
      </c>
      <c r="C12731" s="1" t="s">
        <v>5</v>
      </c>
      <c r="D12731" s="1" t="s">
        <v>10868</v>
      </c>
      <c r="E12731" s="1" t="s">
        <v>11</v>
      </c>
    </row>
    <row r="12732">
      <c r="A12732" s="1">
        <v>4.90519483E8</v>
      </c>
      <c r="B12732" s="2">
        <v>13581.0</v>
      </c>
      <c r="C12732" s="1" t="s">
        <v>5</v>
      </c>
      <c r="D12732" s="1" t="s">
        <v>11</v>
      </c>
      <c r="E12732" s="1" t="s">
        <v>7</v>
      </c>
    </row>
    <row r="12733">
      <c r="A12733" s="1">
        <v>4.90519491E8</v>
      </c>
      <c r="B12733" s="2">
        <v>13537.0</v>
      </c>
      <c r="C12733" s="1" t="s">
        <v>5</v>
      </c>
      <c r="D12733" s="1" t="s">
        <v>11</v>
      </c>
      <c r="E12733" s="1" t="s">
        <v>7</v>
      </c>
    </row>
    <row r="12734">
      <c r="A12734" s="1">
        <v>4.9051951E8</v>
      </c>
      <c r="B12734" s="2">
        <v>13599.0</v>
      </c>
      <c r="C12734" s="1" t="s">
        <v>5</v>
      </c>
      <c r="D12734" s="1" t="s">
        <v>10869</v>
      </c>
      <c r="E12734" s="1" t="s">
        <v>7</v>
      </c>
    </row>
    <row r="12735">
      <c r="A12735" s="1">
        <v>4.90519544E8</v>
      </c>
      <c r="B12735" s="2">
        <v>13635.0</v>
      </c>
      <c r="C12735" s="1" t="s">
        <v>5</v>
      </c>
      <c r="D12735" s="1" t="s">
        <v>11</v>
      </c>
      <c r="E12735" s="1" t="s">
        <v>7</v>
      </c>
    </row>
    <row r="12736">
      <c r="A12736" s="1">
        <v>4.90519586E8</v>
      </c>
      <c r="B12736" s="2">
        <v>13586.0</v>
      </c>
      <c r="C12736" s="1" t="s">
        <v>5</v>
      </c>
      <c r="D12736" s="1" t="s">
        <v>11</v>
      </c>
      <c r="E12736" s="1" t="s">
        <v>7</v>
      </c>
    </row>
    <row r="12737">
      <c r="A12737" s="1">
        <v>4.905196E8</v>
      </c>
      <c r="B12737" s="2">
        <v>13573.0</v>
      </c>
      <c r="C12737" s="1" t="s">
        <v>5</v>
      </c>
      <c r="D12737" s="1" t="s">
        <v>10870</v>
      </c>
      <c r="E12737" s="1" t="s">
        <v>7</v>
      </c>
    </row>
    <row r="12738">
      <c r="A12738" s="1">
        <v>4.90519657E8</v>
      </c>
      <c r="B12738" s="2">
        <v>13590.0</v>
      </c>
      <c r="C12738" s="1" t="s">
        <v>5</v>
      </c>
      <c r="D12738" s="1" t="s">
        <v>10871</v>
      </c>
      <c r="E12738" s="1" t="s">
        <v>7</v>
      </c>
    </row>
    <row r="12739">
      <c r="A12739" s="1">
        <v>4.90519676E8</v>
      </c>
      <c r="B12739" s="2">
        <v>13598.0</v>
      </c>
      <c r="C12739" s="1" t="s">
        <v>5</v>
      </c>
      <c r="D12739" s="1" t="s">
        <v>11</v>
      </c>
      <c r="E12739" s="1" t="s">
        <v>7</v>
      </c>
    </row>
    <row r="12740">
      <c r="A12740" s="1">
        <v>4.90519699E8</v>
      </c>
      <c r="B12740" s="2">
        <v>13598.0</v>
      </c>
      <c r="C12740" s="1" t="s">
        <v>5</v>
      </c>
      <c r="D12740" s="1" t="s">
        <v>10872</v>
      </c>
      <c r="E12740" s="1" t="s">
        <v>7</v>
      </c>
    </row>
    <row r="12741">
      <c r="A12741" s="1">
        <v>4.90519716E8</v>
      </c>
      <c r="B12741" s="2">
        <v>13530.0</v>
      </c>
      <c r="C12741" s="1" t="s">
        <v>5</v>
      </c>
      <c r="D12741" s="1" t="s">
        <v>10873</v>
      </c>
      <c r="E12741" s="1" t="s">
        <v>10874</v>
      </c>
    </row>
    <row r="12742">
      <c r="A12742" s="1">
        <v>4.90519728E8</v>
      </c>
      <c r="B12742" s="2">
        <v>13525.0</v>
      </c>
      <c r="C12742" s="1" t="s">
        <v>5</v>
      </c>
      <c r="D12742" s="1" t="s">
        <v>10875</v>
      </c>
      <c r="E12742" s="1" t="s">
        <v>7</v>
      </c>
    </row>
    <row r="12743">
      <c r="A12743" s="1">
        <v>4.90519741E8</v>
      </c>
      <c r="B12743" s="2">
        <v>13533.0</v>
      </c>
      <c r="C12743" s="1" t="s">
        <v>5</v>
      </c>
      <c r="D12743" s="1" t="s">
        <v>11</v>
      </c>
      <c r="E12743" s="1" t="s">
        <v>7</v>
      </c>
    </row>
    <row r="12744">
      <c r="A12744" s="1">
        <v>4.90519745E8</v>
      </c>
      <c r="B12744" s="2">
        <v>13594.0</v>
      </c>
      <c r="C12744" s="1" t="s">
        <v>5</v>
      </c>
      <c r="D12744" s="1" t="s">
        <v>10876</v>
      </c>
      <c r="E12744" s="1" t="s">
        <v>11</v>
      </c>
    </row>
    <row r="12745">
      <c r="A12745" s="1">
        <v>4.90519756E8</v>
      </c>
      <c r="B12745" s="2">
        <v>13574.0</v>
      </c>
      <c r="C12745" s="1" t="s">
        <v>5</v>
      </c>
      <c r="D12745" s="1" t="s">
        <v>11</v>
      </c>
      <c r="E12745" s="1" t="s">
        <v>7</v>
      </c>
    </row>
    <row r="12746">
      <c r="A12746" s="1">
        <v>4.9051976E8</v>
      </c>
      <c r="B12746" s="2">
        <v>13597.0</v>
      </c>
      <c r="C12746" s="1" t="s">
        <v>5</v>
      </c>
      <c r="D12746" s="1" t="s">
        <v>10877</v>
      </c>
      <c r="E12746" s="1" t="s">
        <v>10878</v>
      </c>
    </row>
    <row r="12747">
      <c r="A12747" s="1">
        <v>4.9051979E8</v>
      </c>
      <c r="B12747" s="2">
        <v>13530.0</v>
      </c>
      <c r="C12747" s="1" t="s">
        <v>5</v>
      </c>
      <c r="D12747" s="1" t="s">
        <v>10879</v>
      </c>
      <c r="E12747" s="1" t="s">
        <v>11</v>
      </c>
    </row>
    <row r="12748">
      <c r="A12748" s="1">
        <v>4.9051981E8</v>
      </c>
      <c r="B12748" s="2">
        <v>13573.0</v>
      </c>
      <c r="C12748" s="1" t="s">
        <v>5</v>
      </c>
      <c r="D12748" s="1" t="s">
        <v>10880</v>
      </c>
      <c r="E12748" s="1" t="s">
        <v>7</v>
      </c>
    </row>
    <row r="12749">
      <c r="A12749" s="1">
        <v>4.90519814E8</v>
      </c>
      <c r="B12749" s="2">
        <v>13570.0</v>
      </c>
      <c r="C12749" s="1" t="s">
        <v>5</v>
      </c>
      <c r="D12749" s="1" t="s">
        <v>11</v>
      </c>
      <c r="E12749" s="1" t="s">
        <v>7</v>
      </c>
    </row>
    <row r="12750">
      <c r="A12750" s="1">
        <v>4.9051983E8</v>
      </c>
      <c r="B12750" s="2">
        <v>13580.0</v>
      </c>
      <c r="C12750" s="1" t="s">
        <v>5</v>
      </c>
      <c r="D12750" s="1" t="s">
        <v>11</v>
      </c>
      <c r="E12750" s="1" t="s">
        <v>7</v>
      </c>
    </row>
    <row r="12751">
      <c r="A12751" s="1">
        <v>4.90519859E8</v>
      </c>
      <c r="B12751" s="2">
        <v>13593.0</v>
      </c>
      <c r="C12751" s="1" t="s">
        <v>5</v>
      </c>
      <c r="D12751" s="1" t="s">
        <v>10881</v>
      </c>
      <c r="E12751" s="1" t="s">
        <v>7</v>
      </c>
    </row>
    <row r="12752">
      <c r="A12752" s="1">
        <v>4.90519874E8</v>
      </c>
      <c r="B12752" s="2">
        <v>13597.0</v>
      </c>
      <c r="C12752" s="1" t="s">
        <v>5</v>
      </c>
      <c r="D12752" s="1" t="s">
        <v>10882</v>
      </c>
      <c r="E12752" s="1" t="s">
        <v>11</v>
      </c>
    </row>
    <row r="12753">
      <c r="A12753" s="1">
        <v>4.90519875E8</v>
      </c>
      <c r="B12753" s="2">
        <v>13529.0</v>
      </c>
      <c r="C12753" s="1" t="s">
        <v>5</v>
      </c>
      <c r="D12753" s="1" t="s">
        <v>10883</v>
      </c>
      <c r="E12753" s="1" t="s">
        <v>7</v>
      </c>
    </row>
    <row r="12754">
      <c r="A12754" s="1">
        <v>4.90519931E8</v>
      </c>
      <c r="B12754" s="2">
        <v>13572.0</v>
      </c>
      <c r="C12754" s="1" t="s">
        <v>5</v>
      </c>
      <c r="D12754" s="1" t="s">
        <v>10884</v>
      </c>
      <c r="E12754" s="1" t="s">
        <v>11</v>
      </c>
    </row>
    <row r="12755">
      <c r="A12755" s="1">
        <v>4.90519932E8</v>
      </c>
      <c r="B12755" s="2">
        <v>13591.0</v>
      </c>
      <c r="C12755" s="1" t="s">
        <v>5</v>
      </c>
      <c r="D12755" s="1" t="s">
        <v>10885</v>
      </c>
      <c r="E12755" s="1" t="s">
        <v>11</v>
      </c>
    </row>
    <row r="12756">
      <c r="A12756" s="1">
        <v>4.90519984E8</v>
      </c>
      <c r="B12756" s="2">
        <v>13633.0</v>
      </c>
      <c r="C12756" s="1" t="s">
        <v>5</v>
      </c>
      <c r="D12756" s="1" t="s">
        <v>10886</v>
      </c>
      <c r="E12756" s="1" t="s">
        <v>10887</v>
      </c>
    </row>
    <row r="12757">
      <c r="A12757" s="1">
        <v>4.90520013E8</v>
      </c>
      <c r="B12757" s="2">
        <v>13573.0</v>
      </c>
      <c r="C12757" s="1" t="s">
        <v>5</v>
      </c>
      <c r="D12757" s="1" t="s">
        <v>11</v>
      </c>
      <c r="E12757" s="1" t="s">
        <v>7</v>
      </c>
    </row>
    <row r="12758">
      <c r="A12758" s="1">
        <v>4.90520091E8</v>
      </c>
      <c r="B12758" s="2">
        <v>13590.0</v>
      </c>
      <c r="C12758" s="1" t="s">
        <v>5</v>
      </c>
      <c r="D12758" s="1" t="s">
        <v>10888</v>
      </c>
      <c r="E12758" s="1" t="s">
        <v>7</v>
      </c>
    </row>
    <row r="12759">
      <c r="A12759" s="1">
        <v>4.90520185E8</v>
      </c>
      <c r="B12759" s="2">
        <v>13599.0</v>
      </c>
      <c r="C12759" s="1" t="s">
        <v>5</v>
      </c>
      <c r="D12759" s="1" t="s">
        <v>10889</v>
      </c>
      <c r="E12759" s="1" t="s">
        <v>7</v>
      </c>
    </row>
    <row r="12760">
      <c r="A12760" s="1">
        <v>4.90520234E8</v>
      </c>
      <c r="B12760" s="2">
        <v>13571.0</v>
      </c>
      <c r="C12760" s="1" t="s">
        <v>5</v>
      </c>
      <c r="D12760" s="1" t="s">
        <v>10890</v>
      </c>
      <c r="E12760" s="1" t="s">
        <v>7</v>
      </c>
    </row>
    <row r="12761">
      <c r="A12761" s="1">
        <v>4.90520259E8</v>
      </c>
      <c r="B12761" s="2">
        <v>13570.0</v>
      </c>
      <c r="C12761" s="1" t="s">
        <v>5</v>
      </c>
      <c r="D12761" s="1" t="s">
        <v>10891</v>
      </c>
      <c r="E12761" s="1" t="s">
        <v>7</v>
      </c>
    </row>
    <row r="12762">
      <c r="A12762" s="1">
        <v>4.90520274E8</v>
      </c>
      <c r="B12762" s="2">
        <v>13591.0</v>
      </c>
      <c r="C12762" s="1" t="s">
        <v>5</v>
      </c>
      <c r="D12762" s="1" t="s">
        <v>10892</v>
      </c>
      <c r="E12762" s="1" t="s">
        <v>11</v>
      </c>
    </row>
    <row r="12763">
      <c r="A12763" s="1">
        <v>4.90520276E8</v>
      </c>
      <c r="B12763" s="2">
        <v>13599.0</v>
      </c>
      <c r="C12763" s="1" t="s">
        <v>5</v>
      </c>
      <c r="D12763" s="1" t="s">
        <v>10893</v>
      </c>
      <c r="E12763" s="1" t="s">
        <v>7</v>
      </c>
    </row>
    <row r="12764">
      <c r="A12764" s="1">
        <v>4.90520306E8</v>
      </c>
      <c r="B12764" s="2">
        <v>13571.0</v>
      </c>
      <c r="C12764" s="1" t="s">
        <v>5</v>
      </c>
      <c r="D12764" s="1" t="s">
        <v>10894</v>
      </c>
      <c r="E12764" s="1" t="s">
        <v>7</v>
      </c>
    </row>
    <row r="12765">
      <c r="A12765" s="1">
        <v>4.905204E8</v>
      </c>
      <c r="B12765" s="2">
        <v>13581.0</v>
      </c>
      <c r="C12765" s="1" t="s">
        <v>5</v>
      </c>
      <c r="D12765" s="1" t="s">
        <v>10895</v>
      </c>
      <c r="E12765" s="1" t="s">
        <v>7</v>
      </c>
    </row>
    <row r="12766">
      <c r="A12766" s="1">
        <v>4.90520436E8</v>
      </c>
      <c r="B12766" s="2">
        <v>13581.0</v>
      </c>
      <c r="C12766" s="1" t="s">
        <v>5</v>
      </c>
      <c r="D12766" s="1" t="s">
        <v>10896</v>
      </c>
      <c r="E12766" s="1" t="s">
        <v>7</v>
      </c>
    </row>
    <row r="12767">
      <c r="A12767" s="1">
        <v>4.90520441E8</v>
      </c>
      <c r="B12767" s="2">
        <v>13593.0</v>
      </c>
      <c r="C12767" s="1" t="s">
        <v>5</v>
      </c>
      <c r="D12767" s="1" t="s">
        <v>11</v>
      </c>
      <c r="E12767" s="1" t="s">
        <v>7</v>
      </c>
    </row>
    <row r="12768">
      <c r="A12768" s="1">
        <v>4.90520459E8</v>
      </c>
      <c r="B12768" s="2">
        <v>13630.0</v>
      </c>
      <c r="C12768" s="1" t="s">
        <v>5</v>
      </c>
      <c r="D12768" s="1" t="s">
        <v>10897</v>
      </c>
      <c r="E12768" s="1" t="s">
        <v>11</v>
      </c>
    </row>
    <row r="12769">
      <c r="A12769" s="1">
        <v>4.90520505E8</v>
      </c>
      <c r="B12769" s="2">
        <v>13525.0</v>
      </c>
      <c r="C12769" s="1" t="s">
        <v>5</v>
      </c>
      <c r="D12769" s="1" t="s">
        <v>10898</v>
      </c>
      <c r="E12769" s="1" t="s">
        <v>7</v>
      </c>
    </row>
    <row r="12770">
      <c r="A12770" s="1">
        <v>4.90520519E8</v>
      </c>
      <c r="B12770" s="2">
        <v>13590.0</v>
      </c>
      <c r="C12770" s="1" t="s">
        <v>5</v>
      </c>
      <c r="D12770" s="1" t="s">
        <v>10899</v>
      </c>
      <c r="E12770" s="1" t="s">
        <v>11</v>
      </c>
    </row>
    <row r="12771">
      <c r="A12771" s="1">
        <v>4.90520548E8</v>
      </c>
      <c r="B12771" s="2">
        <v>13520.0</v>
      </c>
      <c r="C12771" s="1" t="s">
        <v>5</v>
      </c>
      <c r="D12771" s="1" t="s">
        <v>10900</v>
      </c>
      <c r="E12771" s="1" t="s">
        <v>10901</v>
      </c>
    </row>
    <row r="12772">
      <c r="A12772" s="1">
        <v>4.90520554E8</v>
      </c>
      <c r="B12772" s="2">
        <v>13581.0</v>
      </c>
      <c r="C12772" s="1" t="s">
        <v>5</v>
      </c>
      <c r="D12772" s="1" t="s">
        <v>11</v>
      </c>
      <c r="E12772" s="1" t="s">
        <v>7</v>
      </c>
    </row>
    <row r="12773">
      <c r="A12773" s="1">
        <v>4.90520578E8</v>
      </c>
      <c r="B12773" s="2">
        <v>13580.0</v>
      </c>
      <c r="C12773" s="1" t="s">
        <v>5</v>
      </c>
      <c r="D12773" s="1" t="s">
        <v>10902</v>
      </c>
      <c r="E12773" s="1" t="s">
        <v>11</v>
      </c>
    </row>
    <row r="12774">
      <c r="A12774" s="1">
        <v>4.905206E8</v>
      </c>
      <c r="B12774" s="2">
        <v>13582.0</v>
      </c>
      <c r="C12774" s="1" t="s">
        <v>5</v>
      </c>
      <c r="D12774" s="1" t="s">
        <v>10903</v>
      </c>
      <c r="E12774" s="1" t="s">
        <v>11</v>
      </c>
    </row>
    <row r="12775">
      <c r="A12775" s="1">
        <v>4.90520632E8</v>
      </c>
      <c r="B12775" s="2">
        <v>13563.0</v>
      </c>
      <c r="C12775" s="1" t="s">
        <v>5</v>
      </c>
      <c r="D12775" s="1" t="s">
        <v>10904</v>
      </c>
      <c r="E12775" s="1" t="s">
        <v>11</v>
      </c>
    </row>
    <row r="12776">
      <c r="A12776" s="1">
        <v>4.90520655E8</v>
      </c>
      <c r="B12776" s="2">
        <v>13580.0</v>
      </c>
      <c r="C12776" s="1" t="s">
        <v>5</v>
      </c>
      <c r="D12776" s="1" t="s">
        <v>11</v>
      </c>
      <c r="E12776" s="1" t="s">
        <v>7</v>
      </c>
    </row>
    <row r="12777">
      <c r="A12777" s="1">
        <v>4.90520673E8</v>
      </c>
      <c r="B12777" s="2">
        <v>13567.0</v>
      </c>
      <c r="C12777" s="1" t="s">
        <v>5</v>
      </c>
      <c r="D12777" s="1" t="s">
        <v>10905</v>
      </c>
      <c r="E12777" s="1" t="s">
        <v>7</v>
      </c>
    </row>
    <row r="12778">
      <c r="A12778" s="1">
        <v>4.90520685E8</v>
      </c>
      <c r="B12778" s="2">
        <v>13525.0</v>
      </c>
      <c r="C12778" s="1" t="s">
        <v>5</v>
      </c>
      <c r="D12778" s="1" t="s">
        <v>10906</v>
      </c>
      <c r="E12778" s="1" t="s">
        <v>11</v>
      </c>
    </row>
    <row r="12779">
      <c r="A12779" s="1">
        <v>4.9052075E8</v>
      </c>
      <c r="B12779" s="2">
        <v>13562.0</v>
      </c>
      <c r="C12779" s="1" t="s">
        <v>5</v>
      </c>
      <c r="D12779" s="1" t="s">
        <v>10907</v>
      </c>
      <c r="E12779" s="1" t="s">
        <v>7</v>
      </c>
    </row>
    <row r="12780">
      <c r="A12780" s="1">
        <v>4.90520754E8</v>
      </c>
      <c r="B12780" s="2">
        <v>13587.0</v>
      </c>
      <c r="C12780" s="1" t="s">
        <v>5</v>
      </c>
      <c r="D12780" s="1" t="s">
        <v>11</v>
      </c>
      <c r="E12780" s="1" t="s">
        <v>7</v>
      </c>
    </row>
    <row r="12781">
      <c r="A12781" s="1">
        <v>4.9052076E8</v>
      </c>
      <c r="B12781" s="2">
        <v>13560.0</v>
      </c>
      <c r="C12781" s="1" t="s">
        <v>5</v>
      </c>
      <c r="D12781" s="1" t="s">
        <v>10908</v>
      </c>
      <c r="E12781" s="1" t="s">
        <v>7</v>
      </c>
    </row>
    <row r="12782">
      <c r="A12782" s="1">
        <v>4.9052081E8</v>
      </c>
      <c r="B12782" s="2">
        <v>13592.0</v>
      </c>
      <c r="C12782" s="1" t="s">
        <v>5</v>
      </c>
      <c r="D12782" s="1" t="s">
        <v>11</v>
      </c>
      <c r="E12782" s="1" t="s">
        <v>7</v>
      </c>
    </row>
    <row r="12783">
      <c r="A12783" s="1">
        <v>4.90520815E8</v>
      </c>
      <c r="B12783" s="2">
        <v>13561.0</v>
      </c>
      <c r="C12783" s="1" t="s">
        <v>5</v>
      </c>
      <c r="D12783" s="1" t="s">
        <v>10909</v>
      </c>
      <c r="E12783" s="1" t="s">
        <v>7</v>
      </c>
    </row>
    <row r="12784">
      <c r="A12784" s="1">
        <v>4.9052082E8</v>
      </c>
      <c r="B12784" s="2">
        <v>13580.0</v>
      </c>
      <c r="C12784" s="1" t="s">
        <v>5</v>
      </c>
      <c r="D12784" s="1" t="s">
        <v>10910</v>
      </c>
      <c r="E12784" s="1" t="s">
        <v>7</v>
      </c>
    </row>
    <row r="12785">
      <c r="A12785" s="1">
        <v>4.90520824E8</v>
      </c>
      <c r="B12785" s="3">
        <v>13665.0</v>
      </c>
      <c r="C12785" s="1" t="s">
        <v>5</v>
      </c>
      <c r="D12785" s="1" t="s">
        <v>11</v>
      </c>
      <c r="E12785" s="1" t="s">
        <v>7</v>
      </c>
    </row>
    <row r="12786">
      <c r="A12786" s="1">
        <v>4.90520855E8</v>
      </c>
      <c r="B12786" s="2">
        <v>13571.0</v>
      </c>
      <c r="C12786" s="1" t="s">
        <v>5</v>
      </c>
      <c r="D12786" s="1" t="s">
        <v>10911</v>
      </c>
      <c r="E12786" s="1" t="s">
        <v>7</v>
      </c>
    </row>
    <row r="12787">
      <c r="A12787" s="1">
        <v>4.90520869E8</v>
      </c>
      <c r="B12787" s="2">
        <v>13524.0</v>
      </c>
      <c r="C12787" s="1" t="s">
        <v>5</v>
      </c>
      <c r="D12787" s="1" t="s">
        <v>10912</v>
      </c>
      <c r="E12787" s="1" t="s">
        <v>7</v>
      </c>
    </row>
    <row r="12788">
      <c r="A12788" s="1">
        <v>4.9052094E8</v>
      </c>
      <c r="B12788" s="2">
        <v>13562.0</v>
      </c>
      <c r="C12788" s="1" t="s">
        <v>5</v>
      </c>
      <c r="D12788" s="1" t="s">
        <v>10913</v>
      </c>
      <c r="E12788" s="1" t="s">
        <v>7</v>
      </c>
    </row>
    <row r="12789">
      <c r="A12789" s="1">
        <v>4.90520952E8</v>
      </c>
      <c r="B12789" s="2">
        <v>13633.0</v>
      </c>
      <c r="C12789" s="1" t="s">
        <v>5</v>
      </c>
      <c r="D12789" s="1" t="s">
        <v>11</v>
      </c>
      <c r="E12789" s="1" t="s">
        <v>7</v>
      </c>
    </row>
    <row r="12790">
      <c r="A12790" s="1">
        <v>4.9052097E8</v>
      </c>
      <c r="B12790" s="2">
        <v>13579.0</v>
      </c>
      <c r="C12790" s="1" t="s">
        <v>5</v>
      </c>
      <c r="D12790" s="1" t="s">
        <v>10914</v>
      </c>
      <c r="E12790" s="1" t="s">
        <v>7</v>
      </c>
    </row>
    <row r="12791">
      <c r="A12791" s="1">
        <v>4.90520971E8</v>
      </c>
      <c r="B12791" s="2">
        <v>13561.0</v>
      </c>
      <c r="C12791" s="1" t="s">
        <v>5</v>
      </c>
      <c r="D12791" s="1" t="s">
        <v>11</v>
      </c>
      <c r="E12791" s="1" t="s">
        <v>7</v>
      </c>
    </row>
    <row r="12792">
      <c r="A12792" s="1">
        <v>4.90520999E8</v>
      </c>
      <c r="B12792" s="2">
        <v>13595.0</v>
      </c>
      <c r="C12792" s="1" t="s">
        <v>5</v>
      </c>
      <c r="D12792" s="1" t="s">
        <v>10915</v>
      </c>
      <c r="E12792" s="1" t="s">
        <v>11</v>
      </c>
    </row>
    <row r="12793">
      <c r="A12793" s="1">
        <v>4.90521023E8</v>
      </c>
      <c r="B12793" s="2">
        <v>13627.0</v>
      </c>
      <c r="C12793" s="1" t="s">
        <v>5</v>
      </c>
      <c r="D12793" s="1" t="s">
        <v>11</v>
      </c>
      <c r="E12793" s="1" t="s">
        <v>7</v>
      </c>
    </row>
    <row r="12794">
      <c r="A12794" s="1">
        <v>4.90521025E8</v>
      </c>
      <c r="B12794" s="2">
        <v>13571.0</v>
      </c>
      <c r="C12794" s="1" t="s">
        <v>5</v>
      </c>
      <c r="D12794" s="1" t="s">
        <v>10916</v>
      </c>
      <c r="E12794" s="1" t="s">
        <v>11</v>
      </c>
    </row>
    <row r="12795">
      <c r="A12795" s="1">
        <v>4.90521064E8</v>
      </c>
      <c r="B12795" s="2">
        <v>13590.0</v>
      </c>
      <c r="C12795" s="1" t="s">
        <v>5</v>
      </c>
      <c r="D12795" s="1" t="s">
        <v>10917</v>
      </c>
      <c r="E12795" s="1" t="s">
        <v>11</v>
      </c>
    </row>
    <row r="12796">
      <c r="A12796" s="1">
        <v>4.90521068E8</v>
      </c>
      <c r="B12796" s="2">
        <v>13575.0</v>
      </c>
      <c r="C12796" s="1" t="s">
        <v>5</v>
      </c>
      <c r="D12796" s="1" t="s">
        <v>11</v>
      </c>
      <c r="E12796" s="1" t="s">
        <v>7</v>
      </c>
    </row>
    <row r="12797">
      <c r="A12797" s="1">
        <v>4.90521081E8</v>
      </c>
      <c r="B12797" s="2">
        <v>13578.0</v>
      </c>
      <c r="C12797" s="1" t="s">
        <v>5</v>
      </c>
      <c r="D12797" s="1" t="s">
        <v>10918</v>
      </c>
      <c r="E12797" s="1" t="s">
        <v>7</v>
      </c>
    </row>
    <row r="12798">
      <c r="A12798" s="1">
        <v>4.905212E8</v>
      </c>
      <c r="B12798" s="2">
        <v>13577.0</v>
      </c>
      <c r="C12798" s="1" t="s">
        <v>5</v>
      </c>
      <c r="D12798" s="1" t="s">
        <v>10919</v>
      </c>
      <c r="E12798" s="1" t="s">
        <v>7</v>
      </c>
    </row>
    <row r="12799">
      <c r="A12799" s="1">
        <v>4.90521266E8</v>
      </c>
      <c r="B12799" s="2">
        <v>13593.0</v>
      </c>
      <c r="C12799" s="1" t="s">
        <v>5</v>
      </c>
      <c r="D12799" s="1" t="s">
        <v>10920</v>
      </c>
      <c r="E12799" s="1" t="s">
        <v>11</v>
      </c>
    </row>
    <row r="12800">
      <c r="A12800" s="1">
        <v>4.90521344E8</v>
      </c>
      <c r="B12800" s="2">
        <v>13587.0</v>
      </c>
      <c r="C12800" s="1" t="s">
        <v>5</v>
      </c>
      <c r="D12800" s="1" t="s">
        <v>11</v>
      </c>
      <c r="E12800" s="1" t="s">
        <v>7</v>
      </c>
    </row>
    <row r="12801">
      <c r="A12801" s="1">
        <v>4.90521345E8</v>
      </c>
      <c r="B12801" s="3">
        <v>13661.0</v>
      </c>
      <c r="C12801" s="1" t="s">
        <v>5</v>
      </c>
      <c r="D12801" s="1" t="s">
        <v>10921</v>
      </c>
      <c r="E12801" s="1" t="s">
        <v>7</v>
      </c>
    </row>
    <row r="12802">
      <c r="A12802" s="1">
        <v>4.90521353E8</v>
      </c>
      <c r="B12802" s="2">
        <v>13635.0</v>
      </c>
      <c r="C12802" s="1" t="s">
        <v>5</v>
      </c>
      <c r="D12802" s="1" t="s">
        <v>10922</v>
      </c>
      <c r="E12802" s="1" t="s">
        <v>11</v>
      </c>
    </row>
    <row r="12803">
      <c r="A12803" s="1">
        <v>4.90521354E8</v>
      </c>
      <c r="B12803" s="2">
        <v>13584.0</v>
      </c>
      <c r="C12803" s="1" t="s">
        <v>5</v>
      </c>
      <c r="D12803" s="1" t="s">
        <v>10923</v>
      </c>
      <c r="E12803" s="1" t="s">
        <v>11</v>
      </c>
    </row>
    <row r="12804">
      <c r="A12804" s="1">
        <v>4.90521375E8</v>
      </c>
      <c r="B12804" s="2">
        <v>13567.0</v>
      </c>
      <c r="C12804" s="1" t="s">
        <v>5</v>
      </c>
      <c r="D12804" s="1" t="s">
        <v>10924</v>
      </c>
      <c r="E12804" s="1" t="s">
        <v>7</v>
      </c>
    </row>
    <row r="12805">
      <c r="A12805" s="1">
        <v>4.90521384E8</v>
      </c>
      <c r="B12805" s="2">
        <v>13583.0</v>
      </c>
      <c r="C12805" s="1" t="s">
        <v>5</v>
      </c>
      <c r="D12805" s="1" t="s">
        <v>10925</v>
      </c>
      <c r="E12805" s="1" t="s">
        <v>7</v>
      </c>
    </row>
    <row r="12806">
      <c r="A12806" s="1">
        <v>4.905214E8</v>
      </c>
      <c r="B12806" s="2">
        <v>13630.0</v>
      </c>
      <c r="C12806" s="1" t="s">
        <v>5</v>
      </c>
      <c r="D12806" s="1" t="s">
        <v>10926</v>
      </c>
      <c r="E12806" s="1" t="s">
        <v>7</v>
      </c>
    </row>
    <row r="12807">
      <c r="A12807" s="1">
        <v>4.9052141E8</v>
      </c>
      <c r="B12807" s="2">
        <v>13586.0</v>
      </c>
      <c r="C12807" s="1" t="s">
        <v>5</v>
      </c>
      <c r="D12807" s="1" t="s">
        <v>10927</v>
      </c>
      <c r="E12807" s="1" t="s">
        <v>10928</v>
      </c>
    </row>
    <row r="12808">
      <c r="A12808" s="1">
        <v>4.90521411E8</v>
      </c>
      <c r="B12808" s="2">
        <v>13607.0</v>
      </c>
      <c r="C12808" s="1" t="s">
        <v>5</v>
      </c>
      <c r="D12808" s="1" t="s">
        <v>11</v>
      </c>
      <c r="E12808" s="1" t="s">
        <v>7</v>
      </c>
    </row>
    <row r="12809">
      <c r="A12809" s="1">
        <v>4.90521425E8</v>
      </c>
      <c r="B12809" s="2">
        <v>13592.0</v>
      </c>
      <c r="C12809" s="1" t="s">
        <v>5</v>
      </c>
      <c r="D12809" s="1" t="s">
        <v>10929</v>
      </c>
      <c r="E12809" s="1" t="s">
        <v>10930</v>
      </c>
    </row>
    <row r="12810">
      <c r="A12810" s="1">
        <v>4.90521434E8</v>
      </c>
      <c r="B12810" s="2">
        <v>13586.0</v>
      </c>
      <c r="C12810" s="1" t="s">
        <v>5</v>
      </c>
      <c r="D12810" s="1" t="s">
        <v>10931</v>
      </c>
      <c r="E12810" s="1" t="s">
        <v>7</v>
      </c>
    </row>
    <row r="12811">
      <c r="A12811" s="1">
        <v>4.90521507E8</v>
      </c>
      <c r="B12811" s="3">
        <v>13653.0</v>
      </c>
      <c r="C12811" s="1" t="s">
        <v>5</v>
      </c>
      <c r="D12811" s="1" t="s">
        <v>10932</v>
      </c>
      <c r="E12811" s="1" t="s">
        <v>11</v>
      </c>
    </row>
    <row r="12812">
      <c r="A12812" s="1">
        <v>4.90521523E8</v>
      </c>
      <c r="B12812" s="2">
        <v>13633.0</v>
      </c>
      <c r="C12812" s="1" t="s">
        <v>5</v>
      </c>
      <c r="D12812" s="1" t="s">
        <v>10933</v>
      </c>
      <c r="E12812" s="1" t="s">
        <v>7</v>
      </c>
    </row>
    <row r="12813">
      <c r="A12813" s="1">
        <v>4.90521537E8</v>
      </c>
      <c r="B12813" s="2">
        <v>13591.0</v>
      </c>
      <c r="C12813" s="1" t="s">
        <v>5</v>
      </c>
      <c r="D12813" s="1" t="s">
        <v>10934</v>
      </c>
      <c r="E12813" s="1" t="s">
        <v>7</v>
      </c>
    </row>
    <row r="12814">
      <c r="A12814" s="1">
        <v>4.90521584E8</v>
      </c>
      <c r="B12814" s="2">
        <v>13577.0</v>
      </c>
      <c r="C12814" s="1" t="s">
        <v>5</v>
      </c>
      <c r="D12814" s="1" t="s">
        <v>10935</v>
      </c>
      <c r="E12814" s="1" t="s">
        <v>10936</v>
      </c>
    </row>
    <row r="12815">
      <c r="A12815" s="1">
        <v>4.90521615E8</v>
      </c>
      <c r="B12815" s="2">
        <v>13632.0</v>
      </c>
      <c r="C12815" s="1" t="s">
        <v>5</v>
      </c>
      <c r="D12815" s="1" t="s">
        <v>10937</v>
      </c>
      <c r="E12815" s="1" t="s">
        <v>10938</v>
      </c>
    </row>
    <row r="12816">
      <c r="A12816" s="1">
        <v>4.90521652E8</v>
      </c>
      <c r="B12816" s="2">
        <v>13569.0</v>
      </c>
      <c r="C12816" s="1" t="s">
        <v>5</v>
      </c>
      <c r="D12816" s="1" t="s">
        <v>11</v>
      </c>
      <c r="E12816" s="1" t="s">
        <v>7</v>
      </c>
    </row>
    <row r="12817">
      <c r="A12817" s="1">
        <v>4.90521656E8</v>
      </c>
      <c r="B12817" s="2">
        <v>13581.0</v>
      </c>
      <c r="C12817" s="1" t="s">
        <v>5</v>
      </c>
      <c r="D12817" s="1" t="s">
        <v>11</v>
      </c>
      <c r="E12817" s="1" t="s">
        <v>7</v>
      </c>
    </row>
    <row r="12818">
      <c r="A12818" s="1">
        <v>4.9052169E8</v>
      </c>
      <c r="B12818" s="2">
        <v>13584.0</v>
      </c>
      <c r="C12818" s="1" t="s">
        <v>5</v>
      </c>
      <c r="D12818" s="1" t="s">
        <v>10939</v>
      </c>
      <c r="E12818" s="1" t="s">
        <v>7</v>
      </c>
    </row>
    <row r="12819">
      <c r="A12819" s="1">
        <v>4.90521709E8</v>
      </c>
      <c r="B12819" s="2">
        <v>13569.0</v>
      </c>
      <c r="C12819" s="1" t="s">
        <v>5</v>
      </c>
      <c r="D12819" s="1" t="s">
        <v>10940</v>
      </c>
      <c r="E12819" s="1" t="s">
        <v>7</v>
      </c>
    </row>
    <row r="12820">
      <c r="A12820" s="1">
        <v>4.9052173E8</v>
      </c>
      <c r="B12820" s="2">
        <v>13592.0</v>
      </c>
      <c r="C12820" s="1" t="s">
        <v>5</v>
      </c>
      <c r="D12820" s="1" t="s">
        <v>11</v>
      </c>
      <c r="E12820" s="1" t="s">
        <v>7</v>
      </c>
    </row>
    <row r="12821">
      <c r="A12821" s="1">
        <v>4.90521754E8</v>
      </c>
      <c r="B12821" s="2">
        <v>13568.0</v>
      </c>
      <c r="C12821" s="1" t="s">
        <v>5</v>
      </c>
      <c r="D12821" s="1" t="s">
        <v>10941</v>
      </c>
      <c r="E12821" s="1" t="s">
        <v>7</v>
      </c>
    </row>
    <row r="12822">
      <c r="A12822" s="1">
        <v>4.905218E8</v>
      </c>
      <c r="B12822" s="3">
        <v>13665.0</v>
      </c>
      <c r="C12822" s="1" t="s">
        <v>5</v>
      </c>
      <c r="D12822" s="1" t="s">
        <v>11</v>
      </c>
      <c r="E12822" s="1" t="s">
        <v>7</v>
      </c>
    </row>
    <row r="12823">
      <c r="A12823" s="1">
        <v>4.90521814E8</v>
      </c>
      <c r="B12823" s="2">
        <v>13631.0</v>
      </c>
      <c r="C12823" s="1" t="s">
        <v>5</v>
      </c>
      <c r="D12823" s="1" t="s">
        <v>11</v>
      </c>
      <c r="E12823" s="1" t="s">
        <v>7</v>
      </c>
    </row>
    <row r="12824">
      <c r="A12824" s="1">
        <v>4.90521827E8</v>
      </c>
      <c r="B12824" s="2">
        <v>13567.0</v>
      </c>
      <c r="C12824" s="1" t="s">
        <v>5</v>
      </c>
      <c r="D12824" s="1" t="s">
        <v>10942</v>
      </c>
      <c r="E12824" s="1" t="s">
        <v>11</v>
      </c>
    </row>
    <row r="12825">
      <c r="A12825" s="1">
        <v>4.90521828E8</v>
      </c>
      <c r="B12825" s="3">
        <v>13663.0</v>
      </c>
      <c r="C12825" s="1" t="s">
        <v>5</v>
      </c>
      <c r="D12825" s="1" t="s">
        <v>10943</v>
      </c>
      <c r="E12825" s="1" t="s">
        <v>11</v>
      </c>
    </row>
    <row r="12826">
      <c r="A12826" s="1">
        <v>4.9052184E8</v>
      </c>
      <c r="B12826" s="3">
        <v>13652.0</v>
      </c>
      <c r="C12826" s="1" t="s">
        <v>5</v>
      </c>
      <c r="D12826" s="1" t="s">
        <v>10944</v>
      </c>
      <c r="E12826" s="1" t="s">
        <v>11</v>
      </c>
    </row>
    <row r="12827">
      <c r="A12827" s="1">
        <v>4.90521864E8</v>
      </c>
      <c r="B12827" s="2">
        <v>13634.0</v>
      </c>
      <c r="C12827" s="1" t="s">
        <v>5</v>
      </c>
      <c r="D12827" s="1" t="s">
        <v>10945</v>
      </c>
      <c r="E12827" s="1" t="s">
        <v>11</v>
      </c>
    </row>
    <row r="12828">
      <c r="A12828" s="1">
        <v>4.90521884E8</v>
      </c>
      <c r="B12828" s="3">
        <v>13665.0</v>
      </c>
      <c r="C12828" s="1" t="s">
        <v>5</v>
      </c>
      <c r="D12828" s="1" t="s">
        <v>11</v>
      </c>
      <c r="E12828" s="1" t="s">
        <v>7</v>
      </c>
    </row>
    <row r="12829">
      <c r="A12829" s="1">
        <v>4.9052193E8</v>
      </c>
      <c r="B12829" s="3">
        <v>13665.0</v>
      </c>
      <c r="C12829" s="1" t="s">
        <v>5</v>
      </c>
      <c r="D12829" s="1" t="s">
        <v>11</v>
      </c>
      <c r="E12829" s="1" t="s">
        <v>7</v>
      </c>
    </row>
    <row r="12830">
      <c r="A12830" s="1">
        <v>4.90521937E8</v>
      </c>
      <c r="B12830" s="2">
        <v>13575.0</v>
      </c>
      <c r="C12830" s="1" t="s">
        <v>5</v>
      </c>
      <c r="D12830" s="1" t="s">
        <v>10946</v>
      </c>
      <c r="E12830" s="1" t="s">
        <v>10947</v>
      </c>
    </row>
    <row r="12831">
      <c r="A12831" s="1">
        <v>4.90521953E8</v>
      </c>
      <c r="B12831" s="2">
        <v>13635.0</v>
      </c>
      <c r="C12831" s="1" t="s">
        <v>5</v>
      </c>
      <c r="D12831" s="1" t="s">
        <v>10948</v>
      </c>
      <c r="E12831" s="1" t="s">
        <v>10949</v>
      </c>
    </row>
    <row r="12832">
      <c r="A12832" s="1">
        <v>4.90521984E8</v>
      </c>
      <c r="B12832" s="2">
        <v>13630.0</v>
      </c>
      <c r="C12832" s="1" t="s">
        <v>5</v>
      </c>
      <c r="D12832" s="1" t="s">
        <v>10950</v>
      </c>
      <c r="E12832" s="1" t="s">
        <v>11</v>
      </c>
    </row>
    <row r="12833">
      <c r="A12833" s="1">
        <v>4.90521987E8</v>
      </c>
      <c r="B12833" s="3">
        <v>13666.0</v>
      </c>
      <c r="C12833" s="1" t="s">
        <v>5</v>
      </c>
      <c r="D12833" s="1" t="s">
        <v>11</v>
      </c>
      <c r="E12833" s="1" t="s">
        <v>7</v>
      </c>
    </row>
    <row r="12834">
      <c r="A12834" s="1">
        <v>4.90521991E8</v>
      </c>
      <c r="B12834" s="2">
        <v>13575.0</v>
      </c>
      <c r="C12834" s="1" t="s">
        <v>5</v>
      </c>
      <c r="D12834" s="1" t="s">
        <v>10951</v>
      </c>
      <c r="E12834" s="1" t="s">
        <v>10952</v>
      </c>
    </row>
    <row r="12835">
      <c r="A12835" s="1">
        <v>4.90521992E8</v>
      </c>
      <c r="B12835" s="2">
        <v>13583.0</v>
      </c>
      <c r="C12835" s="1" t="s">
        <v>5</v>
      </c>
      <c r="D12835" s="1" t="s">
        <v>10953</v>
      </c>
      <c r="E12835" s="1" t="s">
        <v>10954</v>
      </c>
    </row>
    <row r="12836">
      <c r="A12836" s="1">
        <v>4.90521996E8</v>
      </c>
      <c r="B12836" s="2">
        <v>13633.0</v>
      </c>
      <c r="C12836" s="1" t="s">
        <v>5</v>
      </c>
      <c r="D12836" s="1" t="s">
        <v>10955</v>
      </c>
      <c r="E12836" s="1" t="s">
        <v>7</v>
      </c>
    </row>
    <row r="12837">
      <c r="A12837" s="1">
        <v>4.90522004E8</v>
      </c>
      <c r="B12837" s="2">
        <v>13590.0</v>
      </c>
      <c r="C12837" s="1" t="s">
        <v>5</v>
      </c>
      <c r="D12837" s="1" t="s">
        <v>10956</v>
      </c>
      <c r="E12837" s="1" t="s">
        <v>11</v>
      </c>
    </row>
    <row r="12838">
      <c r="A12838" s="1">
        <v>4.90522017E8</v>
      </c>
      <c r="B12838" s="2">
        <v>13575.0</v>
      </c>
      <c r="C12838" s="1" t="s">
        <v>5</v>
      </c>
      <c r="D12838" s="1" t="s">
        <v>10957</v>
      </c>
      <c r="E12838" s="1" t="s">
        <v>11</v>
      </c>
    </row>
    <row r="12839">
      <c r="A12839" s="1">
        <v>4.90522025E8</v>
      </c>
      <c r="B12839" s="3">
        <v>13666.0</v>
      </c>
      <c r="C12839" s="1" t="s">
        <v>5</v>
      </c>
      <c r="D12839" s="1" t="s">
        <v>10958</v>
      </c>
      <c r="E12839" s="1" t="s">
        <v>11</v>
      </c>
    </row>
    <row r="12840">
      <c r="A12840" s="1">
        <v>4.90522059E8</v>
      </c>
      <c r="B12840" s="2">
        <v>13519.0</v>
      </c>
      <c r="C12840" s="1" t="s">
        <v>5</v>
      </c>
      <c r="D12840" s="1" t="s">
        <v>10959</v>
      </c>
      <c r="E12840" s="1" t="s">
        <v>10960</v>
      </c>
    </row>
    <row r="12841">
      <c r="A12841" s="1">
        <v>4.90522099E8</v>
      </c>
      <c r="B12841" s="2">
        <v>13630.0</v>
      </c>
      <c r="C12841" s="1" t="s">
        <v>5</v>
      </c>
      <c r="D12841" s="1" t="s">
        <v>10961</v>
      </c>
      <c r="E12841" s="1" t="s">
        <v>7</v>
      </c>
    </row>
    <row r="12842">
      <c r="A12842" s="1">
        <v>4.90522137E8</v>
      </c>
      <c r="B12842" s="3">
        <v>13647.0</v>
      </c>
      <c r="C12842" s="1" t="s">
        <v>5</v>
      </c>
      <c r="D12842" s="1" t="s">
        <v>10962</v>
      </c>
      <c r="E12842" s="1" t="s">
        <v>7</v>
      </c>
    </row>
    <row r="12843">
      <c r="A12843" s="1">
        <v>4.90522141E8</v>
      </c>
      <c r="B12843" s="2">
        <v>13561.0</v>
      </c>
      <c r="C12843" s="1" t="s">
        <v>5</v>
      </c>
      <c r="D12843" s="1" t="s">
        <v>10963</v>
      </c>
      <c r="E12843" s="1" t="s">
        <v>11</v>
      </c>
    </row>
    <row r="12844">
      <c r="A12844" s="1">
        <v>4.90522196E8</v>
      </c>
      <c r="B12844" s="2">
        <v>13629.0</v>
      </c>
      <c r="C12844" s="1" t="s">
        <v>5</v>
      </c>
      <c r="D12844" s="1" t="s">
        <v>10964</v>
      </c>
      <c r="E12844" s="1" t="s">
        <v>11</v>
      </c>
    </row>
    <row r="12845">
      <c r="A12845" s="1">
        <v>4.90522228E8</v>
      </c>
      <c r="B12845" s="3">
        <v>13655.0</v>
      </c>
      <c r="C12845" s="1" t="s">
        <v>5</v>
      </c>
      <c r="D12845" s="1" t="s">
        <v>10965</v>
      </c>
      <c r="E12845" s="1" t="s">
        <v>7</v>
      </c>
    </row>
    <row r="12846">
      <c r="A12846" s="1">
        <v>4.90522255E8</v>
      </c>
      <c r="B12846" s="3">
        <v>13657.0</v>
      </c>
      <c r="C12846" s="1" t="s">
        <v>5</v>
      </c>
      <c r="D12846" s="1" t="s">
        <v>10966</v>
      </c>
      <c r="E12846" s="1" t="s">
        <v>7</v>
      </c>
    </row>
    <row r="12847">
      <c r="A12847" s="1">
        <v>4.90522264E8</v>
      </c>
      <c r="B12847" s="2">
        <v>13621.0</v>
      </c>
      <c r="C12847" s="1" t="s">
        <v>5</v>
      </c>
      <c r="D12847" s="1" t="s">
        <v>10967</v>
      </c>
      <c r="E12847" s="1" t="s">
        <v>10968</v>
      </c>
    </row>
    <row r="12848">
      <c r="A12848" s="1">
        <v>4.9052233E8</v>
      </c>
      <c r="B12848" s="2">
        <v>13634.0</v>
      </c>
      <c r="C12848" s="1" t="s">
        <v>5</v>
      </c>
      <c r="D12848" s="1" t="s">
        <v>10969</v>
      </c>
      <c r="E12848" s="1" t="s">
        <v>7</v>
      </c>
    </row>
    <row r="12849">
      <c r="A12849" s="1">
        <v>4.90522345E8</v>
      </c>
      <c r="B12849" s="2">
        <v>13563.0</v>
      </c>
      <c r="C12849" s="1" t="s">
        <v>5</v>
      </c>
      <c r="D12849" s="1" t="s">
        <v>10970</v>
      </c>
      <c r="E12849" s="1" t="s">
        <v>7</v>
      </c>
    </row>
    <row r="12850">
      <c r="A12850" s="1">
        <v>4.90522359E8</v>
      </c>
      <c r="B12850" s="3">
        <v>13646.0</v>
      </c>
      <c r="C12850" s="1" t="s">
        <v>5</v>
      </c>
      <c r="D12850" s="1" t="s">
        <v>10971</v>
      </c>
      <c r="E12850" s="1" t="s">
        <v>7</v>
      </c>
    </row>
    <row r="12851">
      <c r="A12851" s="1">
        <v>4.90522369E8</v>
      </c>
      <c r="B12851" s="3">
        <v>13662.0</v>
      </c>
      <c r="C12851" s="1" t="s">
        <v>5</v>
      </c>
      <c r="D12851" s="1" t="s">
        <v>11</v>
      </c>
      <c r="E12851" s="1" t="s">
        <v>7</v>
      </c>
    </row>
    <row r="12852">
      <c r="A12852" s="1">
        <v>4.90522387E8</v>
      </c>
      <c r="B12852" s="3">
        <v>13656.0</v>
      </c>
      <c r="C12852" s="1" t="s">
        <v>5</v>
      </c>
      <c r="D12852" s="1" t="s">
        <v>10972</v>
      </c>
      <c r="E12852" s="1" t="s">
        <v>11</v>
      </c>
    </row>
    <row r="12853">
      <c r="A12853" s="1">
        <v>4.90522404E8</v>
      </c>
      <c r="B12853" s="2">
        <v>13627.0</v>
      </c>
      <c r="C12853" s="1" t="s">
        <v>5</v>
      </c>
      <c r="D12853" s="1" t="s">
        <v>10973</v>
      </c>
      <c r="E12853" s="1" t="s">
        <v>7</v>
      </c>
    </row>
    <row r="12854">
      <c r="A12854" s="1">
        <v>4.90522415E8</v>
      </c>
      <c r="B12854" s="2">
        <v>13565.0</v>
      </c>
      <c r="C12854" s="1" t="s">
        <v>5</v>
      </c>
      <c r="D12854" s="1" t="s">
        <v>10974</v>
      </c>
      <c r="E12854" s="1" t="s">
        <v>7</v>
      </c>
    </row>
    <row r="12855">
      <c r="A12855" s="1">
        <v>4.90522416E8</v>
      </c>
      <c r="B12855" s="3">
        <v>13666.0</v>
      </c>
      <c r="C12855" s="1" t="s">
        <v>5</v>
      </c>
      <c r="D12855" s="1" t="s">
        <v>10975</v>
      </c>
      <c r="E12855" s="1" t="s">
        <v>7</v>
      </c>
    </row>
    <row r="12856">
      <c r="A12856" s="1">
        <v>4.90522425E8</v>
      </c>
      <c r="B12856" s="2">
        <v>13627.0</v>
      </c>
      <c r="C12856" s="1" t="s">
        <v>5</v>
      </c>
      <c r="D12856" s="1" t="s">
        <v>10976</v>
      </c>
      <c r="E12856" s="1" t="s">
        <v>7</v>
      </c>
    </row>
    <row r="12857">
      <c r="A12857" s="1">
        <v>4.90522443E8</v>
      </c>
      <c r="B12857" s="3">
        <v>13661.0</v>
      </c>
      <c r="C12857" s="1" t="s">
        <v>5</v>
      </c>
      <c r="D12857" s="1" t="s">
        <v>10977</v>
      </c>
      <c r="E12857" s="1" t="s">
        <v>10978</v>
      </c>
    </row>
    <row r="12858">
      <c r="A12858" s="1">
        <v>4.90522497E8</v>
      </c>
      <c r="B12858" s="3">
        <v>13653.0</v>
      </c>
      <c r="C12858" s="1" t="s">
        <v>5</v>
      </c>
      <c r="D12858" s="1" t="s">
        <v>11</v>
      </c>
      <c r="E12858" s="1" t="s">
        <v>7</v>
      </c>
    </row>
    <row r="12859">
      <c r="A12859" s="1">
        <v>4.90522595E8</v>
      </c>
      <c r="B12859" s="2">
        <v>13561.0</v>
      </c>
      <c r="C12859" s="1" t="s">
        <v>5</v>
      </c>
      <c r="D12859" s="1" t="s">
        <v>10979</v>
      </c>
      <c r="E12859" s="1" t="s">
        <v>7</v>
      </c>
    </row>
    <row r="12860">
      <c r="A12860" s="1">
        <v>4.905226E8</v>
      </c>
      <c r="B12860" s="2">
        <v>13582.0</v>
      </c>
      <c r="C12860" s="1" t="s">
        <v>5</v>
      </c>
      <c r="D12860" s="1" t="s">
        <v>10980</v>
      </c>
      <c r="E12860" s="1" t="s">
        <v>7</v>
      </c>
    </row>
    <row r="12861">
      <c r="A12861" s="1">
        <v>4.90522665E8</v>
      </c>
      <c r="B12861" s="3">
        <v>13655.0</v>
      </c>
      <c r="C12861" s="1" t="s">
        <v>5</v>
      </c>
      <c r="D12861" s="1" t="s">
        <v>10981</v>
      </c>
      <c r="E12861" s="1" t="s">
        <v>11</v>
      </c>
    </row>
    <row r="12862">
      <c r="A12862" s="1">
        <v>4.90522674E8</v>
      </c>
      <c r="B12862" s="2">
        <v>13576.0</v>
      </c>
      <c r="C12862" s="1" t="s">
        <v>5</v>
      </c>
      <c r="D12862" s="1" t="s">
        <v>10982</v>
      </c>
      <c r="E12862" s="1" t="s">
        <v>10983</v>
      </c>
    </row>
    <row r="12863">
      <c r="A12863" s="1">
        <v>4.90522696E8</v>
      </c>
      <c r="B12863" s="3">
        <v>13654.0</v>
      </c>
      <c r="C12863" s="1" t="s">
        <v>5</v>
      </c>
      <c r="D12863" s="1" t="s">
        <v>10984</v>
      </c>
      <c r="E12863" s="1" t="s">
        <v>10985</v>
      </c>
    </row>
    <row r="12864">
      <c r="A12864" s="1">
        <v>4.90522708E8</v>
      </c>
      <c r="B12864" s="2">
        <v>13582.0</v>
      </c>
      <c r="C12864" s="1" t="s">
        <v>5</v>
      </c>
      <c r="D12864" s="1" t="s">
        <v>10986</v>
      </c>
      <c r="E12864" s="1" t="s">
        <v>7</v>
      </c>
    </row>
    <row r="12865">
      <c r="A12865" s="1">
        <v>4.90522721E8</v>
      </c>
      <c r="B12865" s="2">
        <v>13581.0</v>
      </c>
      <c r="C12865" s="1" t="s">
        <v>5</v>
      </c>
      <c r="D12865" s="1" t="s">
        <v>10987</v>
      </c>
      <c r="E12865" s="1" t="s">
        <v>10988</v>
      </c>
    </row>
    <row r="12866">
      <c r="A12866" s="1">
        <v>4.90522748E8</v>
      </c>
      <c r="B12866" s="2">
        <v>13619.0</v>
      </c>
      <c r="C12866" s="1" t="s">
        <v>5</v>
      </c>
      <c r="D12866" s="1" t="s">
        <v>10989</v>
      </c>
      <c r="E12866" s="1" t="s">
        <v>7</v>
      </c>
    </row>
    <row r="12867">
      <c r="A12867" s="1">
        <v>4.90522764E8</v>
      </c>
      <c r="B12867" s="2">
        <v>13587.0</v>
      </c>
      <c r="C12867" s="1" t="s">
        <v>5</v>
      </c>
      <c r="D12867" s="1" t="s">
        <v>10990</v>
      </c>
      <c r="E12867" s="1" t="s">
        <v>7</v>
      </c>
    </row>
    <row r="12868">
      <c r="A12868" s="1">
        <v>4.9052278E8</v>
      </c>
      <c r="B12868" s="3">
        <v>13654.0</v>
      </c>
      <c r="C12868" s="1" t="s">
        <v>5</v>
      </c>
      <c r="D12868" s="1" t="s">
        <v>10991</v>
      </c>
      <c r="E12868" s="1" t="s">
        <v>7</v>
      </c>
    </row>
    <row r="12869">
      <c r="A12869" s="1">
        <v>4.90522804E8</v>
      </c>
      <c r="B12869" s="2">
        <v>13582.0</v>
      </c>
      <c r="C12869" s="1" t="s">
        <v>5</v>
      </c>
      <c r="D12869" s="1" t="s">
        <v>10992</v>
      </c>
      <c r="E12869" s="1" t="s">
        <v>7</v>
      </c>
    </row>
    <row r="12870">
      <c r="A12870" s="1">
        <v>4.90522817E8</v>
      </c>
      <c r="B12870" s="3">
        <v>13647.0</v>
      </c>
      <c r="C12870" s="1" t="s">
        <v>5</v>
      </c>
      <c r="D12870" s="1" t="s">
        <v>10993</v>
      </c>
      <c r="E12870" s="1" t="s">
        <v>11</v>
      </c>
    </row>
    <row r="12871">
      <c r="A12871" s="1">
        <v>4.90522924E8</v>
      </c>
      <c r="B12871" s="2">
        <v>13631.0</v>
      </c>
      <c r="C12871" s="1" t="s">
        <v>5</v>
      </c>
      <c r="D12871" s="1" t="s">
        <v>10994</v>
      </c>
      <c r="E12871" s="1" t="s">
        <v>10995</v>
      </c>
    </row>
    <row r="12872">
      <c r="A12872" s="1">
        <v>4.9052293E8</v>
      </c>
      <c r="B12872" s="3">
        <v>13646.0</v>
      </c>
      <c r="C12872" s="1" t="s">
        <v>5</v>
      </c>
      <c r="D12872" s="1" t="s">
        <v>10996</v>
      </c>
      <c r="E12872" s="1" t="s">
        <v>7</v>
      </c>
    </row>
    <row r="12873">
      <c r="A12873" s="1">
        <v>4.90522952E8</v>
      </c>
      <c r="B12873" s="2">
        <v>13581.0</v>
      </c>
      <c r="C12873" s="1" t="s">
        <v>5</v>
      </c>
      <c r="D12873" s="1" t="s">
        <v>10997</v>
      </c>
      <c r="E12873" s="1" t="s">
        <v>10998</v>
      </c>
    </row>
    <row r="12874">
      <c r="A12874" s="1">
        <v>4.90522971E8</v>
      </c>
      <c r="B12874" s="3">
        <v>13655.0</v>
      </c>
      <c r="C12874" s="1" t="s">
        <v>5</v>
      </c>
      <c r="D12874" s="1" t="s">
        <v>10999</v>
      </c>
      <c r="E12874" s="1" t="s">
        <v>7</v>
      </c>
    </row>
    <row r="12875">
      <c r="A12875" s="1">
        <v>4.90522986E8</v>
      </c>
      <c r="B12875" s="3">
        <v>13652.0</v>
      </c>
      <c r="C12875" s="1" t="s">
        <v>5</v>
      </c>
      <c r="D12875" s="1" t="s">
        <v>11000</v>
      </c>
      <c r="E12875" s="1" t="s">
        <v>7</v>
      </c>
    </row>
    <row r="12876">
      <c r="A12876" s="1">
        <v>4.90522994E8</v>
      </c>
      <c r="B12876" s="2">
        <v>13581.0</v>
      </c>
      <c r="C12876" s="1" t="s">
        <v>5</v>
      </c>
      <c r="D12876" s="1" t="s">
        <v>11001</v>
      </c>
      <c r="E12876" s="1" t="s">
        <v>11</v>
      </c>
    </row>
    <row r="12877">
      <c r="A12877" s="1">
        <v>4.90523012E8</v>
      </c>
      <c r="B12877" s="3">
        <v>13654.0</v>
      </c>
      <c r="C12877" s="1" t="s">
        <v>5</v>
      </c>
      <c r="D12877" s="1" t="s">
        <v>11002</v>
      </c>
      <c r="E12877" s="1" t="s">
        <v>7</v>
      </c>
    </row>
    <row r="12878">
      <c r="A12878" s="1">
        <v>4.90523014E8</v>
      </c>
      <c r="B12878" s="2">
        <v>13576.0</v>
      </c>
      <c r="C12878" s="1" t="s">
        <v>5</v>
      </c>
      <c r="D12878" s="1" t="s">
        <v>11003</v>
      </c>
      <c r="E12878" s="1" t="s">
        <v>7</v>
      </c>
    </row>
    <row r="12879">
      <c r="A12879" s="1">
        <v>4.90523031E8</v>
      </c>
      <c r="B12879" s="3">
        <v>13652.0</v>
      </c>
      <c r="C12879" s="1" t="s">
        <v>5</v>
      </c>
      <c r="D12879" s="1" t="s">
        <v>11</v>
      </c>
      <c r="E12879" s="1" t="s">
        <v>7</v>
      </c>
    </row>
    <row r="12880">
      <c r="A12880" s="1">
        <v>4.90523033E8</v>
      </c>
      <c r="B12880" s="2">
        <v>13622.0</v>
      </c>
      <c r="C12880" s="1" t="s">
        <v>5</v>
      </c>
      <c r="D12880" s="1" t="s">
        <v>11004</v>
      </c>
      <c r="E12880" s="1" t="s">
        <v>11005</v>
      </c>
    </row>
    <row r="12881">
      <c r="A12881" s="1">
        <v>4.90523051E8</v>
      </c>
      <c r="B12881" s="3">
        <v>13655.0</v>
      </c>
      <c r="C12881" s="1" t="s">
        <v>5</v>
      </c>
      <c r="D12881" s="1" t="s">
        <v>11</v>
      </c>
      <c r="E12881" s="1" t="s">
        <v>7</v>
      </c>
    </row>
    <row r="12882">
      <c r="A12882" s="1">
        <v>4.9052309E8</v>
      </c>
      <c r="B12882" s="3">
        <v>13644.0</v>
      </c>
      <c r="C12882" s="1" t="s">
        <v>5</v>
      </c>
      <c r="D12882" s="1" t="s">
        <v>11006</v>
      </c>
      <c r="E12882" s="1" t="s">
        <v>11</v>
      </c>
    </row>
    <row r="12883">
      <c r="A12883" s="1">
        <v>4.9052311E8</v>
      </c>
      <c r="B12883" s="2">
        <v>13586.0</v>
      </c>
      <c r="C12883" s="1" t="s">
        <v>5</v>
      </c>
      <c r="D12883" s="1" t="s">
        <v>11007</v>
      </c>
      <c r="E12883" s="1" t="s">
        <v>7</v>
      </c>
    </row>
    <row r="12884">
      <c r="A12884" s="1">
        <v>4.90523125E8</v>
      </c>
      <c r="B12884" s="3">
        <v>13650.0</v>
      </c>
      <c r="C12884" s="1" t="s">
        <v>5</v>
      </c>
      <c r="D12884" s="1" t="s">
        <v>11008</v>
      </c>
      <c r="E12884" s="1" t="s">
        <v>7</v>
      </c>
    </row>
    <row r="12885">
      <c r="A12885" s="1">
        <v>4.90523175E8</v>
      </c>
      <c r="B12885" s="2">
        <v>13630.0</v>
      </c>
      <c r="C12885" s="1" t="s">
        <v>5</v>
      </c>
      <c r="D12885" s="1" t="s">
        <v>11009</v>
      </c>
      <c r="E12885" s="1" t="s">
        <v>11</v>
      </c>
    </row>
    <row r="12886">
      <c r="A12886" s="1">
        <v>4.90523219E8</v>
      </c>
      <c r="B12886" s="2">
        <v>13630.0</v>
      </c>
      <c r="C12886" s="1" t="s">
        <v>5</v>
      </c>
      <c r="D12886" s="1" t="s">
        <v>7</v>
      </c>
      <c r="E12886" s="1" t="s">
        <v>7</v>
      </c>
    </row>
    <row r="12887">
      <c r="A12887" s="1">
        <v>4.90523227E8</v>
      </c>
      <c r="B12887" s="3">
        <v>13648.0</v>
      </c>
      <c r="C12887" s="1" t="s">
        <v>5</v>
      </c>
      <c r="D12887" s="1" t="s">
        <v>11010</v>
      </c>
      <c r="E12887" s="1" t="s">
        <v>7</v>
      </c>
    </row>
    <row r="12888">
      <c r="A12888" s="1">
        <v>4.90523269E8</v>
      </c>
      <c r="B12888" s="2">
        <v>13577.0</v>
      </c>
      <c r="C12888" s="1" t="s">
        <v>5</v>
      </c>
      <c r="D12888" s="1" t="s">
        <v>11011</v>
      </c>
      <c r="E12888" s="1" t="s">
        <v>7</v>
      </c>
    </row>
    <row r="12889">
      <c r="A12889" s="1">
        <v>4.90523273E8</v>
      </c>
      <c r="B12889" s="3">
        <v>13662.0</v>
      </c>
      <c r="C12889" s="1" t="s">
        <v>5</v>
      </c>
      <c r="D12889" s="1" t="s">
        <v>11</v>
      </c>
      <c r="E12889" s="1" t="s">
        <v>7</v>
      </c>
    </row>
    <row r="12890">
      <c r="A12890" s="1">
        <v>4.9052329E8</v>
      </c>
      <c r="B12890" s="3">
        <v>13650.0</v>
      </c>
      <c r="C12890" s="1" t="s">
        <v>5</v>
      </c>
      <c r="D12890" s="1" t="s">
        <v>11012</v>
      </c>
      <c r="E12890" s="1" t="s">
        <v>7</v>
      </c>
    </row>
    <row r="12891">
      <c r="A12891" s="1">
        <v>4.90523307E8</v>
      </c>
      <c r="B12891" s="3">
        <v>13648.0</v>
      </c>
      <c r="C12891" s="1" t="s">
        <v>5</v>
      </c>
      <c r="D12891" s="1" t="s">
        <v>11013</v>
      </c>
      <c r="E12891" s="1" t="s">
        <v>7</v>
      </c>
    </row>
    <row r="12892">
      <c r="A12892" s="1">
        <v>4.90523343E8</v>
      </c>
      <c r="B12892" s="2">
        <v>13629.0</v>
      </c>
      <c r="C12892" s="1" t="s">
        <v>5</v>
      </c>
      <c r="D12892" s="1" t="s">
        <v>11014</v>
      </c>
      <c r="E12892" s="1" t="s">
        <v>7</v>
      </c>
    </row>
    <row r="12893">
      <c r="A12893" s="1">
        <v>4.90523368E8</v>
      </c>
      <c r="B12893" s="2">
        <v>13584.0</v>
      </c>
      <c r="C12893" s="1" t="s">
        <v>5</v>
      </c>
      <c r="D12893" s="1" t="s">
        <v>11015</v>
      </c>
      <c r="E12893" s="1" t="s">
        <v>11</v>
      </c>
    </row>
    <row r="12894">
      <c r="A12894" s="1">
        <v>4.90523411E8</v>
      </c>
      <c r="B12894" s="2">
        <v>13579.0</v>
      </c>
      <c r="C12894" s="1" t="s">
        <v>5</v>
      </c>
      <c r="D12894" s="1" t="s">
        <v>11016</v>
      </c>
      <c r="E12894" s="1" t="s">
        <v>11</v>
      </c>
    </row>
    <row r="12895">
      <c r="A12895" s="1">
        <v>4.90523477E8</v>
      </c>
      <c r="B12895" s="3">
        <v>13657.0</v>
      </c>
      <c r="C12895" s="1" t="s">
        <v>5</v>
      </c>
      <c r="D12895" s="1" t="s">
        <v>11017</v>
      </c>
      <c r="E12895" s="1" t="s">
        <v>11</v>
      </c>
    </row>
    <row r="12896">
      <c r="A12896" s="1">
        <v>4.90523499E8</v>
      </c>
      <c r="B12896" s="2">
        <v>13615.0</v>
      </c>
      <c r="C12896" s="1" t="s">
        <v>5</v>
      </c>
      <c r="D12896" s="1" t="s">
        <v>11018</v>
      </c>
      <c r="E12896" s="1" t="s">
        <v>11</v>
      </c>
    </row>
    <row r="12897">
      <c r="A12897" s="1">
        <v>4.90523539E8</v>
      </c>
      <c r="B12897" s="3">
        <v>13646.0</v>
      </c>
      <c r="C12897" s="1" t="s">
        <v>5</v>
      </c>
      <c r="D12897" s="1" t="s">
        <v>11</v>
      </c>
      <c r="E12897" s="1" t="s">
        <v>7</v>
      </c>
    </row>
    <row r="12898">
      <c r="A12898" s="1">
        <v>4.90523569E8</v>
      </c>
      <c r="B12898" s="2">
        <v>13575.0</v>
      </c>
      <c r="C12898" s="1" t="s">
        <v>5</v>
      </c>
      <c r="D12898" s="1" t="s">
        <v>11019</v>
      </c>
      <c r="E12898" s="1" t="s">
        <v>7</v>
      </c>
    </row>
    <row r="12899">
      <c r="A12899" s="1">
        <v>4.90523599E8</v>
      </c>
      <c r="B12899" s="2">
        <v>13625.0</v>
      </c>
      <c r="C12899" s="1" t="s">
        <v>5</v>
      </c>
      <c r="D12899" s="1" t="s">
        <v>11020</v>
      </c>
      <c r="E12899" s="1" t="s">
        <v>7</v>
      </c>
    </row>
    <row r="12900">
      <c r="A12900" s="1">
        <v>4.90523615E8</v>
      </c>
      <c r="B12900" s="2">
        <v>13631.0</v>
      </c>
      <c r="C12900" s="1" t="s">
        <v>5</v>
      </c>
      <c r="D12900" s="1" t="s">
        <v>11021</v>
      </c>
      <c r="E12900" s="1" t="s">
        <v>11022</v>
      </c>
    </row>
    <row r="12901">
      <c r="A12901" s="1">
        <v>4.9052365E8</v>
      </c>
      <c r="B12901" s="2">
        <v>13620.0</v>
      </c>
      <c r="C12901" s="1" t="s">
        <v>5</v>
      </c>
      <c r="D12901" s="1" t="s">
        <v>11023</v>
      </c>
      <c r="E12901" s="1" t="s">
        <v>11</v>
      </c>
    </row>
    <row r="12902">
      <c r="A12902" s="1">
        <v>4.90523689E8</v>
      </c>
      <c r="B12902" s="3">
        <v>13639.0</v>
      </c>
      <c r="C12902" s="1" t="s">
        <v>5</v>
      </c>
      <c r="D12902" s="1" t="s">
        <v>11024</v>
      </c>
      <c r="E12902" s="1" t="s">
        <v>7</v>
      </c>
    </row>
    <row r="12903">
      <c r="A12903" s="1">
        <v>4.90523695E8</v>
      </c>
      <c r="B12903" s="3">
        <v>13640.0</v>
      </c>
      <c r="C12903" s="1" t="s">
        <v>5</v>
      </c>
      <c r="D12903" s="1" t="s">
        <v>11025</v>
      </c>
      <c r="E12903" s="1" t="s">
        <v>7</v>
      </c>
    </row>
    <row r="12904">
      <c r="A12904" s="1">
        <v>4.9052371E8</v>
      </c>
      <c r="B12904" s="3">
        <v>13648.0</v>
      </c>
      <c r="C12904" s="1" t="s">
        <v>5</v>
      </c>
      <c r="D12904" s="1" t="s">
        <v>11026</v>
      </c>
      <c r="E12904" s="1" t="s">
        <v>7</v>
      </c>
    </row>
    <row r="12905">
      <c r="A12905" s="1">
        <v>4.90523723E8</v>
      </c>
      <c r="B12905" s="2">
        <v>13619.0</v>
      </c>
      <c r="C12905" s="1" t="s">
        <v>5</v>
      </c>
      <c r="D12905" s="1" t="s">
        <v>11027</v>
      </c>
      <c r="E12905" s="1" t="s">
        <v>7</v>
      </c>
    </row>
    <row r="12906">
      <c r="A12906" s="1">
        <v>4.90523732E8</v>
      </c>
      <c r="B12906" s="3">
        <v>13642.0</v>
      </c>
      <c r="C12906" s="1" t="s">
        <v>5</v>
      </c>
      <c r="D12906" s="1" t="s">
        <v>11028</v>
      </c>
      <c r="E12906" s="1" t="s">
        <v>11</v>
      </c>
    </row>
    <row r="12907">
      <c r="A12907" s="1">
        <v>4.90523809E8</v>
      </c>
      <c r="B12907" s="2">
        <v>13574.0</v>
      </c>
      <c r="C12907" s="1" t="s">
        <v>5</v>
      </c>
      <c r="D12907" s="1" t="s">
        <v>11</v>
      </c>
      <c r="E12907" s="1" t="s">
        <v>7</v>
      </c>
    </row>
    <row r="12908">
      <c r="A12908" s="1">
        <v>4.90523818E8</v>
      </c>
      <c r="B12908" s="3">
        <v>13647.0</v>
      </c>
      <c r="C12908" s="1" t="s">
        <v>5</v>
      </c>
      <c r="D12908" s="1" t="s">
        <v>11</v>
      </c>
      <c r="E12908" s="1" t="s">
        <v>7</v>
      </c>
    </row>
    <row r="12909">
      <c r="A12909" s="1">
        <v>4.9052384E8</v>
      </c>
      <c r="B12909" s="2">
        <v>13624.0</v>
      </c>
      <c r="C12909" s="1" t="s">
        <v>5</v>
      </c>
      <c r="D12909" s="1" t="s">
        <v>11029</v>
      </c>
      <c r="E12909" s="1" t="s">
        <v>11030</v>
      </c>
    </row>
    <row r="12910">
      <c r="A12910" s="1">
        <v>4.90523908E8</v>
      </c>
      <c r="B12910" s="3">
        <v>13644.0</v>
      </c>
      <c r="C12910" s="1" t="s">
        <v>5</v>
      </c>
      <c r="D12910" s="1" t="s">
        <v>11</v>
      </c>
      <c r="E12910" s="1" t="s">
        <v>7</v>
      </c>
    </row>
    <row r="12911">
      <c r="A12911" s="1">
        <v>4.9052395E8</v>
      </c>
      <c r="B12911" s="3">
        <v>13655.0</v>
      </c>
      <c r="C12911" s="1" t="s">
        <v>5</v>
      </c>
      <c r="D12911" s="1" t="s">
        <v>11031</v>
      </c>
      <c r="E12911" s="1" t="s">
        <v>7</v>
      </c>
    </row>
    <row r="12912">
      <c r="A12912" s="1">
        <v>4.90523961E8</v>
      </c>
      <c r="B12912" s="2">
        <v>13577.0</v>
      </c>
      <c r="C12912" s="1" t="s">
        <v>5</v>
      </c>
      <c r="D12912" s="1" t="s">
        <v>11032</v>
      </c>
      <c r="E12912" s="1" t="s">
        <v>7</v>
      </c>
    </row>
    <row r="12913">
      <c r="A12913" s="1">
        <v>4.90523981E8</v>
      </c>
      <c r="B12913" s="2">
        <v>13626.0</v>
      </c>
      <c r="C12913" s="1" t="s">
        <v>5</v>
      </c>
      <c r="D12913" s="1" t="s">
        <v>11033</v>
      </c>
      <c r="E12913" s="1" t="s">
        <v>7</v>
      </c>
    </row>
    <row r="12914">
      <c r="A12914" s="1">
        <v>4.90524056E8</v>
      </c>
      <c r="B12914" s="2">
        <v>13631.0</v>
      </c>
      <c r="C12914" s="1" t="s">
        <v>5</v>
      </c>
      <c r="D12914" s="1" t="s">
        <v>11034</v>
      </c>
      <c r="E12914" s="1" t="s">
        <v>11</v>
      </c>
    </row>
    <row r="12915">
      <c r="A12915" s="1">
        <v>4.90524059E8</v>
      </c>
      <c r="B12915" s="2">
        <v>13620.0</v>
      </c>
      <c r="C12915" s="1" t="s">
        <v>5</v>
      </c>
      <c r="D12915" s="1" t="s">
        <v>11035</v>
      </c>
      <c r="E12915" s="1" t="s">
        <v>7</v>
      </c>
    </row>
    <row r="12916">
      <c r="A12916" s="1">
        <v>4.90524067E8</v>
      </c>
      <c r="B12916" s="2">
        <v>13618.0</v>
      </c>
      <c r="C12916" s="1" t="s">
        <v>5</v>
      </c>
      <c r="D12916" s="1" t="s">
        <v>11</v>
      </c>
      <c r="E12916" s="1" t="s">
        <v>7</v>
      </c>
    </row>
    <row r="12917">
      <c r="A12917" s="1">
        <v>4.90524148E8</v>
      </c>
      <c r="B12917" s="2">
        <v>13625.0</v>
      </c>
      <c r="C12917" s="1" t="s">
        <v>5</v>
      </c>
      <c r="D12917" s="1" t="s">
        <v>11036</v>
      </c>
      <c r="E12917" s="1" t="s">
        <v>7</v>
      </c>
    </row>
    <row r="12918">
      <c r="A12918" s="1">
        <v>4.9052417E8</v>
      </c>
      <c r="B12918" s="2">
        <v>13572.0</v>
      </c>
      <c r="C12918" s="1" t="s">
        <v>5</v>
      </c>
      <c r="D12918" s="1" t="s">
        <v>11037</v>
      </c>
      <c r="E12918" s="1" t="s">
        <v>7</v>
      </c>
    </row>
    <row r="12919">
      <c r="A12919" s="1">
        <v>4.90524179E8</v>
      </c>
      <c r="B12919" s="3">
        <v>13643.0</v>
      </c>
      <c r="C12919" s="1" t="s">
        <v>5</v>
      </c>
      <c r="D12919" s="1" t="s">
        <v>11</v>
      </c>
      <c r="E12919" s="1" t="s">
        <v>7</v>
      </c>
    </row>
    <row r="12920">
      <c r="A12920" s="1">
        <v>4.9052418E8</v>
      </c>
      <c r="B12920" s="3">
        <v>13647.0</v>
      </c>
      <c r="C12920" s="1" t="s">
        <v>5</v>
      </c>
      <c r="D12920" s="1" t="s">
        <v>11038</v>
      </c>
      <c r="E12920" s="1" t="s">
        <v>11039</v>
      </c>
    </row>
    <row r="12921">
      <c r="A12921" s="1">
        <v>4.90524185E8</v>
      </c>
      <c r="B12921" s="2">
        <v>13618.0</v>
      </c>
      <c r="C12921" s="1" t="s">
        <v>5</v>
      </c>
      <c r="D12921" s="1" t="s">
        <v>11</v>
      </c>
      <c r="E12921" s="1" t="s">
        <v>7</v>
      </c>
    </row>
    <row r="12922">
      <c r="A12922" s="1">
        <v>4.90524194E8</v>
      </c>
      <c r="B12922" s="3">
        <v>13637.0</v>
      </c>
      <c r="C12922" s="1" t="s">
        <v>5</v>
      </c>
      <c r="D12922" s="1" t="s">
        <v>11040</v>
      </c>
      <c r="E12922" s="1" t="s">
        <v>7</v>
      </c>
    </row>
    <row r="12923">
      <c r="A12923" s="1">
        <v>4.90524264E8</v>
      </c>
      <c r="B12923" s="2">
        <v>13616.0</v>
      </c>
      <c r="C12923" s="1" t="s">
        <v>5</v>
      </c>
      <c r="D12923" s="1" t="s">
        <v>11041</v>
      </c>
      <c r="E12923" s="1" t="s">
        <v>11042</v>
      </c>
    </row>
    <row r="12924">
      <c r="A12924" s="1">
        <v>4.90524294E8</v>
      </c>
      <c r="B12924" s="2">
        <v>13575.0</v>
      </c>
      <c r="C12924" s="1" t="s">
        <v>5</v>
      </c>
      <c r="D12924" s="1" t="s">
        <v>11</v>
      </c>
      <c r="E12924" s="1" t="s">
        <v>7</v>
      </c>
    </row>
    <row r="12925">
      <c r="A12925" s="1">
        <v>4.90524336E8</v>
      </c>
      <c r="B12925" s="2">
        <v>13630.0</v>
      </c>
      <c r="C12925" s="1" t="s">
        <v>5</v>
      </c>
      <c r="D12925" s="1" t="s">
        <v>11</v>
      </c>
      <c r="E12925" s="1" t="s">
        <v>7</v>
      </c>
    </row>
    <row r="12926">
      <c r="A12926" s="1">
        <v>4.90524343E8</v>
      </c>
      <c r="B12926" s="3">
        <v>13643.0</v>
      </c>
      <c r="C12926" s="1" t="s">
        <v>5</v>
      </c>
      <c r="D12926" s="1" t="s">
        <v>11043</v>
      </c>
      <c r="E12926" s="1" t="s">
        <v>11</v>
      </c>
    </row>
    <row r="12927">
      <c r="A12927" s="1">
        <v>4.90524356E8</v>
      </c>
      <c r="B12927" s="3">
        <v>13644.0</v>
      </c>
      <c r="C12927" s="1" t="s">
        <v>5</v>
      </c>
      <c r="D12927" s="1" t="s">
        <v>11044</v>
      </c>
      <c r="E12927" s="1" t="s">
        <v>7</v>
      </c>
    </row>
    <row r="12928">
      <c r="A12928" s="1">
        <v>4.90524357E8</v>
      </c>
      <c r="B12928" s="2">
        <v>13617.0</v>
      </c>
      <c r="C12928" s="1" t="s">
        <v>5</v>
      </c>
      <c r="D12928" s="1" t="s">
        <v>11045</v>
      </c>
      <c r="E12928" s="1" t="s">
        <v>11046</v>
      </c>
    </row>
    <row r="12929">
      <c r="A12929" s="1">
        <v>4.90524409E8</v>
      </c>
      <c r="B12929" s="2">
        <v>13608.0</v>
      </c>
      <c r="C12929" s="1" t="s">
        <v>5</v>
      </c>
      <c r="D12929" s="1" t="s">
        <v>11</v>
      </c>
      <c r="E12929" s="1" t="s">
        <v>7</v>
      </c>
    </row>
    <row r="12930">
      <c r="A12930" s="1">
        <v>4.9052444E8</v>
      </c>
      <c r="B12930" s="3">
        <v>13646.0</v>
      </c>
      <c r="C12930" s="1" t="s">
        <v>5</v>
      </c>
      <c r="D12930" s="1" t="s">
        <v>11</v>
      </c>
      <c r="E12930" s="1" t="s">
        <v>7</v>
      </c>
    </row>
    <row r="12931">
      <c r="A12931" s="1">
        <v>4.9052447E8</v>
      </c>
      <c r="B12931" s="3">
        <v>13636.0</v>
      </c>
      <c r="C12931" s="1" t="s">
        <v>5</v>
      </c>
      <c r="D12931" s="1" t="s">
        <v>11</v>
      </c>
      <c r="E12931" s="1" t="s">
        <v>7</v>
      </c>
    </row>
    <row r="12932">
      <c r="A12932" s="1">
        <v>4.9052456E8</v>
      </c>
      <c r="B12932" s="3">
        <v>13657.0</v>
      </c>
      <c r="C12932" s="1" t="s">
        <v>5</v>
      </c>
      <c r="D12932" s="1" t="s">
        <v>11047</v>
      </c>
      <c r="E12932" s="1" t="s">
        <v>11</v>
      </c>
    </row>
    <row r="12933">
      <c r="A12933" s="1">
        <v>4.90524574E8</v>
      </c>
      <c r="B12933" s="3">
        <v>13643.0</v>
      </c>
      <c r="C12933" s="1" t="s">
        <v>5</v>
      </c>
      <c r="D12933" s="1" t="s">
        <v>11</v>
      </c>
      <c r="E12933" s="1" t="s">
        <v>7</v>
      </c>
    </row>
    <row r="12934">
      <c r="A12934" s="1">
        <v>4.90524654E8</v>
      </c>
      <c r="B12934" s="3">
        <v>13638.0</v>
      </c>
      <c r="C12934" s="1" t="s">
        <v>5</v>
      </c>
      <c r="D12934" s="1" t="s">
        <v>11</v>
      </c>
      <c r="E12934" s="1" t="s">
        <v>7</v>
      </c>
    </row>
    <row r="12935">
      <c r="A12935" s="1">
        <v>4.90524659E8</v>
      </c>
      <c r="B12935" s="2">
        <v>13567.0</v>
      </c>
      <c r="C12935" s="1" t="s">
        <v>5</v>
      </c>
      <c r="D12935" s="1" t="s">
        <v>11048</v>
      </c>
      <c r="E12935" s="1" t="s">
        <v>7</v>
      </c>
    </row>
    <row r="12936">
      <c r="A12936" s="1">
        <v>4.905247E8</v>
      </c>
      <c r="B12936" s="3">
        <v>13639.0</v>
      </c>
      <c r="C12936" s="1" t="s">
        <v>5</v>
      </c>
      <c r="D12936" s="1" t="s">
        <v>11049</v>
      </c>
      <c r="E12936" s="1" t="s">
        <v>11</v>
      </c>
    </row>
    <row r="12937">
      <c r="A12937" s="1">
        <v>4.90524705E8</v>
      </c>
      <c r="B12937" s="3">
        <v>13637.0</v>
      </c>
      <c r="C12937" s="1" t="s">
        <v>5</v>
      </c>
      <c r="D12937" s="1" t="s">
        <v>11050</v>
      </c>
      <c r="E12937" s="1" t="s">
        <v>7</v>
      </c>
    </row>
    <row r="12938">
      <c r="A12938" s="1">
        <v>4.90524741E8</v>
      </c>
      <c r="B12938" s="2">
        <v>13623.0</v>
      </c>
      <c r="C12938" s="1" t="s">
        <v>5</v>
      </c>
      <c r="D12938" s="1" t="s">
        <v>11051</v>
      </c>
      <c r="E12938" s="1" t="s">
        <v>7</v>
      </c>
    </row>
    <row r="12939">
      <c r="A12939" s="1">
        <v>4.90524787E8</v>
      </c>
      <c r="B12939" s="2">
        <v>13567.0</v>
      </c>
      <c r="C12939" s="1" t="s">
        <v>5</v>
      </c>
      <c r="D12939" s="1" t="s">
        <v>11</v>
      </c>
      <c r="E12939" s="1" t="s">
        <v>7</v>
      </c>
    </row>
    <row r="12940">
      <c r="A12940" s="1">
        <v>4.90524806E8</v>
      </c>
      <c r="B12940" s="3">
        <v>13637.0</v>
      </c>
      <c r="C12940" s="1" t="s">
        <v>5</v>
      </c>
      <c r="D12940" s="1" t="s">
        <v>11</v>
      </c>
      <c r="E12940" s="1" t="s">
        <v>7</v>
      </c>
    </row>
    <row r="12941">
      <c r="A12941" s="1">
        <v>4.90524817E8</v>
      </c>
      <c r="B12941" s="2">
        <v>13627.0</v>
      </c>
      <c r="C12941" s="1" t="s">
        <v>5</v>
      </c>
      <c r="D12941" s="1" t="s">
        <v>11052</v>
      </c>
      <c r="E12941" s="1" t="s">
        <v>11053</v>
      </c>
    </row>
    <row r="12942">
      <c r="A12942" s="1">
        <v>4.90524854E8</v>
      </c>
      <c r="B12942" s="2">
        <v>13633.0</v>
      </c>
      <c r="C12942" s="1" t="s">
        <v>5</v>
      </c>
      <c r="D12942" s="1" t="s">
        <v>11054</v>
      </c>
      <c r="E12942" s="1" t="s">
        <v>7</v>
      </c>
    </row>
    <row r="12943">
      <c r="A12943" s="1">
        <v>4.90524859E8</v>
      </c>
      <c r="B12943" s="3">
        <v>13639.0</v>
      </c>
      <c r="C12943" s="1" t="s">
        <v>5</v>
      </c>
      <c r="D12943" s="1" t="s">
        <v>11055</v>
      </c>
      <c r="E12943" s="1" t="s">
        <v>7</v>
      </c>
    </row>
    <row r="12944">
      <c r="A12944" s="1">
        <v>4.90524901E8</v>
      </c>
      <c r="B12944" s="2">
        <v>13615.0</v>
      </c>
      <c r="C12944" s="1" t="s">
        <v>5</v>
      </c>
      <c r="D12944" s="1" t="s">
        <v>11056</v>
      </c>
      <c r="E12944" s="1" t="s">
        <v>11</v>
      </c>
    </row>
    <row r="12945">
      <c r="A12945" s="1">
        <v>4.90524943E8</v>
      </c>
      <c r="B12945" s="2">
        <v>13566.0</v>
      </c>
      <c r="C12945" s="1" t="s">
        <v>5</v>
      </c>
      <c r="D12945" s="1" t="s">
        <v>11</v>
      </c>
      <c r="E12945" s="1" t="s">
        <v>7</v>
      </c>
    </row>
    <row r="12946">
      <c r="A12946" s="1">
        <v>4.90524959E8</v>
      </c>
      <c r="B12946" s="2">
        <v>13627.0</v>
      </c>
      <c r="C12946" s="1" t="s">
        <v>5</v>
      </c>
      <c r="D12946" s="1" t="s">
        <v>11057</v>
      </c>
      <c r="E12946" s="1" t="s">
        <v>7</v>
      </c>
    </row>
    <row r="12947">
      <c r="A12947" s="1">
        <v>4.9052499E8</v>
      </c>
      <c r="B12947" s="2">
        <v>13578.0</v>
      </c>
      <c r="C12947" s="1" t="s">
        <v>5</v>
      </c>
      <c r="D12947" s="1" t="s">
        <v>11058</v>
      </c>
      <c r="E12947" s="1" t="s">
        <v>11059</v>
      </c>
    </row>
    <row r="12948">
      <c r="A12948" s="1">
        <v>4.90524995E8</v>
      </c>
      <c r="B12948" s="2">
        <v>13565.0</v>
      </c>
      <c r="C12948" s="1" t="s">
        <v>5</v>
      </c>
      <c r="D12948" s="1" t="s">
        <v>11060</v>
      </c>
      <c r="E12948" s="1" t="s">
        <v>7</v>
      </c>
    </row>
    <row r="12949">
      <c r="A12949" s="1">
        <v>4.90525094E8</v>
      </c>
      <c r="B12949" s="2">
        <v>13629.0</v>
      </c>
      <c r="C12949" s="1" t="s">
        <v>5</v>
      </c>
      <c r="D12949" s="1" t="s">
        <v>11061</v>
      </c>
      <c r="E12949" s="1" t="s">
        <v>11</v>
      </c>
    </row>
    <row r="12950">
      <c r="A12950" s="1">
        <v>4.90525233E8</v>
      </c>
      <c r="B12950" s="2">
        <v>13577.0</v>
      </c>
      <c r="C12950" s="1" t="s">
        <v>5</v>
      </c>
      <c r="D12950" s="1" t="s">
        <v>11062</v>
      </c>
      <c r="E12950" s="1" t="s">
        <v>7</v>
      </c>
    </row>
    <row r="12951">
      <c r="A12951" s="1">
        <v>4.90525259E8</v>
      </c>
      <c r="B12951" s="3">
        <v>13637.0</v>
      </c>
      <c r="C12951" s="1" t="s">
        <v>5</v>
      </c>
      <c r="D12951" s="1" t="s">
        <v>11063</v>
      </c>
      <c r="E12951" s="1" t="s">
        <v>7</v>
      </c>
    </row>
    <row r="12952">
      <c r="A12952" s="1">
        <v>4.90525263E8</v>
      </c>
      <c r="B12952" s="2">
        <v>13630.0</v>
      </c>
      <c r="C12952" s="1" t="s">
        <v>5</v>
      </c>
      <c r="D12952" s="1" t="s">
        <v>11064</v>
      </c>
      <c r="E12952" s="1" t="s">
        <v>11065</v>
      </c>
    </row>
    <row r="12953">
      <c r="A12953" s="1">
        <v>4.90525274E8</v>
      </c>
      <c r="B12953" s="2">
        <v>13695.0</v>
      </c>
      <c r="C12953" s="1" t="s">
        <v>5</v>
      </c>
      <c r="D12953" s="1" t="s">
        <v>11</v>
      </c>
      <c r="E12953" s="1" t="s">
        <v>7</v>
      </c>
    </row>
    <row r="12954">
      <c r="A12954" s="1">
        <v>4.90525279E8</v>
      </c>
      <c r="B12954" s="3">
        <v>13636.0</v>
      </c>
      <c r="C12954" s="1" t="s">
        <v>5</v>
      </c>
      <c r="D12954" s="1" t="s">
        <v>11066</v>
      </c>
      <c r="E12954" s="1" t="s">
        <v>11</v>
      </c>
    </row>
    <row r="12955">
      <c r="A12955" s="1">
        <v>4.90525308E8</v>
      </c>
      <c r="B12955" s="2">
        <v>13695.0</v>
      </c>
      <c r="C12955" s="1" t="s">
        <v>5</v>
      </c>
      <c r="D12955" s="1" t="s">
        <v>11067</v>
      </c>
      <c r="E12955" s="1" t="s">
        <v>7</v>
      </c>
    </row>
    <row r="12956">
      <c r="A12956" s="1">
        <v>4.90525317E8</v>
      </c>
      <c r="B12956" s="2">
        <v>13626.0</v>
      </c>
      <c r="C12956" s="1" t="s">
        <v>5</v>
      </c>
      <c r="D12956" s="1" t="s">
        <v>11</v>
      </c>
      <c r="E12956" s="1" t="s">
        <v>7</v>
      </c>
    </row>
    <row r="12957">
      <c r="A12957" s="1">
        <v>4.90525373E8</v>
      </c>
      <c r="B12957" s="2">
        <v>13609.0</v>
      </c>
      <c r="C12957" s="1" t="s">
        <v>5</v>
      </c>
      <c r="D12957" s="1" t="s">
        <v>11068</v>
      </c>
      <c r="E12957" s="1" t="s">
        <v>7</v>
      </c>
    </row>
    <row r="12958">
      <c r="A12958" s="1">
        <v>4.90525381E8</v>
      </c>
      <c r="B12958" s="2">
        <v>13619.0</v>
      </c>
      <c r="C12958" s="1" t="s">
        <v>5</v>
      </c>
      <c r="D12958" s="1" t="s">
        <v>11069</v>
      </c>
      <c r="E12958" s="1" t="s">
        <v>7</v>
      </c>
    </row>
    <row r="12959">
      <c r="A12959" s="1">
        <v>4.90525384E8</v>
      </c>
      <c r="B12959" s="2">
        <v>13614.0</v>
      </c>
      <c r="C12959" s="1" t="s">
        <v>5</v>
      </c>
      <c r="D12959" s="1" t="s">
        <v>11070</v>
      </c>
      <c r="E12959" s="1" t="s">
        <v>11</v>
      </c>
    </row>
    <row r="12960">
      <c r="A12960" s="1">
        <v>4.90525418E8</v>
      </c>
      <c r="B12960" s="2">
        <v>13626.0</v>
      </c>
      <c r="C12960" s="1" t="s">
        <v>5</v>
      </c>
      <c r="D12960" s="1" t="s">
        <v>11071</v>
      </c>
      <c r="E12960" s="1" t="s">
        <v>11</v>
      </c>
    </row>
    <row r="12961">
      <c r="A12961" s="1">
        <v>4.90525428E8</v>
      </c>
      <c r="B12961" s="2">
        <v>13696.0</v>
      </c>
      <c r="C12961" s="1" t="s">
        <v>5</v>
      </c>
      <c r="D12961" s="1" t="s">
        <v>11</v>
      </c>
      <c r="E12961" s="1" t="s">
        <v>7</v>
      </c>
    </row>
    <row r="12962">
      <c r="A12962" s="1">
        <v>4.90525454E8</v>
      </c>
      <c r="B12962" s="2">
        <v>13619.0</v>
      </c>
      <c r="C12962" s="1" t="s">
        <v>5</v>
      </c>
      <c r="D12962" s="1" t="s">
        <v>11</v>
      </c>
      <c r="E12962" s="1" t="s">
        <v>7</v>
      </c>
    </row>
    <row r="12963">
      <c r="A12963" s="1">
        <v>4.90525489E8</v>
      </c>
      <c r="B12963" s="2">
        <v>13618.0</v>
      </c>
      <c r="C12963" s="1" t="s">
        <v>5</v>
      </c>
      <c r="D12963" s="1" t="s">
        <v>11072</v>
      </c>
      <c r="E12963" s="1" t="s">
        <v>7</v>
      </c>
    </row>
    <row r="12964">
      <c r="A12964" s="1">
        <v>4.90525557E8</v>
      </c>
      <c r="B12964" s="2">
        <v>13620.0</v>
      </c>
      <c r="C12964" s="1" t="s">
        <v>5</v>
      </c>
      <c r="D12964" s="1" t="s">
        <v>11073</v>
      </c>
      <c r="E12964" s="1" t="s">
        <v>11</v>
      </c>
    </row>
    <row r="12965">
      <c r="A12965" s="1">
        <v>4.90525559E8</v>
      </c>
      <c r="B12965" s="2">
        <v>13688.0</v>
      </c>
      <c r="C12965" s="1" t="s">
        <v>5</v>
      </c>
      <c r="D12965" s="1" t="s">
        <v>11074</v>
      </c>
      <c r="E12965" s="1" t="s">
        <v>7</v>
      </c>
    </row>
    <row r="12966">
      <c r="A12966" s="1">
        <v>4.90525574E8</v>
      </c>
      <c r="B12966" s="2">
        <v>13618.0</v>
      </c>
      <c r="C12966" s="1" t="s">
        <v>5</v>
      </c>
      <c r="D12966" s="1" t="s">
        <v>11075</v>
      </c>
      <c r="E12966" s="1" t="s">
        <v>7</v>
      </c>
    </row>
    <row r="12967">
      <c r="A12967" s="1">
        <v>4.9052558E8</v>
      </c>
      <c r="B12967" s="3">
        <v>13637.0</v>
      </c>
      <c r="C12967" s="1" t="s">
        <v>5</v>
      </c>
      <c r="D12967" s="1" t="s">
        <v>11076</v>
      </c>
      <c r="E12967" s="1" t="s">
        <v>7</v>
      </c>
    </row>
    <row r="12968">
      <c r="A12968" s="1">
        <v>4.90525593E8</v>
      </c>
      <c r="B12968" s="2">
        <v>13624.0</v>
      </c>
      <c r="C12968" s="1" t="s">
        <v>5</v>
      </c>
      <c r="D12968" s="1" t="s">
        <v>11077</v>
      </c>
      <c r="E12968" s="1" t="s">
        <v>7</v>
      </c>
    </row>
    <row r="12969">
      <c r="A12969" s="1">
        <v>4.9052561E8</v>
      </c>
      <c r="B12969" s="2">
        <v>13608.0</v>
      </c>
      <c r="C12969" s="1" t="s">
        <v>5</v>
      </c>
      <c r="D12969" s="1" t="s">
        <v>11078</v>
      </c>
      <c r="E12969" s="1" t="s">
        <v>7</v>
      </c>
    </row>
    <row r="12970">
      <c r="A12970" s="1">
        <v>4.90525619E8</v>
      </c>
      <c r="B12970" s="2">
        <v>13668.0</v>
      </c>
      <c r="C12970" s="1" t="s">
        <v>5</v>
      </c>
      <c r="D12970" s="1" t="s">
        <v>11079</v>
      </c>
      <c r="E12970" s="1" t="s">
        <v>11080</v>
      </c>
    </row>
    <row r="12971">
      <c r="A12971" s="1">
        <v>4.9052563E8</v>
      </c>
      <c r="B12971" s="3">
        <v>13637.0</v>
      </c>
      <c r="C12971" s="1" t="s">
        <v>5</v>
      </c>
      <c r="D12971" s="1" t="s">
        <v>11081</v>
      </c>
      <c r="E12971" s="1" t="s">
        <v>11</v>
      </c>
    </row>
    <row r="12972">
      <c r="A12972" s="1">
        <v>4.90525659E8</v>
      </c>
      <c r="B12972" s="3">
        <v>13659.0</v>
      </c>
      <c r="C12972" s="1" t="s">
        <v>5</v>
      </c>
      <c r="D12972" s="1" t="s">
        <v>11</v>
      </c>
      <c r="E12972" s="1" t="s">
        <v>7</v>
      </c>
    </row>
    <row r="12973">
      <c r="A12973" s="1">
        <v>4.90525661E8</v>
      </c>
      <c r="B12973" s="2">
        <v>13625.0</v>
      </c>
      <c r="C12973" s="1" t="s">
        <v>5</v>
      </c>
      <c r="D12973" s="1" t="s">
        <v>11082</v>
      </c>
      <c r="E12973" s="1" t="s">
        <v>11083</v>
      </c>
    </row>
    <row r="12974">
      <c r="A12974" s="1">
        <v>4.90525715E8</v>
      </c>
      <c r="B12974" s="2">
        <v>13608.0</v>
      </c>
      <c r="C12974" s="1" t="s">
        <v>5</v>
      </c>
      <c r="D12974" s="1" t="s">
        <v>11084</v>
      </c>
      <c r="E12974" s="1" t="s">
        <v>11</v>
      </c>
    </row>
    <row r="12975">
      <c r="A12975" s="1">
        <v>4.90525729E8</v>
      </c>
      <c r="B12975" s="3">
        <v>13658.0</v>
      </c>
      <c r="C12975" s="1" t="s">
        <v>5</v>
      </c>
      <c r="D12975" s="1" t="s">
        <v>11085</v>
      </c>
      <c r="E12975" s="1" t="s">
        <v>11086</v>
      </c>
    </row>
    <row r="12976">
      <c r="A12976" s="1">
        <v>4.90525757E8</v>
      </c>
      <c r="B12976" s="3">
        <v>13642.0</v>
      </c>
      <c r="C12976" s="1" t="s">
        <v>5</v>
      </c>
      <c r="D12976" s="1" t="s">
        <v>11087</v>
      </c>
      <c r="E12976" s="1" t="s">
        <v>11</v>
      </c>
    </row>
    <row r="12977">
      <c r="A12977" s="1">
        <v>4.90525766E8</v>
      </c>
      <c r="B12977" s="2">
        <v>13696.0</v>
      </c>
      <c r="C12977" s="1" t="s">
        <v>5</v>
      </c>
      <c r="D12977" s="1" t="s">
        <v>11088</v>
      </c>
      <c r="E12977" s="1" t="s">
        <v>11</v>
      </c>
    </row>
    <row r="12978">
      <c r="A12978" s="1">
        <v>4.90525779E8</v>
      </c>
      <c r="B12978" s="2">
        <v>13617.0</v>
      </c>
      <c r="C12978" s="1" t="s">
        <v>5</v>
      </c>
      <c r="D12978" s="1" t="s">
        <v>11089</v>
      </c>
      <c r="E12978" s="1" t="s">
        <v>7</v>
      </c>
    </row>
    <row r="12979">
      <c r="A12979" s="1">
        <v>4.90525819E8</v>
      </c>
      <c r="B12979" s="2">
        <v>13694.0</v>
      </c>
      <c r="C12979" s="1" t="s">
        <v>5</v>
      </c>
      <c r="D12979" s="1" t="s">
        <v>11090</v>
      </c>
      <c r="E12979" s="1" t="s">
        <v>11091</v>
      </c>
    </row>
    <row r="12980">
      <c r="A12980" s="1">
        <v>4.90525835E8</v>
      </c>
      <c r="B12980" s="3">
        <v>13636.0</v>
      </c>
      <c r="C12980" s="1" t="s">
        <v>5</v>
      </c>
      <c r="D12980" s="1" t="s">
        <v>11092</v>
      </c>
      <c r="E12980" s="1" t="s">
        <v>11</v>
      </c>
    </row>
    <row r="12981">
      <c r="A12981" s="1">
        <v>4.9052584E8</v>
      </c>
      <c r="B12981" s="2">
        <v>13612.0</v>
      </c>
      <c r="C12981" s="1" t="s">
        <v>5</v>
      </c>
      <c r="D12981" s="1" t="s">
        <v>11093</v>
      </c>
      <c r="E12981" s="1" t="s">
        <v>11</v>
      </c>
    </row>
    <row r="12982">
      <c r="A12982" s="1">
        <v>4.90525863E8</v>
      </c>
      <c r="B12982" s="3">
        <v>13642.0</v>
      </c>
      <c r="C12982" s="1" t="s">
        <v>5</v>
      </c>
      <c r="D12982" s="1" t="s">
        <v>11094</v>
      </c>
      <c r="E12982" s="1" t="s">
        <v>11</v>
      </c>
    </row>
    <row r="12983">
      <c r="A12983" s="1">
        <v>4.9052589E8</v>
      </c>
      <c r="B12983" s="2">
        <v>13686.0</v>
      </c>
      <c r="C12983" s="1" t="s">
        <v>5</v>
      </c>
      <c r="D12983" s="1" t="s">
        <v>11095</v>
      </c>
      <c r="E12983" s="1" t="s">
        <v>11096</v>
      </c>
    </row>
    <row r="12984">
      <c r="A12984" s="1">
        <v>4.90525897E8</v>
      </c>
      <c r="B12984" s="2">
        <v>13575.0</v>
      </c>
      <c r="C12984" s="1" t="s">
        <v>5</v>
      </c>
      <c r="D12984" s="1" t="s">
        <v>11097</v>
      </c>
      <c r="E12984" s="1" t="s">
        <v>7</v>
      </c>
    </row>
    <row r="12985">
      <c r="A12985" s="1">
        <v>4.90525909E8</v>
      </c>
      <c r="B12985" s="2">
        <v>13693.0</v>
      </c>
      <c r="C12985" s="1" t="s">
        <v>5</v>
      </c>
      <c r="D12985" s="1" t="s">
        <v>11098</v>
      </c>
      <c r="E12985" s="1" t="s">
        <v>7</v>
      </c>
    </row>
    <row r="12986">
      <c r="A12986" s="1">
        <v>4.90525926E8</v>
      </c>
      <c r="B12986" s="3">
        <v>13664.0</v>
      </c>
      <c r="C12986" s="1" t="s">
        <v>5</v>
      </c>
      <c r="D12986" s="1" t="s">
        <v>11099</v>
      </c>
      <c r="E12986" s="1" t="s">
        <v>11</v>
      </c>
    </row>
    <row r="12987">
      <c r="A12987" s="1">
        <v>4.90525969E8</v>
      </c>
      <c r="B12987" s="2">
        <v>13627.0</v>
      </c>
      <c r="C12987" s="1" t="s">
        <v>5</v>
      </c>
      <c r="D12987" s="1" t="s">
        <v>11100</v>
      </c>
      <c r="E12987" s="1" t="s">
        <v>11101</v>
      </c>
    </row>
    <row r="12988">
      <c r="A12988" s="1">
        <v>4.90525974E8</v>
      </c>
      <c r="B12988" s="2">
        <v>13686.0</v>
      </c>
      <c r="C12988" s="1" t="s">
        <v>5</v>
      </c>
      <c r="D12988" s="1" t="s">
        <v>11102</v>
      </c>
      <c r="E12988" s="1" t="s">
        <v>7</v>
      </c>
    </row>
    <row r="12989">
      <c r="A12989" s="1">
        <v>4.90526017E8</v>
      </c>
      <c r="B12989" s="2">
        <v>13689.0</v>
      </c>
      <c r="C12989" s="1" t="s">
        <v>5</v>
      </c>
      <c r="D12989" s="1" t="s">
        <v>11103</v>
      </c>
      <c r="E12989" s="1" t="s">
        <v>11</v>
      </c>
    </row>
    <row r="12990">
      <c r="A12990" s="1">
        <v>4.90526065E8</v>
      </c>
      <c r="B12990" s="2">
        <v>13620.0</v>
      </c>
      <c r="C12990" s="1" t="s">
        <v>5</v>
      </c>
      <c r="D12990" s="1" t="s">
        <v>11</v>
      </c>
      <c r="E12990" s="1" t="s">
        <v>7</v>
      </c>
    </row>
    <row r="12991">
      <c r="A12991" s="1">
        <v>4.90526077E8</v>
      </c>
      <c r="B12991" s="2">
        <v>13687.0</v>
      </c>
      <c r="C12991" s="1" t="s">
        <v>5</v>
      </c>
      <c r="D12991" s="1" t="s">
        <v>11104</v>
      </c>
      <c r="E12991" s="1" t="s">
        <v>11105</v>
      </c>
    </row>
    <row r="12992">
      <c r="A12992" s="1">
        <v>4.90526097E8</v>
      </c>
      <c r="B12992" s="2">
        <v>13615.0</v>
      </c>
      <c r="C12992" s="1" t="s">
        <v>5</v>
      </c>
      <c r="D12992" s="1" t="s">
        <v>11106</v>
      </c>
      <c r="E12992" s="1" t="s">
        <v>11</v>
      </c>
    </row>
    <row r="12993">
      <c r="A12993" s="1">
        <v>4.90526115E8</v>
      </c>
      <c r="B12993" s="3">
        <v>13639.0</v>
      </c>
      <c r="C12993" s="1" t="s">
        <v>5</v>
      </c>
      <c r="D12993" s="1" t="s">
        <v>11107</v>
      </c>
      <c r="E12993" s="1" t="s">
        <v>11108</v>
      </c>
    </row>
    <row r="12994">
      <c r="A12994" s="1">
        <v>4.90526132E8</v>
      </c>
      <c r="B12994" s="3">
        <v>13646.0</v>
      </c>
      <c r="C12994" s="1" t="s">
        <v>5</v>
      </c>
      <c r="D12994" s="1" t="s">
        <v>11109</v>
      </c>
      <c r="E12994" s="1" t="s">
        <v>7</v>
      </c>
    </row>
    <row r="12995">
      <c r="A12995" s="1">
        <v>4.9052616E8</v>
      </c>
      <c r="B12995" s="3">
        <v>13645.0</v>
      </c>
      <c r="C12995" s="1" t="s">
        <v>5</v>
      </c>
      <c r="D12995" s="1" t="s">
        <v>11110</v>
      </c>
      <c r="E12995" s="1" t="s">
        <v>11111</v>
      </c>
    </row>
    <row r="12996">
      <c r="A12996" s="1">
        <v>4.90526179E8</v>
      </c>
      <c r="B12996" s="2">
        <v>13617.0</v>
      </c>
      <c r="C12996" s="1" t="s">
        <v>5</v>
      </c>
      <c r="D12996" s="1" t="s">
        <v>11112</v>
      </c>
      <c r="E12996" s="1" t="s">
        <v>11113</v>
      </c>
    </row>
    <row r="12997">
      <c r="A12997" s="1">
        <v>4.90526197E8</v>
      </c>
      <c r="B12997" s="3">
        <v>13649.0</v>
      </c>
      <c r="C12997" s="1" t="s">
        <v>5</v>
      </c>
      <c r="D12997" s="1" t="s">
        <v>11114</v>
      </c>
      <c r="E12997" s="1" t="s">
        <v>11</v>
      </c>
    </row>
    <row r="12998">
      <c r="A12998" s="1">
        <v>4.90526198E8</v>
      </c>
      <c r="B12998" s="2">
        <v>13609.0</v>
      </c>
      <c r="C12998" s="1" t="s">
        <v>5</v>
      </c>
      <c r="D12998" s="1" t="s">
        <v>11115</v>
      </c>
      <c r="E12998" s="1" t="s">
        <v>11</v>
      </c>
    </row>
    <row r="12999">
      <c r="A12999" s="1">
        <v>4.90526201E8</v>
      </c>
      <c r="B12999" s="2">
        <v>13694.0</v>
      </c>
      <c r="C12999" s="1" t="s">
        <v>5</v>
      </c>
      <c r="D12999" s="1" t="s">
        <v>11</v>
      </c>
      <c r="E12999" s="1" t="s">
        <v>7</v>
      </c>
    </row>
    <row r="13000">
      <c r="A13000" s="1">
        <v>4.90526232E8</v>
      </c>
      <c r="B13000" s="2">
        <v>13614.0</v>
      </c>
      <c r="C13000" s="1" t="s">
        <v>5</v>
      </c>
      <c r="D13000" s="1" t="s">
        <v>11116</v>
      </c>
      <c r="E13000" s="1" t="s">
        <v>7</v>
      </c>
    </row>
    <row r="13001">
      <c r="A13001" s="1">
        <v>4.90526262E8</v>
      </c>
      <c r="B13001" s="2">
        <v>13692.0</v>
      </c>
      <c r="C13001" s="1" t="s">
        <v>5</v>
      </c>
      <c r="D13001" s="1" t="s">
        <v>11</v>
      </c>
      <c r="E13001" s="1" t="s">
        <v>7</v>
      </c>
    </row>
    <row r="13002">
      <c r="A13002" s="1">
        <v>4.90526304E8</v>
      </c>
      <c r="B13002" s="2">
        <v>13695.0</v>
      </c>
      <c r="C13002" s="1" t="s">
        <v>5</v>
      </c>
      <c r="D13002" s="1" t="s">
        <v>11117</v>
      </c>
      <c r="E13002" s="1" t="s">
        <v>7</v>
      </c>
    </row>
    <row r="13003">
      <c r="A13003" s="1">
        <v>4.90526319E8</v>
      </c>
      <c r="B13003" s="2">
        <v>13693.0</v>
      </c>
      <c r="C13003" s="1" t="s">
        <v>5</v>
      </c>
      <c r="D13003" s="1" t="s">
        <v>11</v>
      </c>
      <c r="E13003" s="1" t="s">
        <v>7</v>
      </c>
    </row>
    <row r="13004">
      <c r="A13004" s="1">
        <v>4.9052636E8</v>
      </c>
      <c r="B13004" s="2">
        <v>13686.0</v>
      </c>
      <c r="C13004" s="1" t="s">
        <v>5</v>
      </c>
      <c r="D13004" s="1" t="s">
        <v>11118</v>
      </c>
      <c r="E13004" s="1" t="s">
        <v>7</v>
      </c>
    </row>
    <row r="13005">
      <c r="A13005" s="1">
        <v>4.90526384E8</v>
      </c>
      <c r="B13005" s="2">
        <v>13622.0</v>
      </c>
      <c r="C13005" s="1" t="s">
        <v>5</v>
      </c>
      <c r="D13005" s="1" t="s">
        <v>11119</v>
      </c>
      <c r="E13005" s="1" t="s">
        <v>7</v>
      </c>
    </row>
    <row r="13006">
      <c r="A13006" s="1">
        <v>4.90526465E8</v>
      </c>
      <c r="B13006" s="3">
        <v>13660.0</v>
      </c>
      <c r="C13006" s="1" t="s">
        <v>5</v>
      </c>
      <c r="D13006" s="1" t="s">
        <v>11120</v>
      </c>
      <c r="E13006" s="1" t="s">
        <v>11</v>
      </c>
    </row>
    <row r="13007">
      <c r="A13007" s="1">
        <v>4.90526486E8</v>
      </c>
      <c r="B13007" s="2">
        <v>13613.0</v>
      </c>
      <c r="C13007" s="1" t="s">
        <v>5</v>
      </c>
      <c r="D13007" s="1" t="s">
        <v>11121</v>
      </c>
      <c r="E13007" s="1" t="s">
        <v>11</v>
      </c>
    </row>
    <row r="13008">
      <c r="A13008" s="1">
        <v>4.90526487E8</v>
      </c>
      <c r="B13008" s="3">
        <v>13644.0</v>
      </c>
      <c r="C13008" s="1" t="s">
        <v>5</v>
      </c>
      <c r="D13008" s="1" t="s">
        <v>11122</v>
      </c>
      <c r="E13008" s="1" t="s">
        <v>11</v>
      </c>
    </row>
    <row r="13009">
      <c r="A13009" s="1">
        <v>4.90526527E8</v>
      </c>
      <c r="B13009" s="2">
        <v>13680.0</v>
      </c>
      <c r="C13009" s="1" t="s">
        <v>5</v>
      </c>
      <c r="D13009" s="1" t="s">
        <v>11</v>
      </c>
      <c r="E13009" s="1" t="s">
        <v>7</v>
      </c>
    </row>
    <row r="13010">
      <c r="A13010" s="1">
        <v>4.90526573E8</v>
      </c>
      <c r="B13010" s="2">
        <v>13620.0</v>
      </c>
      <c r="C13010" s="1" t="s">
        <v>5</v>
      </c>
      <c r="D13010" s="1" t="s">
        <v>11123</v>
      </c>
      <c r="E13010" s="1" t="s">
        <v>7</v>
      </c>
    </row>
    <row r="13011">
      <c r="A13011" s="1">
        <v>4.90526585E8</v>
      </c>
      <c r="B13011" s="2">
        <v>13610.0</v>
      </c>
      <c r="C13011" s="1" t="s">
        <v>5</v>
      </c>
      <c r="D13011" s="1" t="s">
        <v>11124</v>
      </c>
      <c r="E13011" s="1" t="s">
        <v>7</v>
      </c>
    </row>
    <row r="13012">
      <c r="A13012" s="1">
        <v>4.90526607E8</v>
      </c>
      <c r="B13012" s="2">
        <v>13686.0</v>
      </c>
      <c r="C13012" s="1" t="s">
        <v>5</v>
      </c>
      <c r="D13012" s="1" t="s">
        <v>11</v>
      </c>
      <c r="E13012" s="1" t="s">
        <v>7</v>
      </c>
    </row>
    <row r="13013">
      <c r="A13013" s="1">
        <v>4.9052663E8</v>
      </c>
      <c r="B13013" s="2">
        <v>13686.0</v>
      </c>
      <c r="C13013" s="1" t="s">
        <v>5</v>
      </c>
      <c r="D13013" s="1" t="s">
        <v>11</v>
      </c>
      <c r="E13013" s="1" t="s">
        <v>7</v>
      </c>
    </row>
    <row r="13014">
      <c r="A13014" s="1">
        <v>4.905267E8</v>
      </c>
      <c r="B13014" s="2">
        <v>13686.0</v>
      </c>
      <c r="C13014" s="1" t="s">
        <v>5</v>
      </c>
      <c r="D13014" s="1" t="s">
        <v>11125</v>
      </c>
      <c r="E13014" s="1" t="s">
        <v>7</v>
      </c>
    </row>
    <row r="13015">
      <c r="A13015" s="1">
        <v>4.90526701E8</v>
      </c>
      <c r="B13015" s="2">
        <v>13616.0</v>
      </c>
      <c r="C13015" s="1" t="s">
        <v>5</v>
      </c>
      <c r="D13015" s="1" t="s">
        <v>11126</v>
      </c>
      <c r="E13015" s="1" t="s">
        <v>11127</v>
      </c>
    </row>
    <row r="13016">
      <c r="A13016" s="1">
        <v>4.90526729E8</v>
      </c>
      <c r="B13016" s="2">
        <v>13615.0</v>
      </c>
      <c r="C13016" s="1" t="s">
        <v>5</v>
      </c>
      <c r="D13016" s="1" t="s">
        <v>11128</v>
      </c>
      <c r="E13016" s="1" t="s">
        <v>11</v>
      </c>
    </row>
    <row r="13017">
      <c r="A13017" s="1">
        <v>4.90526734E8</v>
      </c>
      <c r="B13017" s="2">
        <v>13630.0</v>
      </c>
      <c r="C13017" s="1" t="s">
        <v>5</v>
      </c>
      <c r="D13017" s="1" t="s">
        <v>11129</v>
      </c>
      <c r="E13017" s="1" t="s">
        <v>7</v>
      </c>
    </row>
    <row r="13018">
      <c r="A13018" s="1">
        <v>4.90526763E8</v>
      </c>
      <c r="B13018" s="2">
        <v>13612.0</v>
      </c>
      <c r="C13018" s="1" t="s">
        <v>5</v>
      </c>
      <c r="D13018" s="1" t="s">
        <v>11130</v>
      </c>
      <c r="E13018" s="1" t="s">
        <v>7</v>
      </c>
    </row>
    <row r="13019">
      <c r="A13019" s="1">
        <v>4.90526774E8</v>
      </c>
      <c r="B13019" s="2">
        <v>13668.0</v>
      </c>
      <c r="C13019" s="1" t="s">
        <v>5</v>
      </c>
      <c r="D13019" s="1" t="s">
        <v>11131</v>
      </c>
      <c r="E13019" s="1" t="s">
        <v>7</v>
      </c>
    </row>
    <row r="13020">
      <c r="A13020" s="1">
        <v>4.90526795E8</v>
      </c>
      <c r="B13020" s="2">
        <v>13619.0</v>
      </c>
      <c r="C13020" s="1" t="s">
        <v>5</v>
      </c>
      <c r="D13020" s="1" t="s">
        <v>11132</v>
      </c>
      <c r="E13020" s="1" t="s">
        <v>7</v>
      </c>
    </row>
    <row r="13021">
      <c r="A13021" s="1">
        <v>4.90526819E8</v>
      </c>
      <c r="B13021" s="3">
        <v>13665.0</v>
      </c>
      <c r="C13021" s="1" t="s">
        <v>5</v>
      </c>
      <c r="D13021" s="1" t="s">
        <v>11133</v>
      </c>
      <c r="E13021" s="1" t="s">
        <v>7</v>
      </c>
    </row>
    <row r="13022">
      <c r="A13022" s="1">
        <v>4.90526825E8</v>
      </c>
      <c r="B13022" s="2">
        <v>13682.0</v>
      </c>
      <c r="C13022" s="1" t="s">
        <v>5</v>
      </c>
      <c r="D13022" s="1" t="s">
        <v>11134</v>
      </c>
      <c r="E13022" s="1" t="s">
        <v>11</v>
      </c>
    </row>
    <row r="13023">
      <c r="A13023" s="1">
        <v>4.9052684E8</v>
      </c>
      <c r="B13023" s="2">
        <v>13685.0</v>
      </c>
      <c r="C13023" s="1" t="s">
        <v>5</v>
      </c>
      <c r="D13023" s="1" t="s">
        <v>11135</v>
      </c>
      <c r="E13023" s="1" t="s">
        <v>11</v>
      </c>
    </row>
    <row r="13024">
      <c r="A13024" s="1">
        <v>4.90526894E8</v>
      </c>
      <c r="B13024" s="2">
        <v>13689.0</v>
      </c>
      <c r="C13024" s="1" t="s">
        <v>5</v>
      </c>
      <c r="D13024" s="1" t="s">
        <v>7</v>
      </c>
      <c r="E13024" s="1" t="s">
        <v>7</v>
      </c>
    </row>
    <row r="13025">
      <c r="A13025" s="1">
        <v>4.90526906E8</v>
      </c>
      <c r="B13025" s="3">
        <v>13638.0</v>
      </c>
      <c r="C13025" s="1" t="s">
        <v>5</v>
      </c>
      <c r="D13025" s="1" t="s">
        <v>11136</v>
      </c>
      <c r="E13025" s="1" t="s">
        <v>7</v>
      </c>
    </row>
    <row r="13026">
      <c r="A13026" s="1">
        <v>4.90526969E8</v>
      </c>
      <c r="B13026" s="3">
        <v>13649.0</v>
      </c>
      <c r="C13026" s="1" t="s">
        <v>5</v>
      </c>
      <c r="D13026" s="1" t="s">
        <v>11137</v>
      </c>
      <c r="E13026" s="1" t="s">
        <v>7</v>
      </c>
    </row>
    <row r="13027">
      <c r="A13027" s="1">
        <v>4.90527011E8</v>
      </c>
      <c r="B13027" s="2">
        <v>13691.0</v>
      </c>
      <c r="C13027" s="1" t="s">
        <v>5</v>
      </c>
      <c r="D13027" s="1" t="s">
        <v>11</v>
      </c>
      <c r="E13027" s="1" t="s">
        <v>7</v>
      </c>
    </row>
    <row r="13028">
      <c r="A13028" s="1">
        <v>4.90527035E8</v>
      </c>
      <c r="B13028" s="3">
        <v>13638.0</v>
      </c>
      <c r="C13028" s="1" t="s">
        <v>5</v>
      </c>
      <c r="D13028" s="1" t="s">
        <v>11138</v>
      </c>
      <c r="E13028" s="1" t="s">
        <v>7</v>
      </c>
    </row>
    <row r="13029">
      <c r="A13029" s="1">
        <v>4.90527079E8</v>
      </c>
      <c r="B13029" s="2">
        <v>13621.0</v>
      </c>
      <c r="C13029" s="1" t="s">
        <v>5</v>
      </c>
      <c r="D13029" s="1" t="s">
        <v>11139</v>
      </c>
      <c r="E13029" s="1" t="s">
        <v>7</v>
      </c>
    </row>
    <row r="13030">
      <c r="A13030" s="1">
        <v>4.9052712E8</v>
      </c>
      <c r="B13030" s="2">
        <v>13609.0</v>
      </c>
      <c r="C13030" s="1" t="s">
        <v>5</v>
      </c>
      <c r="D13030" s="1" t="s">
        <v>11</v>
      </c>
      <c r="E13030" s="1" t="s">
        <v>7</v>
      </c>
    </row>
    <row r="13031">
      <c r="A13031" s="1">
        <v>4.90527134E8</v>
      </c>
      <c r="B13031" s="2">
        <v>13620.0</v>
      </c>
      <c r="C13031" s="1" t="s">
        <v>5</v>
      </c>
      <c r="D13031" s="1" t="s">
        <v>11140</v>
      </c>
      <c r="E13031" s="1" t="s">
        <v>7</v>
      </c>
    </row>
    <row r="13032">
      <c r="A13032" s="1">
        <v>4.90527194E8</v>
      </c>
      <c r="B13032" s="2">
        <v>13622.0</v>
      </c>
      <c r="C13032" s="1" t="s">
        <v>5</v>
      </c>
      <c r="D13032" s="1" t="s">
        <v>11141</v>
      </c>
      <c r="E13032" s="1" t="s">
        <v>11</v>
      </c>
    </row>
    <row r="13033">
      <c r="A13033" s="1">
        <v>4.90527224E8</v>
      </c>
      <c r="B13033" s="2">
        <v>13675.0</v>
      </c>
      <c r="C13033" s="1" t="s">
        <v>5</v>
      </c>
      <c r="D13033" s="1" t="s">
        <v>11142</v>
      </c>
      <c r="E13033" s="1" t="s">
        <v>11143</v>
      </c>
    </row>
    <row r="13034">
      <c r="A13034" s="1">
        <v>4.90527228E8</v>
      </c>
      <c r="B13034" s="2">
        <v>13694.0</v>
      </c>
      <c r="C13034" s="1" t="s">
        <v>5</v>
      </c>
      <c r="D13034" s="1" t="s">
        <v>11</v>
      </c>
      <c r="E13034" s="1" t="s">
        <v>7</v>
      </c>
    </row>
    <row r="13035">
      <c r="A13035" s="1">
        <v>4.90527251E8</v>
      </c>
      <c r="B13035" s="2">
        <v>13689.0</v>
      </c>
      <c r="C13035" s="1" t="s">
        <v>5</v>
      </c>
      <c r="D13035" s="1" t="s">
        <v>11144</v>
      </c>
      <c r="E13035" s="1" t="s">
        <v>7</v>
      </c>
    </row>
    <row r="13036">
      <c r="A13036" s="1">
        <v>4.90527256E8</v>
      </c>
      <c r="B13036" s="2">
        <v>13682.0</v>
      </c>
      <c r="C13036" s="1" t="s">
        <v>5</v>
      </c>
      <c r="D13036" s="1" t="s">
        <v>11</v>
      </c>
      <c r="E13036" s="1" t="s">
        <v>7</v>
      </c>
    </row>
    <row r="13037">
      <c r="A13037" s="1">
        <v>4.90527312E8</v>
      </c>
      <c r="B13037" s="2">
        <v>13688.0</v>
      </c>
      <c r="C13037" s="1" t="s">
        <v>5</v>
      </c>
      <c r="D13037" s="1" t="s">
        <v>11</v>
      </c>
      <c r="E13037" s="1" t="s">
        <v>7</v>
      </c>
    </row>
    <row r="13038">
      <c r="A13038" s="1">
        <v>4.90527313E8</v>
      </c>
      <c r="B13038" s="2">
        <v>13617.0</v>
      </c>
      <c r="C13038" s="1" t="s">
        <v>5</v>
      </c>
      <c r="D13038" s="1" t="s">
        <v>11145</v>
      </c>
      <c r="E13038" s="1" t="s">
        <v>7</v>
      </c>
    </row>
    <row r="13039">
      <c r="A13039" s="1">
        <v>4.90527341E8</v>
      </c>
      <c r="B13039" s="3">
        <v>13657.0</v>
      </c>
      <c r="C13039" s="1" t="s">
        <v>5</v>
      </c>
      <c r="D13039" s="1" t="s">
        <v>11146</v>
      </c>
      <c r="E13039" s="1" t="s">
        <v>11147</v>
      </c>
    </row>
    <row r="13040">
      <c r="A13040" s="1">
        <v>4.90527395E8</v>
      </c>
      <c r="B13040" s="2">
        <v>13690.0</v>
      </c>
      <c r="C13040" s="1" t="s">
        <v>5</v>
      </c>
      <c r="D13040" s="1" t="s">
        <v>11148</v>
      </c>
      <c r="E13040" s="1" t="s">
        <v>7</v>
      </c>
    </row>
    <row r="13041">
      <c r="A13041" s="1">
        <v>4.90527397E8</v>
      </c>
      <c r="B13041" s="2">
        <v>13611.0</v>
      </c>
      <c r="C13041" s="1" t="s">
        <v>5</v>
      </c>
      <c r="D13041" s="1" t="s">
        <v>11149</v>
      </c>
      <c r="E13041" s="1" t="s">
        <v>7</v>
      </c>
    </row>
    <row r="13042">
      <c r="A13042" s="1">
        <v>4.90527406E8</v>
      </c>
      <c r="B13042" s="3">
        <v>13657.0</v>
      </c>
      <c r="C13042" s="1" t="s">
        <v>5</v>
      </c>
      <c r="D13042" s="1" t="s">
        <v>11</v>
      </c>
      <c r="E13042" s="1" t="s">
        <v>7</v>
      </c>
    </row>
    <row r="13043">
      <c r="A13043" s="1">
        <v>4.90527411E8</v>
      </c>
      <c r="B13043" s="3">
        <v>13651.0</v>
      </c>
      <c r="C13043" s="1" t="s">
        <v>5</v>
      </c>
      <c r="D13043" s="1" t="s">
        <v>11150</v>
      </c>
      <c r="E13043" s="1" t="s">
        <v>11151</v>
      </c>
    </row>
    <row r="13044">
      <c r="A13044" s="1">
        <v>4.90527427E8</v>
      </c>
      <c r="B13044" s="3">
        <v>13649.0</v>
      </c>
      <c r="C13044" s="1" t="s">
        <v>5</v>
      </c>
      <c r="D13044" s="1" t="s">
        <v>11152</v>
      </c>
      <c r="E13044" s="1" t="s">
        <v>7</v>
      </c>
    </row>
    <row r="13045">
      <c r="A13045" s="1">
        <v>4.9052748E8</v>
      </c>
      <c r="B13045" s="2">
        <v>13611.0</v>
      </c>
      <c r="C13045" s="1" t="s">
        <v>5</v>
      </c>
      <c r="D13045" s="1" t="s">
        <v>11</v>
      </c>
      <c r="E13045" s="1" t="s">
        <v>7</v>
      </c>
    </row>
    <row r="13046">
      <c r="A13046" s="1">
        <v>4.90527508E8</v>
      </c>
      <c r="B13046" s="2">
        <v>13609.0</v>
      </c>
      <c r="C13046" s="1" t="s">
        <v>5</v>
      </c>
      <c r="D13046" s="1" t="s">
        <v>11153</v>
      </c>
      <c r="E13046" s="1" t="s">
        <v>7</v>
      </c>
    </row>
    <row r="13047">
      <c r="A13047" s="1">
        <v>4.90527537E8</v>
      </c>
      <c r="B13047" s="3">
        <v>13661.0</v>
      </c>
      <c r="C13047" s="1" t="s">
        <v>5</v>
      </c>
      <c r="D13047" s="1" t="s">
        <v>11154</v>
      </c>
      <c r="E13047" s="1" t="s">
        <v>11</v>
      </c>
    </row>
    <row r="13048">
      <c r="A13048" s="1">
        <v>4.90527539E8</v>
      </c>
      <c r="B13048" s="2">
        <v>13610.0</v>
      </c>
      <c r="C13048" s="1" t="s">
        <v>5</v>
      </c>
      <c r="D13048" s="1" t="s">
        <v>11155</v>
      </c>
      <c r="E13048" s="1" t="s">
        <v>7</v>
      </c>
    </row>
    <row r="13049">
      <c r="A13049" s="1">
        <v>4.90527541E8</v>
      </c>
      <c r="B13049" s="2">
        <v>13686.0</v>
      </c>
      <c r="C13049" s="1" t="s">
        <v>5</v>
      </c>
      <c r="D13049" s="1" t="s">
        <v>11</v>
      </c>
      <c r="E13049" s="1" t="s">
        <v>7</v>
      </c>
    </row>
    <row r="13050">
      <c r="A13050" s="1">
        <v>4.90527569E8</v>
      </c>
      <c r="B13050" s="2">
        <v>13689.0</v>
      </c>
      <c r="C13050" s="1" t="s">
        <v>5</v>
      </c>
      <c r="D13050" s="1" t="s">
        <v>11</v>
      </c>
      <c r="E13050" s="1" t="s">
        <v>7</v>
      </c>
    </row>
    <row r="13051">
      <c r="A13051" s="1">
        <v>4.90527574E8</v>
      </c>
      <c r="B13051" s="2">
        <v>13687.0</v>
      </c>
      <c r="C13051" s="1" t="s">
        <v>5</v>
      </c>
      <c r="D13051" s="1" t="s">
        <v>11156</v>
      </c>
      <c r="E13051" s="1" t="s">
        <v>7</v>
      </c>
    </row>
    <row r="13052">
      <c r="A13052" s="1">
        <v>4.90527587E8</v>
      </c>
      <c r="B13052" s="2">
        <v>13673.0</v>
      </c>
      <c r="C13052" s="1" t="s">
        <v>5</v>
      </c>
      <c r="D13052" s="1" t="s">
        <v>11157</v>
      </c>
      <c r="E13052" s="1" t="s">
        <v>7</v>
      </c>
    </row>
    <row r="13053">
      <c r="A13053" s="1">
        <v>4.90527611E8</v>
      </c>
      <c r="B13053" s="2">
        <v>13668.0</v>
      </c>
      <c r="C13053" s="1" t="s">
        <v>5</v>
      </c>
      <c r="D13053" s="1" t="s">
        <v>11158</v>
      </c>
      <c r="E13053" s="1" t="s">
        <v>11</v>
      </c>
    </row>
    <row r="13054">
      <c r="A13054" s="1">
        <v>4.90527675E8</v>
      </c>
      <c r="B13054" s="3">
        <v>13648.0</v>
      </c>
      <c r="C13054" s="1" t="s">
        <v>5</v>
      </c>
      <c r="D13054" s="1" t="s">
        <v>11159</v>
      </c>
      <c r="E13054" s="1" t="s">
        <v>7</v>
      </c>
    </row>
    <row r="13055">
      <c r="A13055" s="1">
        <v>4.90527694E8</v>
      </c>
      <c r="B13055" s="2">
        <v>13689.0</v>
      </c>
      <c r="C13055" s="1" t="s">
        <v>5</v>
      </c>
      <c r="D13055" s="1" t="s">
        <v>11160</v>
      </c>
      <c r="E13055" s="1" t="s">
        <v>7</v>
      </c>
    </row>
    <row r="13056">
      <c r="A13056" s="1">
        <v>4.90527699E8</v>
      </c>
      <c r="B13056" s="2">
        <v>13675.0</v>
      </c>
      <c r="C13056" s="1" t="s">
        <v>5</v>
      </c>
      <c r="D13056" s="1" t="s">
        <v>11161</v>
      </c>
      <c r="E13056" s="1" t="s">
        <v>7</v>
      </c>
    </row>
    <row r="13057">
      <c r="A13057" s="1">
        <v>4.9052772E8</v>
      </c>
      <c r="B13057" s="3">
        <v>13659.0</v>
      </c>
      <c r="C13057" s="1" t="s">
        <v>5</v>
      </c>
      <c r="D13057" s="1" t="s">
        <v>11162</v>
      </c>
      <c r="E13057" s="1" t="s">
        <v>7</v>
      </c>
    </row>
    <row r="13058">
      <c r="A13058" s="1">
        <v>4.90527721E8</v>
      </c>
      <c r="B13058" s="3">
        <v>13664.0</v>
      </c>
      <c r="C13058" s="1" t="s">
        <v>5</v>
      </c>
      <c r="D13058" s="1" t="s">
        <v>11163</v>
      </c>
      <c r="E13058" s="1" t="s">
        <v>11</v>
      </c>
    </row>
    <row r="13059">
      <c r="A13059" s="1">
        <v>4.90527744E8</v>
      </c>
      <c r="B13059" s="2">
        <v>13609.0</v>
      </c>
      <c r="C13059" s="1" t="s">
        <v>5</v>
      </c>
      <c r="D13059" s="1" t="s">
        <v>11164</v>
      </c>
      <c r="E13059" s="1" t="s">
        <v>11</v>
      </c>
    </row>
    <row r="13060">
      <c r="A13060" s="1">
        <v>4.90527801E8</v>
      </c>
      <c r="B13060" s="2">
        <v>13686.0</v>
      </c>
      <c r="C13060" s="1" t="s">
        <v>5</v>
      </c>
      <c r="D13060" s="1" t="s">
        <v>11165</v>
      </c>
      <c r="E13060" s="1" t="s">
        <v>11</v>
      </c>
    </row>
    <row r="13061">
      <c r="A13061" s="1">
        <v>4.90527847E8</v>
      </c>
      <c r="B13061" s="2">
        <v>13683.0</v>
      </c>
      <c r="C13061" s="1" t="s">
        <v>5</v>
      </c>
      <c r="D13061" s="1" t="s">
        <v>11166</v>
      </c>
      <c r="E13061" s="1" t="s">
        <v>7</v>
      </c>
    </row>
    <row r="13062">
      <c r="A13062" s="1">
        <v>4.90527921E8</v>
      </c>
      <c r="B13062" s="2">
        <v>13623.0</v>
      </c>
      <c r="C13062" s="1" t="s">
        <v>5</v>
      </c>
      <c r="D13062" s="1" t="s">
        <v>11167</v>
      </c>
      <c r="E13062" s="1" t="s">
        <v>7</v>
      </c>
    </row>
    <row r="13063">
      <c r="A13063" s="1">
        <v>4.90527934E8</v>
      </c>
      <c r="B13063" s="3">
        <v>13651.0</v>
      </c>
      <c r="C13063" s="1" t="s">
        <v>5</v>
      </c>
      <c r="D13063" s="1" t="s">
        <v>11</v>
      </c>
      <c r="E13063" s="1" t="s">
        <v>7</v>
      </c>
    </row>
    <row r="13064">
      <c r="A13064" s="1">
        <v>4.90527936E8</v>
      </c>
      <c r="B13064" s="2">
        <v>13673.0</v>
      </c>
      <c r="C13064" s="1" t="s">
        <v>5</v>
      </c>
      <c r="D13064" s="1" t="s">
        <v>11168</v>
      </c>
      <c r="E13064" s="1" t="s">
        <v>11169</v>
      </c>
    </row>
    <row r="13065">
      <c r="A13065" s="1">
        <v>4.90527937E8</v>
      </c>
      <c r="B13065" s="2">
        <v>13692.0</v>
      </c>
      <c r="C13065" s="1" t="s">
        <v>5</v>
      </c>
      <c r="D13065" s="1" t="s">
        <v>11</v>
      </c>
      <c r="E13065" s="1" t="s">
        <v>7</v>
      </c>
    </row>
    <row r="13066">
      <c r="A13066" s="1">
        <v>4.90527954E8</v>
      </c>
      <c r="B13066" s="3">
        <v>13651.0</v>
      </c>
      <c r="C13066" s="1" t="s">
        <v>5</v>
      </c>
      <c r="D13066" s="1" t="s">
        <v>11170</v>
      </c>
      <c r="E13066" s="1" t="s">
        <v>11</v>
      </c>
    </row>
    <row r="13067">
      <c r="A13067" s="1">
        <v>4.90527957E8</v>
      </c>
      <c r="B13067" s="2">
        <v>13671.0</v>
      </c>
      <c r="C13067" s="1" t="s">
        <v>5</v>
      </c>
      <c r="D13067" s="1" t="s">
        <v>11171</v>
      </c>
      <c r="E13067" s="1" t="s">
        <v>7</v>
      </c>
    </row>
    <row r="13068">
      <c r="A13068" s="1">
        <v>4.90527969E8</v>
      </c>
      <c r="B13068" s="2">
        <v>13685.0</v>
      </c>
      <c r="C13068" s="1" t="s">
        <v>5</v>
      </c>
      <c r="D13068" s="1" t="s">
        <v>11172</v>
      </c>
      <c r="E13068" s="1" t="s">
        <v>7</v>
      </c>
    </row>
    <row r="13069">
      <c r="A13069" s="1">
        <v>4.90528009E8</v>
      </c>
      <c r="B13069" s="2">
        <v>13676.0</v>
      </c>
      <c r="C13069" s="1" t="s">
        <v>5</v>
      </c>
      <c r="D13069" s="1" t="s">
        <v>11173</v>
      </c>
      <c r="E13069" s="1" t="s">
        <v>7</v>
      </c>
    </row>
    <row r="13070">
      <c r="A13070" s="1">
        <v>4.90528028E8</v>
      </c>
      <c r="B13070" s="2">
        <v>13613.0</v>
      </c>
      <c r="C13070" s="1" t="s">
        <v>5</v>
      </c>
      <c r="D13070" s="1" t="s">
        <v>11174</v>
      </c>
      <c r="E13070" s="1" t="s">
        <v>7</v>
      </c>
    </row>
    <row r="13071">
      <c r="A13071" s="1">
        <v>4.90528054E8</v>
      </c>
      <c r="B13071" s="2">
        <v>13616.0</v>
      </c>
      <c r="C13071" s="1" t="s">
        <v>5</v>
      </c>
      <c r="D13071" s="1" t="s">
        <v>11175</v>
      </c>
      <c r="E13071" s="1" t="s">
        <v>11</v>
      </c>
    </row>
    <row r="13072">
      <c r="A13072" s="1">
        <v>4.90528071E8</v>
      </c>
      <c r="B13072" s="2">
        <v>13612.0</v>
      </c>
      <c r="C13072" s="1" t="s">
        <v>5</v>
      </c>
      <c r="D13072" s="1" t="s">
        <v>11176</v>
      </c>
      <c r="E13072" s="1" t="s">
        <v>7</v>
      </c>
    </row>
    <row r="13073">
      <c r="A13073" s="1">
        <v>4.9052812E8</v>
      </c>
      <c r="B13073" s="2">
        <v>13685.0</v>
      </c>
      <c r="C13073" s="1" t="s">
        <v>5</v>
      </c>
      <c r="D13073" s="1" t="s">
        <v>11177</v>
      </c>
      <c r="E13073" s="1" t="s">
        <v>7</v>
      </c>
    </row>
    <row r="13074">
      <c r="A13074" s="1">
        <v>4.90528175E8</v>
      </c>
      <c r="B13074" s="2">
        <v>13672.0</v>
      </c>
      <c r="C13074" s="1" t="s">
        <v>5</v>
      </c>
      <c r="D13074" s="1" t="s">
        <v>11178</v>
      </c>
      <c r="E13074" s="1" t="s">
        <v>7</v>
      </c>
    </row>
    <row r="13075">
      <c r="A13075" s="1">
        <v>4.90528197E8</v>
      </c>
      <c r="B13075" s="3">
        <v>13651.0</v>
      </c>
      <c r="C13075" s="1" t="s">
        <v>5</v>
      </c>
      <c r="D13075" s="1" t="s">
        <v>11179</v>
      </c>
      <c r="E13075" s="1" t="s">
        <v>11</v>
      </c>
    </row>
    <row r="13076">
      <c r="A13076" s="1">
        <v>4.905282E8</v>
      </c>
      <c r="B13076" s="3">
        <v>13660.0</v>
      </c>
      <c r="C13076" s="1" t="s">
        <v>5</v>
      </c>
      <c r="D13076" s="1" t="s">
        <v>11180</v>
      </c>
      <c r="E13076" s="1" t="s">
        <v>11</v>
      </c>
    </row>
    <row r="13077">
      <c r="A13077" s="1">
        <v>4.90528246E8</v>
      </c>
      <c r="B13077" s="2">
        <v>13611.0</v>
      </c>
      <c r="C13077" s="1" t="s">
        <v>5</v>
      </c>
      <c r="D13077" s="1" t="s">
        <v>11181</v>
      </c>
      <c r="E13077" s="1" t="s">
        <v>7</v>
      </c>
    </row>
    <row r="13078">
      <c r="A13078" s="1">
        <v>4.90528315E8</v>
      </c>
      <c r="B13078" s="2">
        <v>13686.0</v>
      </c>
      <c r="C13078" s="1" t="s">
        <v>5</v>
      </c>
      <c r="D13078" s="1" t="s">
        <v>11182</v>
      </c>
      <c r="E13078" s="1" t="s">
        <v>11</v>
      </c>
    </row>
    <row r="13079">
      <c r="A13079" s="1">
        <v>4.90528333E8</v>
      </c>
      <c r="B13079" s="3">
        <v>13664.0</v>
      </c>
      <c r="C13079" s="1" t="s">
        <v>5</v>
      </c>
      <c r="D13079" s="1" t="s">
        <v>11</v>
      </c>
      <c r="E13079" s="1" t="s">
        <v>7</v>
      </c>
    </row>
    <row r="13080">
      <c r="A13080" s="1">
        <v>4.90528338E8</v>
      </c>
      <c r="B13080" s="3">
        <v>13650.0</v>
      </c>
      <c r="C13080" s="1" t="s">
        <v>5</v>
      </c>
      <c r="D13080" s="1" t="s">
        <v>11183</v>
      </c>
      <c r="E13080" s="1" t="s">
        <v>7</v>
      </c>
    </row>
    <row r="13081">
      <c r="A13081" s="1">
        <v>4.90528355E8</v>
      </c>
      <c r="B13081" s="2">
        <v>13681.0</v>
      </c>
      <c r="C13081" s="1" t="s">
        <v>5</v>
      </c>
      <c r="D13081" s="1" t="s">
        <v>11184</v>
      </c>
      <c r="E13081" s="1" t="s">
        <v>11185</v>
      </c>
    </row>
    <row r="13082">
      <c r="A13082" s="1">
        <v>4.90528357E8</v>
      </c>
      <c r="B13082" s="2">
        <v>13680.0</v>
      </c>
      <c r="C13082" s="1" t="s">
        <v>5</v>
      </c>
      <c r="D13082" s="1" t="s">
        <v>11186</v>
      </c>
      <c r="E13082" s="1" t="s">
        <v>7</v>
      </c>
    </row>
    <row r="13083">
      <c r="A13083" s="1">
        <v>4.90528399E8</v>
      </c>
      <c r="B13083" s="2">
        <v>13622.0</v>
      </c>
      <c r="C13083" s="1" t="s">
        <v>5</v>
      </c>
      <c r="D13083" s="1" t="s">
        <v>11</v>
      </c>
      <c r="E13083" s="1" t="s">
        <v>7</v>
      </c>
    </row>
    <row r="13084">
      <c r="A13084" s="1">
        <v>4.9052845E8</v>
      </c>
      <c r="B13084" s="2">
        <v>13671.0</v>
      </c>
      <c r="C13084" s="1" t="s">
        <v>5</v>
      </c>
      <c r="D13084" s="1" t="s">
        <v>11</v>
      </c>
      <c r="E13084" s="1" t="s">
        <v>7</v>
      </c>
    </row>
    <row r="13085">
      <c r="A13085" s="1">
        <v>4.90528471E8</v>
      </c>
      <c r="B13085" s="3">
        <v>13649.0</v>
      </c>
      <c r="C13085" s="1" t="s">
        <v>5</v>
      </c>
      <c r="D13085" s="1" t="s">
        <v>11187</v>
      </c>
      <c r="E13085" s="1" t="s">
        <v>7</v>
      </c>
    </row>
    <row r="13086">
      <c r="A13086" s="1">
        <v>4.90528523E8</v>
      </c>
      <c r="B13086" s="2">
        <v>13680.0</v>
      </c>
      <c r="C13086" s="1" t="s">
        <v>5</v>
      </c>
      <c r="D13086" s="1" t="s">
        <v>11</v>
      </c>
      <c r="E13086" s="1" t="s">
        <v>7</v>
      </c>
    </row>
    <row r="13087">
      <c r="A13087" s="1">
        <v>4.90528538E8</v>
      </c>
      <c r="B13087" s="3">
        <v>13649.0</v>
      </c>
      <c r="C13087" s="1" t="s">
        <v>5</v>
      </c>
      <c r="D13087" s="1" t="s">
        <v>11188</v>
      </c>
      <c r="E13087" s="1" t="s">
        <v>7</v>
      </c>
    </row>
    <row r="13088">
      <c r="A13088" s="1">
        <v>4.90528567E8</v>
      </c>
      <c r="B13088" s="3">
        <v>13657.0</v>
      </c>
      <c r="C13088" s="1" t="s">
        <v>5</v>
      </c>
      <c r="D13088" s="1" t="s">
        <v>11189</v>
      </c>
      <c r="E13088" s="1" t="s">
        <v>11190</v>
      </c>
    </row>
    <row r="13089">
      <c r="A13089" s="1">
        <v>4.90528635E8</v>
      </c>
      <c r="B13089" s="2">
        <v>13608.0</v>
      </c>
      <c r="C13089" s="1" t="s">
        <v>5</v>
      </c>
      <c r="D13089" s="1" t="s">
        <v>11191</v>
      </c>
      <c r="E13089" s="1" t="s">
        <v>7</v>
      </c>
    </row>
    <row r="13090">
      <c r="A13090" s="1">
        <v>4.90528693E8</v>
      </c>
      <c r="B13090" s="2">
        <v>13613.0</v>
      </c>
      <c r="C13090" s="1" t="s">
        <v>5</v>
      </c>
      <c r="D13090" s="1" t="s">
        <v>11192</v>
      </c>
      <c r="E13090" s="1" t="s">
        <v>7</v>
      </c>
    </row>
    <row r="13091">
      <c r="A13091" s="1">
        <v>4.90528722E8</v>
      </c>
      <c r="B13091" s="2">
        <v>13607.0</v>
      </c>
      <c r="C13091" s="1" t="s">
        <v>5</v>
      </c>
      <c r="D13091" s="1" t="s">
        <v>11193</v>
      </c>
      <c r="E13091" s="1" t="s">
        <v>7</v>
      </c>
    </row>
    <row r="13092">
      <c r="A13092" s="1">
        <v>4.9052885E8</v>
      </c>
      <c r="B13092" s="2">
        <v>13676.0</v>
      </c>
      <c r="C13092" s="1" t="s">
        <v>5</v>
      </c>
      <c r="D13092" s="1" t="s">
        <v>11</v>
      </c>
      <c r="E13092" s="1" t="s">
        <v>7</v>
      </c>
    </row>
    <row r="13093">
      <c r="A13093" s="1">
        <v>4.90528904E8</v>
      </c>
      <c r="B13093" s="2">
        <v>13685.0</v>
      </c>
      <c r="C13093" s="1" t="s">
        <v>5</v>
      </c>
      <c r="D13093" s="1" t="s">
        <v>11194</v>
      </c>
      <c r="E13093" s="1" t="s">
        <v>11</v>
      </c>
    </row>
    <row r="13094">
      <c r="A13094" s="1">
        <v>4.90528932E8</v>
      </c>
      <c r="B13094" s="2">
        <v>13725.0</v>
      </c>
      <c r="C13094" s="1" t="s">
        <v>5</v>
      </c>
      <c r="D13094" s="1" t="s">
        <v>11195</v>
      </c>
      <c r="E13094" s="1" t="s">
        <v>11</v>
      </c>
    </row>
    <row r="13095">
      <c r="A13095" s="1">
        <v>4.90528937E8</v>
      </c>
      <c r="B13095" s="2">
        <v>13678.0</v>
      </c>
      <c r="C13095" s="1" t="s">
        <v>5</v>
      </c>
      <c r="D13095" s="1" t="s">
        <v>11196</v>
      </c>
      <c r="E13095" s="1" t="s">
        <v>11</v>
      </c>
    </row>
    <row r="13096">
      <c r="A13096" s="1">
        <v>4.90528995E8</v>
      </c>
      <c r="B13096" s="2">
        <v>13672.0</v>
      </c>
      <c r="C13096" s="1" t="s">
        <v>5</v>
      </c>
      <c r="D13096" s="1" t="s">
        <v>11197</v>
      </c>
      <c r="E13096" s="1" t="s">
        <v>11</v>
      </c>
    </row>
    <row r="13097">
      <c r="A13097" s="1">
        <v>4.9052905E8</v>
      </c>
      <c r="B13097" s="3">
        <v>13645.0</v>
      </c>
      <c r="C13097" s="1" t="s">
        <v>5</v>
      </c>
      <c r="D13097" s="1" t="s">
        <v>11</v>
      </c>
      <c r="E13097" s="1" t="s">
        <v>7</v>
      </c>
    </row>
    <row r="13098">
      <c r="A13098" s="1">
        <v>4.90529063E8</v>
      </c>
      <c r="B13098" s="2">
        <v>13684.0</v>
      </c>
      <c r="C13098" s="1" t="s">
        <v>5</v>
      </c>
      <c r="D13098" s="1" t="s">
        <v>11</v>
      </c>
      <c r="E13098" s="1" t="s">
        <v>7</v>
      </c>
    </row>
    <row r="13099">
      <c r="A13099" s="1">
        <v>4.90529105E8</v>
      </c>
      <c r="B13099" s="3">
        <v>13641.0</v>
      </c>
      <c r="C13099" s="1" t="s">
        <v>5</v>
      </c>
      <c r="D13099" s="1" t="s">
        <v>11198</v>
      </c>
      <c r="E13099" s="1" t="s">
        <v>7</v>
      </c>
    </row>
    <row r="13100">
      <c r="A13100" s="1">
        <v>4.9052921E8</v>
      </c>
      <c r="B13100" s="2">
        <v>13672.0</v>
      </c>
      <c r="C13100" s="1" t="s">
        <v>5</v>
      </c>
      <c r="D13100" s="1" t="s">
        <v>11199</v>
      </c>
      <c r="E13100" s="1" t="s">
        <v>11</v>
      </c>
    </row>
    <row r="13101">
      <c r="A13101" s="1">
        <v>4.90529233E8</v>
      </c>
      <c r="B13101" s="2">
        <v>13725.0</v>
      </c>
      <c r="C13101" s="1" t="s">
        <v>5</v>
      </c>
      <c r="D13101" s="1" t="s">
        <v>11</v>
      </c>
      <c r="E13101" s="1" t="s">
        <v>7</v>
      </c>
    </row>
    <row r="13102">
      <c r="A13102" s="1">
        <v>4.90529247E8</v>
      </c>
      <c r="B13102" s="2">
        <v>13701.0</v>
      </c>
      <c r="C13102" s="1" t="s">
        <v>5</v>
      </c>
      <c r="D13102" s="1" t="s">
        <v>11200</v>
      </c>
      <c r="E13102" s="1" t="s">
        <v>7</v>
      </c>
    </row>
    <row r="13103">
      <c r="A13103" s="1">
        <v>4.9052925E8</v>
      </c>
      <c r="B13103" s="2">
        <v>13609.0</v>
      </c>
      <c r="C13103" s="1" t="s">
        <v>5</v>
      </c>
      <c r="D13103" s="1" t="s">
        <v>11201</v>
      </c>
      <c r="E13103" s="1" t="s">
        <v>11202</v>
      </c>
    </row>
    <row r="13104">
      <c r="A13104" s="1">
        <v>4.90529303E8</v>
      </c>
      <c r="B13104" s="2">
        <v>13706.0</v>
      </c>
      <c r="C13104" s="1" t="s">
        <v>5</v>
      </c>
      <c r="D13104" s="1" t="s">
        <v>11203</v>
      </c>
      <c r="E13104" s="1" t="s">
        <v>11204</v>
      </c>
    </row>
    <row r="13105">
      <c r="A13105" s="1">
        <v>4.9052931E8</v>
      </c>
      <c r="B13105" s="3">
        <v>13664.0</v>
      </c>
      <c r="C13105" s="1" t="s">
        <v>5</v>
      </c>
      <c r="D13105" s="1" t="s">
        <v>11205</v>
      </c>
      <c r="E13105" s="1" t="s">
        <v>7</v>
      </c>
    </row>
    <row r="13106">
      <c r="A13106" s="1">
        <v>4.90529344E8</v>
      </c>
      <c r="B13106" s="2">
        <v>13717.0</v>
      </c>
      <c r="C13106" s="1" t="s">
        <v>5</v>
      </c>
      <c r="D13106" s="1" t="s">
        <v>11</v>
      </c>
      <c r="E13106" s="1" t="s">
        <v>7</v>
      </c>
    </row>
    <row r="13107">
      <c r="A13107" s="1">
        <v>4.905294E8</v>
      </c>
      <c r="B13107" s="2">
        <v>13685.0</v>
      </c>
      <c r="C13107" s="1" t="s">
        <v>5</v>
      </c>
      <c r="D13107" s="1" t="s">
        <v>11206</v>
      </c>
      <c r="E13107" s="1" t="s">
        <v>11</v>
      </c>
    </row>
    <row r="13108">
      <c r="A13108" s="1">
        <v>4.90529414E8</v>
      </c>
      <c r="B13108" s="2">
        <v>13671.0</v>
      </c>
      <c r="C13108" s="1" t="s">
        <v>5</v>
      </c>
      <c r="D13108" s="1" t="s">
        <v>11207</v>
      </c>
      <c r="E13108" s="1" t="s">
        <v>7</v>
      </c>
    </row>
    <row r="13109">
      <c r="A13109" s="1">
        <v>4.90529415E8</v>
      </c>
      <c r="B13109" s="3">
        <v>13656.0</v>
      </c>
      <c r="C13109" s="1" t="s">
        <v>5</v>
      </c>
      <c r="D13109" s="1" t="s">
        <v>11208</v>
      </c>
      <c r="E13109" s="1" t="s">
        <v>11</v>
      </c>
    </row>
    <row r="13110">
      <c r="A13110" s="1">
        <v>4.90529419E8</v>
      </c>
      <c r="B13110" s="3">
        <v>13658.0</v>
      </c>
      <c r="C13110" s="1" t="s">
        <v>5</v>
      </c>
      <c r="D13110" s="1" t="s">
        <v>11209</v>
      </c>
      <c r="E13110" s="1" t="s">
        <v>11210</v>
      </c>
    </row>
    <row r="13111">
      <c r="A13111" s="1">
        <v>4.90529447E8</v>
      </c>
      <c r="B13111" s="2">
        <v>13685.0</v>
      </c>
      <c r="C13111" s="1" t="s">
        <v>5</v>
      </c>
      <c r="D13111" s="1" t="s">
        <v>11211</v>
      </c>
      <c r="E13111" s="1" t="s">
        <v>11</v>
      </c>
    </row>
    <row r="13112">
      <c r="A13112" s="1">
        <v>4.90529452E8</v>
      </c>
      <c r="B13112" s="2">
        <v>13691.0</v>
      </c>
      <c r="C13112" s="1" t="s">
        <v>5</v>
      </c>
      <c r="D13112" s="1" t="s">
        <v>11212</v>
      </c>
      <c r="E13112" s="1" t="s">
        <v>11</v>
      </c>
    </row>
    <row r="13113">
      <c r="A13113" s="1">
        <v>4.90529475E8</v>
      </c>
      <c r="B13113" s="2">
        <v>13670.0</v>
      </c>
      <c r="C13113" s="1" t="s">
        <v>5</v>
      </c>
      <c r="D13113" s="1" t="s">
        <v>11</v>
      </c>
      <c r="E13113" s="1" t="s">
        <v>7</v>
      </c>
    </row>
    <row r="13114">
      <c r="A13114" s="1">
        <v>4.9052949E8</v>
      </c>
      <c r="B13114" s="2">
        <v>13673.0</v>
      </c>
      <c r="C13114" s="1" t="s">
        <v>5</v>
      </c>
      <c r="D13114" s="1" t="s">
        <v>11213</v>
      </c>
      <c r="E13114" s="1" t="s">
        <v>7</v>
      </c>
    </row>
    <row r="13115">
      <c r="A13115" s="1">
        <v>4.90529493E8</v>
      </c>
      <c r="B13115" s="2">
        <v>13612.0</v>
      </c>
      <c r="C13115" s="1" t="s">
        <v>5</v>
      </c>
      <c r="D13115" s="1" t="s">
        <v>11</v>
      </c>
      <c r="E13115" s="1" t="s">
        <v>7</v>
      </c>
    </row>
    <row r="13116">
      <c r="A13116" s="1">
        <v>4.90529539E8</v>
      </c>
      <c r="B13116" s="2">
        <v>13670.0</v>
      </c>
      <c r="C13116" s="1" t="s">
        <v>5</v>
      </c>
      <c r="D13116" s="1" t="s">
        <v>11214</v>
      </c>
      <c r="E13116" s="1" t="s">
        <v>7</v>
      </c>
    </row>
    <row r="13117">
      <c r="A13117" s="1">
        <v>4.9052956E8</v>
      </c>
      <c r="B13117" s="2">
        <v>13691.0</v>
      </c>
      <c r="C13117" s="1" t="s">
        <v>5</v>
      </c>
      <c r="D13117" s="1" t="s">
        <v>11</v>
      </c>
      <c r="E13117" s="1" t="s">
        <v>7</v>
      </c>
    </row>
    <row r="13118">
      <c r="A13118" s="1">
        <v>4.90529601E8</v>
      </c>
      <c r="B13118" s="2">
        <v>13684.0</v>
      </c>
      <c r="C13118" s="1" t="s">
        <v>5</v>
      </c>
      <c r="D13118" s="1" t="s">
        <v>11215</v>
      </c>
      <c r="E13118" s="1" t="s">
        <v>11</v>
      </c>
    </row>
    <row r="13119">
      <c r="A13119" s="1">
        <v>4.90529661E8</v>
      </c>
      <c r="B13119" s="3">
        <v>13651.0</v>
      </c>
      <c r="C13119" s="1" t="s">
        <v>5</v>
      </c>
      <c r="D13119" s="1" t="s">
        <v>11216</v>
      </c>
      <c r="E13119" s="1" t="s">
        <v>11</v>
      </c>
    </row>
    <row r="13120">
      <c r="A13120" s="1">
        <v>4.90529726E8</v>
      </c>
      <c r="B13120" s="2">
        <v>13672.0</v>
      </c>
      <c r="C13120" s="1" t="s">
        <v>5</v>
      </c>
      <c r="D13120" s="1" t="s">
        <v>11217</v>
      </c>
      <c r="E13120" s="1" t="s">
        <v>11</v>
      </c>
    </row>
    <row r="13121">
      <c r="A13121" s="1">
        <v>4.90529727E8</v>
      </c>
      <c r="B13121" s="2">
        <v>13670.0</v>
      </c>
      <c r="C13121" s="1" t="s">
        <v>5</v>
      </c>
      <c r="D13121" s="1" t="s">
        <v>11218</v>
      </c>
      <c r="E13121" s="1" t="s">
        <v>7</v>
      </c>
    </row>
    <row r="13122">
      <c r="A13122" s="1">
        <v>4.90529738E8</v>
      </c>
      <c r="B13122" s="3">
        <v>13651.0</v>
      </c>
      <c r="C13122" s="1" t="s">
        <v>5</v>
      </c>
      <c r="D13122" s="1" t="s">
        <v>11219</v>
      </c>
      <c r="E13122" s="1" t="s">
        <v>11</v>
      </c>
    </row>
    <row r="13123">
      <c r="A13123" s="1">
        <v>4.90529757E8</v>
      </c>
      <c r="B13123" s="3">
        <v>13651.0</v>
      </c>
      <c r="C13123" s="1" t="s">
        <v>5</v>
      </c>
      <c r="D13123" s="1" t="s">
        <v>11220</v>
      </c>
      <c r="E13123" s="1" t="s">
        <v>7</v>
      </c>
    </row>
    <row r="13124">
      <c r="A13124" s="1">
        <v>4.9052976E8</v>
      </c>
      <c r="B13124" s="2">
        <v>13690.0</v>
      </c>
      <c r="C13124" s="1" t="s">
        <v>5</v>
      </c>
      <c r="D13124" s="1" t="s">
        <v>11221</v>
      </c>
      <c r="E13124" s="1" t="s">
        <v>7</v>
      </c>
    </row>
    <row r="13125">
      <c r="A13125" s="1">
        <v>4.90529775E8</v>
      </c>
      <c r="B13125" s="2">
        <v>13690.0</v>
      </c>
      <c r="C13125" s="1" t="s">
        <v>5</v>
      </c>
      <c r="D13125" s="1" t="s">
        <v>11222</v>
      </c>
      <c r="E13125" s="1" t="s">
        <v>7</v>
      </c>
    </row>
    <row r="13126">
      <c r="A13126" s="1">
        <v>4.90529791E8</v>
      </c>
      <c r="B13126" s="3">
        <v>13664.0</v>
      </c>
      <c r="C13126" s="1" t="s">
        <v>5</v>
      </c>
      <c r="D13126" s="1" t="s">
        <v>11223</v>
      </c>
      <c r="E13126" s="1" t="s">
        <v>7</v>
      </c>
    </row>
    <row r="13127">
      <c r="A13127" s="1">
        <v>4.90529798E8</v>
      </c>
      <c r="B13127" s="2">
        <v>13678.0</v>
      </c>
      <c r="C13127" s="1" t="s">
        <v>5</v>
      </c>
      <c r="D13127" s="1" t="s">
        <v>11224</v>
      </c>
      <c r="E13127" s="1" t="s">
        <v>11</v>
      </c>
    </row>
    <row r="13128">
      <c r="A13128" s="1">
        <v>4.905298E8</v>
      </c>
      <c r="B13128" s="2">
        <v>13679.0</v>
      </c>
      <c r="C13128" s="1" t="s">
        <v>5</v>
      </c>
      <c r="D13128" s="1" t="s">
        <v>11</v>
      </c>
      <c r="E13128" s="1" t="s">
        <v>7</v>
      </c>
    </row>
    <row r="13129">
      <c r="A13129" s="1">
        <v>4.9052981E8</v>
      </c>
      <c r="B13129" s="2">
        <v>13756.0</v>
      </c>
      <c r="C13129" s="1" t="s">
        <v>5</v>
      </c>
      <c r="D13129" s="1" t="s">
        <v>11</v>
      </c>
      <c r="E13129" s="1" t="s">
        <v>7</v>
      </c>
    </row>
    <row r="13130">
      <c r="A13130" s="1">
        <v>4.90529831E8</v>
      </c>
      <c r="B13130" s="2">
        <v>13706.0</v>
      </c>
      <c r="C13130" s="1" t="s">
        <v>5</v>
      </c>
      <c r="D13130" s="1" t="s">
        <v>11</v>
      </c>
      <c r="E13130" s="1" t="s">
        <v>7</v>
      </c>
    </row>
    <row r="13131">
      <c r="A13131" s="1">
        <v>4.90529874E8</v>
      </c>
      <c r="B13131" s="2">
        <v>13726.0</v>
      </c>
      <c r="C13131" s="1" t="s">
        <v>5</v>
      </c>
      <c r="D13131" s="1" t="s">
        <v>11225</v>
      </c>
      <c r="E13131" s="1" t="s">
        <v>11226</v>
      </c>
    </row>
    <row r="13132">
      <c r="A13132" s="1">
        <v>4.90529875E8</v>
      </c>
      <c r="B13132" s="2">
        <v>13756.0</v>
      </c>
      <c r="C13132" s="1" t="s">
        <v>5</v>
      </c>
      <c r="D13132" s="1" t="s">
        <v>11</v>
      </c>
      <c r="E13132" s="1" t="s">
        <v>7</v>
      </c>
    </row>
    <row r="13133">
      <c r="A13133" s="1">
        <v>4.90529966E8</v>
      </c>
      <c r="B13133" s="2">
        <v>13689.0</v>
      </c>
      <c r="C13133" s="1" t="s">
        <v>5</v>
      </c>
      <c r="D13133" s="1" t="s">
        <v>11227</v>
      </c>
      <c r="E13133" s="1" t="s">
        <v>7</v>
      </c>
    </row>
    <row r="13134">
      <c r="A13134" s="1">
        <v>4.90529969E8</v>
      </c>
      <c r="B13134" s="2">
        <v>13755.0</v>
      </c>
      <c r="C13134" s="1" t="s">
        <v>5</v>
      </c>
      <c r="D13134" s="1" t="s">
        <v>11</v>
      </c>
      <c r="E13134" s="1" t="s">
        <v>7</v>
      </c>
    </row>
    <row r="13135">
      <c r="A13135" s="1">
        <v>4.9053001E8</v>
      </c>
      <c r="B13135" s="2">
        <v>13754.0</v>
      </c>
      <c r="C13135" s="1" t="s">
        <v>5</v>
      </c>
      <c r="D13135" s="1" t="s">
        <v>11228</v>
      </c>
      <c r="E13135" s="1" t="s">
        <v>11229</v>
      </c>
    </row>
    <row r="13136">
      <c r="A13136" s="1">
        <v>4.90530031E8</v>
      </c>
      <c r="B13136" s="3">
        <v>13641.0</v>
      </c>
      <c r="C13136" s="1" t="s">
        <v>5</v>
      </c>
      <c r="D13136" s="1" t="s">
        <v>11230</v>
      </c>
      <c r="E13136" s="1" t="s">
        <v>7</v>
      </c>
    </row>
    <row r="13137">
      <c r="A13137" s="1">
        <v>4.90530092E8</v>
      </c>
      <c r="B13137" s="2">
        <v>13722.0</v>
      </c>
      <c r="C13137" s="1" t="s">
        <v>5</v>
      </c>
      <c r="D13137" s="1" t="s">
        <v>11231</v>
      </c>
      <c r="E13137" s="1" t="s">
        <v>11</v>
      </c>
    </row>
    <row r="13138">
      <c r="A13138" s="1">
        <v>4.90530097E8</v>
      </c>
      <c r="B13138" s="3">
        <v>13651.0</v>
      </c>
      <c r="C13138" s="1" t="s">
        <v>5</v>
      </c>
      <c r="D13138" s="1" t="s">
        <v>11232</v>
      </c>
      <c r="E13138" s="1" t="s">
        <v>11</v>
      </c>
    </row>
    <row r="13139">
      <c r="A13139" s="1">
        <v>4.90530115E8</v>
      </c>
      <c r="B13139" s="2">
        <v>13723.0</v>
      </c>
      <c r="C13139" s="1" t="s">
        <v>5</v>
      </c>
      <c r="D13139" s="1" t="s">
        <v>11233</v>
      </c>
      <c r="E13139" s="1" t="s">
        <v>11234</v>
      </c>
    </row>
    <row r="13140">
      <c r="A13140" s="1">
        <v>4.9053012E8</v>
      </c>
      <c r="B13140" s="2">
        <v>13721.0</v>
      </c>
      <c r="C13140" s="1" t="s">
        <v>5</v>
      </c>
      <c r="D13140" s="1" t="s">
        <v>11235</v>
      </c>
      <c r="E13140" s="1" t="s">
        <v>7</v>
      </c>
    </row>
    <row r="13141">
      <c r="A13141" s="1">
        <v>4.90530178E8</v>
      </c>
      <c r="B13141" s="2">
        <v>13755.0</v>
      </c>
      <c r="C13141" s="1" t="s">
        <v>5</v>
      </c>
      <c r="D13141" s="1" t="s">
        <v>11236</v>
      </c>
      <c r="E13141" s="1" t="s">
        <v>11</v>
      </c>
    </row>
    <row r="13142">
      <c r="A13142" s="1">
        <v>4.90530249E8</v>
      </c>
      <c r="B13142" s="2">
        <v>13755.0</v>
      </c>
      <c r="C13142" s="1" t="s">
        <v>5</v>
      </c>
      <c r="D13142" s="1" t="s">
        <v>11237</v>
      </c>
      <c r="E13142" s="1" t="s">
        <v>7</v>
      </c>
    </row>
    <row r="13143">
      <c r="A13143" s="1">
        <v>4.9053025E8</v>
      </c>
      <c r="B13143" s="2">
        <v>13747.0</v>
      </c>
      <c r="C13143" s="1" t="s">
        <v>5</v>
      </c>
      <c r="D13143" s="1" t="s">
        <v>11</v>
      </c>
      <c r="E13143" s="1" t="s">
        <v>7</v>
      </c>
    </row>
    <row r="13144">
      <c r="A13144" s="1">
        <v>4.90530299E8</v>
      </c>
      <c r="B13144" s="2">
        <v>13676.0</v>
      </c>
      <c r="C13144" s="1" t="s">
        <v>5</v>
      </c>
      <c r="D13144" s="1" t="s">
        <v>11238</v>
      </c>
      <c r="E13144" s="1" t="s">
        <v>11</v>
      </c>
    </row>
    <row r="13145">
      <c r="A13145" s="1">
        <v>4.90530334E8</v>
      </c>
      <c r="B13145" s="2">
        <v>13755.0</v>
      </c>
      <c r="C13145" s="1" t="s">
        <v>5</v>
      </c>
      <c r="D13145" s="1" t="s">
        <v>11239</v>
      </c>
      <c r="E13145" s="1" t="s">
        <v>11</v>
      </c>
    </row>
    <row r="13146">
      <c r="A13146" s="1">
        <v>4.9053041E8</v>
      </c>
      <c r="B13146" s="3">
        <v>13659.0</v>
      </c>
      <c r="C13146" s="1" t="s">
        <v>5</v>
      </c>
      <c r="D13146" s="1" t="s">
        <v>11240</v>
      </c>
      <c r="E13146" s="1" t="s">
        <v>7</v>
      </c>
    </row>
    <row r="13147">
      <c r="A13147" s="1">
        <v>4.90530423E8</v>
      </c>
      <c r="B13147" s="2">
        <v>13755.0</v>
      </c>
      <c r="C13147" s="1" t="s">
        <v>5</v>
      </c>
      <c r="D13147" s="1" t="s">
        <v>11241</v>
      </c>
      <c r="E13147" s="1" t="s">
        <v>11242</v>
      </c>
    </row>
    <row r="13148">
      <c r="A13148" s="1">
        <v>4.90530434E8</v>
      </c>
      <c r="B13148" s="2">
        <v>13607.0</v>
      </c>
      <c r="C13148" s="1" t="s">
        <v>5</v>
      </c>
      <c r="D13148" s="1" t="s">
        <v>11</v>
      </c>
      <c r="E13148" s="1" t="s">
        <v>7</v>
      </c>
    </row>
    <row r="13149">
      <c r="A13149" s="1">
        <v>4.9053047E8</v>
      </c>
      <c r="B13149" s="3">
        <v>13645.0</v>
      </c>
      <c r="C13149" s="1" t="s">
        <v>5</v>
      </c>
      <c r="D13149" s="1" t="s">
        <v>11243</v>
      </c>
      <c r="E13149" s="1" t="s">
        <v>11</v>
      </c>
    </row>
    <row r="13150">
      <c r="A13150" s="1">
        <v>4.90530492E8</v>
      </c>
      <c r="B13150" s="2">
        <v>13720.0</v>
      </c>
      <c r="C13150" s="1" t="s">
        <v>5</v>
      </c>
      <c r="D13150" s="1" t="s">
        <v>11</v>
      </c>
      <c r="E13150" s="1" t="s">
        <v>7</v>
      </c>
    </row>
    <row r="13151">
      <c r="A13151" s="1">
        <v>4.90530527E8</v>
      </c>
      <c r="B13151" s="2">
        <v>13745.0</v>
      </c>
      <c r="C13151" s="1" t="s">
        <v>5</v>
      </c>
      <c r="D13151" s="1" t="s">
        <v>11</v>
      </c>
      <c r="E13151" s="1" t="s">
        <v>7</v>
      </c>
    </row>
    <row r="13152">
      <c r="A13152" s="1">
        <v>4.90530585E8</v>
      </c>
      <c r="B13152" s="2">
        <v>13748.0</v>
      </c>
      <c r="C13152" s="1" t="s">
        <v>5</v>
      </c>
      <c r="D13152" s="1" t="s">
        <v>11</v>
      </c>
      <c r="E13152" s="1" t="s">
        <v>7</v>
      </c>
    </row>
    <row r="13153">
      <c r="A13153" s="1">
        <v>4.90530614E8</v>
      </c>
      <c r="B13153" s="3">
        <v>13664.0</v>
      </c>
      <c r="C13153" s="1" t="s">
        <v>5</v>
      </c>
      <c r="D13153" s="1" t="s">
        <v>11244</v>
      </c>
      <c r="E13153" s="1" t="s">
        <v>11</v>
      </c>
    </row>
    <row r="13154">
      <c r="A13154" s="1">
        <v>4.90530634E8</v>
      </c>
      <c r="B13154" s="2">
        <v>13726.0</v>
      </c>
      <c r="C13154" s="1" t="s">
        <v>5</v>
      </c>
      <c r="D13154" s="1" t="s">
        <v>11245</v>
      </c>
      <c r="E13154" s="1" t="s">
        <v>7</v>
      </c>
    </row>
    <row r="13155">
      <c r="A13155" s="1">
        <v>4.90530664E8</v>
      </c>
      <c r="B13155" s="3">
        <v>13664.0</v>
      </c>
      <c r="C13155" s="1" t="s">
        <v>5</v>
      </c>
      <c r="D13155" s="1" t="s">
        <v>11246</v>
      </c>
      <c r="E13155" s="1" t="s">
        <v>11</v>
      </c>
    </row>
    <row r="13156">
      <c r="A13156" s="1">
        <v>4.90530686E8</v>
      </c>
      <c r="B13156" s="2">
        <v>13677.0</v>
      </c>
      <c r="C13156" s="1" t="s">
        <v>5</v>
      </c>
      <c r="D13156" s="1" t="s">
        <v>11247</v>
      </c>
      <c r="E13156" s="1" t="s">
        <v>7</v>
      </c>
    </row>
    <row r="13157">
      <c r="A13157" s="1">
        <v>4.90530704E8</v>
      </c>
      <c r="B13157" s="3">
        <v>13649.0</v>
      </c>
      <c r="C13157" s="1" t="s">
        <v>5</v>
      </c>
      <c r="D13157" s="1" t="s">
        <v>11248</v>
      </c>
      <c r="E13157" s="1" t="s">
        <v>7</v>
      </c>
    </row>
    <row r="13158">
      <c r="A13158" s="1">
        <v>4.90530738E8</v>
      </c>
      <c r="B13158" s="2">
        <v>13726.0</v>
      </c>
      <c r="C13158" s="1" t="s">
        <v>5</v>
      </c>
      <c r="D13158" s="1" t="s">
        <v>11249</v>
      </c>
      <c r="E13158" s="1" t="s">
        <v>11250</v>
      </c>
    </row>
    <row r="13159">
      <c r="A13159" s="1">
        <v>4.90530742E8</v>
      </c>
      <c r="B13159" s="2">
        <v>13714.0</v>
      </c>
      <c r="C13159" s="1" t="s">
        <v>5</v>
      </c>
      <c r="D13159" s="1" t="s">
        <v>11251</v>
      </c>
      <c r="E13159" s="1" t="s">
        <v>7</v>
      </c>
    </row>
    <row r="13160">
      <c r="A13160" s="1">
        <v>4.90530824E8</v>
      </c>
      <c r="B13160" s="2">
        <v>13746.0</v>
      </c>
      <c r="C13160" s="1" t="s">
        <v>5</v>
      </c>
      <c r="D13160" s="1" t="s">
        <v>11252</v>
      </c>
      <c r="E13160" s="1" t="s">
        <v>7</v>
      </c>
    </row>
    <row r="13161">
      <c r="A13161" s="1">
        <v>4.9053084E8</v>
      </c>
      <c r="B13161" s="2">
        <v>13748.0</v>
      </c>
      <c r="C13161" s="1" t="s">
        <v>5</v>
      </c>
      <c r="D13161" s="1" t="s">
        <v>11</v>
      </c>
      <c r="E13161" s="1" t="s">
        <v>7</v>
      </c>
    </row>
    <row r="13162">
      <c r="A13162" s="1">
        <v>4.90530862E8</v>
      </c>
      <c r="B13162" s="2">
        <v>13675.0</v>
      </c>
      <c r="C13162" s="1" t="s">
        <v>5</v>
      </c>
      <c r="D13162" s="1" t="s">
        <v>11253</v>
      </c>
      <c r="E13162" s="1" t="s">
        <v>7</v>
      </c>
    </row>
    <row r="13163">
      <c r="A13163" s="1">
        <v>4.90530898E8</v>
      </c>
      <c r="B13163" s="2">
        <v>13713.0</v>
      </c>
      <c r="C13163" s="1" t="s">
        <v>5</v>
      </c>
      <c r="D13163" s="1" t="s">
        <v>11254</v>
      </c>
      <c r="E13163" s="1" t="s">
        <v>11255</v>
      </c>
    </row>
    <row r="13164">
      <c r="A13164" s="1">
        <v>4.90530939E8</v>
      </c>
      <c r="B13164" s="2">
        <v>13745.0</v>
      </c>
      <c r="C13164" s="1" t="s">
        <v>5</v>
      </c>
      <c r="D13164" s="1" t="s">
        <v>11256</v>
      </c>
      <c r="E13164" s="1" t="s">
        <v>7</v>
      </c>
    </row>
    <row r="13165">
      <c r="A13165" s="1">
        <v>4.90531015E8</v>
      </c>
      <c r="B13165" s="2">
        <v>13721.0</v>
      </c>
      <c r="C13165" s="1" t="s">
        <v>5</v>
      </c>
      <c r="D13165" s="1" t="s">
        <v>11257</v>
      </c>
      <c r="E13165" s="1" t="s">
        <v>11</v>
      </c>
    </row>
    <row r="13166">
      <c r="A13166" s="1">
        <v>4.9053108E8</v>
      </c>
      <c r="B13166" s="2">
        <v>13673.0</v>
      </c>
      <c r="C13166" s="1" t="s">
        <v>5</v>
      </c>
      <c r="D13166" s="1" t="s">
        <v>11258</v>
      </c>
      <c r="E13166" s="1" t="s">
        <v>11259</v>
      </c>
    </row>
    <row r="13167">
      <c r="A13167" s="1">
        <v>4.90531134E8</v>
      </c>
      <c r="B13167" s="2">
        <v>13741.0</v>
      </c>
      <c r="C13167" s="1" t="s">
        <v>5</v>
      </c>
      <c r="D13167" s="1" t="s">
        <v>11</v>
      </c>
      <c r="E13167" s="1" t="s">
        <v>7</v>
      </c>
    </row>
    <row r="13168">
      <c r="A13168" s="1">
        <v>4.90531151E8</v>
      </c>
      <c r="B13168" s="2">
        <v>13719.0</v>
      </c>
      <c r="C13168" s="1" t="s">
        <v>5</v>
      </c>
      <c r="D13168" s="1" t="s">
        <v>11260</v>
      </c>
      <c r="E13168" s="1" t="s">
        <v>11</v>
      </c>
    </row>
    <row r="13169">
      <c r="A13169" s="1">
        <v>4.90531174E8</v>
      </c>
      <c r="B13169" s="2">
        <v>13722.0</v>
      </c>
      <c r="C13169" s="1" t="s">
        <v>5</v>
      </c>
      <c r="D13169" s="1" t="s">
        <v>11261</v>
      </c>
      <c r="E13169" s="1" t="s">
        <v>11</v>
      </c>
    </row>
    <row r="13170">
      <c r="A13170" s="1">
        <v>4.90531181E8</v>
      </c>
      <c r="B13170" s="2">
        <v>13742.0</v>
      </c>
      <c r="C13170" s="1" t="s">
        <v>5</v>
      </c>
      <c r="D13170" s="1" t="s">
        <v>11262</v>
      </c>
      <c r="E13170" s="1" t="s">
        <v>7</v>
      </c>
    </row>
    <row r="13171">
      <c r="A13171" s="1">
        <v>4.90531199E8</v>
      </c>
      <c r="B13171" s="2">
        <v>13719.0</v>
      </c>
      <c r="C13171" s="1" t="s">
        <v>5</v>
      </c>
      <c r="D13171" s="1" t="s">
        <v>11263</v>
      </c>
      <c r="E13171" s="1" t="s">
        <v>7</v>
      </c>
    </row>
    <row r="13172">
      <c r="A13172" s="1">
        <v>4.90531215E8</v>
      </c>
      <c r="B13172" s="2">
        <v>13741.0</v>
      </c>
      <c r="C13172" s="1" t="s">
        <v>5</v>
      </c>
      <c r="D13172" s="1" t="s">
        <v>11264</v>
      </c>
      <c r="E13172" s="1" t="s">
        <v>7</v>
      </c>
    </row>
    <row r="13173">
      <c r="A13173" s="1">
        <v>4.90531261E8</v>
      </c>
      <c r="B13173" s="2">
        <v>13713.0</v>
      </c>
      <c r="C13173" s="1" t="s">
        <v>5</v>
      </c>
      <c r="D13173" s="1" t="s">
        <v>11265</v>
      </c>
      <c r="E13173" s="1" t="s">
        <v>7</v>
      </c>
    </row>
    <row r="13174">
      <c r="A13174" s="1">
        <v>4.90531305E8</v>
      </c>
      <c r="B13174" s="2">
        <v>13755.0</v>
      </c>
      <c r="C13174" s="1" t="s">
        <v>5</v>
      </c>
      <c r="D13174" s="1" t="s">
        <v>11</v>
      </c>
      <c r="E13174" s="1" t="s">
        <v>7</v>
      </c>
    </row>
    <row r="13175">
      <c r="A13175" s="1">
        <v>4.90531337E8</v>
      </c>
      <c r="B13175" s="2">
        <v>13739.0</v>
      </c>
      <c r="C13175" s="1" t="s">
        <v>5</v>
      </c>
      <c r="D13175" s="1" t="s">
        <v>11266</v>
      </c>
      <c r="E13175" s="1" t="s">
        <v>7</v>
      </c>
    </row>
    <row r="13176">
      <c r="A13176" s="1">
        <v>4.90531339E8</v>
      </c>
      <c r="B13176" s="2">
        <v>13725.0</v>
      </c>
      <c r="C13176" s="1" t="s">
        <v>5</v>
      </c>
      <c r="D13176" s="1" t="s">
        <v>11</v>
      </c>
      <c r="E13176" s="1" t="s">
        <v>7</v>
      </c>
    </row>
    <row r="13177">
      <c r="A13177" s="1">
        <v>4.90531366E8</v>
      </c>
      <c r="B13177" s="2">
        <v>13741.0</v>
      </c>
      <c r="C13177" s="1" t="s">
        <v>5</v>
      </c>
      <c r="D13177" s="1" t="s">
        <v>11</v>
      </c>
      <c r="E13177" s="1" t="s">
        <v>7</v>
      </c>
    </row>
    <row r="13178">
      <c r="A13178" s="1">
        <v>4.90531394E8</v>
      </c>
      <c r="B13178" s="2">
        <v>13740.0</v>
      </c>
      <c r="C13178" s="1" t="s">
        <v>5</v>
      </c>
      <c r="D13178" s="1" t="s">
        <v>11</v>
      </c>
      <c r="E13178" s="1" t="s">
        <v>7</v>
      </c>
    </row>
    <row r="13179">
      <c r="A13179" s="1">
        <v>4.90531423E8</v>
      </c>
      <c r="B13179" s="2">
        <v>13749.0</v>
      </c>
      <c r="C13179" s="1" t="s">
        <v>5</v>
      </c>
      <c r="D13179" s="1" t="s">
        <v>11267</v>
      </c>
      <c r="E13179" s="1" t="s">
        <v>11</v>
      </c>
    </row>
    <row r="13180">
      <c r="A13180" s="1">
        <v>4.90531451E8</v>
      </c>
      <c r="B13180" s="2">
        <v>13672.0</v>
      </c>
      <c r="C13180" s="1" t="s">
        <v>5</v>
      </c>
      <c r="D13180" s="1" t="s">
        <v>11268</v>
      </c>
      <c r="E13180" s="1" t="s">
        <v>11</v>
      </c>
    </row>
    <row r="13181">
      <c r="A13181" s="1">
        <v>4.90531515E8</v>
      </c>
      <c r="B13181" s="2">
        <v>13715.0</v>
      </c>
      <c r="C13181" s="1" t="s">
        <v>5</v>
      </c>
      <c r="D13181" s="1" t="s">
        <v>11</v>
      </c>
      <c r="E13181" s="1" t="s">
        <v>7</v>
      </c>
    </row>
    <row r="13182">
      <c r="A13182" s="1">
        <v>4.90531534E8</v>
      </c>
      <c r="B13182" s="2">
        <v>13739.0</v>
      </c>
      <c r="C13182" s="1" t="s">
        <v>5</v>
      </c>
      <c r="D13182" s="1" t="s">
        <v>11269</v>
      </c>
      <c r="E13182" s="1" t="s">
        <v>7</v>
      </c>
    </row>
    <row r="13183">
      <c r="A13183" s="1">
        <v>4.90531551E8</v>
      </c>
      <c r="B13183" s="2">
        <v>13748.0</v>
      </c>
      <c r="C13183" s="1" t="s">
        <v>5</v>
      </c>
      <c r="D13183" s="1" t="s">
        <v>7</v>
      </c>
      <c r="E13183" s="1" t="s">
        <v>7</v>
      </c>
    </row>
    <row r="13184">
      <c r="A13184" s="1">
        <v>4.90531616E8</v>
      </c>
      <c r="B13184" s="2">
        <v>13755.0</v>
      </c>
      <c r="C13184" s="1" t="s">
        <v>5</v>
      </c>
      <c r="D13184" s="1" t="s">
        <v>11</v>
      </c>
      <c r="E13184" s="1" t="s">
        <v>7</v>
      </c>
    </row>
    <row r="13185">
      <c r="A13185" s="1">
        <v>4.90531623E8</v>
      </c>
      <c r="B13185" s="2">
        <v>13719.0</v>
      </c>
      <c r="C13185" s="1" t="s">
        <v>5</v>
      </c>
      <c r="D13185" s="1" t="s">
        <v>11</v>
      </c>
      <c r="E13185" s="1" t="s">
        <v>7</v>
      </c>
    </row>
    <row r="13186">
      <c r="A13186" s="1">
        <v>4.90531675E8</v>
      </c>
      <c r="B13186" s="2">
        <v>13748.0</v>
      </c>
      <c r="C13186" s="1" t="s">
        <v>5</v>
      </c>
      <c r="D13186" s="1" t="s">
        <v>11</v>
      </c>
      <c r="E13186" s="1" t="s">
        <v>7</v>
      </c>
    </row>
    <row r="13187">
      <c r="A13187" s="1">
        <v>4.90531677E8</v>
      </c>
      <c r="B13187" s="2">
        <v>13737.0</v>
      </c>
      <c r="C13187" s="1" t="s">
        <v>5</v>
      </c>
      <c r="D13187" s="1" t="s">
        <v>11270</v>
      </c>
      <c r="E13187" s="1" t="s">
        <v>11</v>
      </c>
    </row>
    <row r="13188">
      <c r="A13188" s="1">
        <v>4.90531687E8</v>
      </c>
      <c r="B13188" s="2">
        <v>13685.0</v>
      </c>
      <c r="C13188" s="1" t="s">
        <v>5</v>
      </c>
      <c r="D13188" s="1" t="s">
        <v>11271</v>
      </c>
      <c r="E13188" s="1" t="s">
        <v>11</v>
      </c>
    </row>
    <row r="13189">
      <c r="A13189" s="1">
        <v>4.9053172E8</v>
      </c>
      <c r="B13189" s="2">
        <v>13747.0</v>
      </c>
      <c r="C13189" s="1" t="s">
        <v>5</v>
      </c>
      <c r="D13189" s="1" t="s">
        <v>11</v>
      </c>
      <c r="E13189" s="1" t="s">
        <v>7</v>
      </c>
    </row>
    <row r="13190">
      <c r="A13190" s="1">
        <v>4.9053175E8</v>
      </c>
      <c r="B13190" s="2">
        <v>13701.0</v>
      </c>
      <c r="C13190" s="1" t="s">
        <v>5</v>
      </c>
      <c r="D13190" s="1" t="s">
        <v>11272</v>
      </c>
      <c r="E13190" s="1" t="s">
        <v>11</v>
      </c>
    </row>
    <row r="13191">
      <c r="A13191" s="1">
        <v>4.90531763E8</v>
      </c>
      <c r="B13191" s="2">
        <v>13720.0</v>
      </c>
      <c r="C13191" s="1" t="s">
        <v>5</v>
      </c>
      <c r="D13191" s="1" t="s">
        <v>11</v>
      </c>
      <c r="E13191" s="1" t="s">
        <v>7</v>
      </c>
    </row>
    <row r="13192">
      <c r="A13192" s="1">
        <v>4.90531803E8</v>
      </c>
      <c r="B13192" s="2">
        <v>13745.0</v>
      </c>
      <c r="C13192" s="1" t="s">
        <v>5</v>
      </c>
      <c r="D13192" s="1" t="s">
        <v>11273</v>
      </c>
      <c r="E13192" s="1" t="s">
        <v>7</v>
      </c>
    </row>
    <row r="13193">
      <c r="A13193" s="1">
        <v>4.90531877E8</v>
      </c>
      <c r="B13193" s="2">
        <v>13715.0</v>
      </c>
      <c r="C13193" s="1" t="s">
        <v>5</v>
      </c>
      <c r="D13193" s="1" t="s">
        <v>11274</v>
      </c>
      <c r="E13193" s="1" t="s">
        <v>11</v>
      </c>
    </row>
    <row r="13194">
      <c r="A13194" s="1">
        <v>4.90531899E8</v>
      </c>
      <c r="B13194" s="2">
        <v>13720.0</v>
      </c>
      <c r="C13194" s="1" t="s">
        <v>5</v>
      </c>
      <c r="D13194" s="1" t="s">
        <v>11275</v>
      </c>
      <c r="E13194" s="1" t="s">
        <v>7</v>
      </c>
    </row>
    <row r="13195">
      <c r="A13195" s="1">
        <v>4.90531923E8</v>
      </c>
      <c r="B13195" s="2">
        <v>13736.0</v>
      </c>
      <c r="C13195" s="1" t="s">
        <v>5</v>
      </c>
      <c r="D13195" s="1" t="s">
        <v>11276</v>
      </c>
      <c r="E13195" s="1" t="s">
        <v>11</v>
      </c>
    </row>
    <row r="13196">
      <c r="A13196" s="1">
        <v>4.90531945E8</v>
      </c>
      <c r="B13196" s="3">
        <v>13648.0</v>
      </c>
      <c r="C13196" s="1" t="s">
        <v>5</v>
      </c>
      <c r="D13196" s="1" t="s">
        <v>11277</v>
      </c>
      <c r="E13196" s="1" t="s">
        <v>7</v>
      </c>
    </row>
    <row r="13197">
      <c r="A13197" s="1">
        <v>4.90532E8</v>
      </c>
      <c r="B13197" s="3">
        <v>13648.0</v>
      </c>
      <c r="C13197" s="1" t="s">
        <v>5</v>
      </c>
      <c r="D13197" s="1" t="s">
        <v>11278</v>
      </c>
      <c r="E13197" s="1" t="s">
        <v>11</v>
      </c>
    </row>
    <row r="13198">
      <c r="A13198" s="1">
        <v>4.90532024E8</v>
      </c>
      <c r="B13198" s="2">
        <v>13755.0</v>
      </c>
      <c r="C13198" s="1" t="s">
        <v>5</v>
      </c>
      <c r="D13198" s="1" t="s">
        <v>11279</v>
      </c>
      <c r="E13198" s="1" t="s">
        <v>11</v>
      </c>
    </row>
    <row r="13199">
      <c r="A13199" s="1">
        <v>4.90532056E8</v>
      </c>
      <c r="B13199" s="2">
        <v>13719.0</v>
      </c>
      <c r="C13199" s="1" t="s">
        <v>5</v>
      </c>
      <c r="D13199" s="1" t="s">
        <v>11</v>
      </c>
      <c r="E13199" s="1" t="s">
        <v>7</v>
      </c>
    </row>
    <row r="13200">
      <c r="A13200" s="1">
        <v>4.90532059E8</v>
      </c>
      <c r="B13200" s="2">
        <v>13735.0</v>
      </c>
      <c r="C13200" s="1" t="s">
        <v>5</v>
      </c>
      <c r="D13200" s="1" t="s">
        <v>11</v>
      </c>
      <c r="E13200" s="1" t="s">
        <v>7</v>
      </c>
    </row>
    <row r="13201">
      <c r="A13201" s="1">
        <v>4.90532089E8</v>
      </c>
      <c r="B13201" s="2">
        <v>13714.0</v>
      </c>
      <c r="C13201" s="1" t="s">
        <v>5</v>
      </c>
      <c r="D13201" s="1" t="s">
        <v>11280</v>
      </c>
      <c r="E13201" s="1" t="s">
        <v>11281</v>
      </c>
    </row>
    <row r="13202">
      <c r="A13202" s="1">
        <v>4.90532091E8</v>
      </c>
      <c r="B13202" s="2">
        <v>13714.0</v>
      </c>
      <c r="C13202" s="1" t="s">
        <v>5</v>
      </c>
      <c r="D13202" s="1" t="s">
        <v>11</v>
      </c>
      <c r="E13202" s="1" t="s">
        <v>7</v>
      </c>
    </row>
    <row r="13203">
      <c r="A13203" s="1">
        <v>4.90532094E8</v>
      </c>
      <c r="B13203" s="2">
        <v>13733.0</v>
      </c>
      <c r="C13203" s="1" t="s">
        <v>5</v>
      </c>
      <c r="D13203" s="1" t="s">
        <v>11</v>
      </c>
      <c r="E13203" s="1" t="s">
        <v>7</v>
      </c>
    </row>
    <row r="13204">
      <c r="A13204" s="1">
        <v>4.90532151E8</v>
      </c>
      <c r="B13204" s="2">
        <v>13727.0</v>
      </c>
      <c r="C13204" s="1" t="s">
        <v>5</v>
      </c>
      <c r="D13204" s="1" t="s">
        <v>11282</v>
      </c>
      <c r="E13204" s="1" t="s">
        <v>11283</v>
      </c>
    </row>
    <row r="13205">
      <c r="A13205" s="1">
        <v>4.9053217E8</v>
      </c>
      <c r="B13205" s="2">
        <v>13755.0</v>
      </c>
      <c r="C13205" s="1" t="s">
        <v>5</v>
      </c>
      <c r="D13205" s="1" t="s">
        <v>11</v>
      </c>
      <c r="E13205" s="1" t="s">
        <v>7</v>
      </c>
    </row>
    <row r="13206">
      <c r="A13206" s="1">
        <v>4.90532178E8</v>
      </c>
      <c r="B13206" s="2">
        <v>13683.0</v>
      </c>
      <c r="C13206" s="1" t="s">
        <v>5</v>
      </c>
      <c r="D13206" s="1" t="s">
        <v>11284</v>
      </c>
      <c r="E13206" s="1" t="s">
        <v>11</v>
      </c>
    </row>
    <row r="13207">
      <c r="A13207" s="1">
        <v>4.90532182E8</v>
      </c>
      <c r="B13207" s="2">
        <v>13722.0</v>
      </c>
      <c r="C13207" s="1" t="s">
        <v>5</v>
      </c>
      <c r="D13207" s="1" t="s">
        <v>7</v>
      </c>
      <c r="E13207" s="1" t="s">
        <v>7</v>
      </c>
    </row>
    <row r="13208">
      <c r="A13208" s="1">
        <v>4.90532203E8</v>
      </c>
      <c r="B13208" s="3">
        <v>13644.0</v>
      </c>
      <c r="C13208" s="1" t="s">
        <v>5</v>
      </c>
      <c r="D13208" s="1" t="s">
        <v>11285</v>
      </c>
      <c r="E13208" s="1" t="s">
        <v>7</v>
      </c>
    </row>
    <row r="13209">
      <c r="A13209" s="1">
        <v>4.9053224E8</v>
      </c>
      <c r="B13209" s="2">
        <v>13683.0</v>
      </c>
      <c r="C13209" s="1" t="s">
        <v>5</v>
      </c>
      <c r="D13209" s="1" t="s">
        <v>11286</v>
      </c>
      <c r="E13209" s="1" t="s">
        <v>11</v>
      </c>
    </row>
    <row r="13210">
      <c r="A13210" s="1">
        <v>4.90532256E8</v>
      </c>
      <c r="B13210" s="2">
        <v>13731.0</v>
      </c>
      <c r="C13210" s="1" t="s">
        <v>5</v>
      </c>
      <c r="D13210" s="1" t="s">
        <v>11</v>
      </c>
      <c r="E13210" s="1" t="s">
        <v>7</v>
      </c>
    </row>
    <row r="13211">
      <c r="A13211" s="1">
        <v>4.90532322E8</v>
      </c>
      <c r="B13211" s="2">
        <v>13720.0</v>
      </c>
      <c r="C13211" s="1" t="s">
        <v>5</v>
      </c>
      <c r="D13211" s="1" t="s">
        <v>11287</v>
      </c>
      <c r="E13211" s="1" t="s">
        <v>11</v>
      </c>
    </row>
    <row r="13212">
      <c r="A13212" s="1">
        <v>4.90532343E8</v>
      </c>
      <c r="B13212" s="2">
        <v>13733.0</v>
      </c>
      <c r="C13212" s="1" t="s">
        <v>5</v>
      </c>
      <c r="D13212" s="1" t="s">
        <v>11288</v>
      </c>
      <c r="E13212" s="1" t="s">
        <v>7</v>
      </c>
    </row>
    <row r="13213">
      <c r="A13213" s="1">
        <v>4.90532351E8</v>
      </c>
      <c r="B13213" s="2">
        <v>13710.0</v>
      </c>
      <c r="C13213" s="1" t="s">
        <v>5</v>
      </c>
      <c r="D13213" s="1" t="s">
        <v>11289</v>
      </c>
      <c r="E13213" s="1" t="s">
        <v>7</v>
      </c>
    </row>
    <row r="13214">
      <c r="A13214" s="1">
        <v>4.90532352E8</v>
      </c>
      <c r="B13214" s="2">
        <v>13744.0</v>
      </c>
      <c r="C13214" s="1" t="s">
        <v>5</v>
      </c>
      <c r="D13214" s="1" t="s">
        <v>11290</v>
      </c>
      <c r="E13214" s="1" t="s">
        <v>11</v>
      </c>
    </row>
    <row r="13215">
      <c r="A13215" s="1">
        <v>4.90532363E8</v>
      </c>
      <c r="B13215" s="2">
        <v>13713.0</v>
      </c>
      <c r="C13215" s="1" t="s">
        <v>5</v>
      </c>
      <c r="D13215" s="1" t="s">
        <v>11</v>
      </c>
      <c r="E13215" s="1" t="s">
        <v>7</v>
      </c>
    </row>
    <row r="13216">
      <c r="A13216" s="1">
        <v>4.90532454E8</v>
      </c>
      <c r="B13216" s="2">
        <v>13710.0</v>
      </c>
      <c r="C13216" s="1" t="s">
        <v>5</v>
      </c>
      <c r="D13216" s="1" t="s">
        <v>11291</v>
      </c>
      <c r="E13216" s="1" t="s">
        <v>7</v>
      </c>
    </row>
    <row r="13217">
      <c r="A13217" s="1">
        <v>4.90532462E8</v>
      </c>
      <c r="B13217" s="2">
        <v>13742.0</v>
      </c>
      <c r="C13217" s="1" t="s">
        <v>5</v>
      </c>
      <c r="D13217" s="1" t="s">
        <v>11292</v>
      </c>
      <c r="E13217" s="1" t="s">
        <v>11293</v>
      </c>
    </row>
    <row r="13218">
      <c r="A13218" s="1">
        <v>4.9053253E8</v>
      </c>
      <c r="B13218" s="2">
        <v>13747.0</v>
      </c>
      <c r="C13218" s="1" t="s">
        <v>5</v>
      </c>
      <c r="D13218" s="1" t="s">
        <v>11294</v>
      </c>
      <c r="E13218" s="1" t="s">
        <v>11295</v>
      </c>
    </row>
    <row r="13219">
      <c r="A13219" s="1">
        <v>4.90532535E8</v>
      </c>
      <c r="B13219" s="2">
        <v>13726.0</v>
      </c>
      <c r="C13219" s="1" t="s">
        <v>5</v>
      </c>
      <c r="D13219" s="1" t="s">
        <v>11296</v>
      </c>
      <c r="E13219" s="1" t="s">
        <v>7</v>
      </c>
    </row>
    <row r="13220">
      <c r="A13220" s="1">
        <v>4.90532567E8</v>
      </c>
      <c r="B13220" s="2">
        <v>13726.0</v>
      </c>
      <c r="C13220" s="1" t="s">
        <v>5</v>
      </c>
      <c r="D13220" s="1" t="s">
        <v>11297</v>
      </c>
      <c r="E13220" s="1" t="s">
        <v>7</v>
      </c>
    </row>
    <row r="13221">
      <c r="A13221" s="1">
        <v>4.90532652E8</v>
      </c>
      <c r="B13221" s="2">
        <v>13728.0</v>
      </c>
      <c r="C13221" s="1" t="s">
        <v>5</v>
      </c>
      <c r="D13221" s="1" t="s">
        <v>11</v>
      </c>
      <c r="E13221" s="1" t="s">
        <v>7</v>
      </c>
    </row>
    <row r="13222">
      <c r="A13222" s="1">
        <v>4.9053277E8</v>
      </c>
      <c r="B13222" s="2">
        <v>13741.0</v>
      </c>
      <c r="C13222" s="1" t="s">
        <v>5</v>
      </c>
      <c r="D13222" s="1" t="s">
        <v>11</v>
      </c>
      <c r="E13222" s="1" t="s">
        <v>7</v>
      </c>
    </row>
    <row r="13223">
      <c r="A13223" s="1">
        <v>4.90532773E8</v>
      </c>
      <c r="B13223" s="2">
        <v>13682.0</v>
      </c>
      <c r="C13223" s="1" t="s">
        <v>5</v>
      </c>
      <c r="D13223" s="1" t="s">
        <v>11</v>
      </c>
      <c r="E13223" s="1" t="s">
        <v>7</v>
      </c>
    </row>
    <row r="13224">
      <c r="A13224" s="1">
        <v>4.90532774E8</v>
      </c>
      <c r="B13224" s="2">
        <v>13724.0</v>
      </c>
      <c r="C13224" s="1" t="s">
        <v>5</v>
      </c>
      <c r="D13224" s="1" t="s">
        <v>11</v>
      </c>
      <c r="E13224" s="1" t="s">
        <v>7</v>
      </c>
    </row>
    <row r="13225">
      <c r="A13225" s="1">
        <v>4.90532837E8</v>
      </c>
      <c r="B13225" s="2">
        <v>13711.0</v>
      </c>
      <c r="C13225" s="1" t="s">
        <v>5</v>
      </c>
      <c r="D13225" s="1" t="s">
        <v>11298</v>
      </c>
      <c r="E13225" s="1" t="s">
        <v>7</v>
      </c>
    </row>
    <row r="13226">
      <c r="A13226" s="1">
        <v>4.90532867E8</v>
      </c>
      <c r="B13226" s="2">
        <v>13731.0</v>
      </c>
      <c r="C13226" s="1" t="s">
        <v>5</v>
      </c>
      <c r="D13226" s="1" t="s">
        <v>11299</v>
      </c>
      <c r="E13226" s="1" t="s">
        <v>11</v>
      </c>
    </row>
    <row r="13227">
      <c r="A13227" s="1">
        <v>4.9053289E8</v>
      </c>
      <c r="B13227" s="2">
        <v>13746.0</v>
      </c>
      <c r="C13227" s="1" t="s">
        <v>5</v>
      </c>
      <c r="D13227" s="1" t="s">
        <v>11300</v>
      </c>
      <c r="E13227" s="1" t="s">
        <v>7</v>
      </c>
    </row>
    <row r="13228">
      <c r="A13228" s="1">
        <v>4.90532933E8</v>
      </c>
      <c r="B13228" s="2">
        <v>13723.0</v>
      </c>
      <c r="C13228" s="1" t="s">
        <v>5</v>
      </c>
      <c r="D13228" s="1" t="s">
        <v>11301</v>
      </c>
      <c r="E13228" s="1" t="s">
        <v>7</v>
      </c>
    </row>
    <row r="13229">
      <c r="A13229" s="1">
        <v>4.90532934E8</v>
      </c>
      <c r="B13229" s="2">
        <v>13707.0</v>
      </c>
      <c r="C13229" s="1" t="s">
        <v>5</v>
      </c>
      <c r="D13229" s="1" t="s">
        <v>11302</v>
      </c>
      <c r="E13229" s="1" t="s">
        <v>7</v>
      </c>
    </row>
    <row r="13230">
      <c r="A13230" s="1">
        <v>4.90532938E8</v>
      </c>
      <c r="B13230" s="2">
        <v>13731.0</v>
      </c>
      <c r="C13230" s="1" t="s">
        <v>5</v>
      </c>
      <c r="D13230" s="1" t="s">
        <v>11303</v>
      </c>
      <c r="E13230" s="1" t="s">
        <v>11</v>
      </c>
    </row>
    <row r="13231">
      <c r="A13231" s="1">
        <v>4.90532961E8</v>
      </c>
      <c r="B13231" s="2">
        <v>13737.0</v>
      </c>
      <c r="C13231" s="1" t="s">
        <v>5</v>
      </c>
      <c r="D13231" s="1" t="s">
        <v>11304</v>
      </c>
      <c r="E13231" s="1" t="s">
        <v>7</v>
      </c>
    </row>
    <row r="13232">
      <c r="A13232" s="1">
        <v>4.90532994E8</v>
      </c>
      <c r="B13232" s="2">
        <v>13712.0</v>
      </c>
      <c r="C13232" s="1" t="s">
        <v>5</v>
      </c>
      <c r="D13232" s="1" t="s">
        <v>11305</v>
      </c>
      <c r="E13232" s="1" t="s">
        <v>7</v>
      </c>
    </row>
    <row r="13233">
      <c r="A13233" s="1">
        <v>4.90533035E8</v>
      </c>
      <c r="B13233" s="2">
        <v>13739.0</v>
      </c>
      <c r="C13233" s="1" t="s">
        <v>5</v>
      </c>
      <c r="D13233" s="1" t="s">
        <v>11297</v>
      </c>
      <c r="E13233" s="1" t="s">
        <v>7</v>
      </c>
    </row>
    <row r="13234">
      <c r="A13234" s="1">
        <v>4.90533071E8</v>
      </c>
      <c r="B13234" s="2">
        <v>13707.0</v>
      </c>
      <c r="C13234" s="1" t="s">
        <v>5</v>
      </c>
      <c r="D13234" s="1" t="s">
        <v>11</v>
      </c>
      <c r="E13234" s="1" t="s">
        <v>7</v>
      </c>
    </row>
    <row r="13235">
      <c r="A13235" s="1">
        <v>4.90533104E8</v>
      </c>
      <c r="B13235" s="2">
        <v>13786.0</v>
      </c>
      <c r="C13235" s="1" t="s">
        <v>5</v>
      </c>
      <c r="D13235" s="1" t="s">
        <v>11306</v>
      </c>
      <c r="E13235" s="1" t="s">
        <v>7</v>
      </c>
    </row>
    <row r="13236">
      <c r="A13236" s="1">
        <v>4.90533132E8</v>
      </c>
      <c r="B13236" s="2">
        <v>13705.0</v>
      </c>
      <c r="C13236" s="1" t="s">
        <v>5</v>
      </c>
      <c r="D13236" s="1" t="s">
        <v>11307</v>
      </c>
      <c r="E13236" s="1" t="s">
        <v>11</v>
      </c>
    </row>
    <row r="13237">
      <c r="A13237" s="1">
        <v>4.90533135E8</v>
      </c>
      <c r="B13237" s="2">
        <v>13737.0</v>
      </c>
      <c r="C13237" s="1" t="s">
        <v>5</v>
      </c>
      <c r="D13237" s="1" t="s">
        <v>11</v>
      </c>
      <c r="E13237" s="1" t="s">
        <v>7</v>
      </c>
    </row>
    <row r="13238">
      <c r="A13238" s="1">
        <v>4.90533184E8</v>
      </c>
      <c r="B13238" s="2">
        <v>13715.0</v>
      </c>
      <c r="C13238" s="1" t="s">
        <v>5</v>
      </c>
      <c r="D13238" s="1" t="s">
        <v>11</v>
      </c>
      <c r="E13238" s="1" t="s">
        <v>7</v>
      </c>
    </row>
    <row r="13239">
      <c r="A13239" s="1">
        <v>4.90533217E8</v>
      </c>
      <c r="B13239" s="2">
        <v>13721.0</v>
      </c>
      <c r="C13239" s="1" t="s">
        <v>5</v>
      </c>
      <c r="D13239" s="1" t="s">
        <v>11308</v>
      </c>
      <c r="E13239" s="1" t="s">
        <v>11</v>
      </c>
    </row>
    <row r="13240">
      <c r="A13240" s="1">
        <v>4.90533231E8</v>
      </c>
      <c r="B13240" s="2">
        <v>13737.0</v>
      </c>
      <c r="C13240" s="1" t="s">
        <v>5</v>
      </c>
      <c r="D13240" s="1" t="s">
        <v>11309</v>
      </c>
      <c r="E13240" s="1" t="s">
        <v>7</v>
      </c>
    </row>
    <row r="13241">
      <c r="A13241" s="1">
        <v>4.90533289E8</v>
      </c>
      <c r="B13241" s="2">
        <v>13735.0</v>
      </c>
      <c r="C13241" s="1" t="s">
        <v>5</v>
      </c>
      <c r="D13241" s="1" t="s">
        <v>11310</v>
      </c>
      <c r="E13241" s="1" t="s">
        <v>7</v>
      </c>
    </row>
    <row r="13242">
      <c r="A13242" s="1">
        <v>4.90533294E8</v>
      </c>
      <c r="B13242" s="2">
        <v>13736.0</v>
      </c>
      <c r="C13242" s="1" t="s">
        <v>5</v>
      </c>
      <c r="D13242" s="1" t="s">
        <v>11311</v>
      </c>
      <c r="E13242" s="1" t="s">
        <v>11</v>
      </c>
    </row>
    <row r="13243">
      <c r="A13243" s="1">
        <v>4.90533341E8</v>
      </c>
      <c r="B13243" s="2">
        <v>13726.0</v>
      </c>
      <c r="C13243" s="1" t="s">
        <v>5</v>
      </c>
      <c r="D13243" s="1" t="s">
        <v>11</v>
      </c>
      <c r="E13243" s="1" t="s">
        <v>7</v>
      </c>
    </row>
    <row r="13244">
      <c r="A13244" s="1">
        <v>4.90533355E8</v>
      </c>
      <c r="B13244" s="2">
        <v>13720.0</v>
      </c>
      <c r="C13244" s="1" t="s">
        <v>5</v>
      </c>
      <c r="D13244" s="1" t="s">
        <v>11312</v>
      </c>
      <c r="E13244" s="1" t="s">
        <v>7</v>
      </c>
    </row>
    <row r="13245">
      <c r="A13245" s="1">
        <v>4.90533415E8</v>
      </c>
      <c r="B13245" s="2">
        <v>13734.0</v>
      </c>
      <c r="C13245" s="1" t="s">
        <v>5</v>
      </c>
      <c r="D13245" s="1" t="s">
        <v>11313</v>
      </c>
      <c r="E13245" s="1" t="s">
        <v>7</v>
      </c>
    </row>
    <row r="13246">
      <c r="A13246" s="1">
        <v>4.90533498E8</v>
      </c>
      <c r="B13246" s="2">
        <v>13784.0</v>
      </c>
      <c r="C13246" s="1" t="s">
        <v>5</v>
      </c>
      <c r="D13246" s="1" t="s">
        <v>11</v>
      </c>
      <c r="E13246" s="1" t="s">
        <v>7</v>
      </c>
    </row>
    <row r="13247">
      <c r="A13247" s="1">
        <v>4.90533635E8</v>
      </c>
      <c r="B13247" s="2">
        <v>13713.0</v>
      </c>
      <c r="C13247" s="1" t="s">
        <v>5</v>
      </c>
      <c r="D13247" s="1" t="s">
        <v>11314</v>
      </c>
      <c r="E13247" s="1" t="s">
        <v>7</v>
      </c>
    </row>
    <row r="13248">
      <c r="A13248" s="1">
        <v>4.90533653E8</v>
      </c>
      <c r="B13248" s="2">
        <v>13740.0</v>
      </c>
      <c r="C13248" s="1" t="s">
        <v>5</v>
      </c>
      <c r="D13248" s="1" t="s">
        <v>11315</v>
      </c>
      <c r="E13248" s="1" t="s">
        <v>7</v>
      </c>
    </row>
    <row r="13249">
      <c r="A13249" s="1">
        <v>4.90533655E8</v>
      </c>
      <c r="B13249" s="2">
        <v>13734.0</v>
      </c>
      <c r="C13249" s="1" t="s">
        <v>5</v>
      </c>
      <c r="D13249" s="1" t="s">
        <v>11316</v>
      </c>
      <c r="E13249" s="1" t="s">
        <v>11317</v>
      </c>
    </row>
    <row r="13250">
      <c r="A13250" s="1">
        <v>4.90533661E8</v>
      </c>
      <c r="B13250" s="2">
        <v>13680.0</v>
      </c>
      <c r="C13250" s="1" t="s">
        <v>5</v>
      </c>
      <c r="D13250" s="1" t="s">
        <v>11</v>
      </c>
      <c r="E13250" s="1" t="s">
        <v>7</v>
      </c>
    </row>
    <row r="13251">
      <c r="A13251" s="1">
        <v>4.9053372E8</v>
      </c>
      <c r="B13251" s="2">
        <v>13734.0</v>
      </c>
      <c r="C13251" s="1" t="s">
        <v>5</v>
      </c>
      <c r="D13251" s="1" t="s">
        <v>11</v>
      </c>
      <c r="E13251" s="1" t="s">
        <v>7</v>
      </c>
    </row>
    <row r="13252">
      <c r="A13252" s="1">
        <v>4.90533755E8</v>
      </c>
      <c r="B13252" s="2">
        <v>13702.0</v>
      </c>
      <c r="C13252" s="1" t="s">
        <v>5</v>
      </c>
      <c r="D13252" s="1" t="s">
        <v>11318</v>
      </c>
      <c r="E13252" s="1" t="s">
        <v>7</v>
      </c>
    </row>
    <row r="13253">
      <c r="A13253" s="1">
        <v>4.90533762E8</v>
      </c>
      <c r="B13253" s="2">
        <v>13707.0</v>
      </c>
      <c r="C13253" s="1" t="s">
        <v>5</v>
      </c>
      <c r="D13253" s="1" t="s">
        <v>11319</v>
      </c>
      <c r="E13253" s="1" t="s">
        <v>7</v>
      </c>
    </row>
    <row r="13254">
      <c r="A13254" s="1">
        <v>4.90533797E8</v>
      </c>
      <c r="B13254" s="2">
        <v>13712.0</v>
      </c>
      <c r="C13254" s="1" t="s">
        <v>5</v>
      </c>
      <c r="D13254" s="1" t="s">
        <v>11320</v>
      </c>
      <c r="E13254" s="1" t="s">
        <v>7</v>
      </c>
    </row>
    <row r="13255">
      <c r="A13255" s="1">
        <v>4.905338E8</v>
      </c>
      <c r="B13255" s="2">
        <v>13700.0</v>
      </c>
      <c r="C13255" s="1" t="s">
        <v>5</v>
      </c>
      <c r="D13255" s="1" t="s">
        <v>11321</v>
      </c>
      <c r="E13255" s="1" t="s">
        <v>11</v>
      </c>
    </row>
    <row r="13256">
      <c r="A13256" s="1">
        <v>4.90533807E8</v>
      </c>
      <c r="B13256" s="2">
        <v>13697.0</v>
      </c>
      <c r="C13256" s="1" t="s">
        <v>5</v>
      </c>
      <c r="D13256" s="1" t="s">
        <v>11322</v>
      </c>
      <c r="E13256" s="1" t="s">
        <v>7</v>
      </c>
    </row>
    <row r="13257">
      <c r="A13257" s="1">
        <v>4.90533819E8</v>
      </c>
      <c r="B13257" s="2">
        <v>13700.0</v>
      </c>
      <c r="C13257" s="1" t="s">
        <v>5</v>
      </c>
      <c r="D13257" s="1" t="s">
        <v>11323</v>
      </c>
      <c r="E13257" s="1" t="s">
        <v>11</v>
      </c>
    </row>
    <row r="13258">
      <c r="A13258" s="1">
        <v>4.90533836E8</v>
      </c>
      <c r="B13258" s="2">
        <v>13703.0</v>
      </c>
      <c r="C13258" s="1" t="s">
        <v>5</v>
      </c>
      <c r="D13258" s="1" t="s">
        <v>11324</v>
      </c>
      <c r="E13258" s="1" t="s">
        <v>7</v>
      </c>
    </row>
    <row r="13259">
      <c r="A13259" s="1">
        <v>4.9053384E8</v>
      </c>
      <c r="B13259" s="2">
        <v>13785.0</v>
      </c>
      <c r="C13259" s="1" t="s">
        <v>5</v>
      </c>
      <c r="D13259" s="1" t="s">
        <v>11325</v>
      </c>
      <c r="E13259" s="1" t="s">
        <v>11326</v>
      </c>
    </row>
    <row r="13260">
      <c r="A13260" s="1">
        <v>4.90533874E8</v>
      </c>
      <c r="B13260" s="2">
        <v>13741.0</v>
      </c>
      <c r="C13260" s="1" t="s">
        <v>5</v>
      </c>
      <c r="D13260" s="1" t="s">
        <v>11327</v>
      </c>
      <c r="E13260" s="1" t="s">
        <v>7</v>
      </c>
    </row>
    <row r="13261">
      <c r="A13261" s="1">
        <v>4.90533979E8</v>
      </c>
      <c r="B13261" s="2">
        <v>13733.0</v>
      </c>
      <c r="C13261" s="1" t="s">
        <v>5</v>
      </c>
      <c r="D13261" s="1" t="s">
        <v>11328</v>
      </c>
      <c r="E13261" s="1" t="s">
        <v>7</v>
      </c>
    </row>
    <row r="13262">
      <c r="A13262" s="1">
        <v>4.90533988E8</v>
      </c>
      <c r="B13262" s="2">
        <v>13703.0</v>
      </c>
      <c r="C13262" s="1" t="s">
        <v>5</v>
      </c>
      <c r="D13262" s="1" t="s">
        <v>11329</v>
      </c>
      <c r="E13262" s="1" t="s">
        <v>7</v>
      </c>
    </row>
    <row r="13263">
      <c r="A13263" s="1">
        <v>4.90534024E8</v>
      </c>
      <c r="B13263" s="2">
        <v>13700.0</v>
      </c>
      <c r="C13263" s="1" t="s">
        <v>5</v>
      </c>
      <c r="D13263" s="1" t="s">
        <v>11330</v>
      </c>
      <c r="E13263" s="1" t="s">
        <v>11</v>
      </c>
    </row>
    <row r="13264">
      <c r="A13264" s="1">
        <v>4.90534076E8</v>
      </c>
      <c r="B13264" s="2">
        <v>13786.0</v>
      </c>
      <c r="C13264" s="1" t="s">
        <v>5</v>
      </c>
      <c r="D13264" s="1" t="s">
        <v>11</v>
      </c>
      <c r="E13264" s="1" t="s">
        <v>7</v>
      </c>
    </row>
    <row r="13265">
      <c r="A13265" s="1">
        <v>4.90534167E8</v>
      </c>
      <c r="B13265" s="2">
        <v>13679.0</v>
      </c>
      <c r="C13265" s="1" t="s">
        <v>5</v>
      </c>
      <c r="D13265" s="1" t="s">
        <v>11331</v>
      </c>
      <c r="E13265" s="1" t="s">
        <v>11</v>
      </c>
    </row>
    <row r="13266">
      <c r="A13266" s="1">
        <v>4.90534235E8</v>
      </c>
      <c r="B13266" s="2">
        <v>13784.0</v>
      </c>
      <c r="C13266" s="1" t="s">
        <v>5</v>
      </c>
      <c r="D13266" s="1" t="s">
        <v>11</v>
      </c>
      <c r="E13266" s="1" t="s">
        <v>7</v>
      </c>
    </row>
    <row r="13267">
      <c r="A13267" s="1">
        <v>4.90534236E8</v>
      </c>
      <c r="B13267" s="2">
        <v>13679.0</v>
      </c>
      <c r="C13267" s="1" t="s">
        <v>5</v>
      </c>
      <c r="D13267" s="1" t="s">
        <v>11332</v>
      </c>
      <c r="E13267" s="1" t="s">
        <v>7</v>
      </c>
    </row>
    <row r="13268">
      <c r="A13268" s="1">
        <v>4.90534237E8</v>
      </c>
      <c r="B13268" s="2">
        <v>13787.0</v>
      </c>
      <c r="C13268" s="1" t="s">
        <v>5</v>
      </c>
      <c r="D13268" s="1" t="s">
        <v>11333</v>
      </c>
      <c r="E13268" s="1" t="s">
        <v>7</v>
      </c>
    </row>
    <row r="13269">
      <c r="A13269" s="1">
        <v>4.90534259E8</v>
      </c>
      <c r="B13269" s="2">
        <v>13757.0</v>
      </c>
      <c r="C13269" s="1" t="s">
        <v>5</v>
      </c>
      <c r="D13269" s="1" t="s">
        <v>11</v>
      </c>
      <c r="E13269" s="1" t="s">
        <v>7</v>
      </c>
    </row>
    <row r="13270">
      <c r="A13270" s="1">
        <v>4.90534275E8</v>
      </c>
      <c r="B13270" s="2">
        <v>13757.0</v>
      </c>
      <c r="C13270" s="1" t="s">
        <v>5</v>
      </c>
      <c r="D13270" s="1" t="s">
        <v>11334</v>
      </c>
      <c r="E13270" s="1" t="s">
        <v>7</v>
      </c>
    </row>
    <row r="13271">
      <c r="A13271" s="1">
        <v>4.90534356E8</v>
      </c>
      <c r="B13271" s="2">
        <v>13700.0</v>
      </c>
      <c r="C13271" s="1" t="s">
        <v>5</v>
      </c>
      <c r="D13271" s="1" t="s">
        <v>11335</v>
      </c>
      <c r="E13271" s="1" t="s">
        <v>11</v>
      </c>
    </row>
    <row r="13272">
      <c r="A13272" s="1">
        <v>4.90534367E8</v>
      </c>
      <c r="B13272" s="2">
        <v>13737.0</v>
      </c>
      <c r="C13272" s="1" t="s">
        <v>5</v>
      </c>
      <c r="D13272" s="1" t="s">
        <v>7</v>
      </c>
      <c r="E13272" s="1" t="s">
        <v>7</v>
      </c>
    </row>
    <row r="13273">
      <c r="A13273" s="1">
        <v>4.9053437E8</v>
      </c>
      <c r="B13273" s="2">
        <v>13703.0</v>
      </c>
      <c r="C13273" s="1" t="s">
        <v>5</v>
      </c>
      <c r="D13273" s="1" t="s">
        <v>11336</v>
      </c>
      <c r="E13273" s="1" t="s">
        <v>7</v>
      </c>
    </row>
    <row r="13274">
      <c r="A13274" s="1">
        <v>4.90534377E8</v>
      </c>
      <c r="B13274" s="2">
        <v>13679.0</v>
      </c>
      <c r="C13274" s="1" t="s">
        <v>5</v>
      </c>
      <c r="D13274" s="1" t="s">
        <v>11337</v>
      </c>
      <c r="E13274" s="1" t="s">
        <v>7</v>
      </c>
    </row>
    <row r="13275">
      <c r="A13275" s="1">
        <v>4.90534384E8</v>
      </c>
      <c r="B13275" s="2">
        <v>13713.0</v>
      </c>
      <c r="C13275" s="1" t="s">
        <v>5</v>
      </c>
      <c r="D13275" s="1" t="s">
        <v>11338</v>
      </c>
      <c r="E13275" s="1" t="s">
        <v>11339</v>
      </c>
    </row>
    <row r="13276">
      <c r="A13276" s="1">
        <v>4.90534395E8</v>
      </c>
      <c r="B13276" s="2">
        <v>13737.0</v>
      </c>
      <c r="C13276" s="1" t="s">
        <v>5</v>
      </c>
      <c r="D13276" s="1" t="s">
        <v>11340</v>
      </c>
      <c r="E13276" s="1" t="s">
        <v>7</v>
      </c>
    </row>
    <row r="13277">
      <c r="A13277" s="1">
        <v>4.90534422E8</v>
      </c>
      <c r="B13277" s="2">
        <v>13786.0</v>
      </c>
      <c r="C13277" s="1" t="s">
        <v>5</v>
      </c>
      <c r="D13277" s="1" t="s">
        <v>11341</v>
      </c>
      <c r="E13277" s="1" t="s">
        <v>7</v>
      </c>
    </row>
    <row r="13278">
      <c r="A13278" s="1">
        <v>4.90534476E8</v>
      </c>
      <c r="B13278" s="2">
        <v>13784.0</v>
      </c>
      <c r="C13278" s="1" t="s">
        <v>5</v>
      </c>
      <c r="D13278" s="1" t="s">
        <v>11342</v>
      </c>
      <c r="E13278" s="1" t="s">
        <v>11</v>
      </c>
    </row>
    <row r="13279">
      <c r="A13279" s="1">
        <v>4.90534479E8</v>
      </c>
      <c r="B13279" s="2">
        <v>13698.0</v>
      </c>
      <c r="C13279" s="1" t="s">
        <v>5</v>
      </c>
      <c r="D13279" s="1" t="s">
        <v>11343</v>
      </c>
      <c r="E13279" s="1" t="s">
        <v>11</v>
      </c>
    </row>
    <row r="13280">
      <c r="A13280" s="1">
        <v>4.9053448E8</v>
      </c>
      <c r="B13280" s="2">
        <v>13728.0</v>
      </c>
      <c r="C13280" s="1" t="s">
        <v>5</v>
      </c>
      <c r="D13280" s="1" t="s">
        <v>11</v>
      </c>
      <c r="E13280" s="1" t="s">
        <v>7</v>
      </c>
    </row>
    <row r="13281">
      <c r="A13281" s="1">
        <v>4.90534496E8</v>
      </c>
      <c r="B13281" s="2">
        <v>13699.0</v>
      </c>
      <c r="C13281" s="1" t="s">
        <v>5</v>
      </c>
      <c r="D13281" s="1" t="s">
        <v>11344</v>
      </c>
      <c r="E13281" s="1" t="s">
        <v>7</v>
      </c>
    </row>
    <row r="13282">
      <c r="A13282" s="1">
        <v>4.90534502E8</v>
      </c>
      <c r="B13282" s="2">
        <v>13702.0</v>
      </c>
      <c r="C13282" s="1" t="s">
        <v>5</v>
      </c>
      <c r="D13282" s="1" t="s">
        <v>11345</v>
      </c>
      <c r="E13282" s="1" t="s">
        <v>7</v>
      </c>
    </row>
    <row r="13283">
      <c r="A13283" s="1">
        <v>4.90534543E8</v>
      </c>
      <c r="B13283" s="2">
        <v>13699.0</v>
      </c>
      <c r="C13283" s="1" t="s">
        <v>5</v>
      </c>
      <c r="D13283" s="1" t="s">
        <v>11</v>
      </c>
      <c r="E13283" s="1" t="s">
        <v>7</v>
      </c>
    </row>
    <row r="13284">
      <c r="A13284" s="1">
        <v>4.90534567E8</v>
      </c>
      <c r="B13284" s="2">
        <v>13700.0</v>
      </c>
      <c r="C13284" s="1" t="s">
        <v>5</v>
      </c>
      <c r="D13284" s="1" t="s">
        <v>11346</v>
      </c>
      <c r="E13284" s="1" t="s">
        <v>11347</v>
      </c>
    </row>
    <row r="13285">
      <c r="A13285" s="1">
        <v>4.90534586E8</v>
      </c>
      <c r="B13285" s="2">
        <v>13728.0</v>
      </c>
      <c r="C13285" s="1" t="s">
        <v>5</v>
      </c>
      <c r="D13285" s="1" t="s">
        <v>11348</v>
      </c>
      <c r="E13285" s="1" t="s">
        <v>7</v>
      </c>
    </row>
    <row r="13286">
      <c r="A13286" s="1">
        <v>4.90534593E8</v>
      </c>
      <c r="B13286" s="2">
        <v>13698.0</v>
      </c>
      <c r="C13286" s="1" t="s">
        <v>5</v>
      </c>
      <c r="D13286" s="1" t="s">
        <v>11</v>
      </c>
      <c r="E13286" s="1" t="s">
        <v>7</v>
      </c>
    </row>
    <row r="13287">
      <c r="A13287" s="1">
        <v>4.90534654E8</v>
      </c>
      <c r="B13287" s="2">
        <v>13783.0</v>
      </c>
      <c r="C13287" s="1" t="s">
        <v>5</v>
      </c>
      <c r="D13287" s="1" t="s">
        <v>11349</v>
      </c>
      <c r="E13287" s="1" t="s">
        <v>7</v>
      </c>
    </row>
    <row r="13288">
      <c r="A13288" s="1">
        <v>4.90534686E8</v>
      </c>
      <c r="B13288" s="2">
        <v>13780.0</v>
      </c>
      <c r="C13288" s="1" t="s">
        <v>5</v>
      </c>
      <c r="D13288" s="1" t="s">
        <v>11350</v>
      </c>
      <c r="E13288" s="1" t="s">
        <v>7</v>
      </c>
    </row>
    <row r="13289">
      <c r="A13289" s="1">
        <v>4.90534691E8</v>
      </c>
      <c r="B13289" s="2">
        <v>13785.0</v>
      </c>
      <c r="C13289" s="1" t="s">
        <v>5</v>
      </c>
      <c r="D13289" s="1" t="s">
        <v>11351</v>
      </c>
      <c r="E13289" s="1" t="s">
        <v>11</v>
      </c>
    </row>
    <row r="13290">
      <c r="A13290" s="1">
        <v>4.90534755E8</v>
      </c>
      <c r="B13290" s="2">
        <v>13788.0</v>
      </c>
      <c r="C13290" s="1" t="s">
        <v>5</v>
      </c>
      <c r="D13290" s="1" t="s">
        <v>11352</v>
      </c>
      <c r="E13290" s="1" t="s">
        <v>11</v>
      </c>
    </row>
    <row r="13291">
      <c r="A13291" s="1">
        <v>4.90534763E8</v>
      </c>
      <c r="B13291" s="2">
        <v>13677.0</v>
      </c>
      <c r="C13291" s="1" t="s">
        <v>5</v>
      </c>
      <c r="D13291" s="1" t="s">
        <v>11353</v>
      </c>
      <c r="E13291" s="1" t="s">
        <v>7</v>
      </c>
    </row>
    <row r="13292">
      <c r="A13292" s="1">
        <v>4.90534769E8</v>
      </c>
      <c r="B13292" s="2">
        <v>13786.0</v>
      </c>
      <c r="C13292" s="1" t="s">
        <v>5</v>
      </c>
      <c r="D13292" s="1" t="s">
        <v>11354</v>
      </c>
      <c r="E13292" s="1" t="s">
        <v>7</v>
      </c>
    </row>
    <row r="13293">
      <c r="A13293" s="1">
        <v>4.90534782E8</v>
      </c>
      <c r="B13293" s="2">
        <v>13735.0</v>
      </c>
      <c r="C13293" s="1" t="s">
        <v>5</v>
      </c>
      <c r="D13293" s="1" t="s">
        <v>11355</v>
      </c>
      <c r="E13293" s="1" t="s">
        <v>11</v>
      </c>
    </row>
    <row r="13294">
      <c r="A13294" s="1">
        <v>4.90534807E8</v>
      </c>
      <c r="B13294" s="2">
        <v>13710.0</v>
      </c>
      <c r="C13294" s="1" t="s">
        <v>5</v>
      </c>
      <c r="D13294" s="1" t="s">
        <v>11356</v>
      </c>
      <c r="E13294" s="1" t="s">
        <v>7</v>
      </c>
    </row>
    <row r="13295">
      <c r="A13295" s="1">
        <v>4.90534839E8</v>
      </c>
      <c r="B13295" s="2">
        <v>13731.0</v>
      </c>
      <c r="C13295" s="1" t="s">
        <v>5</v>
      </c>
      <c r="D13295" s="1" t="s">
        <v>11357</v>
      </c>
      <c r="E13295" s="1" t="s">
        <v>7</v>
      </c>
    </row>
    <row r="13296">
      <c r="A13296" s="1">
        <v>4.90534914E8</v>
      </c>
      <c r="B13296" s="2">
        <v>13785.0</v>
      </c>
      <c r="C13296" s="1" t="s">
        <v>5</v>
      </c>
      <c r="D13296" s="1" t="s">
        <v>11</v>
      </c>
      <c r="E13296" s="1" t="s">
        <v>7</v>
      </c>
    </row>
    <row r="13297">
      <c r="A13297" s="1">
        <v>4.9053492E8</v>
      </c>
      <c r="B13297" s="2">
        <v>13777.0</v>
      </c>
      <c r="C13297" s="1" t="s">
        <v>5</v>
      </c>
      <c r="D13297" s="1" t="s">
        <v>11358</v>
      </c>
      <c r="E13297" s="1" t="s">
        <v>7</v>
      </c>
    </row>
    <row r="13298">
      <c r="A13298" s="1">
        <v>4.90534986E8</v>
      </c>
      <c r="B13298" s="2">
        <v>13709.0</v>
      </c>
      <c r="C13298" s="1" t="s">
        <v>5</v>
      </c>
      <c r="D13298" s="1" t="s">
        <v>11359</v>
      </c>
      <c r="E13298" s="1" t="s">
        <v>7</v>
      </c>
    </row>
    <row r="13299">
      <c r="A13299" s="1">
        <v>4.90534995E8</v>
      </c>
      <c r="B13299" s="2">
        <v>13750.0</v>
      </c>
      <c r="C13299" s="1" t="s">
        <v>5</v>
      </c>
      <c r="D13299" s="1" t="s">
        <v>11</v>
      </c>
      <c r="E13299" s="1" t="s">
        <v>7</v>
      </c>
    </row>
    <row r="13300">
      <c r="A13300" s="1">
        <v>4.90534996E8</v>
      </c>
      <c r="B13300" s="2">
        <v>13714.0</v>
      </c>
      <c r="C13300" s="1" t="s">
        <v>5</v>
      </c>
      <c r="D13300" s="1" t="s">
        <v>11360</v>
      </c>
      <c r="E13300" s="1" t="s">
        <v>11361</v>
      </c>
    </row>
    <row r="13301">
      <c r="A13301" s="1">
        <v>4.90535014E8</v>
      </c>
      <c r="B13301" s="2">
        <v>13785.0</v>
      </c>
      <c r="C13301" s="1" t="s">
        <v>5</v>
      </c>
      <c r="D13301" s="1" t="s">
        <v>11362</v>
      </c>
      <c r="E13301" s="1" t="s">
        <v>11</v>
      </c>
    </row>
    <row r="13302">
      <c r="A13302" s="1">
        <v>4.90535024E8</v>
      </c>
      <c r="B13302" s="2">
        <v>13713.0</v>
      </c>
      <c r="C13302" s="1" t="s">
        <v>5</v>
      </c>
      <c r="D13302" s="1" t="s">
        <v>11363</v>
      </c>
      <c r="E13302" s="1" t="s">
        <v>7</v>
      </c>
    </row>
    <row r="13303">
      <c r="A13303" s="1">
        <v>4.90535049E8</v>
      </c>
      <c r="B13303" s="2">
        <v>13714.0</v>
      </c>
      <c r="C13303" s="1" t="s">
        <v>5</v>
      </c>
      <c r="D13303" s="1" t="s">
        <v>11364</v>
      </c>
      <c r="E13303" s="1" t="s">
        <v>11</v>
      </c>
    </row>
    <row r="13304">
      <c r="A13304" s="1">
        <v>4.90535077E8</v>
      </c>
      <c r="B13304" s="2">
        <v>13750.0</v>
      </c>
      <c r="C13304" s="1" t="s">
        <v>5</v>
      </c>
      <c r="D13304" s="1" t="s">
        <v>11365</v>
      </c>
      <c r="E13304" s="1" t="s">
        <v>7</v>
      </c>
    </row>
    <row r="13305">
      <c r="A13305" s="1">
        <v>4.9053509E8</v>
      </c>
      <c r="B13305" s="2">
        <v>13676.0</v>
      </c>
      <c r="C13305" s="1" t="s">
        <v>5</v>
      </c>
      <c r="D13305" s="1" t="s">
        <v>11</v>
      </c>
      <c r="E13305" s="1" t="s">
        <v>7</v>
      </c>
    </row>
    <row r="13306">
      <c r="A13306" s="1">
        <v>4.90535115E8</v>
      </c>
      <c r="B13306" s="2">
        <v>13778.0</v>
      </c>
      <c r="C13306" s="1" t="s">
        <v>5</v>
      </c>
      <c r="D13306" s="1" t="s">
        <v>11</v>
      </c>
      <c r="E13306" s="1" t="s">
        <v>7</v>
      </c>
    </row>
    <row r="13307">
      <c r="A13307" s="1">
        <v>4.9053512E8</v>
      </c>
      <c r="B13307" s="2">
        <v>13776.0</v>
      </c>
      <c r="C13307" s="1" t="s">
        <v>5</v>
      </c>
      <c r="D13307" s="1" t="s">
        <v>11</v>
      </c>
      <c r="E13307" s="1" t="s">
        <v>7</v>
      </c>
    </row>
    <row r="13308">
      <c r="A13308" s="1">
        <v>4.90535144E8</v>
      </c>
      <c r="B13308" s="2">
        <v>13776.0</v>
      </c>
      <c r="C13308" s="1" t="s">
        <v>5</v>
      </c>
      <c r="D13308" s="1" t="s">
        <v>11366</v>
      </c>
      <c r="E13308" s="1" t="s">
        <v>7</v>
      </c>
    </row>
    <row r="13309">
      <c r="A13309" s="1">
        <v>4.90535181E8</v>
      </c>
      <c r="B13309" s="2">
        <v>13675.0</v>
      </c>
      <c r="C13309" s="1" t="s">
        <v>5</v>
      </c>
      <c r="D13309" s="1" t="s">
        <v>11</v>
      </c>
      <c r="E13309" s="1" t="s">
        <v>7</v>
      </c>
    </row>
    <row r="13310">
      <c r="A13310" s="1">
        <v>4.905352E8</v>
      </c>
      <c r="B13310" s="2">
        <v>13758.0</v>
      </c>
      <c r="C13310" s="1" t="s">
        <v>5</v>
      </c>
      <c r="D13310" s="1" t="s">
        <v>11367</v>
      </c>
      <c r="E13310" s="1" t="s">
        <v>7</v>
      </c>
    </row>
    <row r="13311">
      <c r="A13311" s="1">
        <v>4.90535271E8</v>
      </c>
      <c r="B13311" s="2">
        <v>13778.0</v>
      </c>
      <c r="C13311" s="1" t="s">
        <v>5</v>
      </c>
      <c r="D13311" s="1" t="s">
        <v>11</v>
      </c>
      <c r="E13311" s="1" t="s">
        <v>7</v>
      </c>
    </row>
    <row r="13312">
      <c r="A13312" s="1">
        <v>4.90535273E8</v>
      </c>
      <c r="B13312" s="2">
        <v>13749.0</v>
      </c>
      <c r="C13312" s="1" t="s">
        <v>5</v>
      </c>
      <c r="D13312" s="1" t="s">
        <v>11368</v>
      </c>
      <c r="E13312" s="1" t="s">
        <v>7</v>
      </c>
    </row>
    <row r="13313">
      <c r="A13313" s="1">
        <v>4.90535286E8</v>
      </c>
      <c r="B13313" s="2">
        <v>13712.0</v>
      </c>
      <c r="C13313" s="1" t="s">
        <v>5</v>
      </c>
      <c r="D13313" s="1" t="s">
        <v>11369</v>
      </c>
      <c r="E13313" s="1" t="s">
        <v>7</v>
      </c>
    </row>
    <row r="13314">
      <c r="A13314" s="1">
        <v>4.90535292E8</v>
      </c>
      <c r="B13314" s="2">
        <v>13758.0</v>
      </c>
      <c r="C13314" s="1" t="s">
        <v>5</v>
      </c>
      <c r="D13314" s="1" t="s">
        <v>11370</v>
      </c>
      <c r="E13314" s="1" t="s">
        <v>7</v>
      </c>
    </row>
    <row r="13315">
      <c r="A13315" s="1">
        <v>4.90535314E8</v>
      </c>
      <c r="B13315" s="2">
        <v>13783.0</v>
      </c>
      <c r="C13315" s="1" t="s">
        <v>5</v>
      </c>
      <c r="D13315" s="1" t="s">
        <v>11371</v>
      </c>
      <c r="E13315" s="1" t="s">
        <v>7</v>
      </c>
    </row>
    <row r="13316">
      <c r="A13316" s="1">
        <v>4.90535342E8</v>
      </c>
      <c r="B13316" s="2">
        <v>13728.0</v>
      </c>
      <c r="C13316" s="1" t="s">
        <v>5</v>
      </c>
      <c r="D13316" s="1" t="s">
        <v>11</v>
      </c>
      <c r="E13316" s="1" t="s">
        <v>7</v>
      </c>
    </row>
    <row r="13317">
      <c r="A13317" s="1">
        <v>4.90535436E8</v>
      </c>
      <c r="B13317" s="2">
        <v>13744.0</v>
      </c>
      <c r="C13317" s="1" t="s">
        <v>5</v>
      </c>
      <c r="D13317" s="1" t="s">
        <v>11372</v>
      </c>
      <c r="E13317" s="1" t="s">
        <v>7</v>
      </c>
    </row>
    <row r="13318">
      <c r="A13318" s="1">
        <v>4.90535447E8</v>
      </c>
      <c r="B13318" s="2">
        <v>13699.0</v>
      </c>
      <c r="C13318" s="1" t="s">
        <v>5</v>
      </c>
      <c r="D13318" s="1" t="s">
        <v>11373</v>
      </c>
      <c r="E13318" s="1" t="s">
        <v>11</v>
      </c>
    </row>
    <row r="13319">
      <c r="A13319" s="1">
        <v>4.90535504E8</v>
      </c>
      <c r="B13319" s="2">
        <v>13728.0</v>
      </c>
      <c r="C13319" s="1" t="s">
        <v>5</v>
      </c>
      <c r="D13319" s="1" t="s">
        <v>11374</v>
      </c>
      <c r="E13319" s="1" t="s">
        <v>7</v>
      </c>
    </row>
    <row r="13320">
      <c r="A13320" s="1">
        <v>4.90535506E8</v>
      </c>
      <c r="B13320" s="2">
        <v>13710.0</v>
      </c>
      <c r="C13320" s="1" t="s">
        <v>5</v>
      </c>
      <c r="D13320" s="1" t="s">
        <v>11375</v>
      </c>
      <c r="E13320" s="1" t="s">
        <v>7</v>
      </c>
    </row>
    <row r="13321">
      <c r="A13321" s="1">
        <v>4.9053553E8</v>
      </c>
      <c r="B13321" s="2">
        <v>13754.0</v>
      </c>
      <c r="C13321" s="1" t="s">
        <v>5</v>
      </c>
      <c r="D13321" s="1" t="s">
        <v>11376</v>
      </c>
      <c r="E13321" s="1" t="s">
        <v>7</v>
      </c>
    </row>
    <row r="13322">
      <c r="A13322" s="1">
        <v>4.90535631E8</v>
      </c>
      <c r="B13322" s="2">
        <v>13738.0</v>
      </c>
      <c r="C13322" s="1" t="s">
        <v>5</v>
      </c>
      <c r="D13322" s="1" t="s">
        <v>11377</v>
      </c>
      <c r="E13322" s="1" t="s">
        <v>11</v>
      </c>
    </row>
    <row r="13323">
      <c r="A13323" s="1">
        <v>4.90535636E8</v>
      </c>
      <c r="B13323" s="2">
        <v>13780.0</v>
      </c>
      <c r="C13323" s="1" t="s">
        <v>5</v>
      </c>
      <c r="D13323" s="1" t="s">
        <v>11378</v>
      </c>
      <c r="E13323" s="1" t="s">
        <v>11</v>
      </c>
    </row>
    <row r="13324">
      <c r="A13324" s="1">
        <v>4.90535647E8</v>
      </c>
      <c r="B13324" s="2">
        <v>13730.0</v>
      </c>
      <c r="C13324" s="1" t="s">
        <v>5</v>
      </c>
      <c r="D13324" s="1" t="s">
        <v>11379</v>
      </c>
      <c r="E13324" s="1" t="s">
        <v>11</v>
      </c>
    </row>
    <row r="13325">
      <c r="A13325" s="1">
        <v>4.90535667E8</v>
      </c>
      <c r="B13325" s="2">
        <v>13730.0</v>
      </c>
      <c r="C13325" s="1" t="s">
        <v>5</v>
      </c>
      <c r="D13325" s="1" t="s">
        <v>11380</v>
      </c>
      <c r="E13325" s="1" t="s">
        <v>7</v>
      </c>
    </row>
    <row r="13326">
      <c r="A13326" s="1">
        <v>4.90535711E8</v>
      </c>
      <c r="B13326" s="2">
        <v>13754.0</v>
      </c>
      <c r="C13326" s="1" t="s">
        <v>5</v>
      </c>
      <c r="D13326" s="1" t="s">
        <v>11381</v>
      </c>
      <c r="E13326" s="1" t="s">
        <v>11</v>
      </c>
    </row>
    <row r="13327">
      <c r="A13327" s="1">
        <v>4.90535732E8</v>
      </c>
      <c r="B13327" s="2">
        <v>13700.0</v>
      </c>
      <c r="C13327" s="1" t="s">
        <v>5</v>
      </c>
      <c r="D13327" s="1" t="s">
        <v>11382</v>
      </c>
      <c r="E13327" s="1" t="s">
        <v>7</v>
      </c>
    </row>
    <row r="13328">
      <c r="A13328" s="1">
        <v>4.90535751E8</v>
      </c>
      <c r="B13328" s="2">
        <v>13782.0</v>
      </c>
      <c r="C13328" s="1" t="s">
        <v>5</v>
      </c>
      <c r="D13328" s="1" t="s">
        <v>11</v>
      </c>
      <c r="E13328" s="1" t="s">
        <v>7</v>
      </c>
    </row>
    <row r="13329">
      <c r="A13329" s="1">
        <v>4.90535781E8</v>
      </c>
      <c r="B13329" s="2">
        <v>13728.0</v>
      </c>
      <c r="C13329" s="1" t="s">
        <v>5</v>
      </c>
      <c r="D13329" s="1" t="s">
        <v>11383</v>
      </c>
      <c r="E13329" s="1" t="s">
        <v>11384</v>
      </c>
    </row>
    <row r="13330">
      <c r="A13330" s="1">
        <v>4.90535833E8</v>
      </c>
      <c r="B13330" s="2">
        <v>13781.0</v>
      </c>
      <c r="C13330" s="1" t="s">
        <v>5</v>
      </c>
      <c r="D13330" s="1" t="s">
        <v>11385</v>
      </c>
      <c r="E13330" s="1" t="s">
        <v>7</v>
      </c>
    </row>
    <row r="13331">
      <c r="A13331" s="1">
        <v>4.90535848E8</v>
      </c>
      <c r="B13331" s="2">
        <v>13753.0</v>
      </c>
      <c r="C13331" s="1" t="s">
        <v>5</v>
      </c>
      <c r="D13331" s="1" t="s">
        <v>11386</v>
      </c>
      <c r="E13331" s="1" t="s">
        <v>7</v>
      </c>
    </row>
    <row r="13332">
      <c r="A13332" s="1">
        <v>4.90535856E8</v>
      </c>
      <c r="B13332" s="2">
        <v>13711.0</v>
      </c>
      <c r="C13332" s="1" t="s">
        <v>5</v>
      </c>
      <c r="D13332" s="1" t="s">
        <v>11387</v>
      </c>
      <c r="E13332" s="1" t="s">
        <v>7</v>
      </c>
    </row>
    <row r="13333">
      <c r="A13333" s="1">
        <v>4.90535898E8</v>
      </c>
      <c r="B13333" s="2">
        <v>13778.0</v>
      </c>
      <c r="C13333" s="1" t="s">
        <v>5</v>
      </c>
      <c r="D13333" s="1" t="s">
        <v>11</v>
      </c>
      <c r="E13333" s="1" t="s">
        <v>7</v>
      </c>
    </row>
    <row r="13334">
      <c r="A13334" s="1">
        <v>4.9053596E8</v>
      </c>
      <c r="B13334" s="2">
        <v>13774.0</v>
      </c>
      <c r="C13334" s="1" t="s">
        <v>5</v>
      </c>
      <c r="D13334" s="1" t="s">
        <v>11388</v>
      </c>
      <c r="E13334" s="1" t="s">
        <v>11</v>
      </c>
    </row>
    <row r="13335">
      <c r="A13335" s="1">
        <v>4.90535979E8</v>
      </c>
      <c r="B13335" s="2">
        <v>13750.0</v>
      </c>
      <c r="C13335" s="1" t="s">
        <v>5</v>
      </c>
      <c r="D13335" s="1" t="s">
        <v>11389</v>
      </c>
      <c r="E13335" s="1" t="s">
        <v>7</v>
      </c>
    </row>
    <row r="13336">
      <c r="A13336" s="1">
        <v>4.90535996E8</v>
      </c>
      <c r="B13336" s="2">
        <v>13778.0</v>
      </c>
      <c r="C13336" s="1" t="s">
        <v>5</v>
      </c>
      <c r="D13336" s="1" t="s">
        <v>11390</v>
      </c>
      <c r="E13336" s="1" t="s">
        <v>7</v>
      </c>
    </row>
    <row r="13337">
      <c r="A13337" s="1">
        <v>4.90535999E8</v>
      </c>
      <c r="B13337" s="2">
        <v>13756.0</v>
      </c>
      <c r="C13337" s="1" t="s">
        <v>5</v>
      </c>
      <c r="D13337" s="1" t="s">
        <v>11391</v>
      </c>
      <c r="E13337" s="1" t="s">
        <v>7</v>
      </c>
    </row>
    <row r="13338">
      <c r="A13338" s="1">
        <v>4.90536075E8</v>
      </c>
      <c r="B13338" s="2">
        <v>13781.0</v>
      </c>
      <c r="C13338" s="1" t="s">
        <v>5</v>
      </c>
      <c r="D13338" s="1" t="s">
        <v>11392</v>
      </c>
      <c r="E13338" s="1" t="s">
        <v>7</v>
      </c>
    </row>
    <row r="13339">
      <c r="A13339" s="1">
        <v>4.90536079E8</v>
      </c>
      <c r="B13339" s="2">
        <v>13777.0</v>
      </c>
      <c r="C13339" s="1" t="s">
        <v>5</v>
      </c>
      <c r="D13339" s="1" t="s">
        <v>11393</v>
      </c>
      <c r="E13339" s="1" t="s">
        <v>7</v>
      </c>
    </row>
    <row r="13340">
      <c r="A13340" s="1">
        <v>4.90536093E8</v>
      </c>
      <c r="B13340" s="2">
        <v>13779.0</v>
      </c>
      <c r="C13340" s="1" t="s">
        <v>5</v>
      </c>
      <c r="D13340" s="1" t="s">
        <v>11394</v>
      </c>
      <c r="E13340" s="1" t="s">
        <v>7</v>
      </c>
    </row>
    <row r="13341">
      <c r="A13341" s="1">
        <v>4.90536134E8</v>
      </c>
      <c r="B13341" s="2">
        <v>13698.0</v>
      </c>
      <c r="C13341" s="1" t="s">
        <v>5</v>
      </c>
      <c r="D13341" s="1" t="s">
        <v>11395</v>
      </c>
      <c r="E13341" s="1" t="s">
        <v>11396</v>
      </c>
    </row>
    <row r="13342">
      <c r="A13342" s="1">
        <v>4.90536266E8</v>
      </c>
      <c r="B13342" s="2">
        <v>13730.0</v>
      </c>
      <c r="C13342" s="1" t="s">
        <v>5</v>
      </c>
      <c r="D13342" s="1" t="s">
        <v>11</v>
      </c>
      <c r="E13342" s="1" t="s">
        <v>7</v>
      </c>
    </row>
    <row r="13343">
      <c r="A13343" s="1">
        <v>4.90536286E8</v>
      </c>
      <c r="B13343" s="2">
        <v>13697.0</v>
      </c>
      <c r="C13343" s="1" t="s">
        <v>5</v>
      </c>
      <c r="D13343" s="1" t="s">
        <v>11397</v>
      </c>
      <c r="E13343" s="1" t="s">
        <v>11</v>
      </c>
    </row>
    <row r="13344">
      <c r="A13344" s="1">
        <v>4.90536326E8</v>
      </c>
      <c r="B13344" s="2">
        <v>13758.0</v>
      </c>
      <c r="C13344" s="1" t="s">
        <v>5</v>
      </c>
      <c r="D13344" s="1" t="s">
        <v>11398</v>
      </c>
      <c r="E13344" s="1" t="s">
        <v>7</v>
      </c>
    </row>
    <row r="13345">
      <c r="A13345" s="1">
        <v>4.90536348E8</v>
      </c>
      <c r="B13345" s="2">
        <v>13777.0</v>
      </c>
      <c r="C13345" s="1" t="s">
        <v>5</v>
      </c>
      <c r="D13345" s="1" t="s">
        <v>11399</v>
      </c>
      <c r="E13345" s="1" t="s">
        <v>11</v>
      </c>
    </row>
    <row r="13346">
      <c r="A13346" s="1">
        <v>4.90536376E8</v>
      </c>
      <c r="B13346" s="2">
        <v>13758.0</v>
      </c>
      <c r="C13346" s="1" t="s">
        <v>5</v>
      </c>
      <c r="D13346" s="1" t="s">
        <v>11400</v>
      </c>
      <c r="E13346" s="1" t="s">
        <v>7</v>
      </c>
    </row>
    <row r="13347">
      <c r="A13347" s="1">
        <v>4.90536386E8</v>
      </c>
      <c r="B13347" s="2">
        <v>13778.0</v>
      </c>
      <c r="C13347" s="1" t="s">
        <v>5</v>
      </c>
      <c r="D13347" s="1" t="s">
        <v>11401</v>
      </c>
      <c r="E13347" s="1" t="s">
        <v>7</v>
      </c>
    </row>
    <row r="13348">
      <c r="A13348" s="1">
        <v>4.90536402E8</v>
      </c>
      <c r="B13348" s="2">
        <v>13753.0</v>
      </c>
      <c r="C13348" s="1" t="s">
        <v>5</v>
      </c>
      <c r="D13348" s="1" t="s">
        <v>11402</v>
      </c>
      <c r="E13348" s="1" t="s">
        <v>7</v>
      </c>
    </row>
    <row r="13349">
      <c r="A13349" s="1">
        <v>4.90536435E8</v>
      </c>
      <c r="B13349" s="2">
        <v>13705.0</v>
      </c>
      <c r="C13349" s="1" t="s">
        <v>5</v>
      </c>
      <c r="D13349" s="1" t="s">
        <v>11</v>
      </c>
      <c r="E13349" s="1" t="s">
        <v>7</v>
      </c>
    </row>
    <row r="13350">
      <c r="A13350" s="1">
        <v>4.90536436E8</v>
      </c>
      <c r="B13350" s="2">
        <v>13758.0</v>
      </c>
      <c r="C13350" s="1" t="s">
        <v>5</v>
      </c>
      <c r="D13350" s="1" t="s">
        <v>11403</v>
      </c>
      <c r="E13350" s="1" t="s">
        <v>7</v>
      </c>
    </row>
    <row r="13351">
      <c r="A13351" s="1">
        <v>4.90536574E8</v>
      </c>
      <c r="B13351" s="2">
        <v>13785.0</v>
      </c>
      <c r="C13351" s="1" t="s">
        <v>5</v>
      </c>
      <c r="D13351" s="1" t="s">
        <v>7</v>
      </c>
      <c r="E13351" s="1" t="s">
        <v>7</v>
      </c>
    </row>
    <row r="13352">
      <c r="A13352" s="1">
        <v>4.90536578E8</v>
      </c>
      <c r="B13352" s="2">
        <v>13771.0</v>
      </c>
      <c r="C13352" s="1" t="s">
        <v>5</v>
      </c>
      <c r="D13352" s="1" t="s">
        <v>11404</v>
      </c>
      <c r="E13352" s="1" t="s">
        <v>11</v>
      </c>
    </row>
    <row r="13353">
      <c r="A13353" s="1">
        <v>4.90536642E8</v>
      </c>
      <c r="B13353" s="2">
        <v>13751.0</v>
      </c>
      <c r="C13353" s="1" t="s">
        <v>5</v>
      </c>
      <c r="D13353" s="1" t="s">
        <v>11405</v>
      </c>
      <c r="E13353" s="1" t="s">
        <v>11</v>
      </c>
    </row>
    <row r="13354">
      <c r="A13354" s="1">
        <v>4.90536714E8</v>
      </c>
      <c r="B13354" s="2">
        <v>13703.0</v>
      </c>
      <c r="C13354" s="1" t="s">
        <v>5</v>
      </c>
      <c r="D13354" s="1" t="s">
        <v>11406</v>
      </c>
      <c r="E13354" s="1" t="s">
        <v>7</v>
      </c>
    </row>
    <row r="13355">
      <c r="A13355" s="1">
        <v>4.9053672E8</v>
      </c>
      <c r="B13355" s="2">
        <v>13750.0</v>
      </c>
      <c r="C13355" s="1" t="s">
        <v>5</v>
      </c>
      <c r="D13355" s="1" t="s">
        <v>11407</v>
      </c>
      <c r="E13355" s="1" t="s">
        <v>11</v>
      </c>
    </row>
    <row r="13356">
      <c r="A13356" s="1">
        <v>4.90536874E8</v>
      </c>
      <c r="B13356" s="2">
        <v>13702.0</v>
      </c>
      <c r="C13356" s="1" t="s">
        <v>5</v>
      </c>
      <c r="D13356" s="1" t="s">
        <v>11</v>
      </c>
      <c r="E13356" s="1" t="s">
        <v>7</v>
      </c>
    </row>
    <row r="13357">
      <c r="A13357" s="1">
        <v>4.90536914E8</v>
      </c>
      <c r="B13357" s="2">
        <v>13775.0</v>
      </c>
      <c r="C13357" s="1" t="s">
        <v>5</v>
      </c>
      <c r="D13357" s="1" t="s">
        <v>11</v>
      </c>
      <c r="E13357" s="1" t="s">
        <v>7</v>
      </c>
    </row>
    <row r="13358">
      <c r="A13358" s="1">
        <v>4.90537E8</v>
      </c>
      <c r="B13358" s="2">
        <v>13772.0</v>
      </c>
      <c r="C13358" s="1" t="s">
        <v>5</v>
      </c>
      <c r="D13358" s="1" t="s">
        <v>11408</v>
      </c>
      <c r="E13358" s="1" t="s">
        <v>7</v>
      </c>
    </row>
    <row r="13359">
      <c r="A13359" s="1">
        <v>4.90537021E8</v>
      </c>
      <c r="B13359" s="2">
        <v>13752.0</v>
      </c>
      <c r="C13359" s="1" t="s">
        <v>5</v>
      </c>
      <c r="D13359" s="1" t="s">
        <v>7</v>
      </c>
      <c r="E13359" s="1" t="s">
        <v>7</v>
      </c>
    </row>
    <row r="13360">
      <c r="A13360" s="1">
        <v>4.90537075E8</v>
      </c>
      <c r="B13360" s="2">
        <v>13721.0</v>
      </c>
      <c r="C13360" s="1" t="s">
        <v>5</v>
      </c>
      <c r="D13360" s="1" t="s">
        <v>11409</v>
      </c>
      <c r="E13360" s="1" t="s">
        <v>7</v>
      </c>
    </row>
    <row r="13361">
      <c r="A13361" s="1">
        <v>4.90537115E8</v>
      </c>
      <c r="B13361" s="2">
        <v>13779.0</v>
      </c>
      <c r="C13361" s="1" t="s">
        <v>5</v>
      </c>
      <c r="D13361" s="1" t="s">
        <v>11410</v>
      </c>
      <c r="E13361" s="1" t="s">
        <v>11411</v>
      </c>
    </row>
    <row r="13362">
      <c r="A13362" s="1">
        <v>4.905372E8</v>
      </c>
      <c r="B13362" s="2">
        <v>13700.0</v>
      </c>
      <c r="C13362" s="1" t="s">
        <v>5</v>
      </c>
      <c r="D13362" s="1" t="s">
        <v>11412</v>
      </c>
      <c r="E13362" s="1" t="s">
        <v>11</v>
      </c>
    </row>
    <row r="13363">
      <c r="A13363" s="1">
        <v>4.90537254E8</v>
      </c>
      <c r="B13363" s="2">
        <v>13781.0</v>
      </c>
      <c r="C13363" s="1" t="s">
        <v>5</v>
      </c>
      <c r="D13363" s="1" t="s">
        <v>11</v>
      </c>
      <c r="E13363" s="1" t="s">
        <v>7</v>
      </c>
    </row>
    <row r="13364">
      <c r="A13364" s="1">
        <v>4.90537271E8</v>
      </c>
      <c r="B13364" s="2">
        <v>13749.0</v>
      </c>
      <c r="C13364" s="1" t="s">
        <v>5</v>
      </c>
      <c r="D13364" s="1" t="s">
        <v>11413</v>
      </c>
      <c r="E13364" s="1" t="s">
        <v>11414</v>
      </c>
    </row>
    <row r="13365">
      <c r="A13365" s="1">
        <v>4.90537275E8</v>
      </c>
      <c r="B13365" s="2">
        <v>13778.0</v>
      </c>
      <c r="C13365" s="1" t="s">
        <v>5</v>
      </c>
      <c r="D13365" s="1" t="s">
        <v>11</v>
      </c>
      <c r="E13365" s="1" t="s">
        <v>7</v>
      </c>
    </row>
    <row r="13366">
      <c r="A13366" s="1">
        <v>4.90537276E8</v>
      </c>
      <c r="B13366" s="2">
        <v>13762.0</v>
      </c>
      <c r="C13366" s="1" t="s">
        <v>5</v>
      </c>
      <c r="D13366" s="1" t="s">
        <v>11415</v>
      </c>
      <c r="E13366" s="1" t="s">
        <v>11</v>
      </c>
    </row>
    <row r="13367">
      <c r="A13367" s="1">
        <v>4.90537287E8</v>
      </c>
      <c r="B13367" s="2">
        <v>13763.0</v>
      </c>
      <c r="C13367" s="1" t="s">
        <v>5</v>
      </c>
      <c r="D13367" s="1" t="s">
        <v>11416</v>
      </c>
      <c r="E13367" s="1" t="s">
        <v>11</v>
      </c>
    </row>
    <row r="13368">
      <c r="A13368" s="1">
        <v>4.90537322E8</v>
      </c>
      <c r="B13368" s="2">
        <v>13753.0</v>
      </c>
      <c r="C13368" s="1" t="s">
        <v>5</v>
      </c>
      <c r="D13368" s="1" t="s">
        <v>11</v>
      </c>
      <c r="E13368" s="1" t="s">
        <v>7</v>
      </c>
    </row>
    <row r="13369">
      <c r="A13369" s="1">
        <v>4.90537339E8</v>
      </c>
      <c r="B13369" s="2">
        <v>13727.0</v>
      </c>
      <c r="C13369" s="1" t="s">
        <v>5</v>
      </c>
      <c r="D13369" s="1" t="s">
        <v>11</v>
      </c>
      <c r="E13369" s="1" t="s">
        <v>7</v>
      </c>
    </row>
    <row r="13370">
      <c r="A13370" s="1">
        <v>4.90537344E8</v>
      </c>
      <c r="B13370" s="2">
        <v>13770.0</v>
      </c>
      <c r="C13370" s="1" t="s">
        <v>5</v>
      </c>
      <c r="D13370" s="1" t="s">
        <v>11417</v>
      </c>
      <c r="E13370" s="1" t="s">
        <v>11418</v>
      </c>
    </row>
    <row r="13371">
      <c r="A13371" s="1">
        <v>4.90537392E8</v>
      </c>
      <c r="B13371" s="2">
        <v>13726.0</v>
      </c>
      <c r="C13371" s="1" t="s">
        <v>5</v>
      </c>
      <c r="D13371" s="1" t="s">
        <v>11419</v>
      </c>
      <c r="E13371" s="1" t="s">
        <v>11</v>
      </c>
    </row>
    <row r="13372">
      <c r="A13372" s="1">
        <v>4.90537406E8</v>
      </c>
      <c r="B13372" s="2">
        <v>13780.0</v>
      </c>
      <c r="C13372" s="1" t="s">
        <v>5</v>
      </c>
      <c r="D13372" s="1" t="s">
        <v>11420</v>
      </c>
      <c r="E13372" s="1" t="s">
        <v>11</v>
      </c>
    </row>
    <row r="13373">
      <c r="A13373" s="1">
        <v>4.90537454E8</v>
      </c>
      <c r="B13373" s="2">
        <v>13770.0</v>
      </c>
      <c r="C13373" s="1" t="s">
        <v>5</v>
      </c>
      <c r="D13373" s="1" t="s">
        <v>11421</v>
      </c>
      <c r="E13373" s="1" t="s">
        <v>7</v>
      </c>
    </row>
    <row r="13374">
      <c r="A13374" s="1">
        <v>4.90537534E8</v>
      </c>
      <c r="B13374" s="2">
        <v>13764.0</v>
      </c>
      <c r="C13374" s="1" t="s">
        <v>5</v>
      </c>
      <c r="D13374" s="1" t="s">
        <v>11</v>
      </c>
      <c r="E13374" s="1" t="s">
        <v>7</v>
      </c>
    </row>
    <row r="13375">
      <c r="A13375" s="1">
        <v>4.90537595E8</v>
      </c>
      <c r="B13375" s="2">
        <v>13768.0</v>
      </c>
      <c r="C13375" s="1" t="s">
        <v>5</v>
      </c>
      <c r="D13375" s="1" t="s">
        <v>11422</v>
      </c>
      <c r="E13375" s="1" t="s">
        <v>11</v>
      </c>
    </row>
    <row r="13376">
      <c r="A13376" s="1">
        <v>4.90537632E8</v>
      </c>
      <c r="B13376" s="2">
        <v>13778.0</v>
      </c>
      <c r="C13376" s="1" t="s">
        <v>5</v>
      </c>
      <c r="D13376" s="1" t="s">
        <v>11423</v>
      </c>
      <c r="E13376" s="1" t="s">
        <v>7</v>
      </c>
    </row>
    <row r="13377">
      <c r="A13377" s="1">
        <v>4.90537676E8</v>
      </c>
      <c r="B13377" s="2">
        <v>13738.0</v>
      </c>
      <c r="C13377" s="1" t="s">
        <v>5</v>
      </c>
      <c r="D13377" s="1" t="s">
        <v>11424</v>
      </c>
      <c r="E13377" s="1" t="s">
        <v>11</v>
      </c>
    </row>
    <row r="13378">
      <c r="A13378" s="1">
        <v>4.90537791E8</v>
      </c>
      <c r="B13378" s="2">
        <v>13773.0</v>
      </c>
      <c r="C13378" s="1" t="s">
        <v>5</v>
      </c>
      <c r="D13378" s="1" t="s">
        <v>11425</v>
      </c>
      <c r="E13378" s="1" t="s">
        <v>11426</v>
      </c>
    </row>
    <row r="13379">
      <c r="A13379" s="1">
        <v>4.90537795E8</v>
      </c>
      <c r="B13379" s="2">
        <v>13759.0</v>
      </c>
      <c r="C13379" s="1" t="s">
        <v>5</v>
      </c>
      <c r="D13379" s="1" t="s">
        <v>11427</v>
      </c>
      <c r="E13379" s="1" t="s">
        <v>7</v>
      </c>
    </row>
    <row r="13380">
      <c r="A13380" s="1">
        <v>4.9053781E8</v>
      </c>
      <c r="B13380" s="2">
        <v>13754.0</v>
      </c>
      <c r="C13380" s="1" t="s">
        <v>5</v>
      </c>
      <c r="D13380" s="1" t="s">
        <v>11</v>
      </c>
      <c r="E13380" s="1" t="s">
        <v>7</v>
      </c>
    </row>
    <row r="13381">
      <c r="A13381" s="1">
        <v>4.90537831E8</v>
      </c>
      <c r="B13381" s="2">
        <v>13775.0</v>
      </c>
      <c r="C13381" s="1" t="s">
        <v>5</v>
      </c>
      <c r="D13381" s="1" t="s">
        <v>11</v>
      </c>
      <c r="E13381" s="1" t="s">
        <v>7</v>
      </c>
    </row>
    <row r="13382">
      <c r="A13382" s="1">
        <v>4.90537855E8</v>
      </c>
      <c r="B13382" s="2">
        <v>13758.0</v>
      </c>
      <c r="C13382" s="1" t="s">
        <v>5</v>
      </c>
      <c r="D13382" s="1" t="s">
        <v>11</v>
      </c>
      <c r="E13382" s="1" t="s">
        <v>7</v>
      </c>
    </row>
    <row r="13383">
      <c r="A13383" s="1">
        <v>4.90537856E8</v>
      </c>
      <c r="B13383" s="2">
        <v>13749.0</v>
      </c>
      <c r="C13383" s="1" t="s">
        <v>5</v>
      </c>
      <c r="D13383" s="1" t="s">
        <v>11428</v>
      </c>
      <c r="E13383" s="1" t="s">
        <v>11</v>
      </c>
    </row>
    <row r="13384">
      <c r="A13384" s="1">
        <v>4.90537863E8</v>
      </c>
      <c r="B13384" s="2">
        <v>13831.0</v>
      </c>
      <c r="C13384" s="1" t="s">
        <v>5</v>
      </c>
      <c r="D13384" s="1" t="s">
        <v>11429</v>
      </c>
      <c r="E13384" s="1" t="s">
        <v>7</v>
      </c>
    </row>
    <row r="13385">
      <c r="A13385" s="1">
        <v>4.90537883E8</v>
      </c>
      <c r="B13385" s="2">
        <v>13763.0</v>
      </c>
      <c r="C13385" s="1" t="s">
        <v>5</v>
      </c>
      <c r="D13385" s="1" t="s">
        <v>11430</v>
      </c>
      <c r="E13385" s="1" t="s">
        <v>11431</v>
      </c>
    </row>
    <row r="13386">
      <c r="A13386" s="1">
        <v>4.90537937E8</v>
      </c>
      <c r="B13386" s="2">
        <v>13767.0</v>
      </c>
      <c r="C13386" s="1" t="s">
        <v>5</v>
      </c>
      <c r="D13386" s="1" t="s">
        <v>11432</v>
      </c>
      <c r="E13386" s="1" t="s">
        <v>7</v>
      </c>
    </row>
    <row r="13387">
      <c r="A13387" s="1">
        <v>4.90537946E8</v>
      </c>
      <c r="B13387" s="2">
        <v>13832.0</v>
      </c>
      <c r="C13387" s="1" t="s">
        <v>5</v>
      </c>
      <c r="D13387" s="1" t="s">
        <v>11433</v>
      </c>
      <c r="E13387" s="1" t="s">
        <v>7</v>
      </c>
    </row>
    <row r="13388">
      <c r="A13388" s="1">
        <v>4.90537951E8</v>
      </c>
      <c r="B13388" s="2">
        <v>13753.0</v>
      </c>
      <c r="C13388" s="1" t="s">
        <v>5</v>
      </c>
      <c r="D13388" s="1" t="s">
        <v>11434</v>
      </c>
      <c r="E13388" s="1" t="s">
        <v>11</v>
      </c>
    </row>
    <row r="13389">
      <c r="A13389" s="1">
        <v>4.90537983E8</v>
      </c>
      <c r="B13389" s="2">
        <v>13790.0</v>
      </c>
      <c r="C13389" s="1" t="s">
        <v>5</v>
      </c>
      <c r="D13389" s="1" t="s">
        <v>11</v>
      </c>
      <c r="E13389" s="1" t="s">
        <v>7</v>
      </c>
    </row>
    <row r="13390">
      <c r="A13390" s="1">
        <v>4.90537986E8</v>
      </c>
      <c r="B13390" s="2">
        <v>13831.0</v>
      </c>
      <c r="C13390" s="1" t="s">
        <v>5</v>
      </c>
      <c r="D13390" s="1" t="s">
        <v>11435</v>
      </c>
      <c r="E13390" s="1" t="s">
        <v>7</v>
      </c>
    </row>
    <row r="13391">
      <c r="A13391" s="1">
        <v>4.90538014E8</v>
      </c>
      <c r="B13391" s="2">
        <v>13790.0</v>
      </c>
      <c r="C13391" s="1" t="s">
        <v>5</v>
      </c>
      <c r="D13391" s="1" t="s">
        <v>11436</v>
      </c>
      <c r="E13391" s="1" t="s">
        <v>7</v>
      </c>
    </row>
    <row r="13392">
      <c r="A13392" s="1">
        <v>4.90538077E8</v>
      </c>
      <c r="B13392" s="2">
        <v>13763.0</v>
      </c>
      <c r="C13392" s="1" t="s">
        <v>5</v>
      </c>
      <c r="D13392" s="1" t="s">
        <v>11437</v>
      </c>
      <c r="E13392" s="1" t="s">
        <v>7</v>
      </c>
    </row>
    <row r="13393">
      <c r="A13393" s="1">
        <v>4.90538086E8</v>
      </c>
      <c r="B13393" s="2">
        <v>13766.0</v>
      </c>
      <c r="C13393" s="1" t="s">
        <v>5</v>
      </c>
      <c r="D13393" s="1" t="s">
        <v>11438</v>
      </c>
      <c r="E13393" s="1" t="s">
        <v>7</v>
      </c>
    </row>
    <row r="13394">
      <c r="A13394" s="1">
        <v>4.90538131E8</v>
      </c>
      <c r="B13394" s="2">
        <v>13819.0</v>
      </c>
      <c r="C13394" s="1" t="s">
        <v>5</v>
      </c>
      <c r="D13394" s="1" t="s">
        <v>11439</v>
      </c>
      <c r="E13394" s="1" t="s">
        <v>7</v>
      </c>
    </row>
    <row r="13395">
      <c r="A13395" s="1">
        <v>4.90538171E8</v>
      </c>
      <c r="B13395" s="2">
        <v>13766.0</v>
      </c>
      <c r="C13395" s="1" t="s">
        <v>5</v>
      </c>
      <c r="D13395" s="1" t="s">
        <v>11</v>
      </c>
      <c r="E13395" s="1" t="s">
        <v>7</v>
      </c>
    </row>
    <row r="13396">
      <c r="A13396" s="1">
        <v>4.90538176E8</v>
      </c>
      <c r="B13396" s="2">
        <v>13769.0</v>
      </c>
      <c r="C13396" s="1" t="s">
        <v>5</v>
      </c>
      <c r="D13396" s="1" t="s">
        <v>11440</v>
      </c>
      <c r="E13396" s="1" t="s">
        <v>11</v>
      </c>
    </row>
    <row r="13397">
      <c r="A13397" s="1">
        <v>4.9053824E8</v>
      </c>
      <c r="B13397" s="2">
        <v>13829.0</v>
      </c>
      <c r="C13397" s="1" t="s">
        <v>5</v>
      </c>
      <c r="D13397" s="1" t="s">
        <v>11441</v>
      </c>
      <c r="E13397" s="1" t="s">
        <v>11</v>
      </c>
    </row>
    <row r="13398">
      <c r="A13398" s="1">
        <v>4.90538321E8</v>
      </c>
      <c r="B13398" s="2">
        <v>13819.0</v>
      </c>
      <c r="C13398" s="1" t="s">
        <v>5</v>
      </c>
      <c r="D13398" s="1" t="s">
        <v>11442</v>
      </c>
      <c r="E13398" s="1" t="s">
        <v>7</v>
      </c>
    </row>
    <row r="13399">
      <c r="A13399" s="1">
        <v>4.90538375E8</v>
      </c>
      <c r="B13399" s="2">
        <v>13833.0</v>
      </c>
      <c r="C13399" s="1" t="s">
        <v>5</v>
      </c>
      <c r="D13399" s="1" t="s">
        <v>11</v>
      </c>
      <c r="E13399" s="1" t="s">
        <v>7</v>
      </c>
    </row>
    <row r="13400">
      <c r="A13400" s="1">
        <v>4.90538387E8</v>
      </c>
      <c r="B13400" s="2">
        <v>13833.0</v>
      </c>
      <c r="C13400" s="1" t="s">
        <v>5</v>
      </c>
      <c r="D13400" s="1" t="s">
        <v>11443</v>
      </c>
      <c r="E13400" s="1" t="s">
        <v>11</v>
      </c>
    </row>
    <row r="13401">
      <c r="A13401" s="1">
        <v>4.90538393E8</v>
      </c>
      <c r="B13401" s="2">
        <v>13764.0</v>
      </c>
      <c r="C13401" s="1" t="s">
        <v>5</v>
      </c>
      <c r="D13401" s="1" t="s">
        <v>11444</v>
      </c>
      <c r="E13401" s="1" t="s">
        <v>7</v>
      </c>
    </row>
    <row r="13402">
      <c r="A13402" s="1">
        <v>4.90538394E8</v>
      </c>
      <c r="B13402" s="2">
        <v>13772.0</v>
      </c>
      <c r="C13402" s="1" t="s">
        <v>5</v>
      </c>
      <c r="D13402" s="1" t="s">
        <v>11445</v>
      </c>
      <c r="E13402" s="1" t="s">
        <v>11</v>
      </c>
    </row>
    <row r="13403">
      <c r="A13403" s="1">
        <v>4.90538447E8</v>
      </c>
      <c r="B13403" s="2">
        <v>13752.0</v>
      </c>
      <c r="C13403" s="1" t="s">
        <v>5</v>
      </c>
      <c r="D13403" s="1" t="s">
        <v>11446</v>
      </c>
      <c r="E13403" s="1" t="s">
        <v>11</v>
      </c>
    </row>
    <row r="13404">
      <c r="A13404" s="1">
        <v>4.90538458E8</v>
      </c>
      <c r="B13404" s="2">
        <v>13764.0</v>
      </c>
      <c r="C13404" s="1" t="s">
        <v>5</v>
      </c>
      <c r="D13404" s="1" t="s">
        <v>11</v>
      </c>
      <c r="E13404" s="1" t="s">
        <v>7</v>
      </c>
    </row>
    <row r="13405">
      <c r="A13405" s="1">
        <v>4.90538464E8</v>
      </c>
      <c r="B13405" s="2">
        <v>13752.0</v>
      </c>
      <c r="C13405" s="1" t="s">
        <v>5</v>
      </c>
      <c r="D13405" s="1" t="s">
        <v>11447</v>
      </c>
      <c r="E13405" s="1" t="s">
        <v>11</v>
      </c>
    </row>
    <row r="13406">
      <c r="A13406" s="1">
        <v>4.90538476E8</v>
      </c>
      <c r="B13406" s="2">
        <v>13761.0</v>
      </c>
      <c r="C13406" s="1" t="s">
        <v>5</v>
      </c>
      <c r="D13406" s="1" t="s">
        <v>11448</v>
      </c>
      <c r="E13406" s="1" t="s">
        <v>11</v>
      </c>
    </row>
    <row r="13407">
      <c r="A13407" s="1">
        <v>4.90538576E8</v>
      </c>
      <c r="B13407" s="2">
        <v>13818.0</v>
      </c>
      <c r="C13407" s="1" t="s">
        <v>5</v>
      </c>
      <c r="D13407" s="1" t="s">
        <v>11449</v>
      </c>
      <c r="E13407" s="1" t="s">
        <v>7</v>
      </c>
    </row>
    <row r="13408">
      <c r="A13408" s="1">
        <v>4.90538595E8</v>
      </c>
      <c r="B13408" s="2">
        <v>13760.0</v>
      </c>
      <c r="C13408" s="1" t="s">
        <v>5</v>
      </c>
      <c r="D13408" s="1" t="s">
        <v>11450</v>
      </c>
      <c r="E13408" s="1" t="s">
        <v>7</v>
      </c>
    </row>
    <row r="13409">
      <c r="A13409" s="1">
        <v>4.90538613E8</v>
      </c>
      <c r="B13409" s="2">
        <v>13762.0</v>
      </c>
      <c r="C13409" s="1" t="s">
        <v>5</v>
      </c>
      <c r="D13409" s="1" t="s">
        <v>11</v>
      </c>
      <c r="E13409" s="1" t="s">
        <v>7</v>
      </c>
    </row>
    <row r="13410">
      <c r="A13410" s="1">
        <v>4.90538669E8</v>
      </c>
      <c r="B13410" s="2">
        <v>13760.0</v>
      </c>
      <c r="C13410" s="1" t="s">
        <v>5</v>
      </c>
      <c r="D13410" s="1" t="s">
        <v>11</v>
      </c>
      <c r="E13410" s="1" t="s">
        <v>7</v>
      </c>
    </row>
    <row r="13411">
      <c r="A13411" s="1">
        <v>4.90538727E8</v>
      </c>
      <c r="B13411" s="2">
        <v>13761.0</v>
      </c>
      <c r="C13411" s="1" t="s">
        <v>5</v>
      </c>
      <c r="D13411" s="1" t="s">
        <v>11451</v>
      </c>
      <c r="E13411" s="1" t="s">
        <v>11</v>
      </c>
    </row>
    <row r="13412">
      <c r="A13412" s="1">
        <v>4.90538784E8</v>
      </c>
      <c r="B13412" s="2">
        <v>13760.0</v>
      </c>
      <c r="C13412" s="1" t="s">
        <v>5</v>
      </c>
      <c r="D13412" s="1" t="s">
        <v>11452</v>
      </c>
      <c r="E13412" s="1" t="s">
        <v>7</v>
      </c>
    </row>
    <row r="13413">
      <c r="A13413" s="1">
        <v>4.90538819E8</v>
      </c>
      <c r="B13413" s="2">
        <v>13768.0</v>
      </c>
      <c r="C13413" s="1" t="s">
        <v>5</v>
      </c>
      <c r="D13413" s="1" t="s">
        <v>7</v>
      </c>
      <c r="E13413" s="1" t="s">
        <v>7</v>
      </c>
    </row>
    <row r="13414">
      <c r="A13414" s="1">
        <v>4.90538915E8</v>
      </c>
      <c r="B13414" s="2">
        <v>13765.0</v>
      </c>
      <c r="C13414" s="1" t="s">
        <v>5</v>
      </c>
      <c r="D13414" s="1" t="s">
        <v>11453</v>
      </c>
      <c r="E13414" s="1" t="s">
        <v>11</v>
      </c>
    </row>
    <row r="13415">
      <c r="A13415" s="1">
        <v>4.90538927E8</v>
      </c>
      <c r="B13415" s="2">
        <v>13714.0</v>
      </c>
      <c r="C13415" s="1" t="s">
        <v>5</v>
      </c>
      <c r="D13415" s="1" t="s">
        <v>11454</v>
      </c>
      <c r="E13415" s="1" t="s">
        <v>7</v>
      </c>
    </row>
    <row r="13416">
      <c r="A13416" s="1">
        <v>4.90538976E8</v>
      </c>
      <c r="B13416" s="2">
        <v>13812.0</v>
      </c>
      <c r="C13416" s="1" t="s">
        <v>5</v>
      </c>
      <c r="D13416" s="1" t="s">
        <v>11455</v>
      </c>
      <c r="E13416" s="1" t="s">
        <v>7</v>
      </c>
    </row>
    <row r="13417">
      <c r="A13417" s="1">
        <v>4.90539023E8</v>
      </c>
      <c r="B13417" s="2">
        <v>13760.0</v>
      </c>
      <c r="C13417" s="1" t="s">
        <v>5</v>
      </c>
      <c r="D13417" s="1" t="s">
        <v>11456</v>
      </c>
      <c r="E13417" s="1" t="s">
        <v>7</v>
      </c>
    </row>
    <row r="13418">
      <c r="A13418" s="1">
        <v>4.9053904E8</v>
      </c>
      <c r="B13418" s="2">
        <v>13760.0</v>
      </c>
      <c r="C13418" s="1" t="s">
        <v>5</v>
      </c>
      <c r="D13418" s="1" t="s">
        <v>11457</v>
      </c>
      <c r="E13418" s="1" t="s">
        <v>7</v>
      </c>
    </row>
    <row r="13419">
      <c r="A13419" s="1">
        <v>4.90539054E8</v>
      </c>
      <c r="B13419" s="2">
        <v>13760.0</v>
      </c>
      <c r="C13419" s="1" t="s">
        <v>5</v>
      </c>
      <c r="D13419" s="1" t="s">
        <v>11458</v>
      </c>
      <c r="E13419" s="1" t="s">
        <v>7</v>
      </c>
    </row>
    <row r="13420">
      <c r="A13420" s="1">
        <v>4.90539152E8</v>
      </c>
      <c r="B13420" s="2">
        <v>13765.0</v>
      </c>
      <c r="C13420" s="1" t="s">
        <v>5</v>
      </c>
      <c r="D13420" s="1" t="s">
        <v>11459</v>
      </c>
      <c r="E13420" s="1" t="s">
        <v>11</v>
      </c>
    </row>
    <row r="13421">
      <c r="A13421" s="1">
        <v>4.9053925E8</v>
      </c>
      <c r="B13421" s="2">
        <v>13831.0</v>
      </c>
      <c r="C13421" s="1" t="s">
        <v>5</v>
      </c>
      <c r="D13421" s="1" t="s">
        <v>11460</v>
      </c>
      <c r="E13421" s="1" t="s">
        <v>11461</v>
      </c>
    </row>
    <row r="13422">
      <c r="A13422" s="1">
        <v>4.90539275E8</v>
      </c>
      <c r="B13422" s="2">
        <v>13826.0</v>
      </c>
      <c r="C13422" s="1" t="s">
        <v>5</v>
      </c>
      <c r="D13422" s="1" t="s">
        <v>11462</v>
      </c>
      <c r="E13422" s="1" t="s">
        <v>7</v>
      </c>
    </row>
    <row r="13423">
      <c r="A13423" s="1">
        <v>4.90539432E8</v>
      </c>
      <c r="B13423" s="2">
        <v>13809.0</v>
      </c>
      <c r="C13423" s="1" t="s">
        <v>5</v>
      </c>
      <c r="D13423" s="1" t="s">
        <v>11463</v>
      </c>
      <c r="E13423" s="1" t="s">
        <v>7</v>
      </c>
    </row>
    <row r="13424">
      <c r="A13424" s="1">
        <v>4.90539469E8</v>
      </c>
      <c r="B13424" s="2">
        <v>13816.0</v>
      </c>
      <c r="C13424" s="1" t="s">
        <v>5</v>
      </c>
      <c r="D13424" s="1" t="s">
        <v>11464</v>
      </c>
      <c r="E13424" s="1" t="s">
        <v>11</v>
      </c>
    </row>
    <row r="13425">
      <c r="A13425" s="1">
        <v>4.90539503E8</v>
      </c>
      <c r="B13425" s="2">
        <v>13829.0</v>
      </c>
      <c r="C13425" s="1" t="s">
        <v>5</v>
      </c>
      <c r="D13425" s="1" t="s">
        <v>11</v>
      </c>
      <c r="E13425" s="1" t="s">
        <v>7</v>
      </c>
    </row>
    <row r="13426">
      <c r="A13426" s="1">
        <v>4.90539563E8</v>
      </c>
      <c r="B13426" s="2">
        <v>13829.0</v>
      </c>
      <c r="C13426" s="1" t="s">
        <v>5</v>
      </c>
      <c r="D13426" s="1" t="s">
        <v>11465</v>
      </c>
      <c r="E13426" s="1" t="s">
        <v>7</v>
      </c>
    </row>
    <row r="13427">
      <c r="A13427" s="1">
        <v>4.90539568E8</v>
      </c>
      <c r="B13427" s="2">
        <v>13815.0</v>
      </c>
      <c r="C13427" s="1" t="s">
        <v>5</v>
      </c>
      <c r="D13427" s="1" t="s">
        <v>11466</v>
      </c>
      <c r="E13427" s="1" t="s">
        <v>7</v>
      </c>
    </row>
    <row r="13428">
      <c r="A13428" s="1">
        <v>4.90539841E8</v>
      </c>
      <c r="B13428" s="2">
        <v>13830.0</v>
      </c>
      <c r="C13428" s="1" t="s">
        <v>5</v>
      </c>
      <c r="D13428" s="1" t="s">
        <v>11467</v>
      </c>
      <c r="E13428" s="1" t="s">
        <v>11</v>
      </c>
    </row>
    <row r="13429">
      <c r="A13429" s="1">
        <v>4.90539853E8</v>
      </c>
      <c r="B13429" s="2">
        <v>13817.0</v>
      </c>
      <c r="C13429" s="1" t="s">
        <v>5</v>
      </c>
      <c r="D13429" s="1" t="s">
        <v>11</v>
      </c>
      <c r="E13429" s="1" t="s">
        <v>7</v>
      </c>
    </row>
    <row r="13430">
      <c r="A13430" s="1">
        <v>4.90539857E8</v>
      </c>
      <c r="B13430" s="2">
        <v>13871.0</v>
      </c>
      <c r="C13430" s="1" t="s">
        <v>5</v>
      </c>
      <c r="D13430" s="1" t="s">
        <v>11468</v>
      </c>
      <c r="E13430" s="1" t="s">
        <v>11</v>
      </c>
    </row>
    <row r="13431">
      <c r="A13431" s="1">
        <v>4.90539894E8</v>
      </c>
      <c r="B13431" s="2">
        <v>13761.0</v>
      </c>
      <c r="C13431" s="1" t="s">
        <v>5</v>
      </c>
      <c r="D13431" s="1" t="s">
        <v>11469</v>
      </c>
      <c r="E13431" s="1" t="s">
        <v>7</v>
      </c>
    </row>
    <row r="13432">
      <c r="A13432" s="1">
        <v>4.90539955E8</v>
      </c>
      <c r="B13432" s="2">
        <v>13872.0</v>
      </c>
      <c r="C13432" s="1" t="s">
        <v>5</v>
      </c>
      <c r="D13432" s="1" t="s">
        <v>11470</v>
      </c>
      <c r="E13432" s="1" t="s">
        <v>11</v>
      </c>
    </row>
    <row r="13433">
      <c r="A13433" s="1">
        <v>4.90539992E8</v>
      </c>
      <c r="B13433" s="2">
        <v>13805.0</v>
      </c>
      <c r="C13433" s="1" t="s">
        <v>5</v>
      </c>
      <c r="D13433" s="1" t="s">
        <v>11471</v>
      </c>
      <c r="E13433" s="1" t="s">
        <v>7</v>
      </c>
    </row>
    <row r="13434">
      <c r="A13434" s="1">
        <v>4.90540014E8</v>
      </c>
      <c r="B13434" s="2">
        <v>13831.0</v>
      </c>
      <c r="C13434" s="1" t="s">
        <v>5</v>
      </c>
      <c r="D13434" s="1" t="s">
        <v>11</v>
      </c>
      <c r="E13434" s="1" t="s">
        <v>7</v>
      </c>
    </row>
    <row r="13435">
      <c r="A13435" s="1">
        <v>4.90540019E8</v>
      </c>
      <c r="B13435" s="2">
        <v>13832.0</v>
      </c>
      <c r="C13435" s="1" t="s">
        <v>5</v>
      </c>
      <c r="D13435" s="1" t="s">
        <v>11</v>
      </c>
      <c r="E13435" s="1" t="s">
        <v>7</v>
      </c>
    </row>
    <row r="13436">
      <c r="A13436" s="1">
        <v>4.90540024E8</v>
      </c>
      <c r="B13436" s="2">
        <v>13816.0</v>
      </c>
      <c r="C13436" s="1" t="s">
        <v>5</v>
      </c>
      <c r="D13436" s="1" t="s">
        <v>11472</v>
      </c>
      <c r="E13436" s="1" t="s">
        <v>11</v>
      </c>
    </row>
    <row r="13437">
      <c r="A13437" s="1">
        <v>4.90540068E8</v>
      </c>
      <c r="B13437" s="2">
        <v>13829.0</v>
      </c>
      <c r="C13437" s="1" t="s">
        <v>5</v>
      </c>
      <c r="D13437" s="1" t="s">
        <v>11473</v>
      </c>
      <c r="E13437" s="1" t="s">
        <v>7</v>
      </c>
    </row>
    <row r="13438">
      <c r="A13438" s="1">
        <v>4.90540177E8</v>
      </c>
      <c r="B13438" s="2">
        <v>13830.0</v>
      </c>
      <c r="C13438" s="1" t="s">
        <v>5</v>
      </c>
      <c r="D13438" s="1" t="s">
        <v>11474</v>
      </c>
      <c r="E13438" s="1" t="s">
        <v>11475</v>
      </c>
    </row>
    <row r="13439">
      <c r="A13439" s="1">
        <v>4.90540196E8</v>
      </c>
      <c r="B13439" s="2">
        <v>13871.0</v>
      </c>
      <c r="C13439" s="1" t="s">
        <v>5</v>
      </c>
      <c r="D13439" s="1" t="s">
        <v>11476</v>
      </c>
      <c r="E13439" s="1" t="s">
        <v>7</v>
      </c>
    </row>
    <row r="13440">
      <c r="A13440" s="1">
        <v>4.90540246E8</v>
      </c>
      <c r="B13440" s="2">
        <v>13810.0</v>
      </c>
      <c r="C13440" s="1" t="s">
        <v>5</v>
      </c>
      <c r="D13440" s="1" t="s">
        <v>11477</v>
      </c>
      <c r="E13440" s="1" t="s">
        <v>11</v>
      </c>
    </row>
    <row r="13441">
      <c r="A13441" s="1">
        <v>4.90540288E8</v>
      </c>
      <c r="B13441" s="2">
        <v>13830.0</v>
      </c>
      <c r="C13441" s="1" t="s">
        <v>5</v>
      </c>
      <c r="D13441" s="1" t="s">
        <v>11478</v>
      </c>
      <c r="E13441" s="1" t="s">
        <v>7</v>
      </c>
    </row>
    <row r="13442">
      <c r="A13442" s="1">
        <v>4.90540306E8</v>
      </c>
      <c r="B13442" s="2">
        <v>13798.0</v>
      </c>
      <c r="C13442" s="1" t="s">
        <v>5</v>
      </c>
      <c r="D13442" s="1" t="s">
        <v>11479</v>
      </c>
      <c r="E13442" s="1" t="s">
        <v>7</v>
      </c>
    </row>
    <row r="13443">
      <c r="A13443" s="1">
        <v>4.90540313E8</v>
      </c>
      <c r="B13443" s="2">
        <v>13875.0</v>
      </c>
      <c r="C13443" s="1" t="s">
        <v>5</v>
      </c>
      <c r="D13443" s="1" t="s">
        <v>11480</v>
      </c>
      <c r="E13443" s="1" t="s">
        <v>7</v>
      </c>
    </row>
    <row r="13444">
      <c r="A13444" s="1">
        <v>4.90540321E8</v>
      </c>
      <c r="B13444" s="2">
        <v>13815.0</v>
      </c>
      <c r="C13444" s="1" t="s">
        <v>5</v>
      </c>
      <c r="D13444" s="1" t="s">
        <v>11</v>
      </c>
      <c r="E13444" s="1" t="s">
        <v>7</v>
      </c>
    </row>
    <row r="13445">
      <c r="A13445" s="1">
        <v>4.90540322E8</v>
      </c>
      <c r="B13445" s="2">
        <v>13874.0</v>
      </c>
      <c r="C13445" s="1" t="s">
        <v>5</v>
      </c>
      <c r="D13445" s="1" t="s">
        <v>11481</v>
      </c>
      <c r="E13445" s="1" t="s">
        <v>7</v>
      </c>
    </row>
    <row r="13446">
      <c r="A13446" s="1">
        <v>4.90540354E8</v>
      </c>
      <c r="B13446" s="2">
        <v>13766.0</v>
      </c>
      <c r="C13446" s="1" t="s">
        <v>5</v>
      </c>
      <c r="D13446" s="1" t="s">
        <v>11</v>
      </c>
      <c r="E13446" s="1" t="s">
        <v>7</v>
      </c>
    </row>
    <row r="13447">
      <c r="A13447" s="1">
        <v>4.90540395E8</v>
      </c>
      <c r="B13447" s="2">
        <v>13800.0</v>
      </c>
      <c r="C13447" s="1" t="s">
        <v>5</v>
      </c>
      <c r="D13447" s="1" t="s">
        <v>11482</v>
      </c>
      <c r="E13447" s="1" t="s">
        <v>11</v>
      </c>
    </row>
    <row r="13448">
      <c r="A13448" s="1">
        <v>4.90540451E8</v>
      </c>
      <c r="B13448" s="2">
        <v>13806.0</v>
      </c>
      <c r="C13448" s="1" t="s">
        <v>5</v>
      </c>
      <c r="D13448" s="1" t="s">
        <v>11483</v>
      </c>
      <c r="E13448" s="1" t="s">
        <v>11</v>
      </c>
    </row>
    <row r="13449">
      <c r="A13449" s="1">
        <v>4.90540516E8</v>
      </c>
      <c r="B13449" s="2">
        <v>13873.0</v>
      </c>
      <c r="C13449" s="1" t="s">
        <v>5</v>
      </c>
      <c r="D13449" s="1" t="s">
        <v>11484</v>
      </c>
      <c r="E13449" s="1" t="s">
        <v>11</v>
      </c>
    </row>
    <row r="13450">
      <c r="A13450" s="1">
        <v>4.90540533E8</v>
      </c>
      <c r="B13450" s="2">
        <v>13815.0</v>
      </c>
      <c r="C13450" s="1" t="s">
        <v>5</v>
      </c>
      <c r="D13450" s="1" t="s">
        <v>11</v>
      </c>
      <c r="E13450" s="1" t="s">
        <v>7</v>
      </c>
    </row>
    <row r="13451">
      <c r="A13451" s="1">
        <v>4.90540556E8</v>
      </c>
      <c r="B13451" s="2">
        <v>13815.0</v>
      </c>
      <c r="C13451" s="1" t="s">
        <v>5</v>
      </c>
      <c r="D13451" s="1" t="s">
        <v>11485</v>
      </c>
      <c r="E13451" s="1" t="s">
        <v>7</v>
      </c>
    </row>
    <row r="13452">
      <c r="A13452" s="1">
        <v>4.90540574E8</v>
      </c>
      <c r="B13452" s="2">
        <v>13813.0</v>
      </c>
      <c r="C13452" s="1" t="s">
        <v>5</v>
      </c>
      <c r="D13452" s="1" t="s">
        <v>11</v>
      </c>
      <c r="E13452" s="1" t="s">
        <v>7</v>
      </c>
    </row>
    <row r="13453">
      <c r="A13453" s="1">
        <v>4.90540594E8</v>
      </c>
      <c r="B13453" s="2">
        <v>13870.0</v>
      </c>
      <c r="C13453" s="1" t="s">
        <v>5</v>
      </c>
      <c r="D13453" s="1" t="s">
        <v>11486</v>
      </c>
      <c r="E13453" s="1" t="s">
        <v>11</v>
      </c>
    </row>
    <row r="13454">
      <c r="A13454" s="1">
        <v>4.90540614E8</v>
      </c>
      <c r="B13454" s="2">
        <v>13812.0</v>
      </c>
      <c r="C13454" s="1" t="s">
        <v>5</v>
      </c>
      <c r="D13454" s="1" t="s">
        <v>11</v>
      </c>
      <c r="E13454" s="1" t="s">
        <v>7</v>
      </c>
    </row>
    <row r="13455">
      <c r="A13455" s="1">
        <v>4.90540648E8</v>
      </c>
      <c r="B13455" s="2">
        <v>13798.0</v>
      </c>
      <c r="C13455" s="1" t="s">
        <v>5</v>
      </c>
      <c r="D13455" s="1" t="s">
        <v>11487</v>
      </c>
      <c r="E13455" s="1" t="s">
        <v>7</v>
      </c>
    </row>
    <row r="13456">
      <c r="A13456" s="1">
        <v>4.90540669E8</v>
      </c>
      <c r="B13456" s="2">
        <v>13875.0</v>
      </c>
      <c r="C13456" s="1" t="s">
        <v>5</v>
      </c>
      <c r="D13456" s="1" t="s">
        <v>11488</v>
      </c>
      <c r="E13456" s="1" t="s">
        <v>11</v>
      </c>
    </row>
    <row r="13457">
      <c r="A13457" s="1">
        <v>4.9054072E8</v>
      </c>
      <c r="B13457" s="2">
        <v>13812.0</v>
      </c>
      <c r="C13457" s="1" t="s">
        <v>5</v>
      </c>
      <c r="D13457" s="1" t="s">
        <v>11489</v>
      </c>
      <c r="E13457" s="1" t="s">
        <v>11</v>
      </c>
    </row>
    <row r="13458">
      <c r="A13458" s="1">
        <v>4.90540739E8</v>
      </c>
      <c r="B13458" s="2">
        <v>13868.0</v>
      </c>
      <c r="C13458" s="1" t="s">
        <v>5</v>
      </c>
      <c r="D13458" s="1" t="s">
        <v>11490</v>
      </c>
      <c r="E13458" s="1" t="s">
        <v>7</v>
      </c>
    </row>
    <row r="13459">
      <c r="A13459" s="1">
        <v>4.90540757E8</v>
      </c>
      <c r="B13459" s="2">
        <v>13812.0</v>
      </c>
      <c r="C13459" s="1" t="s">
        <v>5</v>
      </c>
      <c r="D13459" s="1" t="s">
        <v>11491</v>
      </c>
      <c r="E13459" s="1" t="s">
        <v>11</v>
      </c>
    </row>
    <row r="13460">
      <c r="A13460" s="1">
        <v>4.9054078E8</v>
      </c>
      <c r="B13460" s="2">
        <v>13811.0</v>
      </c>
      <c r="C13460" s="1" t="s">
        <v>5</v>
      </c>
      <c r="D13460" s="1" t="s">
        <v>11492</v>
      </c>
      <c r="E13460" s="1" t="s">
        <v>11</v>
      </c>
    </row>
    <row r="13461">
      <c r="A13461" s="1">
        <v>4.90540796E8</v>
      </c>
      <c r="B13461" s="2">
        <v>13811.0</v>
      </c>
      <c r="C13461" s="1" t="s">
        <v>5</v>
      </c>
      <c r="D13461" s="1" t="s">
        <v>11493</v>
      </c>
      <c r="E13461" s="1" t="s">
        <v>7</v>
      </c>
    </row>
    <row r="13462">
      <c r="A13462" s="1">
        <v>4.9054082E8</v>
      </c>
      <c r="B13462" s="2">
        <v>13867.0</v>
      </c>
      <c r="C13462" s="1" t="s">
        <v>5</v>
      </c>
      <c r="D13462" s="1" t="s">
        <v>11494</v>
      </c>
      <c r="E13462" s="1" t="s">
        <v>7</v>
      </c>
    </row>
    <row r="13463">
      <c r="A13463" s="1">
        <v>4.90540836E8</v>
      </c>
      <c r="B13463" s="2">
        <v>13810.0</v>
      </c>
      <c r="C13463" s="1" t="s">
        <v>5</v>
      </c>
      <c r="D13463" s="1" t="s">
        <v>11495</v>
      </c>
      <c r="E13463" s="1" t="s">
        <v>11496</v>
      </c>
    </row>
    <row r="13464">
      <c r="A13464" s="1">
        <v>4.90540901E8</v>
      </c>
      <c r="B13464" s="2">
        <v>13831.0</v>
      </c>
      <c r="C13464" s="1" t="s">
        <v>5</v>
      </c>
      <c r="D13464" s="1" t="s">
        <v>11</v>
      </c>
      <c r="E13464" s="1" t="s">
        <v>7</v>
      </c>
    </row>
    <row r="13465">
      <c r="A13465" s="1">
        <v>4.90540979E8</v>
      </c>
      <c r="B13465" s="2">
        <v>13799.0</v>
      </c>
      <c r="C13465" s="1" t="s">
        <v>5</v>
      </c>
      <c r="D13465" s="1" t="s">
        <v>11497</v>
      </c>
      <c r="E13465" s="1" t="s">
        <v>11498</v>
      </c>
    </row>
    <row r="13466">
      <c r="A13466" s="1">
        <v>4.90540991E8</v>
      </c>
      <c r="B13466" s="2">
        <v>13812.0</v>
      </c>
      <c r="C13466" s="1" t="s">
        <v>5</v>
      </c>
      <c r="D13466" s="1" t="s">
        <v>11499</v>
      </c>
      <c r="E13466" s="1" t="s">
        <v>11</v>
      </c>
    </row>
    <row r="13467">
      <c r="A13467" s="1">
        <v>4.90541044E8</v>
      </c>
      <c r="B13467" s="2">
        <v>13804.0</v>
      </c>
      <c r="C13467" s="1" t="s">
        <v>5</v>
      </c>
      <c r="D13467" s="1" t="s">
        <v>11500</v>
      </c>
      <c r="E13467" s="1" t="s">
        <v>7</v>
      </c>
    </row>
    <row r="13468">
      <c r="A13468" s="1">
        <v>4.90541097E8</v>
      </c>
      <c r="B13468" s="2">
        <v>13874.0</v>
      </c>
      <c r="C13468" s="1" t="s">
        <v>5</v>
      </c>
      <c r="D13468" s="1" t="s">
        <v>11501</v>
      </c>
      <c r="E13468" s="1" t="s">
        <v>11</v>
      </c>
    </row>
    <row r="13469">
      <c r="A13469" s="1">
        <v>4.90541156E8</v>
      </c>
      <c r="B13469" s="2">
        <v>13821.0</v>
      </c>
      <c r="C13469" s="1" t="s">
        <v>5</v>
      </c>
      <c r="D13469" s="1" t="s">
        <v>11502</v>
      </c>
      <c r="E13469" s="1" t="s">
        <v>7</v>
      </c>
    </row>
    <row r="13470">
      <c r="A13470" s="1">
        <v>4.90541161E8</v>
      </c>
      <c r="B13470" s="2">
        <v>13864.0</v>
      </c>
      <c r="C13470" s="1" t="s">
        <v>5</v>
      </c>
      <c r="D13470" s="1" t="s">
        <v>11503</v>
      </c>
      <c r="E13470" s="1" t="s">
        <v>11</v>
      </c>
    </row>
    <row r="13471">
      <c r="A13471" s="1">
        <v>4.905412E8</v>
      </c>
      <c r="B13471" s="2">
        <v>13797.0</v>
      </c>
      <c r="C13471" s="1" t="s">
        <v>5</v>
      </c>
      <c r="D13471" s="1" t="s">
        <v>11504</v>
      </c>
      <c r="E13471" s="1" t="s">
        <v>7</v>
      </c>
    </row>
    <row r="13472">
      <c r="A13472" s="1">
        <v>4.90541222E8</v>
      </c>
      <c r="B13472" s="2">
        <v>13809.0</v>
      </c>
      <c r="C13472" s="1" t="s">
        <v>5</v>
      </c>
      <c r="D13472" s="1" t="s">
        <v>11505</v>
      </c>
      <c r="E13472" s="1" t="s">
        <v>11506</v>
      </c>
    </row>
    <row r="13473">
      <c r="A13473" s="1">
        <v>4.90541283E8</v>
      </c>
      <c r="B13473" s="2">
        <v>13877.0</v>
      </c>
      <c r="C13473" s="1" t="s">
        <v>5</v>
      </c>
      <c r="D13473" s="1" t="s">
        <v>11</v>
      </c>
      <c r="E13473" s="1" t="s">
        <v>7</v>
      </c>
    </row>
    <row r="13474">
      <c r="A13474" s="1">
        <v>4.90541327E8</v>
      </c>
      <c r="B13474" s="2">
        <v>13866.0</v>
      </c>
      <c r="C13474" s="1" t="s">
        <v>5</v>
      </c>
      <c r="D13474" s="1" t="s">
        <v>11507</v>
      </c>
      <c r="E13474" s="1" t="s">
        <v>7</v>
      </c>
    </row>
    <row r="13475">
      <c r="A13475" s="1">
        <v>4.90541335E8</v>
      </c>
      <c r="B13475" s="2">
        <v>13798.0</v>
      </c>
      <c r="C13475" s="1" t="s">
        <v>5</v>
      </c>
      <c r="D13475" s="1" t="s">
        <v>11508</v>
      </c>
      <c r="E13475" s="1" t="s">
        <v>7</v>
      </c>
    </row>
    <row r="13476">
      <c r="A13476" s="1">
        <v>4.90541356E8</v>
      </c>
      <c r="B13476" s="2">
        <v>13863.0</v>
      </c>
      <c r="C13476" s="1" t="s">
        <v>5</v>
      </c>
      <c r="D13476" s="1" t="s">
        <v>11509</v>
      </c>
      <c r="E13476" s="1" t="s">
        <v>11</v>
      </c>
    </row>
    <row r="13477">
      <c r="A13477" s="1">
        <v>4.90541376E8</v>
      </c>
      <c r="B13477" s="2">
        <v>13872.0</v>
      </c>
      <c r="C13477" s="1" t="s">
        <v>5</v>
      </c>
      <c r="D13477" s="1" t="s">
        <v>11510</v>
      </c>
      <c r="E13477" s="1" t="s">
        <v>7</v>
      </c>
    </row>
    <row r="13478">
      <c r="A13478" s="1">
        <v>4.90541423E8</v>
      </c>
      <c r="B13478" s="2">
        <v>13799.0</v>
      </c>
      <c r="C13478" s="1" t="s">
        <v>5</v>
      </c>
      <c r="D13478" s="1" t="s">
        <v>11511</v>
      </c>
      <c r="E13478" s="1" t="s">
        <v>11</v>
      </c>
    </row>
    <row r="13479">
      <c r="A13479" s="1">
        <v>4.90541543E8</v>
      </c>
      <c r="B13479" s="2">
        <v>13799.0</v>
      </c>
      <c r="C13479" s="1" t="s">
        <v>5</v>
      </c>
      <c r="D13479" s="1" t="s">
        <v>11512</v>
      </c>
      <c r="E13479" s="1" t="s">
        <v>7</v>
      </c>
    </row>
    <row r="13480">
      <c r="A13480" s="1">
        <v>4.90541566E8</v>
      </c>
      <c r="B13480" s="2">
        <v>13806.0</v>
      </c>
      <c r="C13480" s="1" t="s">
        <v>5</v>
      </c>
      <c r="D13480" s="1" t="s">
        <v>11513</v>
      </c>
      <c r="E13480" s="1" t="s">
        <v>11</v>
      </c>
    </row>
    <row r="13481">
      <c r="A13481" s="1">
        <v>4.90541583E8</v>
      </c>
      <c r="B13481" s="2">
        <v>13873.0</v>
      </c>
      <c r="C13481" s="1" t="s">
        <v>5</v>
      </c>
      <c r="D13481" s="1" t="s">
        <v>11514</v>
      </c>
      <c r="E13481" s="1" t="s">
        <v>11515</v>
      </c>
    </row>
    <row r="13482">
      <c r="A13482" s="1">
        <v>4.90541603E8</v>
      </c>
      <c r="B13482" s="2">
        <v>13879.0</v>
      </c>
      <c r="C13482" s="1" t="s">
        <v>5</v>
      </c>
      <c r="D13482" s="1" t="s">
        <v>11516</v>
      </c>
      <c r="E13482" s="1" t="s">
        <v>7</v>
      </c>
    </row>
    <row r="13483">
      <c r="A13483" s="1">
        <v>4.90541683E8</v>
      </c>
      <c r="B13483" s="2">
        <v>13874.0</v>
      </c>
      <c r="C13483" s="1" t="s">
        <v>5</v>
      </c>
      <c r="D13483" s="1" t="s">
        <v>11517</v>
      </c>
      <c r="E13483" s="1" t="s">
        <v>7</v>
      </c>
    </row>
    <row r="13484">
      <c r="A13484" s="1">
        <v>4.90541703E8</v>
      </c>
      <c r="B13484" s="2">
        <v>13877.0</v>
      </c>
      <c r="C13484" s="1" t="s">
        <v>5</v>
      </c>
      <c r="D13484" s="1" t="s">
        <v>11518</v>
      </c>
      <c r="E13484" s="1" t="s">
        <v>7</v>
      </c>
    </row>
    <row r="13485">
      <c r="A13485" s="1">
        <v>4.90541713E8</v>
      </c>
      <c r="B13485" s="2">
        <v>13864.0</v>
      </c>
      <c r="C13485" s="1" t="s">
        <v>5</v>
      </c>
      <c r="D13485" s="1" t="s">
        <v>11</v>
      </c>
      <c r="E13485" s="1" t="s">
        <v>7</v>
      </c>
    </row>
    <row r="13486">
      <c r="A13486" s="1">
        <v>4.90541748E8</v>
      </c>
      <c r="B13486" s="2">
        <v>13879.0</v>
      </c>
      <c r="C13486" s="1" t="s">
        <v>5</v>
      </c>
      <c r="D13486" s="1" t="s">
        <v>11519</v>
      </c>
      <c r="E13486" s="1" t="s">
        <v>7</v>
      </c>
    </row>
    <row r="13487">
      <c r="A13487" s="1">
        <v>4.90541764E8</v>
      </c>
      <c r="B13487" s="2">
        <v>13794.0</v>
      </c>
      <c r="C13487" s="1" t="s">
        <v>5</v>
      </c>
      <c r="D13487" s="1" t="s">
        <v>11520</v>
      </c>
      <c r="E13487" s="1" t="s">
        <v>7</v>
      </c>
    </row>
    <row r="13488">
      <c r="A13488" s="1">
        <v>4.90541836E8</v>
      </c>
      <c r="B13488" s="2">
        <v>13872.0</v>
      </c>
      <c r="C13488" s="1" t="s">
        <v>5</v>
      </c>
      <c r="D13488" s="1" t="s">
        <v>11</v>
      </c>
      <c r="E13488" s="1" t="s">
        <v>7</v>
      </c>
    </row>
    <row r="13489">
      <c r="A13489" s="1">
        <v>4.90541899E8</v>
      </c>
      <c r="B13489" s="2">
        <v>13872.0</v>
      </c>
      <c r="C13489" s="1" t="s">
        <v>5</v>
      </c>
      <c r="D13489" s="1" t="s">
        <v>11521</v>
      </c>
      <c r="E13489" s="1" t="s">
        <v>7</v>
      </c>
    </row>
    <row r="13490">
      <c r="A13490" s="1">
        <v>4.90541906E8</v>
      </c>
      <c r="B13490" s="2">
        <v>13877.0</v>
      </c>
      <c r="C13490" s="1" t="s">
        <v>5</v>
      </c>
      <c r="D13490" s="1" t="s">
        <v>11522</v>
      </c>
      <c r="E13490" s="1" t="s">
        <v>11</v>
      </c>
    </row>
    <row r="13491">
      <c r="A13491" s="1">
        <v>4.90541923E8</v>
      </c>
      <c r="B13491" s="2">
        <v>13814.0</v>
      </c>
      <c r="C13491" s="1" t="s">
        <v>5</v>
      </c>
      <c r="D13491" s="1" t="s">
        <v>11523</v>
      </c>
      <c r="E13491" s="1" t="s">
        <v>7</v>
      </c>
    </row>
    <row r="13492">
      <c r="A13492" s="1">
        <v>4.90541926E8</v>
      </c>
      <c r="B13492" s="2">
        <v>13798.0</v>
      </c>
      <c r="C13492" s="1" t="s">
        <v>5</v>
      </c>
      <c r="D13492" s="1" t="s">
        <v>11524</v>
      </c>
      <c r="E13492" s="1" t="s">
        <v>7</v>
      </c>
    </row>
    <row r="13493">
      <c r="A13493" s="1">
        <v>4.90541974E8</v>
      </c>
      <c r="B13493" s="2">
        <v>13804.0</v>
      </c>
      <c r="C13493" s="1" t="s">
        <v>5</v>
      </c>
      <c r="D13493" s="1" t="s">
        <v>11525</v>
      </c>
      <c r="E13493" s="1" t="s">
        <v>7</v>
      </c>
    </row>
    <row r="13494">
      <c r="A13494" s="1">
        <v>4.90542075E8</v>
      </c>
      <c r="B13494" s="2">
        <v>13792.0</v>
      </c>
      <c r="C13494" s="1" t="s">
        <v>5</v>
      </c>
      <c r="D13494" s="1" t="s">
        <v>11</v>
      </c>
      <c r="E13494" s="1" t="s">
        <v>7</v>
      </c>
    </row>
    <row r="13495">
      <c r="A13495" s="1">
        <v>4.90542091E8</v>
      </c>
      <c r="B13495" s="2">
        <v>13799.0</v>
      </c>
      <c r="C13495" s="1" t="s">
        <v>5</v>
      </c>
      <c r="D13495" s="1" t="s">
        <v>11</v>
      </c>
      <c r="E13495" s="1" t="s">
        <v>7</v>
      </c>
    </row>
    <row r="13496">
      <c r="A13496" s="1">
        <v>4.90542104E8</v>
      </c>
      <c r="B13496" s="2">
        <v>13807.0</v>
      </c>
      <c r="C13496" s="1" t="s">
        <v>5</v>
      </c>
      <c r="D13496" s="1" t="s">
        <v>11</v>
      </c>
      <c r="E13496" s="1" t="s">
        <v>7</v>
      </c>
    </row>
    <row r="13497">
      <c r="A13497" s="1">
        <v>4.90542111E8</v>
      </c>
      <c r="B13497" s="2">
        <v>13874.0</v>
      </c>
      <c r="C13497" s="1" t="s">
        <v>5</v>
      </c>
      <c r="D13497" s="1" t="s">
        <v>11526</v>
      </c>
      <c r="E13497" s="1" t="s">
        <v>11</v>
      </c>
    </row>
    <row r="13498">
      <c r="A13498" s="1">
        <v>4.90542154E8</v>
      </c>
      <c r="B13498" s="2">
        <v>13874.0</v>
      </c>
      <c r="C13498" s="1" t="s">
        <v>5</v>
      </c>
      <c r="D13498" s="1" t="s">
        <v>11527</v>
      </c>
      <c r="E13498" s="1" t="s">
        <v>7</v>
      </c>
    </row>
    <row r="13499">
      <c r="A13499" s="1">
        <v>4.90542182E8</v>
      </c>
      <c r="B13499" s="2">
        <v>13803.0</v>
      </c>
      <c r="C13499" s="1" t="s">
        <v>5</v>
      </c>
      <c r="D13499" s="1" t="s">
        <v>11528</v>
      </c>
      <c r="E13499" s="1" t="s">
        <v>7</v>
      </c>
    </row>
    <row r="13500">
      <c r="A13500" s="1">
        <v>4.90542184E8</v>
      </c>
      <c r="B13500" s="2">
        <v>13806.0</v>
      </c>
      <c r="C13500" s="1" t="s">
        <v>5</v>
      </c>
      <c r="D13500" s="1" t="s">
        <v>11529</v>
      </c>
      <c r="E13500" s="1" t="s">
        <v>11530</v>
      </c>
    </row>
    <row r="13501">
      <c r="A13501" s="1">
        <v>4.90542304E8</v>
      </c>
      <c r="B13501" s="2">
        <v>13870.0</v>
      </c>
      <c r="C13501" s="1" t="s">
        <v>5</v>
      </c>
      <c r="D13501" s="1" t="s">
        <v>11531</v>
      </c>
      <c r="E13501" s="1" t="s">
        <v>7</v>
      </c>
    </row>
    <row r="13502">
      <c r="A13502" s="1">
        <v>4.90542337E8</v>
      </c>
      <c r="B13502" s="2">
        <v>13868.0</v>
      </c>
      <c r="C13502" s="1" t="s">
        <v>5</v>
      </c>
      <c r="D13502" s="1" t="s">
        <v>11532</v>
      </c>
      <c r="E13502" s="1" t="s">
        <v>7</v>
      </c>
    </row>
    <row r="13503">
      <c r="A13503" s="1">
        <v>4.90542339E8</v>
      </c>
      <c r="B13503" s="2">
        <v>13871.0</v>
      </c>
      <c r="C13503" s="1" t="s">
        <v>5</v>
      </c>
      <c r="D13503" s="1" t="s">
        <v>11</v>
      </c>
      <c r="E13503" s="1" t="s">
        <v>7</v>
      </c>
    </row>
    <row r="13504">
      <c r="A13504" s="1">
        <v>4.90542364E8</v>
      </c>
      <c r="B13504" s="2">
        <v>13813.0</v>
      </c>
      <c r="C13504" s="1" t="s">
        <v>5</v>
      </c>
      <c r="D13504" s="1" t="s">
        <v>11533</v>
      </c>
      <c r="E13504" s="1" t="s">
        <v>11534</v>
      </c>
    </row>
    <row r="13505">
      <c r="A13505" s="1">
        <v>4.9054243E8</v>
      </c>
      <c r="B13505" s="2">
        <v>13792.0</v>
      </c>
      <c r="C13505" s="1" t="s">
        <v>5</v>
      </c>
      <c r="D13505" s="1" t="s">
        <v>11535</v>
      </c>
      <c r="E13505" s="1" t="s">
        <v>11</v>
      </c>
    </row>
    <row r="13506">
      <c r="A13506" s="1">
        <v>4.90542458E8</v>
      </c>
      <c r="B13506" s="2">
        <v>13873.0</v>
      </c>
      <c r="C13506" s="1" t="s">
        <v>5</v>
      </c>
      <c r="D13506" s="1" t="s">
        <v>11</v>
      </c>
      <c r="E13506" s="1" t="s">
        <v>7</v>
      </c>
    </row>
    <row r="13507">
      <c r="A13507" s="1">
        <v>4.90542474E8</v>
      </c>
      <c r="B13507" s="2">
        <v>13856.0</v>
      </c>
      <c r="C13507" s="1" t="s">
        <v>5</v>
      </c>
      <c r="D13507" s="1" t="s">
        <v>11</v>
      </c>
      <c r="E13507" s="1" t="s">
        <v>7</v>
      </c>
    </row>
    <row r="13508">
      <c r="A13508" s="1">
        <v>4.9054248E8</v>
      </c>
      <c r="B13508" s="2">
        <v>13872.0</v>
      </c>
      <c r="C13508" s="1" t="s">
        <v>5</v>
      </c>
      <c r="D13508" s="1" t="s">
        <v>11536</v>
      </c>
      <c r="E13508" s="1" t="s">
        <v>7</v>
      </c>
    </row>
    <row r="13509">
      <c r="A13509" s="1">
        <v>4.90542564E8</v>
      </c>
      <c r="B13509" s="2">
        <v>13873.0</v>
      </c>
      <c r="C13509" s="1" t="s">
        <v>5</v>
      </c>
      <c r="D13509" s="1" t="s">
        <v>11537</v>
      </c>
      <c r="E13509" s="1" t="s">
        <v>11</v>
      </c>
    </row>
    <row r="13510">
      <c r="A13510" s="1">
        <v>4.90542566E8</v>
      </c>
      <c r="B13510" s="2">
        <v>13856.0</v>
      </c>
      <c r="C13510" s="1" t="s">
        <v>5</v>
      </c>
      <c r="D13510" s="1" t="s">
        <v>11538</v>
      </c>
      <c r="E13510" s="1" t="s">
        <v>7</v>
      </c>
    </row>
    <row r="13511">
      <c r="A13511" s="1">
        <v>4.90542567E8</v>
      </c>
      <c r="B13511" s="2">
        <v>13752.0</v>
      </c>
      <c r="C13511" s="1" t="s">
        <v>5</v>
      </c>
      <c r="D13511" s="1" t="s">
        <v>11</v>
      </c>
      <c r="E13511" s="1" t="s">
        <v>7</v>
      </c>
    </row>
    <row r="13512">
      <c r="A13512" s="1">
        <v>4.90542646E8</v>
      </c>
      <c r="B13512" s="2">
        <v>13795.0</v>
      </c>
      <c r="C13512" s="1" t="s">
        <v>5</v>
      </c>
      <c r="D13512" s="1" t="s">
        <v>11</v>
      </c>
      <c r="E13512" s="4" t="s">
        <v>11539</v>
      </c>
    </row>
    <row r="13513">
      <c r="A13513" s="1">
        <v>4.90542664E8</v>
      </c>
      <c r="B13513" s="2">
        <v>13795.0</v>
      </c>
      <c r="C13513" s="1" t="s">
        <v>5</v>
      </c>
      <c r="D13513" s="1" t="s">
        <v>11540</v>
      </c>
      <c r="E13513" s="1" t="s">
        <v>11</v>
      </c>
    </row>
    <row r="13514">
      <c r="A13514" s="1">
        <v>4.90542702E8</v>
      </c>
      <c r="B13514" s="2">
        <v>13855.0</v>
      </c>
      <c r="C13514" s="1" t="s">
        <v>5</v>
      </c>
      <c r="D13514" s="1" t="s">
        <v>11541</v>
      </c>
      <c r="E13514" s="1" t="s">
        <v>7</v>
      </c>
    </row>
    <row r="13515">
      <c r="A13515" s="1">
        <v>4.90542731E8</v>
      </c>
      <c r="B13515" s="2">
        <v>13812.0</v>
      </c>
      <c r="C13515" s="1" t="s">
        <v>5</v>
      </c>
      <c r="D13515" s="1" t="s">
        <v>11542</v>
      </c>
      <c r="E13515" s="1" t="s">
        <v>7</v>
      </c>
    </row>
    <row r="13516">
      <c r="A13516" s="1">
        <v>4.90542832E8</v>
      </c>
      <c r="B13516" s="2">
        <v>13865.0</v>
      </c>
      <c r="C13516" s="1" t="s">
        <v>5</v>
      </c>
      <c r="D13516" s="1" t="s">
        <v>11543</v>
      </c>
      <c r="E13516" s="1" t="s">
        <v>7</v>
      </c>
    </row>
    <row r="13517">
      <c r="A13517" s="1">
        <v>4.90542891E8</v>
      </c>
      <c r="B13517" s="2">
        <v>13861.0</v>
      </c>
      <c r="C13517" s="1" t="s">
        <v>5</v>
      </c>
      <c r="D13517" s="1" t="s">
        <v>11</v>
      </c>
      <c r="E13517" s="1" t="s">
        <v>7</v>
      </c>
    </row>
    <row r="13518">
      <c r="A13518" s="1">
        <v>4.90542908E8</v>
      </c>
      <c r="B13518" s="2">
        <v>13868.0</v>
      </c>
      <c r="C13518" s="1" t="s">
        <v>5</v>
      </c>
      <c r="D13518" s="1" t="s">
        <v>11544</v>
      </c>
      <c r="E13518" s="1" t="s">
        <v>11</v>
      </c>
    </row>
    <row r="13519">
      <c r="A13519" s="1">
        <v>4.90542913E8</v>
      </c>
      <c r="B13519" s="2">
        <v>13800.0</v>
      </c>
      <c r="C13519" s="1" t="s">
        <v>5</v>
      </c>
      <c r="D13519" s="1" t="s">
        <v>11545</v>
      </c>
      <c r="E13519" s="1" t="s">
        <v>11</v>
      </c>
    </row>
    <row r="13520">
      <c r="A13520" s="1">
        <v>4.90542928E8</v>
      </c>
      <c r="B13520" s="2">
        <v>13870.0</v>
      </c>
      <c r="C13520" s="1" t="s">
        <v>5</v>
      </c>
      <c r="D13520" s="1" t="s">
        <v>11</v>
      </c>
      <c r="E13520" s="1" t="s">
        <v>7</v>
      </c>
    </row>
    <row r="13521">
      <c r="A13521" s="1">
        <v>4.90542941E8</v>
      </c>
      <c r="B13521" s="2">
        <v>13796.0</v>
      </c>
      <c r="C13521" s="1" t="s">
        <v>5</v>
      </c>
      <c r="D13521" s="1" t="s">
        <v>11546</v>
      </c>
      <c r="E13521" s="1" t="s">
        <v>7</v>
      </c>
    </row>
    <row r="13522">
      <c r="A13522" s="1">
        <v>4.90542944E8</v>
      </c>
      <c r="B13522" s="2">
        <v>13870.0</v>
      </c>
      <c r="C13522" s="1" t="s">
        <v>5</v>
      </c>
      <c r="D13522" s="1" t="s">
        <v>11</v>
      </c>
      <c r="E13522" s="1" t="s">
        <v>7</v>
      </c>
    </row>
    <row r="13523">
      <c r="A13523" s="1">
        <v>4.9054305E8</v>
      </c>
      <c r="B13523" s="2">
        <v>13860.0</v>
      </c>
      <c r="C13523" s="1" t="s">
        <v>5</v>
      </c>
      <c r="D13523" s="1" t="s">
        <v>11547</v>
      </c>
      <c r="E13523" s="1" t="s">
        <v>11</v>
      </c>
    </row>
    <row r="13524">
      <c r="A13524" s="1">
        <v>4.90543064E8</v>
      </c>
      <c r="B13524" s="2">
        <v>13853.0</v>
      </c>
      <c r="C13524" s="1" t="s">
        <v>5</v>
      </c>
      <c r="D13524" s="1" t="s">
        <v>11548</v>
      </c>
      <c r="E13524" s="1" t="s">
        <v>7</v>
      </c>
    </row>
    <row r="13525">
      <c r="A13525" s="1">
        <v>4.90543073E8</v>
      </c>
      <c r="B13525" s="2">
        <v>13812.0</v>
      </c>
      <c r="C13525" s="1" t="s">
        <v>5</v>
      </c>
      <c r="D13525" s="1" t="s">
        <v>11</v>
      </c>
      <c r="E13525" s="1" t="s">
        <v>7</v>
      </c>
    </row>
    <row r="13526">
      <c r="A13526" s="1">
        <v>4.9054308E8</v>
      </c>
      <c r="B13526" s="2">
        <v>13869.0</v>
      </c>
      <c r="C13526" s="1" t="s">
        <v>5</v>
      </c>
      <c r="D13526" s="1" t="s">
        <v>11549</v>
      </c>
      <c r="E13526" s="1" t="s">
        <v>7</v>
      </c>
    </row>
    <row r="13527">
      <c r="A13527" s="1">
        <v>4.90543108E8</v>
      </c>
      <c r="B13527" s="2">
        <v>13866.0</v>
      </c>
      <c r="C13527" s="1" t="s">
        <v>5</v>
      </c>
      <c r="D13527" s="1" t="s">
        <v>11</v>
      </c>
      <c r="E13527" s="1" t="s">
        <v>7</v>
      </c>
    </row>
    <row r="13528">
      <c r="A13528" s="1">
        <v>4.90543128E8</v>
      </c>
      <c r="B13528" s="2">
        <v>13864.0</v>
      </c>
      <c r="C13528" s="1" t="s">
        <v>5</v>
      </c>
      <c r="D13528" s="1" t="s">
        <v>11550</v>
      </c>
      <c r="E13528" s="1" t="s">
        <v>7</v>
      </c>
    </row>
    <row r="13529">
      <c r="A13529" s="1">
        <v>4.90543222E8</v>
      </c>
      <c r="B13529" s="2">
        <v>13817.0</v>
      </c>
      <c r="C13529" s="1" t="s">
        <v>5</v>
      </c>
      <c r="D13529" s="1" t="s">
        <v>11551</v>
      </c>
      <c r="E13529" s="1" t="s">
        <v>11552</v>
      </c>
    </row>
    <row r="13530">
      <c r="A13530" s="1">
        <v>4.90543286E8</v>
      </c>
      <c r="B13530" s="2">
        <v>13749.0</v>
      </c>
      <c r="C13530" s="1" t="s">
        <v>5</v>
      </c>
      <c r="D13530" s="1" t="s">
        <v>11553</v>
      </c>
      <c r="E13530" s="1" t="s">
        <v>7</v>
      </c>
    </row>
    <row r="13531">
      <c r="A13531" s="1">
        <v>4.90543308E8</v>
      </c>
      <c r="B13531" s="2">
        <v>13854.0</v>
      </c>
      <c r="C13531" s="1" t="s">
        <v>5</v>
      </c>
      <c r="D13531" s="1" t="s">
        <v>11554</v>
      </c>
      <c r="E13531" s="1" t="s">
        <v>11</v>
      </c>
    </row>
    <row r="13532">
      <c r="A13532" s="1">
        <v>4.90543313E8</v>
      </c>
      <c r="B13532" s="2">
        <v>13811.0</v>
      </c>
      <c r="C13532" s="1" t="s">
        <v>5</v>
      </c>
      <c r="D13532" s="1" t="s">
        <v>11</v>
      </c>
      <c r="E13532" s="1" t="s">
        <v>7</v>
      </c>
    </row>
    <row r="13533">
      <c r="A13533" s="1">
        <v>4.90543324E8</v>
      </c>
      <c r="B13533" s="2">
        <v>13798.0</v>
      </c>
      <c r="C13533" s="1" t="s">
        <v>5</v>
      </c>
      <c r="D13533" s="1" t="s">
        <v>11555</v>
      </c>
      <c r="E13533" s="1" t="s">
        <v>11556</v>
      </c>
    </row>
    <row r="13534">
      <c r="A13534" s="1">
        <v>4.90543355E8</v>
      </c>
      <c r="B13534" s="2">
        <v>13853.0</v>
      </c>
      <c r="C13534" s="1" t="s">
        <v>5</v>
      </c>
      <c r="D13534" s="1" t="s">
        <v>11557</v>
      </c>
      <c r="E13534" s="1" t="s">
        <v>7</v>
      </c>
    </row>
    <row r="13535">
      <c r="A13535" s="1">
        <v>4.90543403E8</v>
      </c>
      <c r="B13535" s="2">
        <v>13867.0</v>
      </c>
      <c r="C13535" s="1" t="s">
        <v>5</v>
      </c>
      <c r="D13535" s="1" t="s">
        <v>11558</v>
      </c>
      <c r="E13535" s="1" t="s">
        <v>11</v>
      </c>
    </row>
    <row r="13536">
      <c r="A13536" s="1">
        <v>4.90543413E8</v>
      </c>
      <c r="B13536" s="2">
        <v>13867.0</v>
      </c>
      <c r="C13536" s="1" t="s">
        <v>5</v>
      </c>
      <c r="D13536" s="1" t="s">
        <v>11</v>
      </c>
      <c r="E13536" s="1" t="s">
        <v>7</v>
      </c>
    </row>
    <row r="13537">
      <c r="A13537" s="1">
        <v>4.90543424E8</v>
      </c>
      <c r="B13537" s="2">
        <v>13847.0</v>
      </c>
      <c r="C13537" s="1" t="s">
        <v>5</v>
      </c>
      <c r="D13537" s="1" t="s">
        <v>11559</v>
      </c>
      <c r="E13537" s="1" t="s">
        <v>7</v>
      </c>
    </row>
    <row r="13538">
      <c r="A13538" s="1">
        <v>4.90543454E8</v>
      </c>
      <c r="B13538" s="2">
        <v>13811.0</v>
      </c>
      <c r="C13538" s="1" t="s">
        <v>5</v>
      </c>
      <c r="D13538" s="1" t="s">
        <v>7</v>
      </c>
      <c r="E13538" s="1" t="s">
        <v>7</v>
      </c>
    </row>
    <row r="13539">
      <c r="A13539" s="1">
        <v>4.90543461E8</v>
      </c>
      <c r="B13539" s="2">
        <v>13840.0</v>
      </c>
      <c r="C13539" s="1" t="s">
        <v>5</v>
      </c>
      <c r="D13539" s="1" t="s">
        <v>11560</v>
      </c>
      <c r="E13539" s="1" t="s">
        <v>11</v>
      </c>
    </row>
    <row r="13540">
      <c r="A13540" s="1">
        <v>4.9054349E8</v>
      </c>
      <c r="B13540" s="2">
        <v>13866.0</v>
      </c>
      <c r="C13540" s="1" t="s">
        <v>5</v>
      </c>
      <c r="D13540" s="1" t="s">
        <v>11561</v>
      </c>
      <c r="E13540" s="1" t="s">
        <v>11</v>
      </c>
    </row>
    <row r="13541">
      <c r="A13541" s="1">
        <v>4.90543561E8</v>
      </c>
      <c r="B13541" s="2">
        <v>13840.0</v>
      </c>
      <c r="C13541" s="1" t="s">
        <v>5</v>
      </c>
      <c r="D13541" s="1" t="s">
        <v>11</v>
      </c>
      <c r="E13541" s="1" t="s">
        <v>7</v>
      </c>
    </row>
    <row r="13542">
      <c r="A13542" s="1">
        <v>4.90543579E8</v>
      </c>
      <c r="B13542" s="2">
        <v>13843.0</v>
      </c>
      <c r="C13542" s="1" t="s">
        <v>5</v>
      </c>
      <c r="D13542" s="1" t="s">
        <v>11562</v>
      </c>
      <c r="E13542" s="1" t="s">
        <v>11563</v>
      </c>
    </row>
    <row r="13543">
      <c r="A13543" s="1">
        <v>4.90543603E8</v>
      </c>
      <c r="B13543" s="2">
        <v>13847.0</v>
      </c>
      <c r="C13543" s="1" t="s">
        <v>5</v>
      </c>
      <c r="D13543" s="1" t="s">
        <v>11564</v>
      </c>
      <c r="E13543" s="1" t="s">
        <v>7</v>
      </c>
    </row>
    <row r="13544">
      <c r="A13544" s="1">
        <v>4.90543608E8</v>
      </c>
      <c r="B13544" s="2">
        <v>13815.0</v>
      </c>
      <c r="C13544" s="1" t="s">
        <v>5</v>
      </c>
      <c r="D13544" s="1" t="s">
        <v>11</v>
      </c>
      <c r="E13544" s="1" t="s">
        <v>7</v>
      </c>
    </row>
    <row r="13545">
      <c r="A13545" s="1">
        <v>4.90543633E8</v>
      </c>
      <c r="B13545" s="2">
        <v>13847.0</v>
      </c>
      <c r="C13545" s="1" t="s">
        <v>5</v>
      </c>
      <c r="D13545" s="1" t="s">
        <v>11565</v>
      </c>
      <c r="E13545" s="1" t="s">
        <v>7</v>
      </c>
    </row>
    <row r="13546">
      <c r="A13546" s="1">
        <v>4.90543713E8</v>
      </c>
      <c r="B13546" s="2">
        <v>13840.0</v>
      </c>
      <c r="C13546" s="1" t="s">
        <v>5</v>
      </c>
      <c r="D13546" s="1" t="s">
        <v>11566</v>
      </c>
      <c r="E13546" s="1" t="s">
        <v>11</v>
      </c>
    </row>
    <row r="13547">
      <c r="A13547" s="1">
        <v>4.90543714E8</v>
      </c>
      <c r="B13547" s="2">
        <v>13862.0</v>
      </c>
      <c r="C13547" s="1" t="s">
        <v>5</v>
      </c>
      <c r="D13547" s="1" t="s">
        <v>11</v>
      </c>
      <c r="E13547" s="1" t="s">
        <v>7</v>
      </c>
    </row>
    <row r="13548">
      <c r="A13548" s="1">
        <v>4.90543737E8</v>
      </c>
      <c r="B13548" s="2">
        <v>13840.0</v>
      </c>
      <c r="C13548" s="1" t="s">
        <v>5</v>
      </c>
      <c r="D13548" s="1" t="s">
        <v>11567</v>
      </c>
      <c r="E13548" s="1" t="s">
        <v>11</v>
      </c>
    </row>
    <row r="13549">
      <c r="A13549" s="1">
        <v>4.90543838E8</v>
      </c>
      <c r="B13549" s="2">
        <v>13794.0</v>
      </c>
      <c r="C13549" s="1" t="s">
        <v>5</v>
      </c>
      <c r="D13549" s="1" t="s">
        <v>11568</v>
      </c>
      <c r="E13549" s="1" t="s">
        <v>7</v>
      </c>
    </row>
    <row r="13550">
      <c r="A13550" s="1">
        <v>4.90543926E8</v>
      </c>
      <c r="B13550" s="2">
        <v>13862.0</v>
      </c>
      <c r="C13550" s="1" t="s">
        <v>5</v>
      </c>
      <c r="D13550" s="1" t="s">
        <v>11569</v>
      </c>
      <c r="E13550" s="1" t="s">
        <v>7</v>
      </c>
    </row>
    <row r="13551">
      <c r="A13551" s="1">
        <v>4.90543936E8</v>
      </c>
      <c r="B13551" s="2">
        <v>13844.0</v>
      </c>
      <c r="C13551" s="1" t="s">
        <v>5</v>
      </c>
      <c r="D13551" s="1" t="s">
        <v>11570</v>
      </c>
      <c r="E13551" s="1" t="s">
        <v>11571</v>
      </c>
    </row>
    <row r="13552">
      <c r="A13552" s="1">
        <v>4.90543946E8</v>
      </c>
      <c r="B13552" s="2">
        <v>13864.0</v>
      </c>
      <c r="C13552" s="1" t="s">
        <v>5</v>
      </c>
      <c r="D13552" s="1" t="s">
        <v>11572</v>
      </c>
      <c r="E13552" s="1" t="s">
        <v>7</v>
      </c>
    </row>
    <row r="13553">
      <c r="A13553" s="1">
        <v>4.90543998E8</v>
      </c>
      <c r="B13553" s="2">
        <v>13840.0</v>
      </c>
      <c r="C13553" s="1" t="s">
        <v>5</v>
      </c>
      <c r="D13553" s="1" t="s">
        <v>11573</v>
      </c>
      <c r="E13553" s="1" t="s">
        <v>11</v>
      </c>
    </row>
    <row r="13554">
      <c r="A13554" s="1">
        <v>4.90544047E8</v>
      </c>
      <c r="B13554" s="2">
        <v>13844.0</v>
      </c>
      <c r="C13554" s="1" t="s">
        <v>5</v>
      </c>
      <c r="D13554" s="1" t="s">
        <v>11574</v>
      </c>
      <c r="E13554" s="1" t="s">
        <v>7</v>
      </c>
    </row>
    <row r="13555">
      <c r="A13555" s="1">
        <v>4.90544149E8</v>
      </c>
      <c r="B13555" s="2">
        <v>13864.0</v>
      </c>
      <c r="C13555" s="1" t="s">
        <v>5</v>
      </c>
      <c r="D13555" s="1" t="s">
        <v>11575</v>
      </c>
      <c r="E13555" s="1" t="s">
        <v>7</v>
      </c>
    </row>
    <row r="13556">
      <c r="A13556" s="1">
        <v>4.90544173E8</v>
      </c>
      <c r="B13556" s="2">
        <v>13840.0</v>
      </c>
      <c r="C13556" s="1" t="s">
        <v>5</v>
      </c>
      <c r="D13556" s="1" t="s">
        <v>11576</v>
      </c>
      <c r="E13556" s="1" t="s">
        <v>7</v>
      </c>
    </row>
    <row r="13557">
      <c r="A13557" s="1">
        <v>4.90544186E8</v>
      </c>
      <c r="B13557" s="2">
        <v>13860.0</v>
      </c>
      <c r="C13557" s="1" t="s">
        <v>5</v>
      </c>
      <c r="D13557" s="1" t="s">
        <v>11577</v>
      </c>
      <c r="E13557" s="1" t="s">
        <v>7</v>
      </c>
    </row>
    <row r="13558">
      <c r="A13558" s="1">
        <v>4.90544191E8</v>
      </c>
      <c r="B13558" s="2">
        <v>13864.0</v>
      </c>
      <c r="C13558" s="1" t="s">
        <v>5</v>
      </c>
      <c r="D13558" s="1" t="s">
        <v>11578</v>
      </c>
      <c r="E13558" s="1" t="s">
        <v>11</v>
      </c>
    </row>
    <row r="13559">
      <c r="A13559" s="1">
        <v>4.90544196E8</v>
      </c>
      <c r="B13559" s="2">
        <v>13840.0</v>
      </c>
      <c r="C13559" s="1" t="s">
        <v>5</v>
      </c>
      <c r="D13559" s="1" t="s">
        <v>11579</v>
      </c>
      <c r="E13559" s="1" t="s">
        <v>7</v>
      </c>
    </row>
    <row r="13560">
      <c r="A13560" s="1">
        <v>4.90544207E8</v>
      </c>
      <c r="B13560" s="2">
        <v>13807.0</v>
      </c>
      <c r="C13560" s="1" t="s">
        <v>5</v>
      </c>
      <c r="D13560" s="1" t="s">
        <v>11580</v>
      </c>
      <c r="E13560" s="1" t="s">
        <v>7</v>
      </c>
    </row>
    <row r="13561">
      <c r="A13561" s="1">
        <v>4.90544227E8</v>
      </c>
      <c r="B13561" s="2">
        <v>13792.0</v>
      </c>
      <c r="C13561" s="1" t="s">
        <v>5</v>
      </c>
      <c r="D13561" s="1" t="s">
        <v>11581</v>
      </c>
      <c r="E13561" s="1" t="s">
        <v>7</v>
      </c>
    </row>
    <row r="13562">
      <c r="A13562" s="1">
        <v>4.9054424E8</v>
      </c>
      <c r="B13562" s="2">
        <v>13861.0</v>
      </c>
      <c r="C13562" s="1" t="s">
        <v>5</v>
      </c>
      <c r="D13562" s="1" t="s">
        <v>7</v>
      </c>
      <c r="E13562" s="1" t="s">
        <v>7</v>
      </c>
    </row>
    <row r="13563">
      <c r="A13563" s="1">
        <v>4.90544257E8</v>
      </c>
      <c r="B13563" s="2">
        <v>13839.0</v>
      </c>
      <c r="C13563" s="1" t="s">
        <v>5</v>
      </c>
      <c r="D13563" s="1" t="s">
        <v>11</v>
      </c>
      <c r="E13563" s="1" t="s">
        <v>7</v>
      </c>
    </row>
    <row r="13564">
      <c r="A13564" s="1">
        <v>4.90544261E8</v>
      </c>
      <c r="B13564" s="2">
        <v>13848.0</v>
      </c>
      <c r="C13564" s="1" t="s">
        <v>5</v>
      </c>
      <c r="D13564" s="1" t="s">
        <v>11</v>
      </c>
      <c r="E13564" s="1" t="s">
        <v>7</v>
      </c>
    </row>
    <row r="13565">
      <c r="A13565" s="1">
        <v>4.90544273E8</v>
      </c>
      <c r="B13565" s="2">
        <v>13791.0</v>
      </c>
      <c r="C13565" s="1" t="s">
        <v>5</v>
      </c>
      <c r="D13565" s="1" t="s">
        <v>11582</v>
      </c>
      <c r="E13565" s="1" t="s">
        <v>11583</v>
      </c>
    </row>
    <row r="13566">
      <c r="A13566" s="1">
        <v>4.90544312E8</v>
      </c>
      <c r="B13566" s="2">
        <v>13813.0</v>
      </c>
      <c r="C13566" s="1" t="s">
        <v>5</v>
      </c>
      <c r="D13566" s="1" t="s">
        <v>11584</v>
      </c>
      <c r="E13566" s="1" t="s">
        <v>7</v>
      </c>
    </row>
    <row r="13567">
      <c r="A13567" s="1">
        <v>4.90544401E8</v>
      </c>
      <c r="B13567" s="2">
        <v>13863.0</v>
      </c>
      <c r="C13567" s="1" t="s">
        <v>5</v>
      </c>
      <c r="D13567" s="1" t="s">
        <v>11585</v>
      </c>
      <c r="E13567" s="1" t="s">
        <v>11</v>
      </c>
    </row>
    <row r="13568">
      <c r="A13568" s="1">
        <v>4.90544441E8</v>
      </c>
      <c r="B13568" s="2">
        <v>13836.0</v>
      </c>
      <c r="C13568" s="1" t="s">
        <v>5</v>
      </c>
      <c r="D13568" s="1" t="s">
        <v>11586</v>
      </c>
      <c r="E13568" s="1" t="s">
        <v>7</v>
      </c>
    </row>
    <row r="13569">
      <c r="A13569" s="1">
        <v>4.90544573E8</v>
      </c>
      <c r="B13569" s="2">
        <v>13910.0</v>
      </c>
      <c r="C13569" s="1" t="s">
        <v>5</v>
      </c>
      <c r="D13569" s="1" t="s">
        <v>11</v>
      </c>
      <c r="E13569" s="1" t="s">
        <v>7</v>
      </c>
    </row>
    <row r="13570">
      <c r="A13570" s="1">
        <v>4.90544593E8</v>
      </c>
      <c r="B13570" s="2">
        <v>13851.0</v>
      </c>
      <c r="C13570" s="1" t="s">
        <v>5</v>
      </c>
      <c r="D13570" s="1" t="s">
        <v>11587</v>
      </c>
      <c r="E13570" s="1" t="s">
        <v>11</v>
      </c>
    </row>
    <row r="13571">
      <c r="A13571" s="1">
        <v>4.90544608E8</v>
      </c>
      <c r="B13571" s="2">
        <v>13838.0</v>
      </c>
      <c r="C13571" s="1" t="s">
        <v>5</v>
      </c>
      <c r="D13571" s="1" t="s">
        <v>11588</v>
      </c>
      <c r="E13571" s="1" t="s">
        <v>7</v>
      </c>
    </row>
    <row r="13572">
      <c r="A13572" s="1">
        <v>4.90544648E8</v>
      </c>
      <c r="B13572" s="2">
        <v>13847.0</v>
      </c>
      <c r="C13572" s="1" t="s">
        <v>5</v>
      </c>
      <c r="D13572" s="1" t="s">
        <v>11589</v>
      </c>
      <c r="E13572" s="1" t="s">
        <v>7</v>
      </c>
    </row>
    <row r="13573">
      <c r="A13573" s="1">
        <v>4.90544676E8</v>
      </c>
      <c r="B13573" s="2">
        <v>13847.0</v>
      </c>
      <c r="C13573" s="1" t="s">
        <v>5</v>
      </c>
      <c r="D13573" s="1" t="s">
        <v>11590</v>
      </c>
      <c r="E13573" s="1" t="s">
        <v>11</v>
      </c>
    </row>
    <row r="13574">
      <c r="A13574" s="1">
        <v>4.90544696E8</v>
      </c>
      <c r="B13574" s="2">
        <v>13859.0</v>
      </c>
      <c r="C13574" s="1" t="s">
        <v>5</v>
      </c>
      <c r="D13574" s="1" t="s">
        <v>11591</v>
      </c>
      <c r="E13574" s="1" t="s">
        <v>7</v>
      </c>
    </row>
    <row r="13575">
      <c r="A13575" s="1">
        <v>4.90544859E8</v>
      </c>
      <c r="B13575" s="2">
        <v>13851.0</v>
      </c>
      <c r="C13575" s="1" t="s">
        <v>5</v>
      </c>
      <c r="D13575" s="1" t="s">
        <v>11</v>
      </c>
      <c r="E13575" s="1" t="s">
        <v>7</v>
      </c>
    </row>
    <row r="13576">
      <c r="A13576" s="1">
        <v>4.90544899E8</v>
      </c>
      <c r="B13576" s="2">
        <v>13858.0</v>
      </c>
      <c r="C13576" s="1" t="s">
        <v>5</v>
      </c>
      <c r="D13576" s="1" t="s">
        <v>11</v>
      </c>
      <c r="E13576" s="1" t="s">
        <v>7</v>
      </c>
    </row>
    <row r="13577">
      <c r="A13577" s="1">
        <v>4.90544913E8</v>
      </c>
      <c r="B13577" s="2">
        <v>13847.0</v>
      </c>
      <c r="C13577" s="1" t="s">
        <v>5</v>
      </c>
      <c r="D13577" s="1" t="s">
        <v>11592</v>
      </c>
      <c r="E13577" s="1" t="s">
        <v>7</v>
      </c>
    </row>
    <row r="13578">
      <c r="A13578" s="1">
        <v>4.9054496E8</v>
      </c>
      <c r="B13578" s="2">
        <v>13847.0</v>
      </c>
      <c r="C13578" s="1" t="s">
        <v>5</v>
      </c>
      <c r="D13578" s="1" t="s">
        <v>11</v>
      </c>
      <c r="E13578" s="1" t="s">
        <v>7</v>
      </c>
    </row>
    <row r="13579">
      <c r="A13579" s="1">
        <v>4.90545033E8</v>
      </c>
      <c r="B13579" s="2">
        <v>13794.0</v>
      </c>
      <c r="C13579" s="1" t="s">
        <v>5</v>
      </c>
      <c r="D13579" s="1" t="s">
        <v>11</v>
      </c>
      <c r="E13579" s="1" t="s">
        <v>7</v>
      </c>
    </row>
    <row r="13580">
      <c r="A13580" s="1">
        <v>4.90545067E8</v>
      </c>
      <c r="B13580" s="2">
        <v>13837.0</v>
      </c>
      <c r="C13580" s="1" t="s">
        <v>5</v>
      </c>
      <c r="D13580" s="1" t="s">
        <v>11</v>
      </c>
      <c r="E13580" s="1" t="s">
        <v>7</v>
      </c>
    </row>
    <row r="13581">
      <c r="A13581" s="1">
        <v>4.90545069E8</v>
      </c>
      <c r="B13581" s="2">
        <v>13828.0</v>
      </c>
      <c r="C13581" s="1" t="s">
        <v>5</v>
      </c>
      <c r="D13581" s="1" t="s">
        <v>11</v>
      </c>
      <c r="E13581" s="1" t="s">
        <v>7</v>
      </c>
    </row>
    <row r="13582">
      <c r="A13582" s="1">
        <v>4.90545098E8</v>
      </c>
      <c r="B13582" s="2">
        <v>13859.0</v>
      </c>
      <c r="C13582" s="1" t="s">
        <v>5</v>
      </c>
      <c r="D13582" s="1" t="s">
        <v>11593</v>
      </c>
      <c r="E13582" s="1" t="s">
        <v>11594</v>
      </c>
    </row>
    <row r="13583">
      <c r="A13583" s="1">
        <v>4.90545226E8</v>
      </c>
      <c r="B13583" s="2">
        <v>13854.0</v>
      </c>
      <c r="C13583" s="1" t="s">
        <v>5</v>
      </c>
      <c r="D13583" s="1" t="s">
        <v>11595</v>
      </c>
      <c r="E13583" s="1" t="s">
        <v>11596</v>
      </c>
    </row>
    <row r="13584">
      <c r="A13584" s="1">
        <v>4.90545232E8</v>
      </c>
      <c r="B13584" s="2">
        <v>13833.0</v>
      </c>
      <c r="C13584" s="1" t="s">
        <v>5</v>
      </c>
      <c r="D13584" s="1" t="s">
        <v>11597</v>
      </c>
      <c r="E13584" s="1" t="s">
        <v>7</v>
      </c>
    </row>
    <row r="13585">
      <c r="A13585" s="1">
        <v>4.90545268E8</v>
      </c>
      <c r="B13585" s="2">
        <v>13856.0</v>
      </c>
      <c r="C13585" s="1" t="s">
        <v>5</v>
      </c>
      <c r="D13585" s="1" t="s">
        <v>11598</v>
      </c>
      <c r="E13585" s="1" t="s">
        <v>7</v>
      </c>
    </row>
    <row r="13586">
      <c r="A13586" s="1">
        <v>4.90545271E8</v>
      </c>
      <c r="B13586" s="2">
        <v>13835.0</v>
      </c>
      <c r="C13586" s="1" t="s">
        <v>5</v>
      </c>
      <c r="D13586" s="1" t="s">
        <v>11599</v>
      </c>
      <c r="E13586" s="1" t="s">
        <v>7</v>
      </c>
    </row>
    <row r="13587">
      <c r="A13587" s="1">
        <v>4.90545331E8</v>
      </c>
      <c r="B13587" s="2">
        <v>13834.0</v>
      </c>
      <c r="C13587" s="1" t="s">
        <v>5</v>
      </c>
      <c r="D13587" s="1" t="s">
        <v>11</v>
      </c>
      <c r="E13587" s="1" t="s">
        <v>7</v>
      </c>
    </row>
    <row r="13588">
      <c r="A13588" s="1">
        <v>4.9054535E8</v>
      </c>
      <c r="B13588" s="2">
        <v>13834.0</v>
      </c>
      <c r="C13588" s="1" t="s">
        <v>5</v>
      </c>
      <c r="D13588" s="1" t="s">
        <v>11600</v>
      </c>
      <c r="E13588" s="1" t="s">
        <v>7</v>
      </c>
    </row>
    <row r="13589">
      <c r="A13589" s="1">
        <v>4.90545352E8</v>
      </c>
      <c r="B13589" s="2">
        <v>13854.0</v>
      </c>
      <c r="C13589" s="1" t="s">
        <v>5</v>
      </c>
      <c r="D13589" s="1" t="s">
        <v>11601</v>
      </c>
      <c r="E13589" s="1" t="s">
        <v>7</v>
      </c>
    </row>
    <row r="13590">
      <c r="A13590" s="1">
        <v>4.90545401E8</v>
      </c>
      <c r="B13590" s="2">
        <v>13855.0</v>
      </c>
      <c r="C13590" s="1" t="s">
        <v>5</v>
      </c>
      <c r="D13590" s="1" t="s">
        <v>11602</v>
      </c>
      <c r="E13590" s="1" t="s">
        <v>11</v>
      </c>
    </row>
    <row r="13591">
      <c r="A13591" s="1">
        <v>4.90545409E8</v>
      </c>
      <c r="B13591" s="2">
        <v>13857.0</v>
      </c>
      <c r="C13591" s="1" t="s">
        <v>5</v>
      </c>
      <c r="D13591" s="1" t="s">
        <v>11603</v>
      </c>
      <c r="E13591" s="1" t="s">
        <v>11</v>
      </c>
    </row>
    <row r="13592">
      <c r="A13592" s="1">
        <v>4.90545433E8</v>
      </c>
      <c r="B13592" s="2">
        <v>13809.0</v>
      </c>
      <c r="C13592" s="1" t="s">
        <v>5</v>
      </c>
      <c r="D13592" s="1" t="s">
        <v>11604</v>
      </c>
      <c r="E13592" s="1" t="s">
        <v>7</v>
      </c>
    </row>
    <row r="13593">
      <c r="A13593" s="1">
        <v>4.90545451E8</v>
      </c>
      <c r="B13593" s="2">
        <v>13859.0</v>
      </c>
      <c r="C13593" s="1" t="s">
        <v>5</v>
      </c>
      <c r="D13593" s="1" t="s">
        <v>11</v>
      </c>
      <c r="E13593" s="1" t="s">
        <v>7</v>
      </c>
    </row>
    <row r="13594">
      <c r="A13594" s="1">
        <v>4.90545457E8</v>
      </c>
      <c r="B13594" s="2">
        <v>13857.0</v>
      </c>
      <c r="C13594" s="1" t="s">
        <v>5</v>
      </c>
      <c r="D13594" s="1" t="s">
        <v>11605</v>
      </c>
      <c r="E13594" s="1" t="s">
        <v>11</v>
      </c>
    </row>
    <row r="13595">
      <c r="A13595" s="1">
        <v>4.90545461E8</v>
      </c>
      <c r="B13595" s="2">
        <v>13809.0</v>
      </c>
      <c r="C13595" s="1" t="s">
        <v>5</v>
      </c>
      <c r="D13595" s="1" t="s">
        <v>11606</v>
      </c>
      <c r="E13595" s="1" t="s">
        <v>7</v>
      </c>
    </row>
    <row r="13596">
      <c r="A13596" s="1">
        <v>4.9054548E8</v>
      </c>
      <c r="B13596" s="2">
        <v>13843.0</v>
      </c>
      <c r="C13596" s="1" t="s">
        <v>5</v>
      </c>
      <c r="D13596" s="1" t="s">
        <v>11</v>
      </c>
      <c r="E13596" s="1" t="s">
        <v>7</v>
      </c>
    </row>
    <row r="13597">
      <c r="A13597" s="1">
        <v>4.90545523E8</v>
      </c>
      <c r="B13597" s="2">
        <v>13853.0</v>
      </c>
      <c r="C13597" s="1" t="s">
        <v>5</v>
      </c>
      <c r="D13597" s="1" t="s">
        <v>11</v>
      </c>
      <c r="E13597" s="1" t="s">
        <v>7</v>
      </c>
    </row>
    <row r="13598">
      <c r="A13598" s="1">
        <v>4.90545582E8</v>
      </c>
      <c r="B13598" s="2">
        <v>13791.0</v>
      </c>
      <c r="C13598" s="1" t="s">
        <v>5</v>
      </c>
      <c r="D13598" s="1" t="s">
        <v>11</v>
      </c>
      <c r="E13598" s="1" t="s">
        <v>7</v>
      </c>
    </row>
    <row r="13599">
      <c r="A13599" s="1">
        <v>4.90545603E8</v>
      </c>
      <c r="B13599" s="2">
        <v>13853.0</v>
      </c>
      <c r="C13599" s="1" t="s">
        <v>5</v>
      </c>
      <c r="D13599" s="1" t="s">
        <v>11607</v>
      </c>
      <c r="E13599" s="1" t="s">
        <v>11</v>
      </c>
    </row>
    <row r="13600">
      <c r="A13600" s="1">
        <v>4.90545641E8</v>
      </c>
      <c r="B13600" s="2">
        <v>13852.0</v>
      </c>
      <c r="C13600" s="1" t="s">
        <v>5</v>
      </c>
      <c r="D13600" s="1" t="s">
        <v>11608</v>
      </c>
      <c r="E13600" s="1" t="s">
        <v>11609</v>
      </c>
    </row>
    <row r="13601">
      <c r="A13601" s="1">
        <v>4.90545828E8</v>
      </c>
      <c r="B13601" s="2">
        <v>13827.0</v>
      </c>
      <c r="C13601" s="1" t="s">
        <v>5</v>
      </c>
      <c r="D13601" s="1" t="s">
        <v>11610</v>
      </c>
      <c r="E13601" s="1" t="s">
        <v>7</v>
      </c>
    </row>
    <row r="13602">
      <c r="A13602" s="1">
        <v>4.9054583E8</v>
      </c>
      <c r="B13602" s="2">
        <v>13851.0</v>
      </c>
      <c r="C13602" s="1" t="s">
        <v>5</v>
      </c>
      <c r="D13602" s="1" t="s">
        <v>11611</v>
      </c>
      <c r="E13602" s="1" t="s">
        <v>7</v>
      </c>
    </row>
    <row r="13603">
      <c r="A13603" s="1">
        <v>4.90545921E8</v>
      </c>
      <c r="B13603" s="2">
        <v>13838.0</v>
      </c>
      <c r="C13603" s="1" t="s">
        <v>5</v>
      </c>
      <c r="D13603" s="1" t="s">
        <v>11</v>
      </c>
      <c r="E13603" s="1" t="s">
        <v>7</v>
      </c>
    </row>
    <row r="13604">
      <c r="A13604" s="1">
        <v>4.90545981E8</v>
      </c>
      <c r="B13604" s="2">
        <v>13824.0</v>
      </c>
      <c r="C13604" s="1" t="s">
        <v>5</v>
      </c>
      <c r="D13604" s="1" t="s">
        <v>11612</v>
      </c>
      <c r="E13604" s="1" t="s">
        <v>11</v>
      </c>
    </row>
    <row r="13605">
      <c r="A13605" s="1">
        <v>4.90545997E8</v>
      </c>
      <c r="B13605" s="2">
        <v>13850.0</v>
      </c>
      <c r="C13605" s="1" t="s">
        <v>5</v>
      </c>
      <c r="D13605" s="1" t="s">
        <v>11613</v>
      </c>
      <c r="E13605" s="1" t="s">
        <v>11</v>
      </c>
    </row>
    <row r="13606">
      <c r="A13606" s="1">
        <v>4.90546034E8</v>
      </c>
      <c r="B13606" s="2">
        <v>13823.0</v>
      </c>
      <c r="C13606" s="1" t="s">
        <v>5</v>
      </c>
      <c r="D13606" s="1" t="s">
        <v>11614</v>
      </c>
      <c r="E13606" s="1" t="s">
        <v>7</v>
      </c>
    </row>
    <row r="13607">
      <c r="A13607" s="1">
        <v>4.90546045E8</v>
      </c>
      <c r="B13607" s="2">
        <v>13909.0</v>
      </c>
      <c r="C13607" s="1" t="s">
        <v>5</v>
      </c>
      <c r="D13607" s="1" t="s">
        <v>7</v>
      </c>
      <c r="E13607" s="1" t="s">
        <v>7</v>
      </c>
    </row>
    <row r="13608">
      <c r="A13608" s="1">
        <v>4.90546073E8</v>
      </c>
      <c r="B13608" s="2">
        <v>13899.0</v>
      </c>
      <c r="C13608" s="1" t="s">
        <v>5</v>
      </c>
      <c r="D13608" s="1" t="s">
        <v>11615</v>
      </c>
      <c r="E13608" s="1" t="s">
        <v>11</v>
      </c>
    </row>
    <row r="13609">
      <c r="A13609" s="1">
        <v>4.90546129E8</v>
      </c>
      <c r="B13609" s="2">
        <v>13838.0</v>
      </c>
      <c r="C13609" s="1" t="s">
        <v>5</v>
      </c>
      <c r="D13609" s="1" t="s">
        <v>11</v>
      </c>
      <c r="E13609" s="1" t="s">
        <v>7</v>
      </c>
    </row>
    <row r="13610">
      <c r="A13610" s="1">
        <v>4.90546152E8</v>
      </c>
      <c r="B13610" s="2">
        <v>13900.0</v>
      </c>
      <c r="C13610" s="1" t="s">
        <v>5</v>
      </c>
      <c r="D13610" s="1" t="s">
        <v>11</v>
      </c>
      <c r="E13610" s="1" t="s">
        <v>7</v>
      </c>
    </row>
    <row r="13611">
      <c r="A13611" s="1">
        <v>4.90546192E8</v>
      </c>
      <c r="B13611" s="2">
        <v>13853.0</v>
      </c>
      <c r="C13611" s="1" t="s">
        <v>5</v>
      </c>
      <c r="D13611" s="1" t="s">
        <v>11616</v>
      </c>
      <c r="E13611" s="1" t="s">
        <v>7</v>
      </c>
    </row>
    <row r="13612">
      <c r="A13612" s="1">
        <v>4.90546208E8</v>
      </c>
      <c r="B13612" s="2">
        <v>13908.0</v>
      </c>
      <c r="C13612" s="1" t="s">
        <v>5</v>
      </c>
      <c r="D13612" s="1" t="s">
        <v>11617</v>
      </c>
      <c r="E13612" s="1" t="s">
        <v>11</v>
      </c>
    </row>
    <row r="13613">
      <c r="A13613" s="1">
        <v>4.90546228E8</v>
      </c>
      <c r="B13613" s="2">
        <v>13907.0</v>
      </c>
      <c r="C13613" s="1" t="s">
        <v>5</v>
      </c>
      <c r="D13613" s="1" t="s">
        <v>11618</v>
      </c>
      <c r="E13613" s="1" t="s">
        <v>7</v>
      </c>
    </row>
    <row r="13614">
      <c r="A13614" s="1">
        <v>4.90546244E8</v>
      </c>
      <c r="B13614" s="2">
        <v>13886.0</v>
      </c>
      <c r="C13614" s="1" t="s">
        <v>5</v>
      </c>
      <c r="D13614" s="1" t="s">
        <v>11</v>
      </c>
      <c r="E13614" s="1" t="s">
        <v>7</v>
      </c>
    </row>
    <row r="13615">
      <c r="A13615" s="1">
        <v>4.90546291E8</v>
      </c>
      <c r="B13615" s="2">
        <v>13820.0</v>
      </c>
      <c r="C13615" s="1" t="s">
        <v>5</v>
      </c>
      <c r="D13615" s="1" t="s">
        <v>11619</v>
      </c>
      <c r="E13615" s="1" t="s">
        <v>7</v>
      </c>
    </row>
    <row r="13616">
      <c r="A13616" s="1">
        <v>4.90546328E8</v>
      </c>
      <c r="B13616" s="2">
        <v>13836.0</v>
      </c>
      <c r="C13616" s="1" t="s">
        <v>5</v>
      </c>
      <c r="D13616" s="1" t="s">
        <v>11</v>
      </c>
      <c r="E13616" s="1" t="s">
        <v>7</v>
      </c>
    </row>
    <row r="13617">
      <c r="A13617" s="1">
        <v>4.90546493E8</v>
      </c>
      <c r="B13617" s="2">
        <v>13846.0</v>
      </c>
      <c r="C13617" s="1" t="s">
        <v>5</v>
      </c>
      <c r="D13617" s="1" t="s">
        <v>11620</v>
      </c>
      <c r="E13617" s="1" t="s">
        <v>11</v>
      </c>
    </row>
    <row r="13618">
      <c r="A13618" s="1">
        <v>4.90546561E8</v>
      </c>
      <c r="B13618" s="2">
        <v>13895.0</v>
      </c>
      <c r="C13618" s="1" t="s">
        <v>5</v>
      </c>
      <c r="D13618" s="1" t="s">
        <v>11621</v>
      </c>
      <c r="E13618" s="1" t="s">
        <v>11622</v>
      </c>
    </row>
    <row r="13619">
      <c r="A13619" s="1">
        <v>4.90546565E8</v>
      </c>
      <c r="B13619" s="2">
        <v>13851.0</v>
      </c>
      <c r="C13619" s="1" t="s">
        <v>5</v>
      </c>
      <c r="D13619" s="1" t="s">
        <v>11</v>
      </c>
      <c r="E13619" s="1" t="s">
        <v>7</v>
      </c>
    </row>
    <row r="13620">
      <c r="A13620" s="1">
        <v>4.90546608E8</v>
      </c>
      <c r="B13620" s="2">
        <v>13905.0</v>
      </c>
      <c r="C13620" s="1" t="s">
        <v>5</v>
      </c>
      <c r="D13620" s="1" t="s">
        <v>11623</v>
      </c>
      <c r="E13620" s="1" t="s">
        <v>7</v>
      </c>
    </row>
    <row r="13621">
      <c r="A13621" s="1">
        <v>4.90546661E8</v>
      </c>
      <c r="B13621" s="2">
        <v>13848.0</v>
      </c>
      <c r="C13621" s="1" t="s">
        <v>5</v>
      </c>
      <c r="D13621" s="1" t="s">
        <v>11624</v>
      </c>
      <c r="E13621" s="1" t="s">
        <v>7</v>
      </c>
    </row>
    <row r="13622">
      <c r="A13622" s="1">
        <v>4.90546668E8</v>
      </c>
      <c r="B13622" s="2">
        <v>13886.0</v>
      </c>
      <c r="C13622" s="1" t="s">
        <v>5</v>
      </c>
      <c r="D13622" s="1" t="s">
        <v>11625</v>
      </c>
      <c r="E13622" s="1" t="s">
        <v>7</v>
      </c>
    </row>
    <row r="13623">
      <c r="A13623" s="1">
        <v>4.90546715E8</v>
      </c>
      <c r="B13623" s="2">
        <v>13876.0</v>
      </c>
      <c r="C13623" s="1" t="s">
        <v>5</v>
      </c>
      <c r="D13623" s="1" t="s">
        <v>11626</v>
      </c>
      <c r="E13623" s="1" t="s">
        <v>7</v>
      </c>
    </row>
    <row r="13624">
      <c r="A13624" s="1">
        <v>4.90546829E8</v>
      </c>
      <c r="B13624" s="2">
        <v>13838.0</v>
      </c>
      <c r="C13624" s="1" t="s">
        <v>5</v>
      </c>
      <c r="D13624" s="1" t="s">
        <v>11</v>
      </c>
      <c r="E13624" s="1" t="s">
        <v>7</v>
      </c>
    </row>
    <row r="13625">
      <c r="A13625" s="1">
        <v>4.90546834E8</v>
      </c>
      <c r="B13625" s="2">
        <v>13797.0</v>
      </c>
      <c r="C13625" s="1" t="s">
        <v>5</v>
      </c>
      <c r="D13625" s="1" t="s">
        <v>11627</v>
      </c>
      <c r="E13625" s="1" t="s">
        <v>11628</v>
      </c>
    </row>
    <row r="13626">
      <c r="A13626" s="1">
        <v>4.90546848E8</v>
      </c>
      <c r="B13626" s="2">
        <v>13907.0</v>
      </c>
      <c r="C13626" s="1" t="s">
        <v>5</v>
      </c>
      <c r="D13626" s="1" t="s">
        <v>11629</v>
      </c>
      <c r="E13626" s="1" t="s">
        <v>11</v>
      </c>
    </row>
    <row r="13627">
      <c r="A13627" s="1">
        <v>4.90546853E8</v>
      </c>
      <c r="B13627" s="2">
        <v>13844.0</v>
      </c>
      <c r="C13627" s="1" t="s">
        <v>5</v>
      </c>
      <c r="D13627" s="1" t="s">
        <v>11630</v>
      </c>
      <c r="E13627" s="1" t="s">
        <v>7</v>
      </c>
    </row>
    <row r="13628">
      <c r="A13628" s="1">
        <v>4.90546871E8</v>
      </c>
      <c r="B13628" s="2">
        <v>13894.0</v>
      </c>
      <c r="C13628" s="1" t="s">
        <v>5</v>
      </c>
      <c r="D13628" s="1" t="s">
        <v>7</v>
      </c>
      <c r="E13628" s="1" t="s">
        <v>7</v>
      </c>
    </row>
    <row r="13629">
      <c r="A13629" s="1">
        <v>4.90546968E8</v>
      </c>
      <c r="B13629" s="2">
        <v>13894.0</v>
      </c>
      <c r="C13629" s="1" t="s">
        <v>5</v>
      </c>
      <c r="D13629" s="1" t="s">
        <v>11631</v>
      </c>
      <c r="E13629" s="1" t="s">
        <v>11</v>
      </c>
    </row>
    <row r="13630">
      <c r="A13630" s="1">
        <v>4.90547015E8</v>
      </c>
      <c r="B13630" s="2">
        <v>13841.0</v>
      </c>
      <c r="C13630" s="1" t="s">
        <v>5</v>
      </c>
      <c r="D13630" s="1" t="s">
        <v>11632</v>
      </c>
      <c r="E13630" s="1" t="s">
        <v>7</v>
      </c>
    </row>
    <row r="13631">
      <c r="A13631" s="1">
        <v>4.90547073E8</v>
      </c>
      <c r="B13631" s="2">
        <v>13841.0</v>
      </c>
      <c r="C13631" s="1" t="s">
        <v>5</v>
      </c>
      <c r="D13631" s="1" t="s">
        <v>11633</v>
      </c>
      <c r="E13631" s="1" t="s">
        <v>11634</v>
      </c>
    </row>
    <row r="13632">
      <c r="A13632" s="1">
        <v>4.90547196E8</v>
      </c>
      <c r="B13632" s="2">
        <v>13968.0</v>
      </c>
      <c r="C13632" s="1" t="s">
        <v>5</v>
      </c>
      <c r="D13632" s="1" t="s">
        <v>11635</v>
      </c>
      <c r="E13632" s="1" t="s">
        <v>11636</v>
      </c>
    </row>
    <row r="13633">
      <c r="A13633" s="1">
        <v>4.90547228E8</v>
      </c>
      <c r="B13633" s="2">
        <v>13969.0</v>
      </c>
      <c r="C13633" s="1" t="s">
        <v>5</v>
      </c>
      <c r="D13633" s="1" t="s">
        <v>11637</v>
      </c>
      <c r="E13633" s="1" t="s">
        <v>11</v>
      </c>
    </row>
    <row r="13634">
      <c r="A13634" s="1">
        <v>4.90547231E8</v>
      </c>
      <c r="B13634" s="2">
        <v>13836.0</v>
      </c>
      <c r="C13634" s="1" t="s">
        <v>5</v>
      </c>
      <c r="D13634" s="1" t="s">
        <v>11</v>
      </c>
      <c r="E13634" s="1" t="s">
        <v>7</v>
      </c>
    </row>
    <row r="13635">
      <c r="A13635" s="1">
        <v>4.90547265E8</v>
      </c>
      <c r="B13635" s="2">
        <v>13840.0</v>
      </c>
      <c r="C13635" s="1" t="s">
        <v>5</v>
      </c>
      <c r="D13635" s="1" t="s">
        <v>11638</v>
      </c>
      <c r="E13635" s="1" t="s">
        <v>7</v>
      </c>
    </row>
    <row r="13636">
      <c r="A13636" s="1">
        <v>4.90547276E8</v>
      </c>
      <c r="B13636" s="2">
        <v>13911.0</v>
      </c>
      <c r="C13636" s="1" t="s">
        <v>5</v>
      </c>
      <c r="D13636" s="1" t="s">
        <v>11639</v>
      </c>
      <c r="E13636" s="1" t="s">
        <v>11</v>
      </c>
    </row>
    <row r="13637">
      <c r="A13637" s="1">
        <v>4.90547309E8</v>
      </c>
      <c r="B13637" s="2">
        <v>13840.0</v>
      </c>
      <c r="C13637" s="1" t="s">
        <v>5</v>
      </c>
      <c r="D13637" s="1" t="s">
        <v>11640</v>
      </c>
      <c r="E13637" s="1" t="s">
        <v>11641</v>
      </c>
    </row>
    <row r="13638">
      <c r="A13638" s="1">
        <v>4.90547332E8</v>
      </c>
      <c r="B13638" s="2">
        <v>13830.0</v>
      </c>
      <c r="C13638" s="1" t="s">
        <v>5</v>
      </c>
      <c r="D13638" s="1" t="s">
        <v>11642</v>
      </c>
      <c r="E13638" s="1" t="s">
        <v>11</v>
      </c>
    </row>
    <row r="13639">
      <c r="A13639" s="1">
        <v>4.90547333E8</v>
      </c>
      <c r="B13639" s="2">
        <v>13840.0</v>
      </c>
      <c r="C13639" s="1" t="s">
        <v>5</v>
      </c>
      <c r="D13639" s="1" t="s">
        <v>11643</v>
      </c>
      <c r="E13639" s="1" t="s">
        <v>7</v>
      </c>
    </row>
    <row r="13640">
      <c r="A13640" s="1">
        <v>4.90547339E8</v>
      </c>
      <c r="B13640" s="2">
        <v>13907.0</v>
      </c>
      <c r="C13640" s="1" t="s">
        <v>5</v>
      </c>
      <c r="D13640" s="1" t="s">
        <v>11644</v>
      </c>
      <c r="E13640" s="1" t="s">
        <v>7</v>
      </c>
    </row>
    <row r="13641">
      <c r="A13641" s="1">
        <v>4.90547353E8</v>
      </c>
      <c r="B13641" s="2">
        <v>13833.0</v>
      </c>
      <c r="C13641" s="1" t="s">
        <v>5</v>
      </c>
      <c r="D13641" s="1" t="s">
        <v>11645</v>
      </c>
      <c r="E13641" s="1" t="s">
        <v>11</v>
      </c>
    </row>
    <row r="13642">
      <c r="A13642" s="1">
        <v>4.90547368E8</v>
      </c>
      <c r="B13642" s="2">
        <v>13795.0</v>
      </c>
      <c r="C13642" s="1" t="s">
        <v>5</v>
      </c>
      <c r="D13642" s="1" t="s">
        <v>11646</v>
      </c>
      <c r="E13642" s="1" t="s">
        <v>7</v>
      </c>
    </row>
    <row r="13643">
      <c r="A13643" s="1">
        <v>4.90547431E8</v>
      </c>
      <c r="B13643" s="2">
        <v>13905.0</v>
      </c>
      <c r="C13643" s="1" t="s">
        <v>5</v>
      </c>
      <c r="D13643" s="1" t="s">
        <v>11647</v>
      </c>
      <c r="E13643" s="1" t="s">
        <v>11</v>
      </c>
    </row>
    <row r="13644">
      <c r="A13644" s="1">
        <v>4.90547468E8</v>
      </c>
      <c r="B13644" s="2">
        <v>13901.0</v>
      </c>
      <c r="C13644" s="1" t="s">
        <v>5</v>
      </c>
      <c r="D13644" s="1" t="s">
        <v>11648</v>
      </c>
      <c r="E13644" s="1" t="s">
        <v>7</v>
      </c>
    </row>
    <row r="13645">
      <c r="A13645" s="1">
        <v>4.90547491E8</v>
      </c>
      <c r="B13645" s="2">
        <v>13899.0</v>
      </c>
      <c r="C13645" s="1" t="s">
        <v>5</v>
      </c>
      <c r="D13645" s="1" t="s">
        <v>11</v>
      </c>
      <c r="E13645" s="1" t="s">
        <v>7</v>
      </c>
    </row>
    <row r="13646">
      <c r="A13646" s="1">
        <v>4.90547493E8</v>
      </c>
      <c r="B13646" s="2">
        <v>13795.0</v>
      </c>
      <c r="C13646" s="1" t="s">
        <v>5</v>
      </c>
      <c r="D13646" s="1" t="s">
        <v>11649</v>
      </c>
      <c r="E13646" s="1" t="s">
        <v>11</v>
      </c>
    </row>
    <row r="13647">
      <c r="A13647" s="1">
        <v>4.90547525E8</v>
      </c>
      <c r="B13647" s="2">
        <v>13898.0</v>
      </c>
      <c r="C13647" s="1" t="s">
        <v>5</v>
      </c>
      <c r="D13647" s="1" t="s">
        <v>11650</v>
      </c>
      <c r="E13647" s="1" t="s">
        <v>7</v>
      </c>
    </row>
    <row r="13648">
      <c r="A13648" s="1">
        <v>4.90547576E8</v>
      </c>
      <c r="B13648" s="2">
        <v>13960.0</v>
      </c>
      <c r="C13648" s="1" t="s">
        <v>5</v>
      </c>
      <c r="D13648" s="1" t="s">
        <v>11651</v>
      </c>
      <c r="E13648" s="1" t="s">
        <v>7</v>
      </c>
    </row>
    <row r="13649">
      <c r="A13649" s="1">
        <v>4.90547609E8</v>
      </c>
      <c r="B13649" s="2">
        <v>13959.0</v>
      </c>
      <c r="C13649" s="1" t="s">
        <v>5</v>
      </c>
      <c r="D13649" s="1" t="s">
        <v>11652</v>
      </c>
      <c r="E13649" s="1" t="s">
        <v>7</v>
      </c>
    </row>
    <row r="13650">
      <c r="A13650" s="1">
        <v>4.90547732E8</v>
      </c>
      <c r="B13650" s="2">
        <v>13902.0</v>
      </c>
      <c r="C13650" s="1" t="s">
        <v>5</v>
      </c>
      <c r="D13650" s="1" t="s">
        <v>11653</v>
      </c>
      <c r="E13650" s="1" t="s">
        <v>7</v>
      </c>
    </row>
    <row r="13651">
      <c r="A13651" s="1">
        <v>4.90547855E8</v>
      </c>
      <c r="B13651" s="2">
        <v>13793.0</v>
      </c>
      <c r="C13651" s="1" t="s">
        <v>5</v>
      </c>
      <c r="D13651" s="1" t="s">
        <v>11</v>
      </c>
      <c r="E13651" s="1" t="s">
        <v>7</v>
      </c>
    </row>
    <row r="13652">
      <c r="A13652" s="1">
        <v>4.90547867E8</v>
      </c>
      <c r="B13652" s="2">
        <v>13833.0</v>
      </c>
      <c r="C13652" s="1" t="s">
        <v>5</v>
      </c>
      <c r="D13652" s="1" t="s">
        <v>11654</v>
      </c>
      <c r="E13652" s="1" t="s">
        <v>7</v>
      </c>
    </row>
    <row r="13653">
      <c r="A13653" s="1">
        <v>4.90547973E8</v>
      </c>
      <c r="B13653" s="2">
        <v>13838.0</v>
      </c>
      <c r="C13653" s="1" t="s">
        <v>5</v>
      </c>
      <c r="D13653" s="1" t="s">
        <v>11655</v>
      </c>
      <c r="E13653" s="1" t="s">
        <v>7</v>
      </c>
    </row>
    <row r="13654">
      <c r="A13654" s="1">
        <v>4.90548003E8</v>
      </c>
      <c r="B13654" s="2">
        <v>13957.0</v>
      </c>
      <c r="C13654" s="1" t="s">
        <v>5</v>
      </c>
      <c r="D13654" s="1" t="s">
        <v>11656</v>
      </c>
      <c r="E13654" s="1" t="s">
        <v>7</v>
      </c>
    </row>
    <row r="13655">
      <c r="A13655" s="1">
        <v>4.90548004E8</v>
      </c>
      <c r="B13655" s="2">
        <v>13824.0</v>
      </c>
      <c r="C13655" s="1" t="s">
        <v>5</v>
      </c>
      <c r="D13655" s="1" t="s">
        <v>11657</v>
      </c>
      <c r="E13655" s="1" t="s">
        <v>7</v>
      </c>
    </row>
    <row r="13656">
      <c r="A13656" s="1">
        <v>4.90548024E8</v>
      </c>
      <c r="B13656" s="2">
        <v>13957.0</v>
      </c>
      <c r="C13656" s="1" t="s">
        <v>5</v>
      </c>
      <c r="D13656" s="1" t="s">
        <v>11658</v>
      </c>
      <c r="E13656" s="1" t="s">
        <v>11</v>
      </c>
    </row>
    <row r="13657">
      <c r="A13657" s="1">
        <v>4.90548067E8</v>
      </c>
      <c r="B13657" s="2">
        <v>13956.0</v>
      </c>
      <c r="C13657" s="1" t="s">
        <v>5</v>
      </c>
      <c r="D13657" s="1" t="s">
        <v>11659</v>
      </c>
      <c r="E13657" s="1" t="s">
        <v>7</v>
      </c>
    </row>
    <row r="13658">
      <c r="A13658" s="1">
        <v>4.90548087E8</v>
      </c>
      <c r="B13658" s="2">
        <v>13901.0</v>
      </c>
      <c r="C13658" s="1" t="s">
        <v>5</v>
      </c>
      <c r="D13658" s="1" t="s">
        <v>11660</v>
      </c>
      <c r="E13658" s="1" t="s">
        <v>11</v>
      </c>
    </row>
    <row r="13659">
      <c r="A13659" s="1">
        <v>4.90548109E8</v>
      </c>
      <c r="B13659" s="2">
        <v>13957.0</v>
      </c>
      <c r="C13659" s="1" t="s">
        <v>5</v>
      </c>
      <c r="D13659" s="1" t="s">
        <v>11661</v>
      </c>
      <c r="E13659" s="1" t="s">
        <v>11</v>
      </c>
    </row>
    <row r="13660">
      <c r="A13660" s="1">
        <v>4.90548173E8</v>
      </c>
      <c r="B13660" s="2">
        <v>13798.0</v>
      </c>
      <c r="C13660" s="1" t="s">
        <v>5</v>
      </c>
      <c r="D13660" s="1" t="s">
        <v>11662</v>
      </c>
      <c r="E13660" s="1" t="s">
        <v>7</v>
      </c>
    </row>
    <row r="13661">
      <c r="A13661" s="1">
        <v>4.90548223E8</v>
      </c>
      <c r="B13661" s="2">
        <v>13878.0</v>
      </c>
      <c r="C13661" s="1" t="s">
        <v>5</v>
      </c>
      <c r="D13661" s="1" t="s">
        <v>11663</v>
      </c>
      <c r="E13661" s="1" t="s">
        <v>11664</v>
      </c>
    </row>
    <row r="13662">
      <c r="A13662" s="1">
        <v>4.90548251E8</v>
      </c>
      <c r="B13662" s="2">
        <v>13877.0</v>
      </c>
      <c r="C13662" s="1" t="s">
        <v>5</v>
      </c>
      <c r="D13662" s="1" t="s">
        <v>11665</v>
      </c>
      <c r="E13662" s="1" t="s">
        <v>7</v>
      </c>
    </row>
    <row r="13663">
      <c r="A13663" s="1">
        <v>4.90548312E8</v>
      </c>
      <c r="B13663" s="2">
        <v>13954.0</v>
      </c>
      <c r="C13663" s="1" t="s">
        <v>5</v>
      </c>
      <c r="D13663" s="1" t="s">
        <v>11</v>
      </c>
      <c r="E13663" s="1" t="s">
        <v>7</v>
      </c>
    </row>
    <row r="13664">
      <c r="A13664" s="1">
        <v>4.90548335E8</v>
      </c>
      <c r="B13664" s="2">
        <v>13900.0</v>
      </c>
      <c r="C13664" s="1" t="s">
        <v>5</v>
      </c>
      <c r="D13664" s="1" t="s">
        <v>11666</v>
      </c>
      <c r="E13664" s="1" t="s">
        <v>7</v>
      </c>
    </row>
    <row r="13665">
      <c r="A13665" s="1">
        <v>4.90548389E8</v>
      </c>
      <c r="B13665" s="2">
        <v>13906.0</v>
      </c>
      <c r="C13665" s="1" t="s">
        <v>5</v>
      </c>
      <c r="D13665" s="1" t="s">
        <v>7</v>
      </c>
      <c r="E13665" s="1" t="s">
        <v>7</v>
      </c>
    </row>
    <row r="13666">
      <c r="A13666" s="1">
        <v>4.90548415E8</v>
      </c>
      <c r="B13666" s="2">
        <v>13954.0</v>
      </c>
      <c r="C13666" s="1" t="s">
        <v>5</v>
      </c>
      <c r="D13666" s="1" t="s">
        <v>11667</v>
      </c>
      <c r="E13666" s="1" t="s">
        <v>7</v>
      </c>
    </row>
    <row r="13667">
      <c r="A13667" s="1">
        <v>4.90548431E8</v>
      </c>
      <c r="B13667" s="2">
        <v>13960.0</v>
      </c>
      <c r="C13667" s="1" t="s">
        <v>5</v>
      </c>
      <c r="D13667" s="1" t="s">
        <v>11668</v>
      </c>
      <c r="E13667" s="1" t="s">
        <v>11</v>
      </c>
    </row>
    <row r="13668">
      <c r="A13668" s="1">
        <v>4.90548491E8</v>
      </c>
      <c r="B13668" s="2">
        <v>13953.0</v>
      </c>
      <c r="C13668" s="1" t="s">
        <v>5</v>
      </c>
      <c r="D13668" s="1" t="s">
        <v>11669</v>
      </c>
      <c r="E13668" s="1" t="s">
        <v>11</v>
      </c>
    </row>
    <row r="13669">
      <c r="A13669" s="1">
        <v>4.90548533E8</v>
      </c>
      <c r="B13669" s="2">
        <v>13898.0</v>
      </c>
      <c r="C13669" s="1" t="s">
        <v>5</v>
      </c>
      <c r="D13669" s="1" t="s">
        <v>11670</v>
      </c>
      <c r="E13669" s="1" t="s">
        <v>7</v>
      </c>
    </row>
    <row r="13670">
      <c r="A13670" s="1">
        <v>4.90548554E8</v>
      </c>
      <c r="B13670" s="2">
        <v>13953.0</v>
      </c>
      <c r="C13670" s="1" t="s">
        <v>5</v>
      </c>
      <c r="D13670" s="1" t="s">
        <v>11671</v>
      </c>
      <c r="E13670" s="1" t="s">
        <v>11</v>
      </c>
    </row>
    <row r="13671">
      <c r="A13671" s="1">
        <v>4.90548563E8</v>
      </c>
      <c r="B13671" s="2">
        <v>13904.0</v>
      </c>
      <c r="C13671" s="1" t="s">
        <v>5</v>
      </c>
      <c r="D13671" s="1" t="s">
        <v>11672</v>
      </c>
      <c r="E13671" s="1" t="s">
        <v>11673</v>
      </c>
    </row>
    <row r="13672">
      <c r="A13672" s="1">
        <v>4.90548586E8</v>
      </c>
      <c r="B13672" s="2">
        <v>13876.0</v>
      </c>
      <c r="C13672" s="1" t="s">
        <v>5</v>
      </c>
      <c r="D13672" s="1" t="s">
        <v>11674</v>
      </c>
      <c r="E13672" s="1" t="s">
        <v>11675</v>
      </c>
    </row>
    <row r="13673">
      <c r="A13673" s="1">
        <v>4.90548601E8</v>
      </c>
      <c r="B13673" s="2">
        <v>13898.0</v>
      </c>
      <c r="C13673" s="1" t="s">
        <v>5</v>
      </c>
      <c r="D13673" s="1" t="s">
        <v>11</v>
      </c>
      <c r="E13673" s="1" t="s">
        <v>7</v>
      </c>
    </row>
    <row r="13674">
      <c r="A13674" s="1">
        <v>4.90548631E8</v>
      </c>
      <c r="B13674" s="2">
        <v>13796.0</v>
      </c>
      <c r="C13674" s="1" t="s">
        <v>5</v>
      </c>
      <c r="D13674" s="1" t="s">
        <v>11676</v>
      </c>
      <c r="E13674" s="1" t="s">
        <v>11</v>
      </c>
    </row>
    <row r="13675">
      <c r="A13675" s="1">
        <v>4.90548632E8</v>
      </c>
      <c r="B13675" s="2">
        <v>13874.0</v>
      </c>
      <c r="C13675" s="1" t="s">
        <v>5</v>
      </c>
      <c r="D13675" s="1" t="s">
        <v>11677</v>
      </c>
      <c r="E13675" s="1" t="s">
        <v>7</v>
      </c>
    </row>
    <row r="13676">
      <c r="A13676" s="1">
        <v>4.90548634E8</v>
      </c>
      <c r="B13676" s="2">
        <v>13892.0</v>
      </c>
      <c r="C13676" s="1" t="s">
        <v>5</v>
      </c>
      <c r="D13676" s="1" t="s">
        <v>11</v>
      </c>
      <c r="E13676" s="1" t="s">
        <v>7</v>
      </c>
    </row>
    <row r="13677">
      <c r="A13677" s="1">
        <v>4.90548655E8</v>
      </c>
      <c r="B13677" s="2">
        <v>13893.0</v>
      </c>
      <c r="C13677" s="1" t="s">
        <v>5</v>
      </c>
      <c r="D13677" s="1" t="s">
        <v>11678</v>
      </c>
      <c r="E13677" s="1" t="s">
        <v>7</v>
      </c>
    </row>
    <row r="13678">
      <c r="A13678" s="1">
        <v>4.90548676E8</v>
      </c>
      <c r="B13678" s="2">
        <v>13951.0</v>
      </c>
      <c r="C13678" s="1" t="s">
        <v>5</v>
      </c>
      <c r="D13678" s="1" t="s">
        <v>7</v>
      </c>
      <c r="E13678" s="1" t="s">
        <v>7</v>
      </c>
    </row>
    <row r="13679">
      <c r="A13679" s="1">
        <v>4.90548681E8</v>
      </c>
      <c r="B13679" s="2">
        <v>13876.0</v>
      </c>
      <c r="C13679" s="1" t="s">
        <v>5</v>
      </c>
      <c r="D13679" s="1" t="s">
        <v>11679</v>
      </c>
      <c r="E13679" s="1" t="s">
        <v>11</v>
      </c>
    </row>
    <row r="13680">
      <c r="A13680" s="1">
        <v>4.90548744E8</v>
      </c>
      <c r="B13680" s="2">
        <v>13891.0</v>
      </c>
      <c r="C13680" s="1" t="s">
        <v>5</v>
      </c>
      <c r="D13680" s="1" t="s">
        <v>11680</v>
      </c>
      <c r="E13680" s="1" t="s">
        <v>7</v>
      </c>
    </row>
    <row r="13681">
      <c r="A13681" s="1">
        <v>4.90548747E8</v>
      </c>
      <c r="B13681" s="2">
        <v>13949.0</v>
      </c>
      <c r="C13681" s="1" t="s">
        <v>5</v>
      </c>
      <c r="D13681" s="1" t="s">
        <v>11</v>
      </c>
      <c r="E13681" s="1" t="s">
        <v>7</v>
      </c>
    </row>
    <row r="13682">
      <c r="A13682" s="1">
        <v>4.90548787E8</v>
      </c>
      <c r="B13682" s="2">
        <v>13846.0</v>
      </c>
      <c r="C13682" s="1" t="s">
        <v>5</v>
      </c>
      <c r="D13682" s="1" t="s">
        <v>11681</v>
      </c>
      <c r="E13682" s="1" t="s">
        <v>11</v>
      </c>
    </row>
    <row r="13683">
      <c r="A13683" s="1">
        <v>4.90548873E8</v>
      </c>
      <c r="B13683" s="2">
        <v>13846.0</v>
      </c>
      <c r="C13683" s="1" t="s">
        <v>5</v>
      </c>
      <c r="D13683" s="1" t="s">
        <v>11682</v>
      </c>
      <c r="E13683" s="1" t="s">
        <v>11</v>
      </c>
    </row>
    <row r="13684">
      <c r="A13684" s="1">
        <v>4.90548903E8</v>
      </c>
      <c r="B13684" s="2">
        <v>13966.0</v>
      </c>
      <c r="C13684" s="1" t="s">
        <v>5</v>
      </c>
      <c r="D13684" s="1" t="s">
        <v>11</v>
      </c>
      <c r="E13684" s="1" t="s">
        <v>7</v>
      </c>
    </row>
    <row r="13685">
      <c r="A13685" s="1">
        <v>4.90549016E8</v>
      </c>
      <c r="B13685" s="2">
        <v>13894.0</v>
      </c>
      <c r="C13685" s="1" t="s">
        <v>5</v>
      </c>
      <c r="D13685" s="1" t="s">
        <v>11683</v>
      </c>
      <c r="E13685" s="1" t="s">
        <v>11</v>
      </c>
    </row>
    <row r="13686">
      <c r="A13686" s="1">
        <v>4.90549067E8</v>
      </c>
      <c r="B13686" s="2">
        <v>13917.0</v>
      </c>
      <c r="C13686" s="1" t="s">
        <v>5</v>
      </c>
      <c r="D13686" s="1" t="s">
        <v>11684</v>
      </c>
      <c r="E13686" s="1" t="s">
        <v>11685</v>
      </c>
    </row>
    <row r="13687">
      <c r="A13687" s="1">
        <v>4.90549069E8</v>
      </c>
      <c r="B13687" s="2">
        <v>13949.0</v>
      </c>
      <c r="C13687" s="1" t="s">
        <v>5</v>
      </c>
      <c r="D13687" s="1" t="s">
        <v>11686</v>
      </c>
      <c r="E13687" s="1" t="s">
        <v>11</v>
      </c>
    </row>
    <row r="13688">
      <c r="A13688" s="1">
        <v>4.90549088E8</v>
      </c>
      <c r="B13688" s="2">
        <v>13894.0</v>
      </c>
      <c r="C13688" s="1" t="s">
        <v>5</v>
      </c>
      <c r="D13688" s="1" t="s">
        <v>11687</v>
      </c>
      <c r="E13688" s="1" t="s">
        <v>11</v>
      </c>
    </row>
    <row r="13689">
      <c r="A13689" s="1">
        <v>4.90549125E8</v>
      </c>
      <c r="B13689" s="2">
        <v>13896.0</v>
      </c>
      <c r="C13689" s="1" t="s">
        <v>5</v>
      </c>
      <c r="D13689" s="1" t="s">
        <v>11688</v>
      </c>
      <c r="E13689" s="1" t="s">
        <v>7</v>
      </c>
    </row>
    <row r="13690">
      <c r="A13690" s="1">
        <v>4.90549137E8</v>
      </c>
      <c r="B13690" s="2">
        <v>13890.0</v>
      </c>
      <c r="C13690" s="1" t="s">
        <v>5</v>
      </c>
      <c r="D13690" s="1" t="s">
        <v>11689</v>
      </c>
      <c r="E13690" s="1" t="s">
        <v>11690</v>
      </c>
    </row>
    <row r="13691">
      <c r="A13691" s="1">
        <v>4.90549139E8</v>
      </c>
      <c r="B13691" s="2">
        <v>13917.0</v>
      </c>
      <c r="C13691" s="1" t="s">
        <v>5</v>
      </c>
      <c r="D13691" s="1" t="s">
        <v>11691</v>
      </c>
      <c r="E13691" s="1" t="s">
        <v>7</v>
      </c>
    </row>
    <row r="13692">
      <c r="A13692" s="1">
        <v>4.90549155E8</v>
      </c>
      <c r="B13692" s="2">
        <v>13947.0</v>
      </c>
      <c r="C13692" s="1" t="s">
        <v>5</v>
      </c>
      <c r="D13692" s="1" t="s">
        <v>11692</v>
      </c>
      <c r="E13692" s="1" t="s">
        <v>11693</v>
      </c>
    </row>
    <row r="13693">
      <c r="A13693" s="1">
        <v>4.90549175E8</v>
      </c>
      <c r="B13693" s="2">
        <v>13793.0</v>
      </c>
      <c r="C13693" s="1" t="s">
        <v>5</v>
      </c>
      <c r="D13693" s="1" t="s">
        <v>11</v>
      </c>
      <c r="E13693" s="1" t="s">
        <v>7</v>
      </c>
    </row>
    <row r="13694">
      <c r="A13694" s="1">
        <v>4.90549184E8</v>
      </c>
      <c r="B13694" s="2">
        <v>13955.0</v>
      </c>
      <c r="C13694" s="1" t="s">
        <v>5</v>
      </c>
      <c r="D13694" s="1" t="s">
        <v>11694</v>
      </c>
      <c r="E13694" s="1" t="s">
        <v>11695</v>
      </c>
    </row>
    <row r="13695">
      <c r="A13695" s="1">
        <v>4.90549255E8</v>
      </c>
      <c r="B13695" s="2">
        <v>13959.0</v>
      </c>
      <c r="C13695" s="1" t="s">
        <v>5</v>
      </c>
      <c r="D13695" s="1" t="s">
        <v>11696</v>
      </c>
      <c r="E13695" s="1" t="s">
        <v>7</v>
      </c>
    </row>
    <row r="13696">
      <c r="A13696" s="1">
        <v>4.90549293E8</v>
      </c>
      <c r="B13696" s="2">
        <v>13948.0</v>
      </c>
      <c r="C13696" s="1" t="s">
        <v>5</v>
      </c>
      <c r="D13696" s="1" t="s">
        <v>11697</v>
      </c>
      <c r="E13696" s="1" t="s">
        <v>11</v>
      </c>
    </row>
    <row r="13697">
      <c r="A13697" s="1">
        <v>4.90549295E8</v>
      </c>
      <c r="B13697" s="2">
        <v>13955.0</v>
      </c>
      <c r="C13697" s="1" t="s">
        <v>5</v>
      </c>
      <c r="D13697" s="1" t="s">
        <v>11</v>
      </c>
      <c r="E13697" s="1" t="s">
        <v>7</v>
      </c>
    </row>
    <row r="13698">
      <c r="A13698" s="1">
        <v>4.90549306E8</v>
      </c>
      <c r="B13698" s="2">
        <v>13959.0</v>
      </c>
      <c r="C13698" s="1" t="s">
        <v>5</v>
      </c>
      <c r="D13698" s="1" t="s">
        <v>11698</v>
      </c>
      <c r="E13698" s="1" t="s">
        <v>7</v>
      </c>
    </row>
    <row r="13699">
      <c r="A13699" s="1">
        <v>4.90549351E8</v>
      </c>
      <c r="B13699" s="2">
        <v>13917.0</v>
      </c>
      <c r="C13699" s="1" t="s">
        <v>5</v>
      </c>
      <c r="D13699" s="1" t="s">
        <v>11</v>
      </c>
      <c r="E13699" s="1" t="s">
        <v>7</v>
      </c>
    </row>
    <row r="13700">
      <c r="A13700" s="1">
        <v>4.90549373E8</v>
      </c>
      <c r="B13700" s="2">
        <v>13969.0</v>
      </c>
      <c r="C13700" s="1" t="s">
        <v>5</v>
      </c>
      <c r="D13700" s="1" t="s">
        <v>11699</v>
      </c>
      <c r="E13700" s="1" t="s">
        <v>7</v>
      </c>
    </row>
    <row r="13701">
      <c r="A13701" s="1">
        <v>4.90549385E8</v>
      </c>
      <c r="B13701" s="2">
        <v>13966.0</v>
      </c>
      <c r="C13701" s="1" t="s">
        <v>5</v>
      </c>
      <c r="D13701" s="1" t="s">
        <v>11700</v>
      </c>
      <c r="E13701" s="1" t="s">
        <v>11</v>
      </c>
    </row>
    <row r="13702">
      <c r="A13702" s="1">
        <v>4.90549424E8</v>
      </c>
      <c r="B13702" s="2">
        <v>13889.0</v>
      </c>
      <c r="C13702" s="1" t="s">
        <v>5</v>
      </c>
      <c r="D13702" s="1" t="s">
        <v>11</v>
      </c>
      <c r="E13702" s="1" t="s">
        <v>7</v>
      </c>
    </row>
    <row r="13703">
      <c r="A13703" s="1">
        <v>4.90549455E8</v>
      </c>
      <c r="B13703" s="2">
        <v>13917.0</v>
      </c>
      <c r="C13703" s="1" t="s">
        <v>5</v>
      </c>
      <c r="D13703" s="1" t="s">
        <v>11701</v>
      </c>
      <c r="E13703" s="1" t="s">
        <v>7</v>
      </c>
    </row>
    <row r="13704">
      <c r="A13704" s="1">
        <v>4.90549459E8</v>
      </c>
      <c r="B13704" s="2">
        <v>13894.0</v>
      </c>
      <c r="C13704" s="1" t="s">
        <v>5</v>
      </c>
      <c r="D13704" s="1" t="s">
        <v>11702</v>
      </c>
      <c r="E13704" s="1" t="s">
        <v>7</v>
      </c>
    </row>
    <row r="13705">
      <c r="A13705" s="1">
        <v>4.90549509E8</v>
      </c>
      <c r="B13705" s="2">
        <v>13892.0</v>
      </c>
      <c r="C13705" s="1" t="s">
        <v>5</v>
      </c>
      <c r="D13705" s="1" t="s">
        <v>11703</v>
      </c>
      <c r="E13705" s="1" t="s">
        <v>11</v>
      </c>
    </row>
    <row r="13706">
      <c r="A13706" s="1">
        <v>4.90549579E8</v>
      </c>
      <c r="B13706" s="2">
        <v>13896.0</v>
      </c>
      <c r="C13706" s="1" t="s">
        <v>5</v>
      </c>
      <c r="D13706" s="1" t="s">
        <v>11</v>
      </c>
      <c r="E13706" s="1" t="s">
        <v>7</v>
      </c>
    </row>
    <row r="13707">
      <c r="A13707" s="1">
        <v>4.90549618E8</v>
      </c>
      <c r="B13707" s="2">
        <v>13919.0</v>
      </c>
      <c r="C13707" s="1" t="s">
        <v>5</v>
      </c>
      <c r="D13707" s="1" t="s">
        <v>11704</v>
      </c>
      <c r="E13707" s="1" t="s">
        <v>7</v>
      </c>
    </row>
    <row r="13708">
      <c r="A13708" s="1">
        <v>4.90549661E8</v>
      </c>
      <c r="B13708" s="2">
        <v>13945.0</v>
      </c>
      <c r="C13708" s="1" t="s">
        <v>5</v>
      </c>
      <c r="D13708" s="1" t="s">
        <v>11705</v>
      </c>
      <c r="E13708" s="1" t="s">
        <v>11</v>
      </c>
    </row>
    <row r="13709">
      <c r="A13709" s="1">
        <v>4.90549667E8</v>
      </c>
      <c r="B13709" s="2">
        <v>13945.0</v>
      </c>
      <c r="C13709" s="1" t="s">
        <v>5</v>
      </c>
      <c r="D13709" s="1" t="s">
        <v>11706</v>
      </c>
      <c r="E13709" s="1" t="s">
        <v>11</v>
      </c>
    </row>
    <row r="13710">
      <c r="A13710" s="1">
        <v>4.90549699E8</v>
      </c>
      <c r="B13710" s="2">
        <v>13847.0</v>
      </c>
      <c r="C13710" s="1" t="s">
        <v>5</v>
      </c>
      <c r="D13710" s="1" t="s">
        <v>11707</v>
      </c>
      <c r="E13710" s="1" t="s">
        <v>11</v>
      </c>
    </row>
    <row r="13711">
      <c r="A13711" s="1">
        <v>4.90549707E8</v>
      </c>
      <c r="B13711" s="2">
        <v>13966.0</v>
      </c>
      <c r="C13711" s="1" t="s">
        <v>5</v>
      </c>
      <c r="D13711" s="1" t="s">
        <v>11708</v>
      </c>
      <c r="E13711" s="1" t="s">
        <v>11</v>
      </c>
    </row>
    <row r="13712">
      <c r="A13712" s="1">
        <v>4.90549735E8</v>
      </c>
      <c r="B13712" s="2">
        <v>13945.0</v>
      </c>
      <c r="C13712" s="1" t="s">
        <v>5</v>
      </c>
      <c r="D13712" s="1" t="s">
        <v>11709</v>
      </c>
      <c r="E13712" s="1" t="s">
        <v>7</v>
      </c>
    </row>
    <row r="13713">
      <c r="A13713" s="1">
        <v>4.90549791E8</v>
      </c>
      <c r="B13713" s="2">
        <v>13891.0</v>
      </c>
      <c r="C13713" s="1" t="s">
        <v>5</v>
      </c>
      <c r="D13713" s="1" t="s">
        <v>11710</v>
      </c>
      <c r="E13713" s="1" t="s">
        <v>11</v>
      </c>
    </row>
    <row r="13714">
      <c r="A13714" s="1">
        <v>4.90549811E8</v>
      </c>
      <c r="B13714" s="2">
        <v>13884.0</v>
      </c>
      <c r="C13714" s="1" t="s">
        <v>5</v>
      </c>
      <c r="D13714" s="1" t="s">
        <v>11711</v>
      </c>
      <c r="E13714" s="1" t="s">
        <v>11</v>
      </c>
    </row>
    <row r="13715">
      <c r="A13715" s="1">
        <v>4.90549817E8</v>
      </c>
      <c r="B13715" s="2">
        <v>13945.0</v>
      </c>
      <c r="C13715" s="1" t="s">
        <v>5</v>
      </c>
      <c r="D13715" s="1" t="s">
        <v>11712</v>
      </c>
      <c r="E13715" s="1" t="s">
        <v>11</v>
      </c>
    </row>
    <row r="13716">
      <c r="A13716" s="1">
        <v>4.90549871E8</v>
      </c>
      <c r="B13716" s="2">
        <v>13824.0</v>
      </c>
      <c r="C13716" s="1" t="s">
        <v>5</v>
      </c>
      <c r="D13716" s="1" t="s">
        <v>11713</v>
      </c>
      <c r="E13716" s="1" t="s">
        <v>7</v>
      </c>
    </row>
    <row r="13717">
      <c r="A13717" s="1">
        <v>4.90549896E8</v>
      </c>
      <c r="B13717" s="2">
        <v>13969.0</v>
      </c>
      <c r="C13717" s="1" t="s">
        <v>5</v>
      </c>
      <c r="D13717" s="1" t="s">
        <v>11714</v>
      </c>
      <c r="E13717" s="1" t="s">
        <v>7</v>
      </c>
    </row>
    <row r="13718">
      <c r="A13718" s="1">
        <v>4.90549933E8</v>
      </c>
      <c r="B13718" s="2">
        <v>13883.0</v>
      </c>
      <c r="C13718" s="1" t="s">
        <v>5</v>
      </c>
      <c r="D13718" s="1" t="s">
        <v>11</v>
      </c>
      <c r="E13718" s="1" t="s">
        <v>7</v>
      </c>
    </row>
    <row r="13719">
      <c r="A13719" s="1">
        <v>4.90549947E8</v>
      </c>
      <c r="B13719" s="2">
        <v>13959.0</v>
      </c>
      <c r="C13719" s="1" t="s">
        <v>5</v>
      </c>
      <c r="D13719" s="1" t="s">
        <v>11715</v>
      </c>
      <c r="E13719" s="1" t="s">
        <v>11</v>
      </c>
    </row>
    <row r="13720">
      <c r="A13720" s="1">
        <v>4.90550011E8</v>
      </c>
      <c r="B13720" s="2">
        <v>13949.0</v>
      </c>
      <c r="C13720" s="1" t="s">
        <v>5</v>
      </c>
      <c r="D13720" s="1" t="s">
        <v>11716</v>
      </c>
      <c r="E13720" s="1" t="s">
        <v>11</v>
      </c>
    </row>
    <row r="13721">
      <c r="A13721" s="1">
        <v>4.90550158E8</v>
      </c>
      <c r="B13721" s="2">
        <v>13966.0</v>
      </c>
      <c r="C13721" s="1" t="s">
        <v>5</v>
      </c>
      <c r="D13721" s="1" t="s">
        <v>11717</v>
      </c>
      <c r="E13721" s="1" t="s">
        <v>11</v>
      </c>
    </row>
    <row r="13722">
      <c r="A13722" s="1">
        <v>4.90550161E8</v>
      </c>
      <c r="B13722" s="2">
        <v>13896.0</v>
      </c>
      <c r="C13722" s="1" t="s">
        <v>5</v>
      </c>
      <c r="D13722" s="1" t="s">
        <v>11718</v>
      </c>
      <c r="E13722" s="1" t="s">
        <v>11</v>
      </c>
    </row>
    <row r="13723">
      <c r="A13723" s="1">
        <v>4.90550178E8</v>
      </c>
      <c r="B13723" s="2">
        <v>13893.0</v>
      </c>
      <c r="C13723" s="1" t="s">
        <v>5</v>
      </c>
      <c r="D13723" s="1" t="s">
        <v>11719</v>
      </c>
      <c r="E13723" s="1" t="s">
        <v>7</v>
      </c>
    </row>
    <row r="13724">
      <c r="A13724" s="1">
        <v>4.90550214E8</v>
      </c>
      <c r="B13724" s="2">
        <v>13822.0</v>
      </c>
      <c r="C13724" s="1" t="s">
        <v>5</v>
      </c>
      <c r="D13724" s="1" t="s">
        <v>11720</v>
      </c>
      <c r="E13724" s="1" t="s">
        <v>11721</v>
      </c>
    </row>
    <row r="13725">
      <c r="A13725" s="1">
        <v>4.90550229E8</v>
      </c>
      <c r="B13725" s="2">
        <v>13941.0</v>
      </c>
      <c r="C13725" s="1" t="s">
        <v>5</v>
      </c>
      <c r="D13725" s="1" t="s">
        <v>11</v>
      </c>
      <c r="E13725" s="1" t="s">
        <v>7</v>
      </c>
    </row>
    <row r="13726">
      <c r="A13726" s="1">
        <v>4.90550244E8</v>
      </c>
      <c r="B13726" s="2">
        <v>13966.0</v>
      </c>
      <c r="C13726" s="1" t="s">
        <v>5</v>
      </c>
      <c r="D13726" s="1" t="s">
        <v>11722</v>
      </c>
      <c r="E13726" s="1" t="s">
        <v>11</v>
      </c>
    </row>
    <row r="13727">
      <c r="A13727" s="1">
        <v>4.90550349E8</v>
      </c>
      <c r="B13727" s="2">
        <v>13943.0</v>
      </c>
      <c r="C13727" s="1" t="s">
        <v>5</v>
      </c>
      <c r="D13727" s="1" t="s">
        <v>11723</v>
      </c>
      <c r="E13727" s="1" t="s">
        <v>7</v>
      </c>
    </row>
    <row r="13728">
      <c r="A13728" s="1">
        <v>4.90550412E8</v>
      </c>
      <c r="B13728" s="2">
        <v>13888.0</v>
      </c>
      <c r="C13728" s="1" t="s">
        <v>5</v>
      </c>
      <c r="D13728" s="1" t="s">
        <v>11</v>
      </c>
      <c r="E13728" s="1" t="s">
        <v>7</v>
      </c>
    </row>
    <row r="13729">
      <c r="A13729" s="1">
        <v>4.90550481E8</v>
      </c>
      <c r="B13729" s="2">
        <v>13941.0</v>
      </c>
      <c r="C13729" s="1" t="s">
        <v>5</v>
      </c>
      <c r="D13729" s="1" t="s">
        <v>11724</v>
      </c>
      <c r="E13729" s="1" t="s">
        <v>11</v>
      </c>
    </row>
    <row r="13730">
      <c r="A13730" s="1">
        <v>4.90550535E8</v>
      </c>
      <c r="B13730" s="2">
        <v>13950.0</v>
      </c>
      <c r="C13730" s="1" t="s">
        <v>5</v>
      </c>
      <c r="D13730" s="1" t="s">
        <v>11725</v>
      </c>
      <c r="E13730" s="1" t="s">
        <v>7</v>
      </c>
    </row>
    <row r="13731">
      <c r="A13731" s="1">
        <v>4.90550538E8</v>
      </c>
      <c r="B13731" s="2">
        <v>13882.0</v>
      </c>
      <c r="C13731" s="1" t="s">
        <v>5</v>
      </c>
      <c r="D13731" s="1" t="s">
        <v>11</v>
      </c>
      <c r="E13731" s="1" t="s">
        <v>7</v>
      </c>
    </row>
    <row r="13732">
      <c r="A13732" s="1">
        <v>4.90550539E8</v>
      </c>
      <c r="B13732" s="2">
        <v>13888.0</v>
      </c>
      <c r="C13732" s="1" t="s">
        <v>5</v>
      </c>
      <c r="D13732" s="1" t="s">
        <v>11</v>
      </c>
      <c r="E13732" s="1" t="s">
        <v>7</v>
      </c>
    </row>
    <row r="13733">
      <c r="A13733" s="1">
        <v>4.90550563E8</v>
      </c>
      <c r="B13733" s="2">
        <v>13882.0</v>
      </c>
      <c r="C13733" s="1" t="s">
        <v>5</v>
      </c>
      <c r="D13733" s="1" t="s">
        <v>11726</v>
      </c>
      <c r="E13733" s="1" t="s">
        <v>11</v>
      </c>
    </row>
    <row r="13734">
      <c r="A13734" s="1">
        <v>4.9055057E8</v>
      </c>
      <c r="B13734" s="2">
        <v>13844.0</v>
      </c>
      <c r="C13734" s="1" t="s">
        <v>5</v>
      </c>
      <c r="D13734" s="1" t="s">
        <v>11727</v>
      </c>
      <c r="E13734" s="1" t="s">
        <v>7</v>
      </c>
    </row>
    <row r="13735">
      <c r="A13735" s="1">
        <v>4.90550596E8</v>
      </c>
      <c r="B13735" s="2">
        <v>13946.0</v>
      </c>
      <c r="C13735" s="1" t="s">
        <v>5</v>
      </c>
      <c r="D13735" s="1" t="s">
        <v>11728</v>
      </c>
      <c r="E13735" s="1" t="s">
        <v>7</v>
      </c>
    </row>
    <row r="13736">
      <c r="A13736" s="1">
        <v>4.90550613E8</v>
      </c>
      <c r="B13736" s="2">
        <v>13956.0</v>
      </c>
      <c r="C13736" s="1" t="s">
        <v>5</v>
      </c>
      <c r="D13736" s="1" t="s">
        <v>11</v>
      </c>
      <c r="E13736" s="1" t="s">
        <v>7</v>
      </c>
    </row>
    <row r="13737">
      <c r="A13737" s="1">
        <v>4.90550632E8</v>
      </c>
      <c r="B13737" s="2">
        <v>13878.0</v>
      </c>
      <c r="C13737" s="1" t="s">
        <v>5</v>
      </c>
      <c r="D13737" s="1" t="s">
        <v>11729</v>
      </c>
      <c r="E13737" s="1" t="s">
        <v>7</v>
      </c>
    </row>
    <row r="13738">
      <c r="A13738" s="1">
        <v>4.90550713E8</v>
      </c>
      <c r="B13738" s="2">
        <v>13952.0</v>
      </c>
      <c r="C13738" s="1" t="s">
        <v>5</v>
      </c>
      <c r="D13738" s="1" t="s">
        <v>11730</v>
      </c>
      <c r="E13738" s="1" t="s">
        <v>7</v>
      </c>
    </row>
    <row r="13739">
      <c r="A13739" s="1">
        <v>4.90550756E8</v>
      </c>
      <c r="B13739" s="2">
        <v>13948.0</v>
      </c>
      <c r="C13739" s="1" t="s">
        <v>5</v>
      </c>
      <c r="D13739" s="1" t="s">
        <v>11731</v>
      </c>
      <c r="E13739" s="1" t="s">
        <v>7</v>
      </c>
    </row>
    <row r="13740">
      <c r="A13740" s="1">
        <v>4.90550793E8</v>
      </c>
      <c r="B13740" s="2">
        <v>13884.0</v>
      </c>
      <c r="C13740" s="1" t="s">
        <v>5</v>
      </c>
      <c r="D13740" s="1" t="s">
        <v>11732</v>
      </c>
      <c r="E13740" s="1" t="s">
        <v>11</v>
      </c>
    </row>
    <row r="13741">
      <c r="A13741" s="1">
        <v>4.9055081E8</v>
      </c>
      <c r="B13741" s="2">
        <v>13940.0</v>
      </c>
      <c r="C13741" s="1" t="s">
        <v>5</v>
      </c>
      <c r="D13741" s="1" t="s">
        <v>11</v>
      </c>
      <c r="E13741" s="1" t="s">
        <v>7</v>
      </c>
    </row>
    <row r="13742">
      <c r="A13742" s="1">
        <v>4.90550813E8</v>
      </c>
      <c r="B13742" s="2">
        <v>13917.0</v>
      </c>
      <c r="C13742" s="1" t="s">
        <v>5</v>
      </c>
      <c r="D13742" s="1" t="s">
        <v>11733</v>
      </c>
      <c r="E13742" s="1" t="s">
        <v>11</v>
      </c>
    </row>
    <row r="13743">
      <c r="A13743" s="1">
        <v>4.90550881E8</v>
      </c>
      <c r="B13743" s="2">
        <v>13883.0</v>
      </c>
      <c r="C13743" s="1" t="s">
        <v>5</v>
      </c>
      <c r="D13743" s="1" t="s">
        <v>11734</v>
      </c>
      <c r="E13743" s="1" t="s">
        <v>7</v>
      </c>
    </row>
    <row r="13744">
      <c r="A13744" s="1">
        <v>4.90550992E8</v>
      </c>
      <c r="B13744" s="2">
        <v>14000.0</v>
      </c>
      <c r="C13744" s="1" t="s">
        <v>5</v>
      </c>
      <c r="D13744" s="1" t="s">
        <v>11735</v>
      </c>
      <c r="E13744" s="1" t="s">
        <v>7</v>
      </c>
    </row>
    <row r="13745">
      <c r="A13745" s="1">
        <v>4.90550999E8</v>
      </c>
      <c r="B13745" s="2">
        <v>13883.0</v>
      </c>
      <c r="C13745" s="1" t="s">
        <v>5</v>
      </c>
      <c r="D13745" s="1" t="s">
        <v>11</v>
      </c>
      <c r="E13745" s="1" t="s">
        <v>7</v>
      </c>
    </row>
    <row r="13746">
      <c r="A13746" s="1">
        <v>4.90551001E8</v>
      </c>
      <c r="B13746" s="2">
        <v>13973.0</v>
      </c>
      <c r="C13746" s="1" t="s">
        <v>5</v>
      </c>
      <c r="D13746" s="1" t="s">
        <v>11</v>
      </c>
      <c r="E13746" s="1" t="s">
        <v>7</v>
      </c>
    </row>
    <row r="13747">
      <c r="A13747" s="1">
        <v>4.90551057E8</v>
      </c>
      <c r="B13747" s="2">
        <v>13890.0</v>
      </c>
      <c r="C13747" s="1" t="s">
        <v>5</v>
      </c>
      <c r="D13747" s="1" t="s">
        <v>11</v>
      </c>
      <c r="E13747" s="1" t="s">
        <v>7</v>
      </c>
    </row>
    <row r="13748">
      <c r="A13748" s="1">
        <v>4.90551114E8</v>
      </c>
      <c r="B13748" s="2">
        <v>13840.0</v>
      </c>
      <c r="C13748" s="1" t="s">
        <v>5</v>
      </c>
      <c r="D13748" s="1" t="s">
        <v>11736</v>
      </c>
      <c r="E13748" s="1" t="s">
        <v>7</v>
      </c>
    </row>
    <row r="13749">
      <c r="A13749" s="1">
        <v>4.90551121E8</v>
      </c>
      <c r="B13749" s="2">
        <v>14000.0</v>
      </c>
      <c r="C13749" s="1" t="s">
        <v>5</v>
      </c>
      <c r="D13749" s="1" t="s">
        <v>11737</v>
      </c>
      <c r="E13749" s="1" t="s">
        <v>11738</v>
      </c>
    </row>
    <row r="13750">
      <c r="A13750" s="1">
        <v>4.90551152E8</v>
      </c>
      <c r="B13750" s="2">
        <v>14000.0</v>
      </c>
      <c r="C13750" s="1" t="s">
        <v>5</v>
      </c>
      <c r="D13750" s="1" t="s">
        <v>11739</v>
      </c>
      <c r="E13750" s="1" t="s">
        <v>11</v>
      </c>
    </row>
    <row r="13751">
      <c r="A13751" s="1">
        <v>4.9055117E8</v>
      </c>
      <c r="B13751" s="2">
        <v>13953.0</v>
      </c>
      <c r="C13751" s="1" t="s">
        <v>5</v>
      </c>
      <c r="D13751" s="1" t="s">
        <v>11</v>
      </c>
      <c r="E13751" s="1" t="s">
        <v>7</v>
      </c>
    </row>
    <row r="13752">
      <c r="A13752" s="1">
        <v>4.90551191E8</v>
      </c>
      <c r="B13752" s="2">
        <v>13919.0</v>
      </c>
      <c r="C13752" s="1" t="s">
        <v>5</v>
      </c>
      <c r="D13752" s="1" t="s">
        <v>11740</v>
      </c>
      <c r="E13752" s="1" t="s">
        <v>7</v>
      </c>
    </row>
    <row r="13753">
      <c r="A13753" s="1">
        <v>4.90551196E8</v>
      </c>
      <c r="B13753" s="2">
        <v>13889.0</v>
      </c>
      <c r="C13753" s="1" t="s">
        <v>5</v>
      </c>
      <c r="D13753" s="1" t="s">
        <v>11741</v>
      </c>
      <c r="E13753" s="1" t="s">
        <v>7</v>
      </c>
    </row>
    <row r="13754">
      <c r="A13754" s="1">
        <v>4.90551254E8</v>
      </c>
      <c r="B13754" s="2">
        <v>14000.0</v>
      </c>
      <c r="C13754" s="1" t="s">
        <v>5</v>
      </c>
      <c r="D13754" s="1" t="s">
        <v>11</v>
      </c>
      <c r="E13754" s="1" t="s">
        <v>7</v>
      </c>
    </row>
    <row r="13755">
      <c r="A13755" s="1">
        <v>4.90551256E8</v>
      </c>
      <c r="B13755" s="2">
        <v>13919.0</v>
      </c>
      <c r="C13755" s="1" t="s">
        <v>5</v>
      </c>
      <c r="D13755" s="1" t="s">
        <v>11742</v>
      </c>
      <c r="E13755" s="1" t="s">
        <v>11743</v>
      </c>
    </row>
    <row r="13756">
      <c r="A13756" s="1">
        <v>4.90551282E8</v>
      </c>
      <c r="B13756" s="2">
        <v>13933.0</v>
      </c>
      <c r="C13756" s="1" t="s">
        <v>5</v>
      </c>
      <c r="D13756" s="1" t="s">
        <v>11744</v>
      </c>
      <c r="E13756" s="1" t="s">
        <v>11745</v>
      </c>
    </row>
    <row r="13757">
      <c r="A13757" s="1">
        <v>4.90551298E8</v>
      </c>
      <c r="B13757" s="2">
        <v>13888.0</v>
      </c>
      <c r="C13757" s="1" t="s">
        <v>5</v>
      </c>
      <c r="D13757" s="1" t="s">
        <v>11746</v>
      </c>
      <c r="E13757" s="1" t="s">
        <v>7</v>
      </c>
    </row>
    <row r="13758">
      <c r="A13758" s="1">
        <v>4.90551363E8</v>
      </c>
      <c r="B13758" s="2">
        <v>13881.0</v>
      </c>
      <c r="C13758" s="1" t="s">
        <v>5</v>
      </c>
      <c r="D13758" s="1" t="s">
        <v>11747</v>
      </c>
      <c r="E13758" s="1" t="s">
        <v>11</v>
      </c>
    </row>
    <row r="13759">
      <c r="A13759" s="1">
        <v>4.90551432E8</v>
      </c>
      <c r="B13759" s="2">
        <v>13954.0</v>
      </c>
      <c r="C13759" s="1" t="s">
        <v>5</v>
      </c>
      <c r="D13759" s="1" t="s">
        <v>11748</v>
      </c>
      <c r="E13759" s="1" t="s">
        <v>7</v>
      </c>
    </row>
    <row r="13760">
      <c r="A13760" s="1">
        <v>4.90551456E8</v>
      </c>
      <c r="B13760" s="2">
        <v>13917.0</v>
      </c>
      <c r="C13760" s="1" t="s">
        <v>5</v>
      </c>
      <c r="D13760" s="1" t="s">
        <v>11749</v>
      </c>
      <c r="E13760" s="1" t="s">
        <v>7</v>
      </c>
    </row>
    <row r="13761">
      <c r="A13761" s="1">
        <v>4.90551535E8</v>
      </c>
      <c r="B13761" s="2">
        <v>13945.0</v>
      </c>
      <c r="C13761" s="1" t="s">
        <v>5</v>
      </c>
      <c r="D13761" s="1" t="s">
        <v>11750</v>
      </c>
      <c r="E13761" s="1" t="s">
        <v>11</v>
      </c>
    </row>
    <row r="13762">
      <c r="A13762" s="1">
        <v>4.90551554E8</v>
      </c>
      <c r="B13762" s="2">
        <v>13998.0</v>
      </c>
      <c r="C13762" s="1" t="s">
        <v>5</v>
      </c>
      <c r="D13762" s="1" t="s">
        <v>11751</v>
      </c>
      <c r="E13762" s="1" t="s">
        <v>11</v>
      </c>
    </row>
    <row r="13763">
      <c r="A13763" s="1">
        <v>4.90551578E8</v>
      </c>
      <c r="B13763" s="2">
        <v>13835.0</v>
      </c>
      <c r="C13763" s="1" t="s">
        <v>5</v>
      </c>
      <c r="D13763" s="1" t="s">
        <v>7</v>
      </c>
      <c r="E13763" s="1" t="s">
        <v>7</v>
      </c>
    </row>
    <row r="13764">
      <c r="A13764" s="1">
        <v>4.90551789E8</v>
      </c>
      <c r="B13764" s="2">
        <v>13930.0</v>
      </c>
      <c r="C13764" s="1" t="s">
        <v>5</v>
      </c>
      <c r="D13764" s="1" t="s">
        <v>11752</v>
      </c>
      <c r="E13764" s="1" t="s">
        <v>11</v>
      </c>
    </row>
    <row r="13765">
      <c r="A13765" s="1">
        <v>4.90551818E8</v>
      </c>
      <c r="B13765" s="2">
        <v>13973.0</v>
      </c>
      <c r="C13765" s="1" t="s">
        <v>5</v>
      </c>
      <c r="D13765" s="1" t="s">
        <v>11753</v>
      </c>
      <c r="E13765" s="1" t="s">
        <v>11754</v>
      </c>
    </row>
    <row r="13766">
      <c r="A13766" s="1">
        <v>4.90551878E8</v>
      </c>
      <c r="B13766" s="2">
        <v>13947.0</v>
      </c>
      <c r="C13766" s="1" t="s">
        <v>5</v>
      </c>
      <c r="D13766" s="1" t="s">
        <v>11755</v>
      </c>
      <c r="E13766" s="1" t="s">
        <v>11</v>
      </c>
    </row>
    <row r="13767">
      <c r="A13767" s="1">
        <v>4.90552063E8</v>
      </c>
      <c r="B13767" s="2">
        <v>13882.0</v>
      </c>
      <c r="C13767" s="1" t="s">
        <v>5</v>
      </c>
      <c r="D13767" s="1" t="s">
        <v>11756</v>
      </c>
      <c r="E13767" s="1" t="s">
        <v>11757</v>
      </c>
    </row>
    <row r="13768">
      <c r="A13768" s="1">
        <v>4.90552069E8</v>
      </c>
      <c r="B13768" s="2">
        <v>13945.0</v>
      </c>
      <c r="C13768" s="1" t="s">
        <v>5</v>
      </c>
      <c r="D13768" s="1" t="s">
        <v>11758</v>
      </c>
      <c r="E13768" s="1" t="s">
        <v>7</v>
      </c>
    </row>
    <row r="13769">
      <c r="A13769" s="1">
        <v>4.90552152E8</v>
      </c>
      <c r="B13769" s="2">
        <v>13991.0</v>
      </c>
      <c r="C13769" s="1" t="s">
        <v>5</v>
      </c>
      <c r="D13769" s="1" t="s">
        <v>11759</v>
      </c>
      <c r="E13769" s="1" t="s">
        <v>11760</v>
      </c>
    </row>
    <row r="13770">
      <c r="A13770" s="1">
        <v>4.90552192E8</v>
      </c>
      <c r="B13770" s="2">
        <v>13940.0</v>
      </c>
      <c r="C13770" s="1" t="s">
        <v>5</v>
      </c>
      <c r="D13770" s="1" t="s">
        <v>11</v>
      </c>
      <c r="E13770" s="1" t="s">
        <v>7</v>
      </c>
    </row>
    <row r="13771">
      <c r="A13771" s="1">
        <v>4.90552194E8</v>
      </c>
      <c r="B13771" s="2">
        <v>13882.0</v>
      </c>
      <c r="C13771" s="1" t="s">
        <v>5</v>
      </c>
      <c r="D13771" s="1" t="s">
        <v>11761</v>
      </c>
      <c r="E13771" s="1" t="s">
        <v>11762</v>
      </c>
    </row>
    <row r="13772">
      <c r="A13772" s="1">
        <v>4.90552203E8</v>
      </c>
      <c r="B13772" s="2">
        <v>13944.0</v>
      </c>
      <c r="C13772" s="1" t="s">
        <v>5</v>
      </c>
      <c r="D13772" s="1" t="s">
        <v>11763</v>
      </c>
      <c r="E13772" s="1" t="s">
        <v>11</v>
      </c>
    </row>
    <row r="13773">
      <c r="A13773" s="1">
        <v>4.90552211E8</v>
      </c>
      <c r="B13773" s="2">
        <v>13927.0</v>
      </c>
      <c r="C13773" s="1" t="s">
        <v>5</v>
      </c>
      <c r="D13773" s="1" t="s">
        <v>11764</v>
      </c>
      <c r="E13773" s="1" t="s">
        <v>11765</v>
      </c>
    </row>
    <row r="13774">
      <c r="A13774" s="1">
        <v>4.90552281E8</v>
      </c>
      <c r="B13774" s="2">
        <v>13973.0</v>
      </c>
      <c r="C13774" s="1" t="s">
        <v>5</v>
      </c>
      <c r="D13774" s="1" t="s">
        <v>11</v>
      </c>
      <c r="E13774" s="1" t="s">
        <v>7</v>
      </c>
    </row>
    <row r="13775">
      <c r="A13775" s="1">
        <v>4.90552307E8</v>
      </c>
      <c r="B13775" s="2">
        <v>13927.0</v>
      </c>
      <c r="C13775" s="1" t="s">
        <v>5</v>
      </c>
      <c r="D13775" s="1" t="s">
        <v>11766</v>
      </c>
      <c r="E13775" s="1" t="s">
        <v>7</v>
      </c>
    </row>
    <row r="13776">
      <c r="A13776" s="1">
        <v>4.90552312E8</v>
      </c>
      <c r="B13776" s="2">
        <v>13943.0</v>
      </c>
      <c r="C13776" s="1" t="s">
        <v>5</v>
      </c>
      <c r="D13776" s="1" t="s">
        <v>11767</v>
      </c>
      <c r="E13776" s="1" t="s">
        <v>7</v>
      </c>
    </row>
    <row r="13777">
      <c r="A13777" s="1">
        <v>4.90552334E8</v>
      </c>
      <c r="B13777" s="2">
        <v>13943.0</v>
      </c>
      <c r="C13777" s="1" t="s">
        <v>5</v>
      </c>
      <c r="D13777" s="1" t="s">
        <v>11768</v>
      </c>
      <c r="E13777" s="1" t="s">
        <v>11</v>
      </c>
    </row>
    <row r="13778">
      <c r="A13778" s="1">
        <v>4.90552392E8</v>
      </c>
      <c r="B13778" s="2">
        <v>13884.0</v>
      </c>
      <c r="C13778" s="1" t="s">
        <v>5</v>
      </c>
      <c r="D13778" s="1" t="s">
        <v>11769</v>
      </c>
      <c r="E13778" s="1" t="s">
        <v>11</v>
      </c>
    </row>
    <row r="13779">
      <c r="A13779" s="1">
        <v>4.90552413E8</v>
      </c>
      <c r="B13779" s="2">
        <v>13832.0</v>
      </c>
      <c r="C13779" s="1" t="s">
        <v>5</v>
      </c>
      <c r="D13779" s="1" t="s">
        <v>11770</v>
      </c>
      <c r="E13779" s="1" t="s">
        <v>11</v>
      </c>
    </row>
    <row r="13780">
      <c r="A13780" s="1">
        <v>4.90552414E8</v>
      </c>
      <c r="B13780" s="2">
        <v>13927.0</v>
      </c>
      <c r="C13780" s="1" t="s">
        <v>5</v>
      </c>
      <c r="D13780" s="1" t="s">
        <v>11771</v>
      </c>
      <c r="E13780" s="1" t="s">
        <v>11</v>
      </c>
    </row>
    <row r="13781">
      <c r="A13781" s="1">
        <v>4.90552483E8</v>
      </c>
      <c r="B13781" s="2">
        <v>13993.0</v>
      </c>
      <c r="C13781" s="1" t="s">
        <v>5</v>
      </c>
      <c r="D13781" s="1" t="s">
        <v>11772</v>
      </c>
      <c r="E13781" s="1" t="s">
        <v>7</v>
      </c>
    </row>
    <row r="13782">
      <c r="A13782" s="1">
        <v>4.90552511E8</v>
      </c>
      <c r="B13782" s="2">
        <v>13938.0</v>
      </c>
      <c r="C13782" s="1" t="s">
        <v>5</v>
      </c>
      <c r="D13782" s="1" t="s">
        <v>11</v>
      </c>
      <c r="E13782" s="1" t="s">
        <v>7</v>
      </c>
    </row>
    <row r="13783">
      <c r="A13783" s="1">
        <v>4.90552564E8</v>
      </c>
      <c r="B13783" s="2">
        <v>13936.0</v>
      </c>
      <c r="C13783" s="1" t="s">
        <v>5</v>
      </c>
      <c r="D13783" s="1" t="s">
        <v>11773</v>
      </c>
      <c r="E13783" s="1" t="s">
        <v>11774</v>
      </c>
    </row>
    <row r="13784">
      <c r="A13784" s="1">
        <v>4.90552592E8</v>
      </c>
      <c r="B13784" s="2">
        <v>13989.0</v>
      </c>
      <c r="C13784" s="1" t="s">
        <v>5</v>
      </c>
      <c r="D13784" s="1" t="s">
        <v>11</v>
      </c>
      <c r="E13784" s="1" t="s">
        <v>7</v>
      </c>
    </row>
    <row r="13785">
      <c r="A13785" s="1">
        <v>4.90552614E8</v>
      </c>
      <c r="B13785" s="2">
        <v>13881.0</v>
      </c>
      <c r="C13785" s="1" t="s">
        <v>5</v>
      </c>
      <c r="D13785" s="1" t="s">
        <v>11</v>
      </c>
      <c r="E13785" s="1" t="s">
        <v>7</v>
      </c>
    </row>
    <row r="13786">
      <c r="A13786" s="1">
        <v>4.90552629E8</v>
      </c>
      <c r="B13786" s="2">
        <v>13917.0</v>
      </c>
      <c r="C13786" s="1" t="s">
        <v>5</v>
      </c>
      <c r="D13786" s="1" t="s">
        <v>11775</v>
      </c>
      <c r="E13786" s="1" t="s">
        <v>11</v>
      </c>
    </row>
    <row r="13787">
      <c r="A13787" s="1">
        <v>4.90552657E8</v>
      </c>
      <c r="B13787" s="2">
        <v>13917.0</v>
      </c>
      <c r="C13787" s="1" t="s">
        <v>5</v>
      </c>
      <c r="D13787" s="1" t="s">
        <v>11776</v>
      </c>
      <c r="E13787" s="1" t="s">
        <v>11777</v>
      </c>
    </row>
    <row r="13788">
      <c r="A13788" s="1">
        <v>4.90552661E8</v>
      </c>
      <c r="B13788" s="2">
        <v>13989.0</v>
      </c>
      <c r="C13788" s="1" t="s">
        <v>5</v>
      </c>
      <c r="D13788" s="1" t="s">
        <v>11</v>
      </c>
      <c r="E13788" s="1" t="s">
        <v>7</v>
      </c>
    </row>
    <row r="13789">
      <c r="A13789" s="1">
        <v>4.9055268E8</v>
      </c>
      <c r="B13789" s="2">
        <v>13936.0</v>
      </c>
      <c r="C13789" s="1" t="s">
        <v>5</v>
      </c>
      <c r="D13789" s="1" t="s">
        <v>11778</v>
      </c>
      <c r="E13789" s="1" t="s">
        <v>7</v>
      </c>
    </row>
    <row r="13790">
      <c r="A13790" s="1">
        <v>4.90552785E8</v>
      </c>
      <c r="B13790" s="2">
        <v>13926.0</v>
      </c>
      <c r="C13790" s="1" t="s">
        <v>5</v>
      </c>
      <c r="D13790" s="1" t="s">
        <v>11</v>
      </c>
      <c r="E13790" s="1" t="s">
        <v>7</v>
      </c>
    </row>
    <row r="13791">
      <c r="A13791" s="1">
        <v>4.90552801E8</v>
      </c>
      <c r="B13791" s="2">
        <v>13836.0</v>
      </c>
      <c r="C13791" s="1" t="s">
        <v>5</v>
      </c>
      <c r="D13791" s="1" t="s">
        <v>11</v>
      </c>
      <c r="E13791" s="1" t="s">
        <v>7</v>
      </c>
    </row>
    <row r="13792">
      <c r="A13792" s="1">
        <v>4.90552818E8</v>
      </c>
      <c r="B13792" s="2">
        <v>13942.0</v>
      </c>
      <c r="C13792" s="1" t="s">
        <v>5</v>
      </c>
      <c r="D13792" s="1" t="s">
        <v>11779</v>
      </c>
      <c r="E13792" s="1" t="s">
        <v>7</v>
      </c>
    </row>
    <row r="13793">
      <c r="A13793" s="1">
        <v>4.90552829E8</v>
      </c>
      <c r="B13793" s="2">
        <v>13940.0</v>
      </c>
      <c r="C13793" s="1" t="s">
        <v>5</v>
      </c>
      <c r="D13793" s="1" t="s">
        <v>11</v>
      </c>
      <c r="E13793" s="1" t="s">
        <v>7</v>
      </c>
    </row>
    <row r="13794">
      <c r="A13794" s="1">
        <v>4.9055285E8</v>
      </c>
      <c r="B13794" s="2">
        <v>13939.0</v>
      </c>
      <c r="C13794" s="1" t="s">
        <v>5</v>
      </c>
      <c r="D13794" s="1" t="s">
        <v>11780</v>
      </c>
      <c r="E13794" s="1" t="s">
        <v>7</v>
      </c>
    </row>
    <row r="13795">
      <c r="A13795" s="1">
        <v>4.90552912E8</v>
      </c>
      <c r="B13795" s="2">
        <v>13935.0</v>
      </c>
      <c r="C13795" s="1" t="s">
        <v>5</v>
      </c>
      <c r="D13795" s="1" t="s">
        <v>7</v>
      </c>
      <c r="E13795" s="1" t="s">
        <v>7</v>
      </c>
    </row>
    <row r="13796">
      <c r="A13796" s="1">
        <v>4.9055292E8</v>
      </c>
      <c r="B13796" s="2">
        <v>13881.0</v>
      </c>
      <c r="C13796" s="1" t="s">
        <v>5</v>
      </c>
      <c r="D13796" s="1" t="s">
        <v>11</v>
      </c>
      <c r="E13796" s="1" t="s">
        <v>7</v>
      </c>
    </row>
    <row r="13797">
      <c r="A13797" s="1">
        <v>4.90553034E8</v>
      </c>
      <c r="B13797" s="2">
        <v>13941.0</v>
      </c>
      <c r="C13797" s="1" t="s">
        <v>5</v>
      </c>
      <c r="D13797" s="1" t="s">
        <v>11781</v>
      </c>
      <c r="E13797" s="1" t="s">
        <v>11</v>
      </c>
    </row>
    <row r="13798">
      <c r="A13798" s="1">
        <v>4.90553083E8</v>
      </c>
      <c r="B13798" s="2">
        <v>13934.0</v>
      </c>
      <c r="C13798" s="1" t="s">
        <v>5</v>
      </c>
      <c r="D13798" s="1" t="s">
        <v>11</v>
      </c>
      <c r="E13798" s="1" t="s">
        <v>7</v>
      </c>
    </row>
    <row r="13799">
      <c r="A13799" s="1">
        <v>4.90553098E8</v>
      </c>
      <c r="B13799" s="2">
        <v>13989.0</v>
      </c>
      <c r="C13799" s="1" t="s">
        <v>5</v>
      </c>
      <c r="D13799" s="1" t="s">
        <v>11</v>
      </c>
      <c r="E13799" s="1" t="s">
        <v>7</v>
      </c>
    </row>
    <row r="13800">
      <c r="A13800" s="1">
        <v>4.90553287E8</v>
      </c>
      <c r="B13800" s="2">
        <v>13916.0</v>
      </c>
      <c r="C13800" s="1" t="s">
        <v>5</v>
      </c>
      <c r="D13800" s="1" t="s">
        <v>11782</v>
      </c>
      <c r="E13800" s="1" t="s">
        <v>7</v>
      </c>
    </row>
    <row r="13801">
      <c r="A13801" s="1">
        <v>4.90553395E8</v>
      </c>
      <c r="B13801" s="2">
        <v>13995.0</v>
      </c>
      <c r="C13801" s="1" t="s">
        <v>5</v>
      </c>
      <c r="D13801" s="1" t="s">
        <v>11783</v>
      </c>
      <c r="E13801" s="1" t="s">
        <v>11784</v>
      </c>
    </row>
    <row r="13802">
      <c r="A13802" s="1">
        <v>4.90553429E8</v>
      </c>
      <c r="B13802" s="2">
        <v>13973.0</v>
      </c>
      <c r="C13802" s="1" t="s">
        <v>5</v>
      </c>
      <c r="D13802" s="1" t="s">
        <v>7</v>
      </c>
      <c r="E13802" s="1" t="s">
        <v>7</v>
      </c>
    </row>
    <row r="13803">
      <c r="A13803" s="1">
        <v>4.90553472E8</v>
      </c>
      <c r="B13803" s="2">
        <v>13994.0</v>
      </c>
      <c r="C13803" s="1" t="s">
        <v>5</v>
      </c>
      <c r="D13803" s="1" t="s">
        <v>11785</v>
      </c>
      <c r="E13803" s="1" t="s">
        <v>11</v>
      </c>
    </row>
    <row r="13804">
      <c r="A13804" s="1">
        <v>4.90553514E8</v>
      </c>
      <c r="B13804" s="2">
        <v>13994.0</v>
      </c>
      <c r="C13804" s="1" t="s">
        <v>5</v>
      </c>
      <c r="D13804" s="1" t="s">
        <v>11786</v>
      </c>
      <c r="E13804" s="1" t="s">
        <v>7</v>
      </c>
    </row>
    <row r="13805">
      <c r="A13805" s="1">
        <v>4.90553575E8</v>
      </c>
      <c r="B13805" s="2">
        <v>13828.0</v>
      </c>
      <c r="C13805" s="1" t="s">
        <v>5</v>
      </c>
      <c r="D13805" s="1" t="s">
        <v>11787</v>
      </c>
      <c r="E13805" s="1" t="s">
        <v>7</v>
      </c>
    </row>
    <row r="13806">
      <c r="A13806" s="1">
        <v>4.90553631E8</v>
      </c>
      <c r="B13806" s="2">
        <v>13875.0</v>
      </c>
      <c r="C13806" s="1" t="s">
        <v>5</v>
      </c>
      <c r="D13806" s="1" t="s">
        <v>11788</v>
      </c>
      <c r="E13806" s="1" t="s">
        <v>11</v>
      </c>
    </row>
    <row r="13807">
      <c r="A13807" s="1">
        <v>4.90553634E8</v>
      </c>
      <c r="B13807" s="2">
        <v>13989.0</v>
      </c>
      <c r="C13807" s="1" t="s">
        <v>5</v>
      </c>
      <c r="D13807" s="1" t="s">
        <v>11</v>
      </c>
      <c r="E13807" s="1" t="s">
        <v>7</v>
      </c>
    </row>
    <row r="13808">
      <c r="A13808" s="1">
        <v>4.90553666E8</v>
      </c>
      <c r="B13808" s="2">
        <v>13994.0</v>
      </c>
      <c r="C13808" s="1" t="s">
        <v>5</v>
      </c>
      <c r="D13808" s="1" t="s">
        <v>11</v>
      </c>
      <c r="E13808" s="1" t="s">
        <v>7</v>
      </c>
    </row>
    <row r="13809">
      <c r="A13809" s="1">
        <v>4.90553681E8</v>
      </c>
      <c r="B13809" s="2">
        <v>13999.0</v>
      </c>
      <c r="C13809" s="1" t="s">
        <v>5</v>
      </c>
      <c r="D13809" s="1" t="s">
        <v>11</v>
      </c>
      <c r="E13809" s="1" t="s">
        <v>7</v>
      </c>
    </row>
    <row r="13810">
      <c r="A13810" s="1">
        <v>4.90553691E8</v>
      </c>
      <c r="B13810" s="2">
        <v>13995.0</v>
      </c>
      <c r="C13810" s="1" t="s">
        <v>5</v>
      </c>
      <c r="D13810" s="1" t="s">
        <v>11789</v>
      </c>
      <c r="E13810" s="1" t="s">
        <v>7</v>
      </c>
    </row>
    <row r="13811">
      <c r="A13811" s="1">
        <v>4.90553747E8</v>
      </c>
      <c r="B13811" s="2">
        <v>13920.0</v>
      </c>
      <c r="C13811" s="1" t="s">
        <v>5</v>
      </c>
      <c r="D13811" s="1" t="s">
        <v>11790</v>
      </c>
      <c r="E13811" s="1" t="s">
        <v>11</v>
      </c>
    </row>
    <row r="13812">
      <c r="A13812" s="1">
        <v>4.9055375E8</v>
      </c>
      <c r="B13812" s="2">
        <v>13988.0</v>
      </c>
      <c r="C13812" s="1" t="s">
        <v>5</v>
      </c>
      <c r="D13812" s="1" t="s">
        <v>11791</v>
      </c>
      <c r="E13812" s="1" t="s">
        <v>11</v>
      </c>
    </row>
    <row r="13813">
      <c r="A13813" s="1">
        <v>4.90553792E8</v>
      </c>
      <c r="B13813" s="2">
        <v>13993.0</v>
      </c>
      <c r="C13813" s="1" t="s">
        <v>5</v>
      </c>
      <c r="D13813" s="1" t="s">
        <v>11792</v>
      </c>
      <c r="E13813" s="1" t="s">
        <v>11793</v>
      </c>
    </row>
    <row r="13814">
      <c r="A13814" s="1">
        <v>4.90553811E8</v>
      </c>
      <c r="B13814" s="2">
        <v>13940.0</v>
      </c>
      <c r="C13814" s="1" t="s">
        <v>5</v>
      </c>
      <c r="D13814" s="1" t="s">
        <v>11794</v>
      </c>
      <c r="E13814" s="1" t="s">
        <v>11</v>
      </c>
    </row>
    <row r="13815">
      <c r="A13815" s="1">
        <v>4.90553841E8</v>
      </c>
      <c r="B13815" s="2">
        <v>13878.0</v>
      </c>
      <c r="C13815" s="1" t="s">
        <v>5</v>
      </c>
      <c r="D13815" s="1" t="s">
        <v>11795</v>
      </c>
      <c r="E13815" s="1" t="s">
        <v>7</v>
      </c>
    </row>
    <row r="13816">
      <c r="A13816" s="1">
        <v>4.90553874E8</v>
      </c>
      <c r="B13816" s="2">
        <v>13931.0</v>
      </c>
      <c r="C13816" s="1" t="s">
        <v>5</v>
      </c>
      <c r="D13816" s="1" t="s">
        <v>11796</v>
      </c>
      <c r="E13816" s="1" t="s">
        <v>11797</v>
      </c>
    </row>
    <row r="13817">
      <c r="A13817" s="1">
        <v>4.90553896E8</v>
      </c>
      <c r="B13817" s="2">
        <v>13989.0</v>
      </c>
      <c r="C13817" s="1" t="s">
        <v>5</v>
      </c>
      <c r="D13817" s="1" t="s">
        <v>11798</v>
      </c>
      <c r="E13817" s="1" t="s">
        <v>7</v>
      </c>
    </row>
    <row r="13818">
      <c r="A13818" s="1">
        <v>4.90553996E8</v>
      </c>
      <c r="B13818" s="2">
        <v>13925.0</v>
      </c>
      <c r="C13818" s="1" t="s">
        <v>5</v>
      </c>
      <c r="D13818" s="1" t="s">
        <v>11799</v>
      </c>
      <c r="E13818" s="1" t="s">
        <v>7</v>
      </c>
    </row>
    <row r="13819">
      <c r="A13819" s="1">
        <v>4.90554041E8</v>
      </c>
      <c r="B13819" s="2">
        <v>13926.0</v>
      </c>
      <c r="C13819" s="1" t="s">
        <v>5</v>
      </c>
      <c r="D13819" s="1" t="s">
        <v>11</v>
      </c>
      <c r="E13819" s="1" t="s">
        <v>7</v>
      </c>
    </row>
    <row r="13820">
      <c r="A13820" s="1">
        <v>4.90554109E8</v>
      </c>
      <c r="B13820" s="2">
        <v>13992.0</v>
      </c>
      <c r="C13820" s="1" t="s">
        <v>5</v>
      </c>
      <c r="D13820" s="1" t="s">
        <v>11800</v>
      </c>
      <c r="E13820" s="1" t="s">
        <v>11</v>
      </c>
    </row>
    <row r="13821">
      <c r="A13821" s="1">
        <v>4.90554264E8</v>
      </c>
      <c r="B13821" s="2">
        <v>13932.0</v>
      </c>
      <c r="C13821" s="1" t="s">
        <v>5</v>
      </c>
      <c r="D13821" s="1" t="s">
        <v>11</v>
      </c>
      <c r="E13821" s="1" t="s">
        <v>7</v>
      </c>
    </row>
    <row r="13822">
      <c r="A13822" s="1">
        <v>4.90554271E8</v>
      </c>
      <c r="B13822" s="2">
        <v>13921.0</v>
      </c>
      <c r="C13822" s="1" t="s">
        <v>5</v>
      </c>
      <c r="D13822" s="1" t="s">
        <v>11</v>
      </c>
      <c r="E13822" s="1" t="s">
        <v>7</v>
      </c>
    </row>
    <row r="13823">
      <c r="A13823" s="1">
        <v>4.90554357E8</v>
      </c>
      <c r="B13823" s="2">
        <v>13930.0</v>
      </c>
      <c r="C13823" s="1" t="s">
        <v>5</v>
      </c>
      <c r="D13823" s="1" t="s">
        <v>11801</v>
      </c>
      <c r="E13823" s="1" t="s">
        <v>11</v>
      </c>
    </row>
    <row r="13824">
      <c r="A13824" s="1">
        <v>4.90554361E8</v>
      </c>
      <c r="B13824" s="2">
        <v>13998.0</v>
      </c>
      <c r="C13824" s="1" t="s">
        <v>5</v>
      </c>
      <c r="D13824" s="1" t="s">
        <v>11802</v>
      </c>
      <c r="E13824" s="1" t="s">
        <v>11</v>
      </c>
    </row>
    <row r="13825">
      <c r="A13825" s="1">
        <v>4.90554372E8</v>
      </c>
      <c r="B13825" s="2">
        <v>13928.0</v>
      </c>
      <c r="C13825" s="1" t="s">
        <v>5</v>
      </c>
      <c r="D13825" s="1" t="s">
        <v>11803</v>
      </c>
      <c r="E13825" s="1" t="s">
        <v>7</v>
      </c>
    </row>
    <row r="13826">
      <c r="A13826" s="1">
        <v>4.9055438E8</v>
      </c>
      <c r="B13826" s="2">
        <v>13983.0</v>
      </c>
      <c r="C13826" s="1" t="s">
        <v>5</v>
      </c>
      <c r="D13826" s="1" t="s">
        <v>11804</v>
      </c>
      <c r="E13826" s="1" t="s">
        <v>7</v>
      </c>
    </row>
    <row r="13827">
      <c r="A13827" s="1">
        <v>4.90554417E8</v>
      </c>
      <c r="B13827" s="2">
        <v>13930.0</v>
      </c>
      <c r="C13827" s="1" t="s">
        <v>5</v>
      </c>
      <c r="D13827" s="1" t="s">
        <v>11805</v>
      </c>
      <c r="E13827" s="1" t="s">
        <v>11</v>
      </c>
    </row>
    <row r="13828">
      <c r="A13828" s="1">
        <v>4.90554443E8</v>
      </c>
      <c r="B13828" s="2">
        <v>13933.0</v>
      </c>
      <c r="C13828" s="1" t="s">
        <v>5</v>
      </c>
      <c r="D13828" s="1" t="s">
        <v>11</v>
      </c>
      <c r="E13828" s="1" t="s">
        <v>7</v>
      </c>
    </row>
    <row r="13829">
      <c r="A13829" s="1">
        <v>4.90554474E8</v>
      </c>
      <c r="B13829" s="2">
        <v>13931.0</v>
      </c>
      <c r="C13829" s="1" t="s">
        <v>5</v>
      </c>
      <c r="D13829" s="1" t="s">
        <v>11806</v>
      </c>
      <c r="E13829" s="1" t="s">
        <v>7</v>
      </c>
    </row>
    <row r="13830">
      <c r="A13830" s="1">
        <v>4.90554497E8</v>
      </c>
      <c r="B13830" s="2">
        <v>13823.0</v>
      </c>
      <c r="C13830" s="1" t="s">
        <v>5</v>
      </c>
      <c r="D13830" s="1" t="s">
        <v>11807</v>
      </c>
      <c r="E13830" s="1" t="s">
        <v>7</v>
      </c>
    </row>
    <row r="13831">
      <c r="A13831" s="1">
        <v>4.90554525E8</v>
      </c>
      <c r="B13831" s="2">
        <v>13937.0</v>
      </c>
      <c r="C13831" s="1" t="s">
        <v>5</v>
      </c>
      <c r="D13831" s="1" t="s">
        <v>11</v>
      </c>
      <c r="E13831" s="1" t="s">
        <v>7</v>
      </c>
    </row>
    <row r="13832">
      <c r="A13832" s="1">
        <v>4.90554674E8</v>
      </c>
      <c r="B13832" s="2">
        <v>13932.0</v>
      </c>
      <c r="C13832" s="1" t="s">
        <v>5</v>
      </c>
      <c r="D13832" s="1" t="s">
        <v>11808</v>
      </c>
      <c r="E13832" s="1" t="s">
        <v>7</v>
      </c>
    </row>
    <row r="13833">
      <c r="A13833" s="1">
        <v>4.90554759E8</v>
      </c>
      <c r="B13833" s="2">
        <v>13966.0</v>
      </c>
      <c r="C13833" s="1" t="s">
        <v>5</v>
      </c>
      <c r="D13833" s="1" t="s">
        <v>11809</v>
      </c>
      <c r="E13833" s="1" t="s">
        <v>11</v>
      </c>
    </row>
    <row r="13834">
      <c r="A13834" s="1">
        <v>4.90554761E8</v>
      </c>
      <c r="B13834" s="2">
        <v>13992.0</v>
      </c>
      <c r="C13834" s="1" t="s">
        <v>5</v>
      </c>
      <c r="D13834" s="1" t="s">
        <v>11</v>
      </c>
      <c r="E13834" s="1" t="s">
        <v>7</v>
      </c>
    </row>
    <row r="13835">
      <c r="A13835" s="1">
        <v>4.90554832E8</v>
      </c>
      <c r="B13835" s="2">
        <v>13987.0</v>
      </c>
      <c r="C13835" s="1" t="s">
        <v>5</v>
      </c>
      <c r="D13835" s="1" t="s">
        <v>11810</v>
      </c>
      <c r="E13835" s="1" t="s">
        <v>11</v>
      </c>
    </row>
    <row r="13836">
      <c r="A13836" s="1">
        <v>4.90554861E8</v>
      </c>
      <c r="B13836" s="2">
        <v>13921.0</v>
      </c>
      <c r="C13836" s="1" t="s">
        <v>5</v>
      </c>
      <c r="D13836" s="1" t="s">
        <v>11</v>
      </c>
      <c r="E13836" s="1" t="s">
        <v>7</v>
      </c>
    </row>
    <row r="13837">
      <c r="A13837" s="1">
        <v>4.90554992E8</v>
      </c>
      <c r="B13837" s="2">
        <v>13986.0</v>
      </c>
      <c r="C13837" s="1" t="s">
        <v>5</v>
      </c>
      <c r="D13837" s="1" t="s">
        <v>11811</v>
      </c>
      <c r="E13837" s="1" t="s">
        <v>11</v>
      </c>
    </row>
    <row r="13838">
      <c r="A13838" s="1">
        <v>4.90555121E8</v>
      </c>
      <c r="B13838" s="2">
        <v>13978.0</v>
      </c>
      <c r="C13838" s="1" t="s">
        <v>5</v>
      </c>
      <c r="D13838" s="1" t="s">
        <v>11812</v>
      </c>
      <c r="E13838" s="1" t="s">
        <v>11813</v>
      </c>
    </row>
    <row r="13839">
      <c r="A13839" s="1">
        <v>4.90555135E8</v>
      </c>
      <c r="B13839" s="2">
        <v>13979.0</v>
      </c>
      <c r="C13839" s="1" t="s">
        <v>5</v>
      </c>
      <c r="D13839" s="1" t="s">
        <v>11814</v>
      </c>
      <c r="E13839" s="1" t="s">
        <v>7</v>
      </c>
    </row>
    <row r="13840">
      <c r="A13840" s="1">
        <v>4.90555153E8</v>
      </c>
      <c r="B13840" s="2">
        <v>13975.0</v>
      </c>
      <c r="C13840" s="1" t="s">
        <v>5</v>
      </c>
      <c r="D13840" s="1" t="s">
        <v>11815</v>
      </c>
      <c r="E13840" s="1" t="s">
        <v>7</v>
      </c>
    </row>
    <row r="13841">
      <c r="A13841" s="1">
        <v>4.90555189E8</v>
      </c>
      <c r="B13841" s="2">
        <v>13930.0</v>
      </c>
      <c r="C13841" s="1" t="s">
        <v>5</v>
      </c>
      <c r="D13841" s="1" t="s">
        <v>11816</v>
      </c>
      <c r="E13841" s="1" t="s">
        <v>7</v>
      </c>
    </row>
    <row r="13842">
      <c r="A13842" s="1">
        <v>4.90555196E8</v>
      </c>
      <c r="B13842" s="2">
        <v>13932.0</v>
      </c>
      <c r="C13842" s="1" t="s">
        <v>5</v>
      </c>
      <c r="D13842" s="1" t="s">
        <v>11817</v>
      </c>
      <c r="E13842" s="1" t="s">
        <v>11</v>
      </c>
    </row>
    <row r="13843">
      <c r="A13843" s="1">
        <v>4.90555203E8</v>
      </c>
      <c r="B13843" s="2">
        <v>13993.0</v>
      </c>
      <c r="C13843" s="1" t="s">
        <v>5</v>
      </c>
      <c r="D13843" s="1" t="s">
        <v>11</v>
      </c>
      <c r="E13843" s="1" t="s">
        <v>7</v>
      </c>
    </row>
    <row r="13844">
      <c r="A13844" s="1">
        <v>4.90555232E8</v>
      </c>
      <c r="B13844" s="2">
        <v>13984.0</v>
      </c>
      <c r="C13844" s="1" t="s">
        <v>5</v>
      </c>
      <c r="D13844" s="1" t="s">
        <v>11818</v>
      </c>
      <c r="E13844" s="1" t="s">
        <v>7</v>
      </c>
    </row>
    <row r="13845">
      <c r="A13845" s="1">
        <v>4.90555261E8</v>
      </c>
      <c r="B13845" s="2">
        <v>13925.0</v>
      </c>
      <c r="C13845" s="1" t="s">
        <v>5</v>
      </c>
      <c r="D13845" s="1" t="s">
        <v>11819</v>
      </c>
      <c r="E13845" s="1" t="s">
        <v>7</v>
      </c>
    </row>
    <row r="13846">
      <c r="A13846" s="1">
        <v>4.90555314E8</v>
      </c>
      <c r="B13846" s="2">
        <v>13924.0</v>
      </c>
      <c r="C13846" s="1" t="s">
        <v>5</v>
      </c>
      <c r="D13846" s="1" t="s">
        <v>11820</v>
      </c>
      <c r="E13846" s="1" t="s">
        <v>11821</v>
      </c>
    </row>
    <row r="13847">
      <c r="A13847" s="1">
        <v>4.90555373E8</v>
      </c>
      <c r="B13847" s="2">
        <v>13993.0</v>
      </c>
      <c r="C13847" s="1" t="s">
        <v>5</v>
      </c>
      <c r="D13847" s="1" t="s">
        <v>11</v>
      </c>
      <c r="E13847" s="1" t="s">
        <v>7</v>
      </c>
    </row>
    <row r="13848">
      <c r="A13848" s="1">
        <v>4.90555405E8</v>
      </c>
      <c r="B13848" s="2">
        <v>13978.0</v>
      </c>
      <c r="C13848" s="1" t="s">
        <v>5</v>
      </c>
      <c r="D13848" s="1" t="s">
        <v>11</v>
      </c>
      <c r="E13848" s="1" t="s">
        <v>7</v>
      </c>
    </row>
    <row r="13849">
      <c r="A13849" s="1">
        <v>4.90555479E8</v>
      </c>
      <c r="B13849" s="2">
        <v>13927.0</v>
      </c>
      <c r="C13849" s="1" t="s">
        <v>5</v>
      </c>
      <c r="D13849" s="1" t="s">
        <v>11822</v>
      </c>
      <c r="E13849" s="1" t="s">
        <v>11</v>
      </c>
    </row>
    <row r="13850">
      <c r="A13850" s="1">
        <v>4.90555512E8</v>
      </c>
      <c r="B13850" s="2">
        <v>13992.0</v>
      </c>
      <c r="C13850" s="1" t="s">
        <v>5</v>
      </c>
      <c r="D13850" s="1" t="s">
        <v>11823</v>
      </c>
      <c r="E13850" s="1" t="s">
        <v>11</v>
      </c>
    </row>
    <row r="13851">
      <c r="A13851" s="1">
        <v>4.90555639E8</v>
      </c>
      <c r="B13851" s="2">
        <v>13923.0</v>
      </c>
      <c r="C13851" s="1" t="s">
        <v>5</v>
      </c>
      <c r="D13851" s="1" t="s">
        <v>11824</v>
      </c>
      <c r="E13851" s="1" t="s">
        <v>11</v>
      </c>
    </row>
    <row r="13852">
      <c r="A13852" s="1">
        <v>4.90555683E8</v>
      </c>
      <c r="B13852" s="2">
        <v>13977.0</v>
      </c>
      <c r="C13852" s="1" t="s">
        <v>5</v>
      </c>
      <c r="D13852" s="1" t="s">
        <v>11825</v>
      </c>
      <c r="E13852" s="1" t="s">
        <v>11826</v>
      </c>
    </row>
    <row r="13853">
      <c r="A13853" s="1">
        <v>4.90555723E8</v>
      </c>
      <c r="B13853" s="2">
        <v>13970.0</v>
      </c>
      <c r="C13853" s="1" t="s">
        <v>5</v>
      </c>
      <c r="D13853" s="1" t="s">
        <v>11</v>
      </c>
      <c r="E13853" s="1" t="s">
        <v>7</v>
      </c>
    </row>
    <row r="13854">
      <c r="A13854" s="1">
        <v>4.90555745E8</v>
      </c>
      <c r="B13854" s="2">
        <v>13980.0</v>
      </c>
      <c r="C13854" s="1" t="s">
        <v>5</v>
      </c>
      <c r="D13854" s="1" t="s">
        <v>11827</v>
      </c>
      <c r="E13854" s="1" t="s">
        <v>11828</v>
      </c>
    </row>
    <row r="13855">
      <c r="A13855" s="1">
        <v>4.90555759E8</v>
      </c>
      <c r="B13855" s="2">
        <v>13975.0</v>
      </c>
      <c r="C13855" s="1" t="s">
        <v>5</v>
      </c>
      <c r="D13855" s="1" t="s">
        <v>11829</v>
      </c>
      <c r="E13855" s="1" t="s">
        <v>7</v>
      </c>
    </row>
    <row r="13856">
      <c r="A13856" s="1">
        <v>4.90555807E8</v>
      </c>
      <c r="B13856" s="2">
        <v>13923.0</v>
      </c>
      <c r="C13856" s="1" t="s">
        <v>5</v>
      </c>
      <c r="D13856" s="1" t="s">
        <v>11830</v>
      </c>
      <c r="E13856" s="1" t="s">
        <v>7</v>
      </c>
    </row>
    <row r="13857">
      <c r="A13857" s="1">
        <v>4.90555818E8</v>
      </c>
      <c r="B13857" s="2">
        <v>13922.0</v>
      </c>
      <c r="C13857" s="1" t="s">
        <v>5</v>
      </c>
      <c r="D13857" s="1" t="s">
        <v>11831</v>
      </c>
      <c r="E13857" s="1" t="s">
        <v>11</v>
      </c>
    </row>
    <row r="13858">
      <c r="A13858" s="1">
        <v>4.90555827E8</v>
      </c>
      <c r="B13858" s="2">
        <v>13986.0</v>
      </c>
      <c r="C13858" s="1" t="s">
        <v>5</v>
      </c>
      <c r="D13858" s="1" t="s">
        <v>7</v>
      </c>
      <c r="E13858" s="1" t="s">
        <v>7</v>
      </c>
    </row>
    <row r="13859">
      <c r="A13859" s="1">
        <v>4.90555835E8</v>
      </c>
      <c r="B13859" s="2">
        <v>13922.0</v>
      </c>
      <c r="C13859" s="1" t="s">
        <v>5</v>
      </c>
      <c r="D13859" s="1" t="s">
        <v>11</v>
      </c>
      <c r="E13859" s="1" t="s">
        <v>7</v>
      </c>
    </row>
    <row r="13860">
      <c r="A13860" s="1">
        <v>4.90555861E8</v>
      </c>
      <c r="B13860" s="2">
        <v>13976.0</v>
      </c>
      <c r="C13860" s="1" t="s">
        <v>5</v>
      </c>
      <c r="D13860" s="1" t="s">
        <v>11832</v>
      </c>
      <c r="E13860" s="1" t="s">
        <v>11833</v>
      </c>
    </row>
    <row r="13861">
      <c r="A13861" s="1">
        <v>4.90555874E8</v>
      </c>
      <c r="B13861" s="2">
        <v>13992.0</v>
      </c>
      <c r="C13861" s="1" t="s">
        <v>5</v>
      </c>
      <c r="D13861" s="1" t="s">
        <v>11834</v>
      </c>
      <c r="E13861" s="1" t="s">
        <v>7</v>
      </c>
    </row>
    <row r="13862">
      <c r="A13862" s="1">
        <v>4.90555896E8</v>
      </c>
      <c r="B13862" s="2">
        <v>13986.0</v>
      </c>
      <c r="C13862" s="1" t="s">
        <v>5</v>
      </c>
      <c r="D13862" s="1" t="s">
        <v>11835</v>
      </c>
      <c r="E13862" s="1" t="s">
        <v>7</v>
      </c>
    </row>
    <row r="13863">
      <c r="A13863" s="1">
        <v>4.90555912E8</v>
      </c>
      <c r="B13863" s="2">
        <v>13922.0</v>
      </c>
      <c r="C13863" s="1" t="s">
        <v>5</v>
      </c>
      <c r="D13863" s="1" t="s">
        <v>11836</v>
      </c>
      <c r="E13863" s="1" t="s">
        <v>7</v>
      </c>
    </row>
    <row r="13864">
      <c r="A13864" s="1">
        <v>4.90555919E8</v>
      </c>
      <c r="B13864" s="2">
        <v>13978.0</v>
      </c>
      <c r="C13864" s="1" t="s">
        <v>5</v>
      </c>
      <c r="D13864" s="1" t="s">
        <v>11</v>
      </c>
      <c r="E13864" s="1" t="s">
        <v>7</v>
      </c>
    </row>
    <row r="13865">
      <c r="A13865" s="1">
        <v>4.90555944E8</v>
      </c>
      <c r="B13865" s="2">
        <v>13985.0</v>
      </c>
      <c r="C13865" s="1" t="s">
        <v>5</v>
      </c>
      <c r="D13865" s="1" t="s">
        <v>11837</v>
      </c>
      <c r="E13865" s="1" t="s">
        <v>7</v>
      </c>
    </row>
    <row r="13866">
      <c r="A13866" s="1">
        <v>4.90555957E8</v>
      </c>
      <c r="B13866" s="2">
        <v>13924.0</v>
      </c>
      <c r="C13866" s="1" t="s">
        <v>5</v>
      </c>
      <c r="D13866" s="1" t="s">
        <v>11838</v>
      </c>
      <c r="E13866" s="1" t="s">
        <v>7</v>
      </c>
    </row>
    <row r="13867">
      <c r="A13867" s="1">
        <v>4.90555992E8</v>
      </c>
      <c r="B13867" s="2">
        <v>13985.0</v>
      </c>
      <c r="C13867" s="1" t="s">
        <v>5</v>
      </c>
      <c r="D13867" s="1" t="s">
        <v>11839</v>
      </c>
      <c r="E13867" s="1" t="s">
        <v>11</v>
      </c>
    </row>
    <row r="13868">
      <c r="A13868" s="1">
        <v>4.90555997E8</v>
      </c>
      <c r="B13868" s="2">
        <v>13927.0</v>
      </c>
      <c r="C13868" s="1" t="s">
        <v>5</v>
      </c>
      <c r="D13868" s="1" t="s">
        <v>5243</v>
      </c>
      <c r="E13868" s="1" t="s">
        <v>7</v>
      </c>
    </row>
    <row r="13869">
      <c r="A13869" s="1">
        <v>4.90556072E8</v>
      </c>
      <c r="B13869" s="2">
        <v>13984.0</v>
      </c>
      <c r="C13869" s="1" t="s">
        <v>5</v>
      </c>
      <c r="D13869" s="1" t="s">
        <v>11840</v>
      </c>
      <c r="E13869" s="1" t="s">
        <v>11</v>
      </c>
    </row>
    <row r="13870">
      <c r="A13870" s="1">
        <v>4.90556074E8</v>
      </c>
      <c r="B13870" s="2">
        <v>13975.0</v>
      </c>
      <c r="C13870" s="1" t="s">
        <v>5</v>
      </c>
      <c r="D13870" s="1" t="s">
        <v>11841</v>
      </c>
      <c r="E13870" s="1" t="s">
        <v>7</v>
      </c>
    </row>
    <row r="13871">
      <c r="A13871" s="1">
        <v>4.90556076E8</v>
      </c>
      <c r="B13871" s="2">
        <v>13921.0</v>
      </c>
      <c r="C13871" s="1" t="s">
        <v>5</v>
      </c>
      <c r="D13871" s="1" t="s">
        <v>11842</v>
      </c>
      <c r="E13871" s="1" t="s">
        <v>11</v>
      </c>
    </row>
    <row r="13872">
      <c r="A13872" s="1">
        <v>4.90556221E8</v>
      </c>
      <c r="B13872" s="2">
        <v>13913.0</v>
      </c>
      <c r="C13872" s="1" t="s">
        <v>5</v>
      </c>
      <c r="D13872" s="1" t="s">
        <v>11</v>
      </c>
      <c r="E13872" s="1" t="s">
        <v>7</v>
      </c>
    </row>
    <row r="13873">
      <c r="A13873" s="1">
        <v>4.90556251E8</v>
      </c>
      <c r="B13873" s="2">
        <v>13920.0</v>
      </c>
      <c r="C13873" s="1" t="s">
        <v>5</v>
      </c>
      <c r="D13873" s="1" t="s">
        <v>11</v>
      </c>
      <c r="E13873" s="1" t="s">
        <v>7</v>
      </c>
    </row>
    <row r="13874">
      <c r="A13874" s="1">
        <v>4.9055626E8</v>
      </c>
      <c r="B13874" s="2">
        <v>13920.0</v>
      </c>
      <c r="C13874" s="1" t="s">
        <v>5</v>
      </c>
      <c r="D13874" s="1" t="s">
        <v>11843</v>
      </c>
      <c r="E13874" s="1" t="s">
        <v>7</v>
      </c>
    </row>
    <row r="13875">
      <c r="A13875" s="1">
        <v>4.90556264E8</v>
      </c>
      <c r="B13875" s="2">
        <v>13914.0</v>
      </c>
      <c r="C13875" s="1" t="s">
        <v>5</v>
      </c>
      <c r="D13875" s="1" t="s">
        <v>11844</v>
      </c>
      <c r="E13875" s="1" t="s">
        <v>7</v>
      </c>
    </row>
    <row r="13876">
      <c r="A13876" s="1">
        <v>4.90556321E8</v>
      </c>
      <c r="B13876" s="2">
        <v>13982.0</v>
      </c>
      <c r="C13876" s="1" t="s">
        <v>5</v>
      </c>
      <c r="D13876" s="1" t="s">
        <v>11845</v>
      </c>
      <c r="E13876" s="1" t="s">
        <v>7</v>
      </c>
    </row>
    <row r="13877">
      <c r="A13877" s="1">
        <v>4.90556328E8</v>
      </c>
      <c r="B13877" s="2">
        <v>13914.0</v>
      </c>
      <c r="C13877" s="1" t="s">
        <v>5</v>
      </c>
      <c r="D13877" s="1" t="s">
        <v>11846</v>
      </c>
      <c r="E13877" s="1" t="s">
        <v>11</v>
      </c>
    </row>
    <row r="13878">
      <c r="A13878" s="1">
        <v>4.90556391E8</v>
      </c>
      <c r="B13878" s="2">
        <v>13974.0</v>
      </c>
      <c r="C13878" s="1" t="s">
        <v>5</v>
      </c>
      <c r="D13878" s="1" t="s">
        <v>11</v>
      </c>
      <c r="E13878" s="1" t="s">
        <v>7</v>
      </c>
    </row>
    <row r="13879">
      <c r="A13879" s="1">
        <v>4.90556429E8</v>
      </c>
      <c r="B13879" s="2">
        <v>13965.0</v>
      </c>
      <c r="C13879" s="1" t="s">
        <v>5</v>
      </c>
      <c r="D13879" s="1" t="s">
        <v>11847</v>
      </c>
      <c r="E13879" s="1" t="s">
        <v>11</v>
      </c>
    </row>
    <row r="13880">
      <c r="A13880" s="1">
        <v>4.90556514E8</v>
      </c>
      <c r="B13880" s="3">
        <v>14028.0</v>
      </c>
      <c r="C13880" s="1" t="s">
        <v>5</v>
      </c>
      <c r="D13880" s="1" t="s">
        <v>11848</v>
      </c>
      <c r="E13880" s="1" t="s">
        <v>7</v>
      </c>
    </row>
    <row r="13881">
      <c r="A13881" s="1">
        <v>4.90556688E8</v>
      </c>
      <c r="B13881" s="2">
        <v>13979.0</v>
      </c>
      <c r="C13881" s="1" t="s">
        <v>5</v>
      </c>
      <c r="D13881" s="1" t="s">
        <v>11</v>
      </c>
      <c r="E13881" s="1" t="s">
        <v>7</v>
      </c>
    </row>
    <row r="13882">
      <c r="A13882" s="1">
        <v>4.90556705E8</v>
      </c>
      <c r="B13882" s="2">
        <v>13975.0</v>
      </c>
      <c r="C13882" s="1" t="s">
        <v>5</v>
      </c>
      <c r="D13882" s="1" t="s">
        <v>11849</v>
      </c>
      <c r="E13882" s="1" t="s">
        <v>7</v>
      </c>
    </row>
    <row r="13883">
      <c r="A13883" s="1">
        <v>4.90556822E8</v>
      </c>
      <c r="B13883" s="2">
        <v>13962.0</v>
      </c>
      <c r="C13883" s="1" t="s">
        <v>5</v>
      </c>
      <c r="D13883" s="1" t="s">
        <v>11850</v>
      </c>
      <c r="E13883" s="1" t="s">
        <v>11</v>
      </c>
    </row>
    <row r="13884">
      <c r="A13884" s="1">
        <v>4.90556835E8</v>
      </c>
      <c r="B13884" s="2">
        <v>13958.0</v>
      </c>
      <c r="C13884" s="1" t="s">
        <v>5</v>
      </c>
      <c r="D13884" s="1" t="s">
        <v>11851</v>
      </c>
      <c r="E13884" s="1" t="s">
        <v>7</v>
      </c>
    </row>
    <row r="13885">
      <c r="A13885" s="1">
        <v>4.90556883E8</v>
      </c>
      <c r="B13885" s="2">
        <v>13968.0</v>
      </c>
      <c r="C13885" s="1" t="s">
        <v>5</v>
      </c>
      <c r="D13885" s="1" t="s">
        <v>11852</v>
      </c>
      <c r="E13885" s="1" t="s">
        <v>7</v>
      </c>
    </row>
    <row r="13886">
      <c r="A13886" s="1">
        <v>4.90556931E8</v>
      </c>
      <c r="B13886" s="3">
        <v>14026.0</v>
      </c>
      <c r="C13886" s="1" t="s">
        <v>5</v>
      </c>
      <c r="D13886" s="1" t="s">
        <v>11853</v>
      </c>
      <c r="E13886" s="1" t="s">
        <v>7</v>
      </c>
    </row>
    <row r="13887">
      <c r="A13887" s="1">
        <v>4.90556961E8</v>
      </c>
      <c r="B13887" s="3">
        <v>14028.0</v>
      </c>
      <c r="C13887" s="1" t="s">
        <v>5</v>
      </c>
      <c r="D13887" s="1" t="s">
        <v>11854</v>
      </c>
      <c r="E13887" s="1" t="s">
        <v>11</v>
      </c>
    </row>
    <row r="13888">
      <c r="A13888" s="1">
        <v>4.90556999E8</v>
      </c>
      <c r="B13888" s="2">
        <v>13980.0</v>
      </c>
      <c r="C13888" s="1" t="s">
        <v>5</v>
      </c>
      <c r="D13888" s="1" t="s">
        <v>11855</v>
      </c>
      <c r="E13888" s="1" t="s">
        <v>7</v>
      </c>
    </row>
    <row r="13889">
      <c r="A13889" s="1">
        <v>4.90557029E8</v>
      </c>
      <c r="B13889" s="3">
        <v>14029.0</v>
      </c>
      <c r="C13889" s="1" t="s">
        <v>5</v>
      </c>
      <c r="D13889" s="1" t="s">
        <v>11856</v>
      </c>
      <c r="E13889" s="1" t="s">
        <v>7</v>
      </c>
    </row>
    <row r="13890">
      <c r="A13890" s="1">
        <v>4.90557042E8</v>
      </c>
      <c r="B13890" s="2">
        <v>14047.0</v>
      </c>
      <c r="C13890" s="1" t="s">
        <v>5</v>
      </c>
      <c r="D13890" s="1" t="s">
        <v>11857</v>
      </c>
      <c r="E13890" s="1" t="s">
        <v>7</v>
      </c>
    </row>
    <row r="13891">
      <c r="A13891" s="1">
        <v>4.90557082E8</v>
      </c>
      <c r="B13891" s="2">
        <v>13967.0</v>
      </c>
      <c r="C13891" s="1" t="s">
        <v>5</v>
      </c>
      <c r="D13891" s="1" t="s">
        <v>11858</v>
      </c>
      <c r="E13891" s="1" t="s">
        <v>7</v>
      </c>
    </row>
    <row r="13892">
      <c r="A13892" s="1">
        <v>4.90557147E8</v>
      </c>
      <c r="B13892" s="2">
        <v>13964.0</v>
      </c>
      <c r="C13892" s="1" t="s">
        <v>5</v>
      </c>
      <c r="D13892" s="1" t="s">
        <v>11859</v>
      </c>
      <c r="E13892" s="1" t="s">
        <v>11860</v>
      </c>
    </row>
    <row r="13893">
      <c r="A13893" s="1">
        <v>4.90557154E8</v>
      </c>
      <c r="B13893" s="2">
        <v>13967.0</v>
      </c>
      <c r="C13893" s="1" t="s">
        <v>5</v>
      </c>
      <c r="D13893" s="1" t="s">
        <v>11861</v>
      </c>
      <c r="E13893" s="1" t="s">
        <v>11</v>
      </c>
    </row>
    <row r="13894">
      <c r="A13894" s="1">
        <v>4.90557156E8</v>
      </c>
      <c r="B13894" s="3">
        <v>14026.0</v>
      </c>
      <c r="C13894" s="1" t="s">
        <v>5</v>
      </c>
      <c r="D13894" s="1" t="s">
        <v>11862</v>
      </c>
      <c r="E13894" s="1" t="s">
        <v>7</v>
      </c>
    </row>
    <row r="13895">
      <c r="A13895" s="1">
        <v>4.90557157E8</v>
      </c>
      <c r="B13895" s="3">
        <v>14024.0</v>
      </c>
      <c r="C13895" s="1" t="s">
        <v>5</v>
      </c>
      <c r="D13895" s="1" t="s">
        <v>11863</v>
      </c>
      <c r="E13895" s="1" t="s">
        <v>7</v>
      </c>
    </row>
    <row r="13896">
      <c r="A13896" s="1">
        <v>4.90557229E8</v>
      </c>
      <c r="B13896" s="3">
        <v>14022.0</v>
      </c>
      <c r="C13896" s="1" t="s">
        <v>5</v>
      </c>
      <c r="D13896" s="1" t="s">
        <v>11864</v>
      </c>
      <c r="E13896" s="1" t="s">
        <v>11</v>
      </c>
    </row>
    <row r="13897">
      <c r="A13897" s="1">
        <v>4.90557237E8</v>
      </c>
      <c r="B13897" s="3">
        <v>14024.0</v>
      </c>
      <c r="C13897" s="1" t="s">
        <v>5</v>
      </c>
      <c r="D13897" s="1" t="s">
        <v>11865</v>
      </c>
      <c r="E13897" s="1" t="s">
        <v>7</v>
      </c>
    </row>
    <row r="13898">
      <c r="A13898" s="1">
        <v>4.9055725E8</v>
      </c>
      <c r="B13898" s="2">
        <v>13966.0</v>
      </c>
      <c r="C13898" s="1" t="s">
        <v>5</v>
      </c>
      <c r="D13898" s="1" t="s">
        <v>11866</v>
      </c>
      <c r="E13898" s="1" t="s">
        <v>11</v>
      </c>
    </row>
    <row r="13899">
      <c r="A13899" s="1">
        <v>4.9055727E8</v>
      </c>
      <c r="B13899" s="2">
        <v>13922.0</v>
      </c>
      <c r="C13899" s="1" t="s">
        <v>5</v>
      </c>
      <c r="D13899" s="1" t="s">
        <v>11867</v>
      </c>
      <c r="E13899" s="1" t="s">
        <v>11</v>
      </c>
    </row>
    <row r="13900">
      <c r="A13900" s="1">
        <v>4.90557275E8</v>
      </c>
      <c r="B13900" s="2">
        <v>13970.0</v>
      </c>
      <c r="C13900" s="1" t="s">
        <v>5</v>
      </c>
      <c r="D13900" s="1" t="s">
        <v>11868</v>
      </c>
      <c r="E13900" s="1" t="s">
        <v>7</v>
      </c>
    </row>
    <row r="13901">
      <c r="A13901" s="1">
        <v>4.90557387E8</v>
      </c>
      <c r="B13901" s="2">
        <v>13968.0</v>
      </c>
      <c r="C13901" s="1" t="s">
        <v>5</v>
      </c>
      <c r="D13901" s="1" t="s">
        <v>11869</v>
      </c>
      <c r="E13901" s="1" t="s">
        <v>11</v>
      </c>
    </row>
    <row r="13902">
      <c r="A13902" s="1">
        <v>4.9055739E8</v>
      </c>
      <c r="B13902" s="3">
        <v>14027.0</v>
      </c>
      <c r="C13902" s="1" t="s">
        <v>5</v>
      </c>
      <c r="D13902" s="1" t="s">
        <v>11</v>
      </c>
      <c r="E13902" s="1" t="s">
        <v>7</v>
      </c>
    </row>
    <row r="13903">
      <c r="A13903" s="1">
        <v>4.90557393E8</v>
      </c>
      <c r="B13903" s="2">
        <v>13965.0</v>
      </c>
      <c r="C13903" s="1" t="s">
        <v>5</v>
      </c>
      <c r="D13903" s="1" t="s">
        <v>11870</v>
      </c>
      <c r="E13903" s="1" t="s">
        <v>11</v>
      </c>
    </row>
    <row r="13904">
      <c r="A13904" s="1">
        <v>4.90557418E8</v>
      </c>
      <c r="B13904" s="2">
        <v>14047.0</v>
      </c>
      <c r="C13904" s="1" t="s">
        <v>5</v>
      </c>
      <c r="D13904" s="1" t="s">
        <v>11</v>
      </c>
      <c r="E13904" s="1" t="s">
        <v>7</v>
      </c>
    </row>
    <row r="13905">
      <c r="A13905" s="1">
        <v>4.90557479E8</v>
      </c>
      <c r="B13905" s="3">
        <v>14025.0</v>
      </c>
      <c r="C13905" s="1" t="s">
        <v>5</v>
      </c>
      <c r="D13905" s="1" t="s">
        <v>11871</v>
      </c>
      <c r="E13905" s="1" t="s">
        <v>7</v>
      </c>
    </row>
    <row r="13906">
      <c r="A13906" s="1">
        <v>4.90557524E8</v>
      </c>
      <c r="B13906" s="2">
        <v>13920.0</v>
      </c>
      <c r="C13906" s="1" t="s">
        <v>5</v>
      </c>
      <c r="D13906" s="1" t="s">
        <v>11872</v>
      </c>
      <c r="E13906" s="1" t="s">
        <v>7</v>
      </c>
    </row>
    <row r="13907">
      <c r="A13907" s="1">
        <v>4.90557597E8</v>
      </c>
      <c r="B13907" s="3">
        <v>14020.0</v>
      </c>
      <c r="C13907" s="1" t="s">
        <v>5</v>
      </c>
      <c r="D13907" s="1" t="s">
        <v>11873</v>
      </c>
      <c r="E13907" s="1" t="s">
        <v>11</v>
      </c>
    </row>
    <row r="13908">
      <c r="A13908" s="1">
        <v>4.90557618E8</v>
      </c>
      <c r="B13908" s="2">
        <v>13967.0</v>
      </c>
      <c r="C13908" s="1" t="s">
        <v>5</v>
      </c>
      <c r="D13908" s="1" t="s">
        <v>11874</v>
      </c>
      <c r="E13908" s="1" t="s">
        <v>7</v>
      </c>
    </row>
    <row r="13909">
      <c r="A13909" s="1">
        <v>4.90557642E8</v>
      </c>
      <c r="B13909" s="3">
        <v>14019.0</v>
      </c>
      <c r="C13909" s="1" t="s">
        <v>5</v>
      </c>
      <c r="D13909" s="1" t="s">
        <v>11875</v>
      </c>
      <c r="E13909" s="1" t="s">
        <v>7</v>
      </c>
    </row>
    <row r="13910">
      <c r="A13910" s="1">
        <v>4.90557699E8</v>
      </c>
      <c r="B13910" s="2">
        <v>13971.0</v>
      </c>
      <c r="C13910" s="1" t="s">
        <v>5</v>
      </c>
      <c r="D13910" s="1" t="s">
        <v>11876</v>
      </c>
      <c r="E13910" s="1" t="s">
        <v>11</v>
      </c>
    </row>
    <row r="13911">
      <c r="A13911" s="1">
        <v>4.90557723E8</v>
      </c>
      <c r="B13911" s="2">
        <v>13982.0</v>
      </c>
      <c r="C13911" s="1" t="s">
        <v>5</v>
      </c>
      <c r="D13911" s="1" t="s">
        <v>11877</v>
      </c>
      <c r="E13911" s="1" t="s">
        <v>7</v>
      </c>
    </row>
    <row r="13912">
      <c r="A13912" s="1">
        <v>4.90557726E8</v>
      </c>
      <c r="B13912" s="2">
        <v>13953.0</v>
      </c>
      <c r="C13912" s="1" t="s">
        <v>5</v>
      </c>
      <c r="D13912" s="1" t="s">
        <v>11878</v>
      </c>
      <c r="E13912" s="1" t="s">
        <v>11879</v>
      </c>
    </row>
    <row r="13913">
      <c r="A13913" s="1">
        <v>4.9055775E8</v>
      </c>
      <c r="B13913" s="3">
        <v>14024.0</v>
      </c>
      <c r="C13913" s="1" t="s">
        <v>5</v>
      </c>
      <c r="D13913" s="1" t="s">
        <v>11880</v>
      </c>
      <c r="E13913" s="1" t="s">
        <v>11</v>
      </c>
    </row>
    <row r="13914">
      <c r="A13914" s="1">
        <v>4.90557756E8</v>
      </c>
      <c r="B13914" s="2">
        <v>13962.0</v>
      </c>
      <c r="C13914" s="1" t="s">
        <v>5</v>
      </c>
      <c r="D13914" s="1" t="s">
        <v>11881</v>
      </c>
      <c r="E13914" s="1" t="s">
        <v>11882</v>
      </c>
    </row>
    <row r="13915">
      <c r="A13915" s="1">
        <v>4.9055777E8</v>
      </c>
      <c r="B13915" s="2">
        <v>13968.0</v>
      </c>
      <c r="C13915" s="1" t="s">
        <v>5</v>
      </c>
      <c r="D13915" s="1" t="s">
        <v>11</v>
      </c>
      <c r="E13915" s="1" t="s">
        <v>7</v>
      </c>
    </row>
    <row r="13916">
      <c r="A13916" s="1">
        <v>4.90557794E8</v>
      </c>
      <c r="B13916" s="3">
        <v>14020.0</v>
      </c>
      <c r="C13916" s="1" t="s">
        <v>5</v>
      </c>
      <c r="D13916" s="1" t="s">
        <v>11</v>
      </c>
      <c r="E13916" s="1" t="s">
        <v>7</v>
      </c>
    </row>
    <row r="13917">
      <c r="A13917" s="1">
        <v>4.90557927E8</v>
      </c>
      <c r="B13917" s="2">
        <v>13968.0</v>
      </c>
      <c r="C13917" s="1" t="s">
        <v>5</v>
      </c>
      <c r="D13917" s="1" t="s">
        <v>11883</v>
      </c>
      <c r="E13917" s="1" t="s">
        <v>7</v>
      </c>
    </row>
    <row r="13918">
      <c r="A13918" s="1">
        <v>4.90557984E8</v>
      </c>
      <c r="B13918" s="3">
        <v>14019.0</v>
      </c>
      <c r="C13918" s="1" t="s">
        <v>5</v>
      </c>
      <c r="D13918" s="1" t="s">
        <v>11884</v>
      </c>
      <c r="E13918" s="1" t="s">
        <v>11</v>
      </c>
    </row>
    <row r="13919">
      <c r="A13919" s="1">
        <v>4.90557987E8</v>
      </c>
      <c r="B13919" s="3">
        <v>14017.0</v>
      </c>
      <c r="C13919" s="1" t="s">
        <v>5</v>
      </c>
      <c r="D13919" s="1" t="s">
        <v>11</v>
      </c>
      <c r="E13919" s="1" t="s">
        <v>7</v>
      </c>
    </row>
    <row r="13920">
      <c r="A13920" s="1">
        <v>4.90558053E8</v>
      </c>
      <c r="B13920" s="2">
        <v>13946.0</v>
      </c>
      <c r="C13920" s="1" t="s">
        <v>5</v>
      </c>
      <c r="D13920" s="1" t="s">
        <v>11885</v>
      </c>
      <c r="E13920" s="1" t="s">
        <v>11</v>
      </c>
    </row>
    <row r="13921">
      <c r="A13921" s="1">
        <v>4.9055807E8</v>
      </c>
      <c r="B13921" s="2">
        <v>13967.0</v>
      </c>
      <c r="C13921" s="1" t="s">
        <v>5</v>
      </c>
      <c r="D13921" s="1" t="s">
        <v>11</v>
      </c>
      <c r="E13921" s="1" t="s">
        <v>7</v>
      </c>
    </row>
    <row r="13922">
      <c r="A13922" s="1">
        <v>4.905581E8</v>
      </c>
      <c r="B13922" s="3">
        <v>14020.0</v>
      </c>
      <c r="C13922" s="1" t="s">
        <v>5</v>
      </c>
      <c r="D13922" s="1" t="s">
        <v>11886</v>
      </c>
      <c r="E13922" s="1" t="s">
        <v>7</v>
      </c>
    </row>
    <row r="13923">
      <c r="A13923" s="1">
        <v>4.90558163E8</v>
      </c>
      <c r="B13923" s="3">
        <v>14018.0</v>
      </c>
      <c r="C13923" s="1" t="s">
        <v>5</v>
      </c>
      <c r="D13923" s="1" t="s">
        <v>11887</v>
      </c>
      <c r="E13923" s="1" t="s">
        <v>11</v>
      </c>
    </row>
    <row r="13924">
      <c r="A13924" s="1">
        <v>4.9055832E8</v>
      </c>
      <c r="B13924" s="2">
        <v>14035.0</v>
      </c>
      <c r="C13924" s="1" t="s">
        <v>5</v>
      </c>
      <c r="D13924" s="1" t="s">
        <v>11888</v>
      </c>
      <c r="E13924" s="1" t="s">
        <v>7</v>
      </c>
    </row>
    <row r="13925">
      <c r="A13925" s="1">
        <v>4.90558324E8</v>
      </c>
      <c r="B13925" s="2">
        <v>13978.0</v>
      </c>
      <c r="C13925" s="1" t="s">
        <v>5</v>
      </c>
      <c r="D13925" s="1" t="s">
        <v>11889</v>
      </c>
      <c r="E13925" s="1" t="s">
        <v>7</v>
      </c>
    </row>
    <row r="13926">
      <c r="A13926" s="1">
        <v>4.90558353E8</v>
      </c>
      <c r="B13926" s="2">
        <v>13979.0</v>
      </c>
      <c r="C13926" s="1" t="s">
        <v>5</v>
      </c>
      <c r="D13926" s="1" t="s">
        <v>11890</v>
      </c>
      <c r="E13926" s="1" t="s">
        <v>11</v>
      </c>
    </row>
    <row r="13927">
      <c r="A13927" s="1">
        <v>4.90558436E8</v>
      </c>
      <c r="B13927" s="3">
        <v>14014.0</v>
      </c>
      <c r="C13927" s="1" t="s">
        <v>5</v>
      </c>
      <c r="D13927" s="1" t="s">
        <v>11891</v>
      </c>
      <c r="E13927" s="1" t="s">
        <v>7</v>
      </c>
    </row>
    <row r="13928">
      <c r="A13928" s="1">
        <v>4.90558461E8</v>
      </c>
      <c r="B13928" s="3">
        <v>14015.0</v>
      </c>
      <c r="C13928" s="1" t="s">
        <v>5</v>
      </c>
      <c r="D13928" s="1" t="s">
        <v>11892</v>
      </c>
      <c r="E13928" s="1" t="s">
        <v>7</v>
      </c>
    </row>
    <row r="13929">
      <c r="A13929" s="1">
        <v>4.90558477E8</v>
      </c>
      <c r="B13929" s="3">
        <v>14013.0</v>
      </c>
      <c r="C13929" s="1" t="s">
        <v>5</v>
      </c>
      <c r="D13929" s="1" t="s">
        <v>11893</v>
      </c>
      <c r="E13929" s="1" t="s">
        <v>11894</v>
      </c>
    </row>
    <row r="13930">
      <c r="A13930" s="1">
        <v>4.90558525E8</v>
      </c>
      <c r="B13930" s="2">
        <v>14047.0</v>
      </c>
      <c r="C13930" s="1" t="s">
        <v>5</v>
      </c>
      <c r="D13930" s="1" t="s">
        <v>11</v>
      </c>
      <c r="E13930" s="1" t="s">
        <v>7</v>
      </c>
    </row>
    <row r="13931">
      <c r="A13931" s="1">
        <v>4.90558545E8</v>
      </c>
      <c r="B13931" s="2">
        <v>13967.0</v>
      </c>
      <c r="C13931" s="1" t="s">
        <v>5</v>
      </c>
      <c r="D13931" s="1" t="s">
        <v>11</v>
      </c>
      <c r="E13931" s="1" t="s">
        <v>7</v>
      </c>
    </row>
    <row r="13932">
      <c r="A13932" s="1">
        <v>4.90558582E8</v>
      </c>
      <c r="B13932" s="2">
        <v>14033.0</v>
      </c>
      <c r="C13932" s="1" t="s">
        <v>5</v>
      </c>
      <c r="D13932" s="1" t="s">
        <v>11895</v>
      </c>
      <c r="E13932" s="1" t="s">
        <v>7</v>
      </c>
    </row>
    <row r="13933">
      <c r="A13933" s="1">
        <v>4.90558602E8</v>
      </c>
      <c r="B13933" s="3">
        <v>14014.0</v>
      </c>
      <c r="C13933" s="1" t="s">
        <v>5</v>
      </c>
      <c r="D13933" s="1" t="s">
        <v>11</v>
      </c>
      <c r="E13933" s="1" t="s">
        <v>7</v>
      </c>
    </row>
    <row r="13934">
      <c r="A13934" s="1">
        <v>4.90558603E8</v>
      </c>
      <c r="B13934" s="3">
        <v>14015.0</v>
      </c>
      <c r="C13934" s="1" t="s">
        <v>5</v>
      </c>
      <c r="D13934" s="1" t="s">
        <v>11896</v>
      </c>
      <c r="E13934" s="1" t="s">
        <v>11897</v>
      </c>
    </row>
    <row r="13935">
      <c r="A13935" s="1">
        <v>4.90558612E8</v>
      </c>
      <c r="B13935" s="3">
        <v>14015.0</v>
      </c>
      <c r="C13935" s="1" t="s">
        <v>5</v>
      </c>
      <c r="D13935" s="1" t="s">
        <v>11898</v>
      </c>
      <c r="E13935" s="1" t="s">
        <v>7</v>
      </c>
    </row>
    <row r="13936">
      <c r="A13936" s="1">
        <v>4.90558627E8</v>
      </c>
      <c r="B13936" s="3">
        <v>14015.0</v>
      </c>
      <c r="C13936" s="1" t="s">
        <v>5</v>
      </c>
      <c r="D13936" s="1" t="s">
        <v>11899</v>
      </c>
      <c r="E13936" s="1" t="s">
        <v>11</v>
      </c>
    </row>
    <row r="13937">
      <c r="A13937" s="1">
        <v>4.90558634E8</v>
      </c>
      <c r="B13937" s="2">
        <v>13962.0</v>
      </c>
      <c r="C13937" s="1" t="s">
        <v>5</v>
      </c>
      <c r="D13937" s="1" t="s">
        <v>11900</v>
      </c>
      <c r="E13937" s="1" t="s">
        <v>11</v>
      </c>
    </row>
    <row r="13938">
      <c r="A13938" s="1">
        <v>4.90558637E8</v>
      </c>
      <c r="B13938" s="3">
        <v>14021.0</v>
      </c>
      <c r="C13938" s="1" t="s">
        <v>5</v>
      </c>
      <c r="D13938" s="1" t="s">
        <v>11901</v>
      </c>
      <c r="E13938" s="1" t="s">
        <v>7</v>
      </c>
    </row>
    <row r="13939">
      <c r="A13939" s="1">
        <v>4.90558707E8</v>
      </c>
      <c r="B13939" s="2">
        <v>13978.0</v>
      </c>
      <c r="C13939" s="1" t="s">
        <v>5</v>
      </c>
      <c r="D13939" s="1" t="s">
        <v>11902</v>
      </c>
      <c r="E13939" s="1" t="s">
        <v>7</v>
      </c>
    </row>
    <row r="13940">
      <c r="A13940" s="1">
        <v>4.90558709E8</v>
      </c>
      <c r="B13940" s="2">
        <v>14092.0</v>
      </c>
      <c r="C13940" s="1" t="s">
        <v>5</v>
      </c>
      <c r="D13940" s="1" t="s">
        <v>11903</v>
      </c>
      <c r="E13940" s="1" t="s">
        <v>11</v>
      </c>
    </row>
    <row r="13941">
      <c r="A13941" s="1">
        <v>4.90558717E8</v>
      </c>
      <c r="B13941" s="2">
        <v>14056.0</v>
      </c>
      <c r="C13941" s="1" t="s">
        <v>5</v>
      </c>
      <c r="D13941" s="1" t="s">
        <v>11904</v>
      </c>
      <c r="E13941" s="1" t="s">
        <v>11</v>
      </c>
    </row>
    <row r="13942">
      <c r="A13942" s="1">
        <v>4.90558749E8</v>
      </c>
      <c r="B13942" s="2">
        <v>13975.0</v>
      </c>
      <c r="C13942" s="1" t="s">
        <v>5</v>
      </c>
      <c r="D13942" s="1" t="s">
        <v>11905</v>
      </c>
      <c r="E13942" s="1" t="s">
        <v>11</v>
      </c>
    </row>
    <row r="13943">
      <c r="A13943" s="1">
        <v>4.90558789E8</v>
      </c>
      <c r="B13943" s="3">
        <v>14015.0</v>
      </c>
      <c r="C13943" s="1" t="s">
        <v>5</v>
      </c>
      <c r="D13943" s="1" t="s">
        <v>11906</v>
      </c>
      <c r="E13943" s="1" t="s">
        <v>7</v>
      </c>
    </row>
    <row r="13944">
      <c r="A13944" s="1">
        <v>4.90558847E8</v>
      </c>
      <c r="B13944" s="3">
        <v>14014.0</v>
      </c>
      <c r="C13944" s="1" t="s">
        <v>5</v>
      </c>
      <c r="D13944" s="1" t="s">
        <v>11907</v>
      </c>
      <c r="E13944" s="1" t="s">
        <v>7</v>
      </c>
    </row>
    <row r="13945">
      <c r="A13945" s="1">
        <v>4.90558864E8</v>
      </c>
      <c r="B13945" s="2">
        <v>14046.0</v>
      </c>
      <c r="C13945" s="1" t="s">
        <v>5</v>
      </c>
      <c r="D13945" s="1" t="s">
        <v>11908</v>
      </c>
      <c r="E13945" s="1" t="s">
        <v>11</v>
      </c>
    </row>
    <row r="13946">
      <c r="A13946" s="1">
        <v>4.90558867E8</v>
      </c>
      <c r="B13946" s="2">
        <v>14037.0</v>
      </c>
      <c r="C13946" s="1" t="s">
        <v>5</v>
      </c>
      <c r="D13946" s="1" t="s">
        <v>7</v>
      </c>
      <c r="E13946" s="1" t="s">
        <v>7</v>
      </c>
    </row>
    <row r="13947">
      <c r="A13947" s="1">
        <v>4.90558882E8</v>
      </c>
      <c r="B13947" s="3">
        <v>14022.0</v>
      </c>
      <c r="C13947" s="1" t="s">
        <v>5</v>
      </c>
      <c r="D13947" s="1" t="s">
        <v>11909</v>
      </c>
      <c r="E13947" s="1" t="s">
        <v>7</v>
      </c>
    </row>
    <row r="13948">
      <c r="A13948" s="1">
        <v>4.90558924E8</v>
      </c>
      <c r="B13948" s="2">
        <v>14091.0</v>
      </c>
      <c r="C13948" s="1" t="s">
        <v>5</v>
      </c>
      <c r="D13948" s="1" t="s">
        <v>11910</v>
      </c>
      <c r="E13948" s="1" t="s">
        <v>7</v>
      </c>
    </row>
    <row r="13949">
      <c r="A13949" s="1">
        <v>4.90558994E8</v>
      </c>
      <c r="B13949" s="2">
        <v>14037.0</v>
      </c>
      <c r="C13949" s="1" t="s">
        <v>5</v>
      </c>
      <c r="D13949" s="1" t="s">
        <v>11911</v>
      </c>
      <c r="E13949" s="1" t="s">
        <v>7</v>
      </c>
    </row>
    <row r="13950">
      <c r="A13950" s="1">
        <v>4.90559043E8</v>
      </c>
      <c r="B13950" s="2">
        <v>14086.0</v>
      </c>
      <c r="C13950" s="1" t="s">
        <v>5</v>
      </c>
      <c r="D13950" s="1" t="s">
        <v>11</v>
      </c>
      <c r="E13950" s="1" t="s">
        <v>7</v>
      </c>
    </row>
    <row r="13951">
      <c r="A13951" s="1">
        <v>4.90559116E8</v>
      </c>
      <c r="B13951" s="3">
        <v>14010.0</v>
      </c>
      <c r="C13951" s="1" t="s">
        <v>5</v>
      </c>
      <c r="D13951" s="1" t="s">
        <v>11912</v>
      </c>
      <c r="E13951" s="1" t="s">
        <v>7</v>
      </c>
    </row>
    <row r="13952">
      <c r="A13952" s="1">
        <v>4.90559209E8</v>
      </c>
      <c r="B13952" s="2">
        <v>14036.0</v>
      </c>
      <c r="C13952" s="1" t="s">
        <v>5</v>
      </c>
      <c r="D13952" s="1" t="s">
        <v>11913</v>
      </c>
      <c r="E13952" s="1" t="s">
        <v>7</v>
      </c>
    </row>
    <row r="13953">
      <c r="A13953" s="1">
        <v>4.90559224E8</v>
      </c>
      <c r="B13953" s="2">
        <v>14037.0</v>
      </c>
      <c r="C13953" s="1" t="s">
        <v>5</v>
      </c>
      <c r="D13953" s="1" t="s">
        <v>11914</v>
      </c>
      <c r="E13953" s="1" t="s">
        <v>11</v>
      </c>
    </row>
    <row r="13954">
      <c r="A13954" s="1">
        <v>4.90559225E8</v>
      </c>
      <c r="B13954" s="3">
        <v>14010.0</v>
      </c>
      <c r="C13954" s="1" t="s">
        <v>5</v>
      </c>
      <c r="D13954" s="1" t="s">
        <v>11915</v>
      </c>
      <c r="E13954" s="1" t="s">
        <v>7</v>
      </c>
    </row>
    <row r="13955">
      <c r="A13955" s="1">
        <v>4.90559226E8</v>
      </c>
      <c r="B13955" s="3">
        <v>14020.0</v>
      </c>
      <c r="C13955" s="1" t="s">
        <v>5</v>
      </c>
      <c r="D13955" s="1" t="s">
        <v>11</v>
      </c>
      <c r="E13955" s="1" t="s">
        <v>7</v>
      </c>
    </row>
    <row r="13956">
      <c r="A13956" s="1">
        <v>4.90559287E8</v>
      </c>
      <c r="B13956" s="3">
        <v>14009.0</v>
      </c>
      <c r="C13956" s="1" t="s">
        <v>5</v>
      </c>
      <c r="D13956" s="1" t="s">
        <v>11916</v>
      </c>
      <c r="E13956" s="1" t="s">
        <v>7</v>
      </c>
    </row>
    <row r="13957">
      <c r="A13957" s="1">
        <v>4.9055935E8</v>
      </c>
      <c r="B13957" s="3">
        <v>14019.0</v>
      </c>
      <c r="C13957" s="1" t="s">
        <v>5</v>
      </c>
      <c r="D13957" s="1" t="s">
        <v>11917</v>
      </c>
      <c r="E13957" s="1" t="s">
        <v>11</v>
      </c>
    </row>
    <row r="13958">
      <c r="A13958" s="1">
        <v>4.90559407E8</v>
      </c>
      <c r="B13958" s="3">
        <v>14006.0</v>
      </c>
      <c r="C13958" s="1" t="s">
        <v>5</v>
      </c>
      <c r="D13958" s="1" t="s">
        <v>11918</v>
      </c>
      <c r="E13958" s="1" t="s">
        <v>11</v>
      </c>
    </row>
    <row r="13959">
      <c r="A13959" s="1">
        <v>4.90559425E8</v>
      </c>
      <c r="B13959" s="3">
        <v>14019.0</v>
      </c>
      <c r="C13959" s="1" t="s">
        <v>5</v>
      </c>
      <c r="D13959" s="1" t="s">
        <v>11</v>
      </c>
      <c r="E13959" s="1" t="s">
        <v>7</v>
      </c>
    </row>
    <row r="13960">
      <c r="A13960" s="1">
        <v>4.90559468E8</v>
      </c>
      <c r="B13960" s="2">
        <v>14080.0</v>
      </c>
      <c r="C13960" s="1" t="s">
        <v>5</v>
      </c>
      <c r="D13960" s="1" t="s">
        <v>11919</v>
      </c>
      <c r="E13960" s="1" t="s">
        <v>11</v>
      </c>
    </row>
    <row r="13961">
      <c r="A13961" s="1">
        <v>4.90559521E8</v>
      </c>
      <c r="B13961" s="3">
        <v>14018.0</v>
      </c>
      <c r="C13961" s="1" t="s">
        <v>5</v>
      </c>
      <c r="D13961" s="1" t="s">
        <v>11</v>
      </c>
      <c r="E13961" s="1" t="s">
        <v>7</v>
      </c>
    </row>
    <row r="13962">
      <c r="A13962" s="1">
        <v>4.90559524E8</v>
      </c>
      <c r="B13962" s="2">
        <v>14043.0</v>
      </c>
      <c r="C13962" s="1" t="s">
        <v>5</v>
      </c>
      <c r="D13962" s="1" t="s">
        <v>11920</v>
      </c>
      <c r="E13962" s="1" t="s">
        <v>11</v>
      </c>
    </row>
    <row r="13963">
      <c r="A13963" s="1">
        <v>4.9055956E8</v>
      </c>
      <c r="B13963" s="2">
        <v>14087.0</v>
      </c>
      <c r="C13963" s="1" t="s">
        <v>5</v>
      </c>
      <c r="D13963" s="1" t="s">
        <v>11921</v>
      </c>
      <c r="E13963" s="1" t="s">
        <v>7</v>
      </c>
    </row>
    <row r="13964">
      <c r="A13964" s="1">
        <v>4.9055958E8</v>
      </c>
      <c r="B13964" s="2">
        <v>14081.0</v>
      </c>
      <c r="C13964" s="1" t="s">
        <v>5</v>
      </c>
      <c r="D13964" s="1" t="s">
        <v>11922</v>
      </c>
      <c r="E13964" s="1" t="s">
        <v>7</v>
      </c>
    </row>
    <row r="13965">
      <c r="A13965" s="1">
        <v>4.90559646E8</v>
      </c>
      <c r="B13965" s="3">
        <v>14004.0</v>
      </c>
      <c r="C13965" s="1" t="s">
        <v>5</v>
      </c>
      <c r="D13965" s="1" t="s">
        <v>11923</v>
      </c>
      <c r="E13965" s="1" t="s">
        <v>7</v>
      </c>
    </row>
    <row r="13966">
      <c r="A13966" s="1">
        <v>4.9055966E8</v>
      </c>
      <c r="B13966" s="3">
        <v>14017.0</v>
      </c>
      <c r="C13966" s="1" t="s">
        <v>5</v>
      </c>
      <c r="D13966" s="1" t="s">
        <v>11924</v>
      </c>
      <c r="E13966" s="1" t="s">
        <v>7</v>
      </c>
    </row>
    <row r="13967">
      <c r="A13967" s="1">
        <v>4.90559667E8</v>
      </c>
      <c r="B13967" s="2">
        <v>14043.0</v>
      </c>
      <c r="C13967" s="1" t="s">
        <v>5</v>
      </c>
      <c r="D13967" s="1" t="s">
        <v>11925</v>
      </c>
      <c r="E13967" s="1" t="s">
        <v>7</v>
      </c>
    </row>
    <row r="13968">
      <c r="A13968" s="1">
        <v>4.90559674E8</v>
      </c>
      <c r="B13968" s="2">
        <v>14091.0</v>
      </c>
      <c r="C13968" s="1" t="s">
        <v>5</v>
      </c>
      <c r="D13968" s="1" t="s">
        <v>11926</v>
      </c>
      <c r="E13968" s="1" t="s">
        <v>7</v>
      </c>
    </row>
    <row r="13969">
      <c r="A13969" s="1">
        <v>4.90559687E8</v>
      </c>
      <c r="B13969" s="3">
        <v>14001.0</v>
      </c>
      <c r="C13969" s="1" t="s">
        <v>5</v>
      </c>
      <c r="D13969" s="1" t="s">
        <v>11927</v>
      </c>
      <c r="E13969" s="1" t="s">
        <v>7</v>
      </c>
    </row>
    <row r="13970">
      <c r="A13970" s="1">
        <v>4.90559692E8</v>
      </c>
      <c r="B13970" s="2">
        <v>14033.0</v>
      </c>
      <c r="C13970" s="1" t="s">
        <v>5</v>
      </c>
      <c r="D13970" s="1" t="s">
        <v>11928</v>
      </c>
      <c r="E13970" s="1" t="s">
        <v>7</v>
      </c>
    </row>
    <row r="13971">
      <c r="A13971" s="1">
        <v>4.90559716E8</v>
      </c>
      <c r="B13971" s="3">
        <v>14005.0</v>
      </c>
      <c r="C13971" s="1" t="s">
        <v>5</v>
      </c>
      <c r="D13971" s="1" t="s">
        <v>11929</v>
      </c>
      <c r="E13971" s="1" t="s">
        <v>7</v>
      </c>
    </row>
    <row r="13972">
      <c r="A13972" s="1">
        <v>4.90559722E8</v>
      </c>
      <c r="B13972" s="2">
        <v>13952.0</v>
      </c>
      <c r="C13972" s="1" t="s">
        <v>5</v>
      </c>
      <c r="D13972" s="1" t="s">
        <v>11930</v>
      </c>
      <c r="E13972" s="1" t="s">
        <v>7</v>
      </c>
    </row>
    <row r="13973">
      <c r="A13973" s="1">
        <v>4.90559804E8</v>
      </c>
      <c r="B13973" s="3">
        <v>14002.0</v>
      </c>
      <c r="C13973" s="1" t="s">
        <v>5</v>
      </c>
      <c r="D13973" s="1" t="s">
        <v>11931</v>
      </c>
      <c r="E13973" s="1" t="s">
        <v>11</v>
      </c>
    </row>
    <row r="13974">
      <c r="A13974" s="1">
        <v>4.90560025E8</v>
      </c>
      <c r="B13974" s="3">
        <v>14001.0</v>
      </c>
      <c r="C13974" s="1" t="s">
        <v>5</v>
      </c>
      <c r="D13974" s="1" t="s">
        <v>11932</v>
      </c>
      <c r="E13974" s="1" t="s">
        <v>11</v>
      </c>
    </row>
    <row r="13975">
      <c r="A13975" s="1">
        <v>4.90560048E8</v>
      </c>
      <c r="B13975" s="2">
        <v>13946.0</v>
      </c>
      <c r="C13975" s="1" t="s">
        <v>5</v>
      </c>
      <c r="D13975" s="1" t="s">
        <v>11933</v>
      </c>
      <c r="E13975" s="1" t="s">
        <v>7</v>
      </c>
    </row>
    <row r="13976">
      <c r="A13976" s="1">
        <v>4.90560062E8</v>
      </c>
      <c r="B13976" s="2">
        <v>14055.0</v>
      </c>
      <c r="C13976" s="1" t="s">
        <v>5</v>
      </c>
      <c r="D13976" s="1" t="s">
        <v>11934</v>
      </c>
      <c r="E13976" s="1" t="s">
        <v>11935</v>
      </c>
    </row>
    <row r="13977">
      <c r="A13977" s="1">
        <v>4.90560115E8</v>
      </c>
      <c r="B13977" s="3">
        <v>14015.0</v>
      </c>
      <c r="C13977" s="1" t="s">
        <v>5</v>
      </c>
      <c r="D13977" s="1" t="s">
        <v>11</v>
      </c>
      <c r="E13977" s="1" t="s">
        <v>7</v>
      </c>
    </row>
    <row r="13978">
      <c r="A13978" s="1">
        <v>4.90560125E8</v>
      </c>
      <c r="B13978" s="3">
        <v>14015.0</v>
      </c>
      <c r="C13978" s="1" t="s">
        <v>5</v>
      </c>
      <c r="D13978" s="1" t="s">
        <v>11936</v>
      </c>
      <c r="E13978" s="1" t="s">
        <v>11</v>
      </c>
    </row>
    <row r="13979">
      <c r="A13979" s="1">
        <v>4.9056021E8</v>
      </c>
      <c r="B13979" s="3">
        <v>14001.0</v>
      </c>
      <c r="C13979" s="1" t="s">
        <v>5</v>
      </c>
      <c r="D13979" s="1" t="s">
        <v>11937</v>
      </c>
      <c r="E13979" s="1" t="s">
        <v>7</v>
      </c>
    </row>
    <row r="13980">
      <c r="A13980" s="1">
        <v>4.90560232E8</v>
      </c>
      <c r="B13980" s="2">
        <v>14080.0</v>
      </c>
      <c r="C13980" s="1" t="s">
        <v>5</v>
      </c>
      <c r="D13980" s="1" t="s">
        <v>11938</v>
      </c>
      <c r="E13980" s="1" t="s">
        <v>11</v>
      </c>
    </row>
    <row r="13981">
      <c r="A13981" s="1">
        <v>4.90560246E8</v>
      </c>
      <c r="B13981" s="3">
        <v>14021.0</v>
      </c>
      <c r="C13981" s="1" t="s">
        <v>5</v>
      </c>
      <c r="D13981" s="1" t="s">
        <v>11939</v>
      </c>
      <c r="E13981" s="1" t="s">
        <v>7</v>
      </c>
    </row>
    <row r="13982">
      <c r="A13982" s="1">
        <v>4.90560247E8</v>
      </c>
      <c r="B13982" s="3">
        <v>14014.0</v>
      </c>
      <c r="C13982" s="1" t="s">
        <v>5</v>
      </c>
      <c r="D13982" s="1" t="s">
        <v>11940</v>
      </c>
      <c r="E13982" s="1" t="s">
        <v>11</v>
      </c>
    </row>
    <row r="13983">
      <c r="A13983" s="1">
        <v>4.90560269E8</v>
      </c>
      <c r="B13983" s="3">
        <v>14012.0</v>
      </c>
      <c r="C13983" s="1" t="s">
        <v>5</v>
      </c>
      <c r="D13983" s="1" t="s">
        <v>11941</v>
      </c>
      <c r="E13983" s="1" t="s">
        <v>7</v>
      </c>
    </row>
    <row r="13984">
      <c r="A13984" s="1">
        <v>4.90560272E8</v>
      </c>
      <c r="B13984" s="2">
        <v>14088.0</v>
      </c>
      <c r="C13984" s="1" t="s">
        <v>5</v>
      </c>
      <c r="D13984" s="1" t="s">
        <v>11942</v>
      </c>
      <c r="E13984" s="1" t="s">
        <v>7</v>
      </c>
    </row>
    <row r="13985">
      <c r="A13985" s="1">
        <v>4.90560427E8</v>
      </c>
      <c r="B13985" s="3">
        <v>14001.0</v>
      </c>
      <c r="C13985" s="1" t="s">
        <v>5</v>
      </c>
      <c r="D13985" s="1" t="s">
        <v>11</v>
      </c>
      <c r="E13985" s="1" t="s">
        <v>7</v>
      </c>
    </row>
    <row r="13986">
      <c r="A13986" s="1">
        <v>4.90560431E8</v>
      </c>
      <c r="B13986" s="2">
        <v>14086.0</v>
      </c>
      <c r="C13986" s="1" t="s">
        <v>5</v>
      </c>
      <c r="D13986" s="1" t="s">
        <v>11943</v>
      </c>
      <c r="E13986" s="1" t="s">
        <v>7</v>
      </c>
    </row>
    <row r="13987">
      <c r="A13987" s="1">
        <v>4.90560437E8</v>
      </c>
      <c r="B13987" s="2">
        <v>14075.0</v>
      </c>
      <c r="C13987" s="1" t="s">
        <v>5</v>
      </c>
      <c r="D13987" s="1" t="s">
        <v>11944</v>
      </c>
      <c r="E13987" s="1" t="s">
        <v>11945</v>
      </c>
    </row>
    <row r="13988">
      <c r="A13988" s="1">
        <v>4.9056044E8</v>
      </c>
      <c r="B13988" s="2">
        <v>14087.0</v>
      </c>
      <c r="C13988" s="1" t="s">
        <v>5</v>
      </c>
      <c r="D13988" s="1" t="s">
        <v>11946</v>
      </c>
      <c r="E13988" s="1" t="s">
        <v>11947</v>
      </c>
    </row>
    <row r="13989">
      <c r="A13989" s="1">
        <v>4.90560448E8</v>
      </c>
      <c r="B13989" s="3">
        <v>14001.0</v>
      </c>
      <c r="C13989" s="1" t="s">
        <v>5</v>
      </c>
      <c r="D13989" s="1" t="s">
        <v>11948</v>
      </c>
      <c r="E13989" s="1" t="s">
        <v>7</v>
      </c>
    </row>
    <row r="13990">
      <c r="A13990" s="1">
        <v>4.90560474E8</v>
      </c>
      <c r="B13990" s="3">
        <v>14017.0</v>
      </c>
      <c r="C13990" s="1" t="s">
        <v>5</v>
      </c>
      <c r="D13990" s="1" t="s">
        <v>11949</v>
      </c>
      <c r="E13990" s="1" t="s">
        <v>7</v>
      </c>
    </row>
    <row r="13991">
      <c r="A13991" s="1">
        <v>4.9056048E8</v>
      </c>
      <c r="B13991" s="2">
        <v>14084.0</v>
      </c>
      <c r="C13991" s="1" t="s">
        <v>5</v>
      </c>
      <c r="D13991" s="1" t="s">
        <v>11950</v>
      </c>
      <c r="E13991" s="1" t="s">
        <v>7</v>
      </c>
    </row>
    <row r="13992">
      <c r="A13992" s="1">
        <v>4.90560544E8</v>
      </c>
      <c r="B13992" s="2">
        <v>14058.0</v>
      </c>
      <c r="C13992" s="1" t="s">
        <v>5</v>
      </c>
      <c r="D13992" s="1" t="s">
        <v>11951</v>
      </c>
      <c r="E13992" s="1" t="s">
        <v>7</v>
      </c>
    </row>
    <row r="13993">
      <c r="A13993" s="1">
        <v>4.9056055E8</v>
      </c>
      <c r="B13993" s="3">
        <v>14026.0</v>
      </c>
      <c r="C13993" s="1" t="s">
        <v>5</v>
      </c>
      <c r="D13993" s="1" t="s">
        <v>11952</v>
      </c>
      <c r="E13993" s="1" t="s">
        <v>7</v>
      </c>
    </row>
    <row r="13994">
      <c r="A13994" s="1">
        <v>4.90560611E8</v>
      </c>
      <c r="B13994" s="2">
        <v>14086.0</v>
      </c>
      <c r="C13994" s="1" t="s">
        <v>5</v>
      </c>
      <c r="D13994" s="1" t="s">
        <v>11</v>
      </c>
      <c r="E13994" s="1" t="s">
        <v>7</v>
      </c>
    </row>
    <row r="13995">
      <c r="A13995" s="1">
        <v>4.90560633E8</v>
      </c>
      <c r="B13995" s="3">
        <v>14016.0</v>
      </c>
      <c r="C13995" s="1" t="s">
        <v>5</v>
      </c>
      <c r="D13995" s="1" t="s">
        <v>11953</v>
      </c>
      <c r="E13995" s="1" t="s">
        <v>11</v>
      </c>
    </row>
    <row r="13996">
      <c r="A13996" s="1">
        <v>4.90560724E8</v>
      </c>
      <c r="B13996" s="2">
        <v>14057.0</v>
      </c>
      <c r="C13996" s="1" t="s">
        <v>5</v>
      </c>
      <c r="D13996" s="1" t="s">
        <v>11954</v>
      </c>
      <c r="E13996" s="1" t="s">
        <v>7</v>
      </c>
    </row>
    <row r="13997">
      <c r="A13997" s="1">
        <v>4.90560798E8</v>
      </c>
      <c r="B13997" s="3">
        <v>14024.0</v>
      </c>
      <c r="C13997" s="1" t="s">
        <v>5</v>
      </c>
      <c r="D13997" s="1" t="s">
        <v>11</v>
      </c>
      <c r="E13997" s="1" t="s">
        <v>7</v>
      </c>
    </row>
    <row r="13998">
      <c r="A13998" s="1">
        <v>4.90560811E8</v>
      </c>
      <c r="B13998" s="2">
        <v>14076.0</v>
      </c>
      <c r="C13998" s="1" t="s">
        <v>5</v>
      </c>
      <c r="D13998" s="1" t="s">
        <v>11</v>
      </c>
      <c r="E13998" s="1" t="s">
        <v>7</v>
      </c>
    </row>
    <row r="13999">
      <c r="A13999" s="1">
        <v>4.90560874E8</v>
      </c>
      <c r="B13999" s="3">
        <v>14009.0</v>
      </c>
      <c r="C13999" s="1" t="s">
        <v>5</v>
      </c>
      <c r="D13999" s="1" t="s">
        <v>11</v>
      </c>
      <c r="E13999" s="1" t="s">
        <v>7</v>
      </c>
    </row>
    <row r="14000">
      <c r="A14000" s="1">
        <v>4.90560876E8</v>
      </c>
      <c r="B14000" s="2">
        <v>14083.0</v>
      </c>
      <c r="C14000" s="1" t="s">
        <v>5</v>
      </c>
      <c r="D14000" s="1" t="s">
        <v>11</v>
      </c>
      <c r="E14000" s="1" t="s">
        <v>7</v>
      </c>
    </row>
    <row r="14001">
      <c r="A14001" s="1">
        <v>4.90560887E8</v>
      </c>
      <c r="B14001" s="2">
        <v>14075.0</v>
      </c>
      <c r="C14001" s="1" t="s">
        <v>5</v>
      </c>
      <c r="D14001" s="1" t="s">
        <v>11</v>
      </c>
      <c r="E14001" s="1" t="s">
        <v>7</v>
      </c>
    </row>
    <row r="14002">
      <c r="A14002" s="1">
        <v>4.90560915E8</v>
      </c>
      <c r="B14002" s="3">
        <v>14007.0</v>
      </c>
      <c r="C14002" s="1" t="s">
        <v>5</v>
      </c>
      <c r="D14002" s="1" t="s">
        <v>11955</v>
      </c>
      <c r="E14002" s="1" t="s">
        <v>7</v>
      </c>
    </row>
    <row r="14003">
      <c r="A14003" s="1">
        <v>4.90560939E8</v>
      </c>
      <c r="B14003" s="2">
        <v>14058.0</v>
      </c>
      <c r="C14003" s="1" t="s">
        <v>5</v>
      </c>
      <c r="D14003" s="1" t="s">
        <v>11</v>
      </c>
      <c r="E14003" s="1" t="s">
        <v>7</v>
      </c>
    </row>
    <row r="14004">
      <c r="A14004" s="1">
        <v>4.90560947E8</v>
      </c>
      <c r="B14004" s="2">
        <v>14082.0</v>
      </c>
      <c r="C14004" s="1" t="s">
        <v>5</v>
      </c>
      <c r="D14004" s="1" t="s">
        <v>11</v>
      </c>
      <c r="E14004" s="1" t="s">
        <v>7</v>
      </c>
    </row>
    <row r="14005">
      <c r="A14005" s="1">
        <v>4.90561002E8</v>
      </c>
      <c r="B14005" s="2">
        <v>14092.0</v>
      </c>
      <c r="C14005" s="1" t="s">
        <v>5</v>
      </c>
      <c r="D14005" s="1" t="s">
        <v>11956</v>
      </c>
      <c r="E14005" s="1" t="s">
        <v>7</v>
      </c>
    </row>
    <row r="14006">
      <c r="A14006" s="1">
        <v>4.90561027E8</v>
      </c>
      <c r="B14006" s="2">
        <v>14089.0</v>
      </c>
      <c r="C14006" s="1" t="s">
        <v>5</v>
      </c>
      <c r="D14006" s="1" t="s">
        <v>11957</v>
      </c>
      <c r="E14006" s="1" t="s">
        <v>7</v>
      </c>
    </row>
    <row r="14007">
      <c r="A14007" s="1">
        <v>4.90561073E8</v>
      </c>
      <c r="B14007" s="2">
        <v>14082.0</v>
      </c>
      <c r="C14007" s="1" t="s">
        <v>5</v>
      </c>
      <c r="D14007" s="1" t="s">
        <v>11958</v>
      </c>
      <c r="E14007" s="1" t="s">
        <v>7</v>
      </c>
    </row>
    <row r="14008">
      <c r="A14008" s="1">
        <v>4.90561083E8</v>
      </c>
      <c r="B14008" s="3">
        <v>14007.0</v>
      </c>
      <c r="C14008" s="1" t="s">
        <v>5</v>
      </c>
      <c r="D14008" s="1" t="s">
        <v>11</v>
      </c>
      <c r="E14008" s="1" t="s">
        <v>7</v>
      </c>
    </row>
    <row r="14009">
      <c r="A14009" s="1">
        <v>4.90561157E8</v>
      </c>
      <c r="B14009" s="2">
        <v>14057.0</v>
      </c>
      <c r="C14009" s="1" t="s">
        <v>5</v>
      </c>
      <c r="D14009" s="1" t="s">
        <v>11959</v>
      </c>
      <c r="E14009" s="1" t="s">
        <v>7</v>
      </c>
    </row>
    <row r="14010">
      <c r="A14010" s="1">
        <v>4.90561224E8</v>
      </c>
      <c r="B14010" s="2">
        <v>14086.0</v>
      </c>
      <c r="C14010" s="1" t="s">
        <v>5</v>
      </c>
      <c r="D14010" s="1" t="s">
        <v>11960</v>
      </c>
      <c r="E14010" s="1" t="s">
        <v>7</v>
      </c>
    </row>
    <row r="14011">
      <c r="A14011" s="1">
        <v>4.90561226E8</v>
      </c>
      <c r="B14011" s="2">
        <v>14056.0</v>
      </c>
      <c r="C14011" s="1" t="s">
        <v>5</v>
      </c>
      <c r="D14011" s="1" t="s">
        <v>11961</v>
      </c>
      <c r="E14011" s="1" t="s">
        <v>7</v>
      </c>
    </row>
    <row r="14012">
      <c r="A14012" s="1">
        <v>4.90561227E8</v>
      </c>
      <c r="B14012" s="3">
        <v>14013.0</v>
      </c>
      <c r="C14012" s="1" t="s">
        <v>5</v>
      </c>
      <c r="D14012" s="1" t="s">
        <v>11962</v>
      </c>
      <c r="E14012" s="1" t="s">
        <v>11</v>
      </c>
    </row>
    <row r="14013">
      <c r="A14013" s="1">
        <v>4.90561264E8</v>
      </c>
      <c r="B14013" s="2">
        <v>14073.0</v>
      </c>
      <c r="C14013" s="1" t="s">
        <v>5</v>
      </c>
      <c r="D14013" s="1" t="s">
        <v>7</v>
      </c>
      <c r="E14013" s="1" t="s">
        <v>7</v>
      </c>
    </row>
    <row r="14014">
      <c r="A14014" s="1">
        <v>4.90561267E8</v>
      </c>
      <c r="B14014" s="3">
        <v>14014.0</v>
      </c>
      <c r="C14014" s="1" t="s">
        <v>5</v>
      </c>
      <c r="D14014" s="1" t="s">
        <v>11</v>
      </c>
      <c r="E14014" s="1" t="s">
        <v>7</v>
      </c>
    </row>
    <row r="14015">
      <c r="A14015" s="1">
        <v>4.90561313E8</v>
      </c>
      <c r="B14015" s="2">
        <v>14055.0</v>
      </c>
      <c r="C14015" s="1" t="s">
        <v>5</v>
      </c>
      <c r="D14015" s="1" t="s">
        <v>11963</v>
      </c>
      <c r="E14015" s="1" t="s">
        <v>11</v>
      </c>
    </row>
    <row r="14016">
      <c r="A14016" s="1">
        <v>4.90561364E8</v>
      </c>
      <c r="B14016" s="2">
        <v>14087.0</v>
      </c>
      <c r="C14016" s="1" t="s">
        <v>5</v>
      </c>
      <c r="D14016" s="1" t="s">
        <v>11</v>
      </c>
      <c r="E14016" s="1" t="s">
        <v>7</v>
      </c>
    </row>
    <row r="14017">
      <c r="A14017" s="1">
        <v>4.90561387E8</v>
      </c>
      <c r="B14017" s="2">
        <v>14080.0</v>
      </c>
      <c r="C14017" s="1" t="s">
        <v>5</v>
      </c>
      <c r="D14017" s="1" t="s">
        <v>11964</v>
      </c>
      <c r="E14017" s="1" t="s">
        <v>11</v>
      </c>
    </row>
    <row r="14018">
      <c r="A14018" s="1">
        <v>4.90561393E8</v>
      </c>
      <c r="B14018" s="3">
        <v>14012.0</v>
      </c>
      <c r="C14018" s="1" t="s">
        <v>5</v>
      </c>
      <c r="D14018" s="1" t="s">
        <v>11965</v>
      </c>
      <c r="E14018" s="1" t="s">
        <v>7</v>
      </c>
    </row>
    <row r="14019">
      <c r="A14019" s="1">
        <v>4.90561404E8</v>
      </c>
      <c r="B14019" s="2">
        <v>14080.0</v>
      </c>
      <c r="C14019" s="1" t="s">
        <v>5</v>
      </c>
      <c r="D14019" s="1" t="s">
        <v>11</v>
      </c>
      <c r="E14019" s="1" t="s">
        <v>7</v>
      </c>
    </row>
    <row r="14020">
      <c r="A14020" s="1">
        <v>4.9056141E8</v>
      </c>
      <c r="B14020" s="2">
        <v>14072.0</v>
      </c>
      <c r="C14020" s="1" t="s">
        <v>5</v>
      </c>
      <c r="D14020" s="1" t="s">
        <v>11966</v>
      </c>
      <c r="E14020" s="1" t="s">
        <v>7</v>
      </c>
    </row>
    <row r="14021">
      <c r="A14021" s="1">
        <v>4.90561424E8</v>
      </c>
      <c r="B14021" s="3">
        <v>14012.0</v>
      </c>
      <c r="C14021" s="1" t="s">
        <v>5</v>
      </c>
      <c r="D14021" s="1" t="s">
        <v>11967</v>
      </c>
      <c r="E14021" s="1" t="s">
        <v>7</v>
      </c>
    </row>
    <row r="14022">
      <c r="A14022" s="1">
        <v>4.90561442E8</v>
      </c>
      <c r="B14022" s="2">
        <v>14080.0</v>
      </c>
      <c r="C14022" s="1" t="s">
        <v>5</v>
      </c>
      <c r="D14022" s="1" t="s">
        <v>11968</v>
      </c>
      <c r="E14022" s="1" t="s">
        <v>11</v>
      </c>
    </row>
    <row r="14023">
      <c r="A14023" s="1">
        <v>4.90561567E8</v>
      </c>
      <c r="B14023" s="2">
        <v>14084.0</v>
      </c>
      <c r="C14023" s="1" t="s">
        <v>5</v>
      </c>
      <c r="D14023" s="1" t="s">
        <v>11969</v>
      </c>
      <c r="E14023" s="1" t="s">
        <v>7</v>
      </c>
    </row>
    <row r="14024">
      <c r="A14024" s="1">
        <v>4.9056159E8</v>
      </c>
      <c r="B14024" s="2">
        <v>14086.0</v>
      </c>
      <c r="C14024" s="1" t="s">
        <v>5</v>
      </c>
      <c r="D14024" s="1" t="s">
        <v>11970</v>
      </c>
      <c r="E14024" s="1" t="s">
        <v>11</v>
      </c>
    </row>
    <row r="14025">
      <c r="A14025" s="1">
        <v>4.90561602E8</v>
      </c>
      <c r="B14025" s="2">
        <v>14084.0</v>
      </c>
      <c r="C14025" s="1" t="s">
        <v>5</v>
      </c>
      <c r="D14025" s="1" t="s">
        <v>11971</v>
      </c>
      <c r="E14025" s="1" t="s">
        <v>11</v>
      </c>
    </row>
    <row r="14026">
      <c r="A14026" s="1">
        <v>4.90561644E8</v>
      </c>
      <c r="B14026" s="2">
        <v>14078.0</v>
      </c>
      <c r="C14026" s="1" t="s">
        <v>5</v>
      </c>
      <c r="D14026" s="1" t="s">
        <v>11972</v>
      </c>
      <c r="E14026" s="1" t="s">
        <v>7</v>
      </c>
    </row>
    <row r="14027">
      <c r="A14027" s="1">
        <v>4.90561664E8</v>
      </c>
      <c r="B14027" s="2">
        <v>14075.0</v>
      </c>
      <c r="C14027" s="1" t="s">
        <v>5</v>
      </c>
      <c r="D14027" s="1" t="s">
        <v>11973</v>
      </c>
      <c r="E14027" s="1" t="s">
        <v>7</v>
      </c>
    </row>
    <row r="14028">
      <c r="A14028" s="1">
        <v>4.90561681E8</v>
      </c>
      <c r="B14028" s="2">
        <v>14070.0</v>
      </c>
      <c r="C14028" s="1" t="s">
        <v>5</v>
      </c>
      <c r="D14028" s="1" t="s">
        <v>11974</v>
      </c>
      <c r="E14028" s="1" t="s">
        <v>11</v>
      </c>
    </row>
    <row r="14029">
      <c r="A14029" s="1">
        <v>4.90561699E8</v>
      </c>
      <c r="B14029" s="2">
        <v>14054.0</v>
      </c>
      <c r="C14029" s="1" t="s">
        <v>5</v>
      </c>
      <c r="D14029" s="1" t="s">
        <v>11975</v>
      </c>
      <c r="E14029" s="1" t="s">
        <v>7</v>
      </c>
    </row>
    <row r="14030">
      <c r="A14030" s="1">
        <v>4.90561717E8</v>
      </c>
      <c r="B14030" s="2">
        <v>14070.0</v>
      </c>
      <c r="C14030" s="1" t="s">
        <v>5</v>
      </c>
      <c r="D14030" s="1" t="s">
        <v>11976</v>
      </c>
      <c r="E14030" s="1" t="s">
        <v>11977</v>
      </c>
    </row>
    <row r="14031">
      <c r="A14031" s="1">
        <v>4.90561753E8</v>
      </c>
      <c r="B14031" s="2">
        <v>14084.0</v>
      </c>
      <c r="C14031" s="1" t="s">
        <v>5</v>
      </c>
      <c r="D14031" s="1" t="s">
        <v>11978</v>
      </c>
      <c r="E14031" s="1" t="s">
        <v>7</v>
      </c>
    </row>
    <row r="14032">
      <c r="A14032" s="1">
        <v>4.90561756E8</v>
      </c>
      <c r="B14032" s="2">
        <v>14074.0</v>
      </c>
      <c r="C14032" s="1" t="s">
        <v>5</v>
      </c>
      <c r="D14032" s="1" t="s">
        <v>11</v>
      </c>
      <c r="E14032" s="1" t="s">
        <v>7</v>
      </c>
    </row>
    <row r="14033">
      <c r="A14033" s="1">
        <v>4.90561794E8</v>
      </c>
      <c r="B14033" s="2">
        <v>14067.0</v>
      </c>
      <c r="C14033" s="1" t="s">
        <v>5</v>
      </c>
      <c r="D14033" s="1" t="s">
        <v>11</v>
      </c>
      <c r="E14033" s="1" t="s">
        <v>7</v>
      </c>
    </row>
    <row r="14034">
      <c r="A14034" s="1">
        <v>4.90561806E8</v>
      </c>
      <c r="B14034" s="2">
        <v>14052.0</v>
      </c>
      <c r="C14034" s="1" t="s">
        <v>5</v>
      </c>
      <c r="D14034" s="1" t="s">
        <v>11979</v>
      </c>
      <c r="E14034" s="1" t="s">
        <v>11</v>
      </c>
    </row>
    <row r="14035">
      <c r="A14035" s="1">
        <v>4.90561886E8</v>
      </c>
      <c r="B14035" s="2">
        <v>14052.0</v>
      </c>
      <c r="C14035" s="1" t="s">
        <v>5</v>
      </c>
      <c r="D14035" s="1" t="s">
        <v>11</v>
      </c>
      <c r="E14035" s="1" t="s">
        <v>7</v>
      </c>
    </row>
    <row r="14036">
      <c r="A14036" s="1">
        <v>4.90561907E8</v>
      </c>
      <c r="B14036" s="2">
        <v>14077.0</v>
      </c>
      <c r="C14036" s="1" t="s">
        <v>5</v>
      </c>
      <c r="D14036" s="1" t="s">
        <v>11980</v>
      </c>
      <c r="E14036" s="1" t="s">
        <v>7</v>
      </c>
    </row>
    <row r="14037">
      <c r="A14037" s="1">
        <v>4.90561929E8</v>
      </c>
      <c r="B14037" s="2">
        <v>14077.0</v>
      </c>
      <c r="C14037" s="1" t="s">
        <v>5</v>
      </c>
      <c r="D14037" s="1" t="s">
        <v>11981</v>
      </c>
      <c r="E14037" s="1" t="s">
        <v>11</v>
      </c>
    </row>
    <row r="14038">
      <c r="A14038" s="1">
        <v>4.90561957E8</v>
      </c>
      <c r="B14038" s="3">
        <v>14006.0</v>
      </c>
      <c r="C14038" s="1" t="s">
        <v>5</v>
      </c>
      <c r="D14038" s="1" t="s">
        <v>11982</v>
      </c>
      <c r="E14038" s="1" t="s">
        <v>7</v>
      </c>
    </row>
    <row r="14039">
      <c r="A14039" s="1">
        <v>4.90561969E8</v>
      </c>
      <c r="B14039" s="3">
        <v>14001.0</v>
      </c>
      <c r="C14039" s="1" t="s">
        <v>5</v>
      </c>
      <c r="D14039" s="1" t="s">
        <v>11983</v>
      </c>
      <c r="E14039" s="1" t="s">
        <v>11</v>
      </c>
    </row>
    <row r="14040">
      <c r="A14040" s="1">
        <v>4.90562012E8</v>
      </c>
      <c r="B14040" s="3">
        <v>14006.0</v>
      </c>
      <c r="C14040" s="1" t="s">
        <v>5</v>
      </c>
      <c r="D14040" s="1" t="s">
        <v>11984</v>
      </c>
      <c r="E14040" s="1" t="s">
        <v>11</v>
      </c>
    </row>
    <row r="14041">
      <c r="A14041" s="1">
        <v>4.9056205E8</v>
      </c>
      <c r="B14041" s="2">
        <v>14045.0</v>
      </c>
      <c r="C14041" s="1" t="s">
        <v>5</v>
      </c>
      <c r="D14041" s="1" t="s">
        <v>11</v>
      </c>
      <c r="E14041" s="1" t="s">
        <v>7</v>
      </c>
    </row>
    <row r="14042">
      <c r="A14042" s="1">
        <v>4.90562066E8</v>
      </c>
      <c r="B14042" s="3">
        <v>14001.0</v>
      </c>
      <c r="C14042" s="1" t="s">
        <v>5</v>
      </c>
      <c r="D14042" s="1" t="s">
        <v>11985</v>
      </c>
      <c r="E14042" s="1" t="s">
        <v>7</v>
      </c>
    </row>
    <row r="14043">
      <c r="A14043" s="1">
        <v>4.90562069E8</v>
      </c>
      <c r="B14043" s="2">
        <v>14064.0</v>
      </c>
      <c r="C14043" s="1" t="s">
        <v>5</v>
      </c>
      <c r="D14043" s="1" t="s">
        <v>11986</v>
      </c>
      <c r="E14043" s="1" t="s">
        <v>11</v>
      </c>
    </row>
    <row r="14044">
      <c r="A14044" s="1">
        <v>4.90562074E8</v>
      </c>
      <c r="B14044" s="3">
        <v>14020.0</v>
      </c>
      <c r="C14044" s="1" t="s">
        <v>5</v>
      </c>
      <c r="D14044" s="1" t="s">
        <v>11987</v>
      </c>
      <c r="E14044" s="1" t="s">
        <v>7</v>
      </c>
    </row>
    <row r="14045">
      <c r="A14045" s="1">
        <v>4.90562098E8</v>
      </c>
      <c r="B14045" s="2">
        <v>14061.0</v>
      </c>
      <c r="C14045" s="1" t="s">
        <v>5</v>
      </c>
      <c r="D14045" s="1" t="s">
        <v>11</v>
      </c>
      <c r="E14045" s="1" t="s">
        <v>7</v>
      </c>
    </row>
    <row r="14046">
      <c r="A14046" s="1">
        <v>4.9056211E8</v>
      </c>
      <c r="B14046" s="2">
        <v>14063.0</v>
      </c>
      <c r="C14046" s="1" t="s">
        <v>5</v>
      </c>
      <c r="D14046" s="1" t="s">
        <v>11988</v>
      </c>
      <c r="E14046" s="1" t="s">
        <v>7</v>
      </c>
    </row>
    <row r="14047">
      <c r="A14047" s="1">
        <v>4.90562187E8</v>
      </c>
      <c r="B14047" s="2">
        <v>14065.0</v>
      </c>
      <c r="C14047" s="1" t="s">
        <v>5</v>
      </c>
      <c r="D14047" s="1" t="s">
        <v>7</v>
      </c>
      <c r="E14047" s="1" t="s">
        <v>7</v>
      </c>
    </row>
    <row r="14048">
      <c r="A14048" s="1">
        <v>4.90562205E8</v>
      </c>
      <c r="B14048" s="2">
        <v>14078.0</v>
      </c>
      <c r="C14048" s="1" t="s">
        <v>5</v>
      </c>
      <c r="D14048" s="1" t="s">
        <v>11989</v>
      </c>
      <c r="E14048" s="1" t="s">
        <v>11</v>
      </c>
    </row>
    <row r="14049">
      <c r="A14049" s="1">
        <v>4.90562234E8</v>
      </c>
      <c r="B14049" s="2">
        <v>14063.0</v>
      </c>
      <c r="C14049" s="1" t="s">
        <v>5</v>
      </c>
      <c r="D14049" s="1" t="s">
        <v>11318</v>
      </c>
      <c r="E14049" s="1" t="s">
        <v>7</v>
      </c>
    </row>
    <row r="14050">
      <c r="A14050" s="1">
        <v>4.90562236E8</v>
      </c>
      <c r="B14050" s="2">
        <v>14076.0</v>
      </c>
      <c r="C14050" s="1" t="s">
        <v>5</v>
      </c>
      <c r="D14050" s="1" t="s">
        <v>11990</v>
      </c>
      <c r="E14050" s="1" t="s">
        <v>11991</v>
      </c>
    </row>
    <row r="14051">
      <c r="A14051" s="1">
        <v>4.90562276E8</v>
      </c>
      <c r="B14051" s="2">
        <v>14067.0</v>
      </c>
      <c r="C14051" s="1" t="s">
        <v>5</v>
      </c>
      <c r="D14051" s="1" t="s">
        <v>11</v>
      </c>
      <c r="E14051" s="1" t="s">
        <v>7</v>
      </c>
    </row>
    <row r="14052">
      <c r="A14052" s="1">
        <v>4.90562292E8</v>
      </c>
      <c r="B14052" s="2">
        <v>14048.0</v>
      </c>
      <c r="C14052" s="1" t="s">
        <v>5</v>
      </c>
      <c r="D14052" s="1" t="s">
        <v>11992</v>
      </c>
      <c r="E14052" s="1" t="s">
        <v>7</v>
      </c>
    </row>
    <row r="14053">
      <c r="A14053" s="1">
        <v>4.90562324E8</v>
      </c>
      <c r="B14053" s="2">
        <v>14071.0</v>
      </c>
      <c r="C14053" s="1" t="s">
        <v>5</v>
      </c>
      <c r="D14053" s="1" t="s">
        <v>11993</v>
      </c>
      <c r="E14053" s="1" t="s">
        <v>7</v>
      </c>
    </row>
    <row r="14054">
      <c r="A14054" s="1">
        <v>4.90562367E8</v>
      </c>
      <c r="B14054" s="2">
        <v>14061.0</v>
      </c>
      <c r="C14054" s="1" t="s">
        <v>5</v>
      </c>
      <c r="D14054" s="1" t="s">
        <v>11994</v>
      </c>
      <c r="E14054" s="1" t="s">
        <v>7</v>
      </c>
    </row>
    <row r="14055">
      <c r="A14055" s="1">
        <v>4.90562384E8</v>
      </c>
      <c r="B14055" s="3">
        <v>14004.0</v>
      </c>
      <c r="C14055" s="1" t="s">
        <v>5</v>
      </c>
      <c r="D14055" s="1" t="s">
        <v>11995</v>
      </c>
      <c r="E14055" s="1" t="s">
        <v>7</v>
      </c>
    </row>
    <row r="14056">
      <c r="A14056" s="1">
        <v>4.90562486E8</v>
      </c>
      <c r="B14056" s="2">
        <v>14045.0</v>
      </c>
      <c r="C14056" s="1" t="s">
        <v>5</v>
      </c>
      <c r="D14056" s="1" t="s">
        <v>11996</v>
      </c>
      <c r="E14056" s="1" t="s">
        <v>11997</v>
      </c>
    </row>
    <row r="14057">
      <c r="A14057" s="1">
        <v>4.90562505E8</v>
      </c>
      <c r="B14057" s="2">
        <v>14074.0</v>
      </c>
      <c r="C14057" s="1" t="s">
        <v>5</v>
      </c>
      <c r="D14057" s="1" t="s">
        <v>11998</v>
      </c>
      <c r="E14057" s="1" t="s">
        <v>7</v>
      </c>
    </row>
    <row r="14058">
      <c r="A14058" s="1">
        <v>4.90562522E8</v>
      </c>
      <c r="B14058" s="2">
        <v>14071.0</v>
      </c>
      <c r="C14058" s="1" t="s">
        <v>5</v>
      </c>
      <c r="D14058" s="1" t="s">
        <v>11999</v>
      </c>
      <c r="E14058" s="1" t="s">
        <v>11</v>
      </c>
    </row>
    <row r="14059">
      <c r="A14059" s="1">
        <v>4.90562524E8</v>
      </c>
      <c r="B14059" s="2">
        <v>14076.0</v>
      </c>
      <c r="C14059" s="1" t="s">
        <v>5</v>
      </c>
      <c r="D14059" s="1" t="s">
        <v>11</v>
      </c>
      <c r="E14059" s="1" t="s">
        <v>7</v>
      </c>
    </row>
    <row r="14060">
      <c r="A14060" s="1">
        <v>4.90562609E8</v>
      </c>
      <c r="B14060" s="3">
        <v>14021.0</v>
      </c>
      <c r="C14060" s="1" t="s">
        <v>5</v>
      </c>
      <c r="D14060" s="1" t="s">
        <v>12000</v>
      </c>
      <c r="E14060" s="1" t="s">
        <v>11</v>
      </c>
    </row>
    <row r="14061">
      <c r="A14061" s="1">
        <v>4.9056261E8</v>
      </c>
      <c r="B14061" s="2">
        <v>14045.0</v>
      </c>
      <c r="C14061" s="1" t="s">
        <v>5</v>
      </c>
      <c r="D14061" s="1" t="s">
        <v>12001</v>
      </c>
      <c r="E14061" s="1" t="s">
        <v>7</v>
      </c>
    </row>
    <row r="14062">
      <c r="A14062" s="1">
        <v>4.90562729E8</v>
      </c>
      <c r="B14062" s="2">
        <v>14075.0</v>
      </c>
      <c r="C14062" s="1" t="s">
        <v>5</v>
      </c>
      <c r="D14062" s="1" t="s">
        <v>7</v>
      </c>
      <c r="E14062" s="1" t="s">
        <v>7</v>
      </c>
    </row>
    <row r="14063">
      <c r="A14063" s="1">
        <v>4.90562794E8</v>
      </c>
      <c r="B14063" s="2">
        <v>14057.0</v>
      </c>
      <c r="C14063" s="1" t="s">
        <v>5</v>
      </c>
      <c r="D14063" s="1" t="s">
        <v>12002</v>
      </c>
      <c r="E14063" s="1" t="s">
        <v>11</v>
      </c>
    </row>
    <row r="14064">
      <c r="A14064" s="1">
        <v>4.90562796E8</v>
      </c>
      <c r="B14064" s="2">
        <v>14041.0</v>
      </c>
      <c r="C14064" s="1" t="s">
        <v>5</v>
      </c>
      <c r="D14064" s="1" t="s">
        <v>12003</v>
      </c>
      <c r="E14064" s="1" t="s">
        <v>11</v>
      </c>
    </row>
    <row r="14065">
      <c r="A14065" s="1">
        <v>4.90562877E8</v>
      </c>
      <c r="B14065" s="3">
        <v>14015.0</v>
      </c>
      <c r="C14065" s="1" t="s">
        <v>5</v>
      </c>
      <c r="D14065" s="1" t="s">
        <v>12004</v>
      </c>
      <c r="E14065" s="1" t="s">
        <v>7</v>
      </c>
    </row>
    <row r="14066">
      <c r="A14066" s="1">
        <v>4.90562882E8</v>
      </c>
      <c r="B14066" s="2">
        <v>14040.0</v>
      </c>
      <c r="C14066" s="1" t="s">
        <v>5</v>
      </c>
      <c r="D14066" s="1" t="s">
        <v>12005</v>
      </c>
      <c r="E14066" s="1" t="s">
        <v>7</v>
      </c>
    </row>
    <row r="14067">
      <c r="A14067" s="1">
        <v>4.90562923E8</v>
      </c>
      <c r="B14067" s="3">
        <v>14001.0</v>
      </c>
      <c r="C14067" s="1" t="s">
        <v>5</v>
      </c>
      <c r="D14067" s="1" t="s">
        <v>11</v>
      </c>
      <c r="E14067" s="1" t="s">
        <v>7</v>
      </c>
    </row>
    <row r="14068">
      <c r="A14068" s="1">
        <v>4.90562996E8</v>
      </c>
      <c r="B14068" s="2">
        <v>14074.0</v>
      </c>
      <c r="C14068" s="1" t="s">
        <v>5</v>
      </c>
      <c r="D14068" s="1" t="s">
        <v>12006</v>
      </c>
      <c r="E14068" s="1" t="s">
        <v>7</v>
      </c>
    </row>
    <row r="14069">
      <c r="A14069" s="1">
        <v>4.90563009E8</v>
      </c>
      <c r="B14069" s="2">
        <v>14069.0</v>
      </c>
      <c r="C14069" s="1" t="s">
        <v>5</v>
      </c>
      <c r="D14069" s="1" t="s">
        <v>12007</v>
      </c>
      <c r="E14069" s="1" t="s">
        <v>11</v>
      </c>
    </row>
    <row r="14070">
      <c r="A14070" s="1">
        <v>4.90563114E8</v>
      </c>
      <c r="B14070" s="2">
        <v>14042.0</v>
      </c>
      <c r="C14070" s="1" t="s">
        <v>5</v>
      </c>
      <c r="D14070" s="1" t="s">
        <v>12008</v>
      </c>
      <c r="E14070" s="1" t="s">
        <v>7</v>
      </c>
    </row>
    <row r="14071">
      <c r="A14071" s="1">
        <v>4.9056313E8</v>
      </c>
      <c r="B14071" s="2">
        <v>14069.0</v>
      </c>
      <c r="C14071" s="1" t="s">
        <v>5</v>
      </c>
      <c r="D14071" s="1" t="s">
        <v>12009</v>
      </c>
      <c r="E14071" s="1" t="s">
        <v>11</v>
      </c>
    </row>
    <row r="14072">
      <c r="A14072" s="1">
        <v>4.90563184E8</v>
      </c>
      <c r="B14072" s="2">
        <v>14041.0</v>
      </c>
      <c r="C14072" s="1" t="s">
        <v>5</v>
      </c>
      <c r="D14072" s="1" t="s">
        <v>12010</v>
      </c>
      <c r="E14072" s="1" t="s">
        <v>7</v>
      </c>
    </row>
    <row r="14073">
      <c r="A14073" s="1">
        <v>4.90563226E8</v>
      </c>
      <c r="B14073" s="2">
        <v>14069.0</v>
      </c>
      <c r="C14073" s="1" t="s">
        <v>5</v>
      </c>
      <c r="D14073" s="1" t="s">
        <v>11</v>
      </c>
      <c r="E14073" s="1" t="s">
        <v>7</v>
      </c>
    </row>
    <row r="14074">
      <c r="A14074" s="1">
        <v>4.90563307E8</v>
      </c>
      <c r="B14074" s="2">
        <v>14060.0</v>
      </c>
      <c r="C14074" s="1" t="s">
        <v>5</v>
      </c>
      <c r="D14074" s="1" t="s">
        <v>12011</v>
      </c>
      <c r="E14074" s="1" t="s">
        <v>7</v>
      </c>
    </row>
    <row r="14075">
      <c r="A14075" s="1">
        <v>4.90563325E8</v>
      </c>
      <c r="B14075" s="2">
        <v>14065.0</v>
      </c>
      <c r="C14075" s="1" t="s">
        <v>5</v>
      </c>
      <c r="D14075" s="1" t="s">
        <v>12012</v>
      </c>
      <c r="E14075" s="1" t="s">
        <v>11</v>
      </c>
    </row>
    <row r="14076">
      <c r="A14076" s="1">
        <v>4.90563384E8</v>
      </c>
      <c r="B14076" s="2">
        <v>14065.0</v>
      </c>
      <c r="C14076" s="1" t="s">
        <v>5</v>
      </c>
      <c r="D14076" s="1" t="s">
        <v>12013</v>
      </c>
      <c r="E14076" s="1" t="s">
        <v>7</v>
      </c>
    </row>
    <row r="14077">
      <c r="A14077" s="1">
        <v>4.90563387E8</v>
      </c>
      <c r="B14077" s="2">
        <v>14040.0</v>
      </c>
      <c r="C14077" s="1" t="s">
        <v>5</v>
      </c>
      <c r="D14077" s="1" t="s">
        <v>11</v>
      </c>
      <c r="E14077" s="1" t="s">
        <v>7</v>
      </c>
    </row>
    <row r="14078">
      <c r="A14078" s="1">
        <v>4.90563394E8</v>
      </c>
      <c r="B14078" s="2">
        <v>14064.0</v>
      </c>
      <c r="C14078" s="1" t="s">
        <v>5</v>
      </c>
      <c r="D14078" s="1" t="s">
        <v>12014</v>
      </c>
      <c r="E14078" s="1" t="s">
        <v>7</v>
      </c>
    </row>
    <row r="14079">
      <c r="A14079" s="1">
        <v>4.90563396E8</v>
      </c>
      <c r="B14079" s="2">
        <v>14059.0</v>
      </c>
      <c r="C14079" s="1" t="s">
        <v>5</v>
      </c>
      <c r="D14079" s="1" t="s">
        <v>12015</v>
      </c>
      <c r="E14079" s="1" t="s">
        <v>7</v>
      </c>
    </row>
    <row r="14080">
      <c r="A14080" s="1">
        <v>4.90563406E8</v>
      </c>
      <c r="B14080" s="2">
        <v>14039.0</v>
      </c>
      <c r="C14080" s="1" t="s">
        <v>5</v>
      </c>
      <c r="D14080" s="1" t="s">
        <v>12016</v>
      </c>
      <c r="E14080" s="1" t="s">
        <v>7</v>
      </c>
    </row>
    <row r="14081">
      <c r="A14081" s="1">
        <v>4.90563423E8</v>
      </c>
      <c r="B14081" s="2">
        <v>14067.0</v>
      </c>
      <c r="C14081" s="1" t="s">
        <v>5</v>
      </c>
      <c r="D14081" s="1" t="s">
        <v>11</v>
      </c>
      <c r="E14081" s="1" t="s">
        <v>7</v>
      </c>
    </row>
    <row r="14082">
      <c r="A14082" s="1">
        <v>4.90563524E8</v>
      </c>
      <c r="B14082" s="2">
        <v>14066.0</v>
      </c>
      <c r="C14082" s="1" t="s">
        <v>5</v>
      </c>
      <c r="D14082" s="1" t="s">
        <v>11</v>
      </c>
      <c r="E14082" s="1" t="s">
        <v>7</v>
      </c>
    </row>
    <row r="14083">
      <c r="A14083" s="1">
        <v>4.90563717E8</v>
      </c>
      <c r="B14083" s="2">
        <v>14067.0</v>
      </c>
      <c r="C14083" s="1" t="s">
        <v>5</v>
      </c>
      <c r="D14083" s="1" t="s">
        <v>11</v>
      </c>
      <c r="E14083" s="1" t="s">
        <v>7</v>
      </c>
    </row>
    <row r="14084">
      <c r="A14084" s="1">
        <v>4.90563745E8</v>
      </c>
      <c r="B14084" s="2">
        <v>14090.0</v>
      </c>
      <c r="C14084" s="1" t="s">
        <v>5</v>
      </c>
      <c r="D14084" s="1" t="s">
        <v>12017</v>
      </c>
      <c r="E14084" s="1" t="s">
        <v>7</v>
      </c>
    </row>
    <row r="14085">
      <c r="A14085" s="1">
        <v>4.90563747E8</v>
      </c>
      <c r="B14085" s="2">
        <v>14032.0</v>
      </c>
      <c r="C14085" s="1" t="s">
        <v>5</v>
      </c>
      <c r="D14085" s="1" t="s">
        <v>12018</v>
      </c>
      <c r="E14085" s="1" t="s">
        <v>7</v>
      </c>
    </row>
    <row r="14086">
      <c r="A14086" s="1">
        <v>4.9056375E8</v>
      </c>
      <c r="B14086" s="2">
        <v>14069.0</v>
      </c>
      <c r="C14086" s="1" t="s">
        <v>5</v>
      </c>
      <c r="D14086" s="1" t="s">
        <v>12019</v>
      </c>
      <c r="E14086" s="1" t="s">
        <v>11</v>
      </c>
    </row>
    <row r="14087">
      <c r="A14087" s="1">
        <v>4.90563782E8</v>
      </c>
      <c r="B14087" s="2">
        <v>14063.0</v>
      </c>
      <c r="C14087" s="1" t="s">
        <v>5</v>
      </c>
      <c r="D14087" s="1" t="s">
        <v>12020</v>
      </c>
      <c r="E14087" s="1" t="s">
        <v>7</v>
      </c>
    </row>
    <row r="14088">
      <c r="A14088" s="1">
        <v>4.90563805E8</v>
      </c>
      <c r="B14088" s="2">
        <v>14050.0</v>
      </c>
      <c r="C14088" s="1" t="s">
        <v>5</v>
      </c>
      <c r="D14088" s="1" t="s">
        <v>12021</v>
      </c>
      <c r="E14088" s="1" t="s">
        <v>7</v>
      </c>
    </row>
    <row r="14089">
      <c r="A14089" s="1">
        <v>4.90563907E8</v>
      </c>
      <c r="B14089" s="3">
        <v>14004.0</v>
      </c>
      <c r="C14089" s="1" t="s">
        <v>5</v>
      </c>
      <c r="D14089" s="1" t="s">
        <v>12022</v>
      </c>
      <c r="E14089" s="1" t="s">
        <v>11</v>
      </c>
    </row>
    <row r="14090">
      <c r="A14090" s="1">
        <v>4.90563986E8</v>
      </c>
      <c r="B14090" s="2">
        <v>14050.0</v>
      </c>
      <c r="C14090" s="1" t="s">
        <v>5</v>
      </c>
      <c r="D14090" s="1" t="s">
        <v>12023</v>
      </c>
      <c r="E14090" s="1" t="s">
        <v>11</v>
      </c>
    </row>
    <row r="14091">
      <c r="A14091" s="1">
        <v>4.90563997E8</v>
      </c>
      <c r="B14091" s="2">
        <v>14056.0</v>
      </c>
      <c r="C14091" s="1" t="s">
        <v>5</v>
      </c>
      <c r="D14091" s="1" t="s">
        <v>12024</v>
      </c>
      <c r="E14091" s="1" t="s">
        <v>7</v>
      </c>
    </row>
    <row r="14092">
      <c r="A14092" s="1">
        <v>4.90564039E8</v>
      </c>
      <c r="B14092" s="2">
        <v>14065.0</v>
      </c>
      <c r="C14092" s="1" t="s">
        <v>5</v>
      </c>
      <c r="D14092" s="1" t="s">
        <v>11</v>
      </c>
      <c r="E14092" s="1" t="s">
        <v>7</v>
      </c>
    </row>
    <row r="14093">
      <c r="A14093" s="1">
        <v>4.90564212E8</v>
      </c>
      <c r="B14093" s="2">
        <v>14063.0</v>
      </c>
      <c r="C14093" s="1" t="s">
        <v>5</v>
      </c>
      <c r="D14093" s="1" t="s">
        <v>12025</v>
      </c>
      <c r="E14093" s="1" t="s">
        <v>11</v>
      </c>
    </row>
    <row r="14094">
      <c r="A14094" s="1">
        <v>4.90564301E8</v>
      </c>
      <c r="B14094" s="2">
        <v>14049.0</v>
      </c>
      <c r="C14094" s="1" t="s">
        <v>5</v>
      </c>
      <c r="D14094" s="1" t="s">
        <v>12026</v>
      </c>
      <c r="E14094" s="1" t="s">
        <v>11</v>
      </c>
    </row>
    <row r="14095">
      <c r="A14095" s="1">
        <v>4.90564322E8</v>
      </c>
      <c r="B14095" s="2">
        <v>14064.0</v>
      </c>
      <c r="C14095" s="1" t="s">
        <v>5</v>
      </c>
      <c r="D14095" s="1" t="s">
        <v>11</v>
      </c>
      <c r="E14095" s="1" t="s">
        <v>7</v>
      </c>
    </row>
    <row r="14096">
      <c r="A14096" s="1">
        <v>4.90564333E8</v>
      </c>
      <c r="B14096" s="2">
        <v>14065.0</v>
      </c>
      <c r="C14096" s="1" t="s">
        <v>5</v>
      </c>
      <c r="D14096" s="1" t="s">
        <v>11</v>
      </c>
      <c r="E14096" s="1" t="s">
        <v>7</v>
      </c>
    </row>
    <row r="14097">
      <c r="A14097" s="1">
        <v>4.90564343E8</v>
      </c>
      <c r="B14097" s="2">
        <v>14121.0</v>
      </c>
      <c r="C14097" s="1" t="s">
        <v>5</v>
      </c>
      <c r="D14097" s="1" t="s">
        <v>12027</v>
      </c>
      <c r="E14097" s="1" t="s">
        <v>7</v>
      </c>
    </row>
    <row r="14098">
      <c r="A14098" s="1">
        <v>4.90564385E8</v>
      </c>
      <c r="B14098" s="2">
        <v>14082.0</v>
      </c>
      <c r="C14098" s="1" t="s">
        <v>5</v>
      </c>
      <c r="D14098" s="1" t="s">
        <v>12028</v>
      </c>
      <c r="E14098" s="1" t="s">
        <v>12029</v>
      </c>
    </row>
    <row r="14099">
      <c r="A14099" s="1">
        <v>4.90564449E8</v>
      </c>
      <c r="B14099" s="2">
        <v>14065.0</v>
      </c>
      <c r="C14099" s="1" t="s">
        <v>5</v>
      </c>
      <c r="D14099" s="1" t="s">
        <v>12030</v>
      </c>
      <c r="E14099" s="1" t="s">
        <v>11</v>
      </c>
    </row>
    <row r="14100">
      <c r="A14100" s="1">
        <v>4.90564464E8</v>
      </c>
      <c r="B14100" s="2">
        <v>14048.0</v>
      </c>
      <c r="C14100" s="1" t="s">
        <v>5</v>
      </c>
      <c r="D14100" s="1" t="s">
        <v>11</v>
      </c>
      <c r="E14100" s="1" t="s">
        <v>7</v>
      </c>
    </row>
    <row r="14101">
      <c r="A14101" s="1">
        <v>4.90564501E8</v>
      </c>
      <c r="B14101" s="2">
        <v>14065.0</v>
      </c>
      <c r="C14101" s="1" t="s">
        <v>5</v>
      </c>
      <c r="D14101" s="1" t="s">
        <v>12031</v>
      </c>
      <c r="E14101" s="1" t="s">
        <v>11</v>
      </c>
    </row>
    <row r="14102">
      <c r="A14102" s="1">
        <v>4.90564613E8</v>
      </c>
      <c r="B14102" s="2">
        <v>14111.0</v>
      </c>
      <c r="C14102" s="1" t="s">
        <v>5</v>
      </c>
      <c r="D14102" s="1" t="s">
        <v>12032</v>
      </c>
      <c r="E14102" s="1" t="s">
        <v>7</v>
      </c>
    </row>
    <row r="14103">
      <c r="A14103" s="1">
        <v>4.90564639E8</v>
      </c>
      <c r="B14103" s="2">
        <v>14064.0</v>
      </c>
      <c r="C14103" s="1" t="s">
        <v>5</v>
      </c>
      <c r="D14103" s="1" t="s">
        <v>12033</v>
      </c>
      <c r="E14103" s="1" t="s">
        <v>7</v>
      </c>
    </row>
    <row r="14104">
      <c r="A14104" s="1">
        <v>4.90564859E8</v>
      </c>
      <c r="B14104" s="2">
        <v>14057.0</v>
      </c>
      <c r="C14104" s="1" t="s">
        <v>5</v>
      </c>
      <c r="D14104" s="1" t="s">
        <v>11</v>
      </c>
      <c r="E14104" s="1" t="s">
        <v>7</v>
      </c>
    </row>
    <row r="14105">
      <c r="A14105" s="1">
        <v>4.90564893E8</v>
      </c>
      <c r="B14105" s="2">
        <v>14045.0</v>
      </c>
      <c r="C14105" s="1" t="s">
        <v>5</v>
      </c>
      <c r="D14105" s="1" t="s">
        <v>12034</v>
      </c>
      <c r="E14105" s="1" t="s">
        <v>7</v>
      </c>
    </row>
    <row r="14106">
      <c r="A14106" s="1">
        <v>4.90564905E8</v>
      </c>
      <c r="B14106" s="2">
        <v>14041.0</v>
      </c>
      <c r="C14106" s="1" t="s">
        <v>5</v>
      </c>
      <c r="D14106" s="1" t="s">
        <v>11</v>
      </c>
      <c r="E14106" s="1" t="s">
        <v>7</v>
      </c>
    </row>
    <row r="14107">
      <c r="A14107" s="1">
        <v>4.90565058E8</v>
      </c>
      <c r="B14107" s="2">
        <v>14122.0</v>
      </c>
      <c r="C14107" s="1" t="s">
        <v>5</v>
      </c>
      <c r="D14107" s="1" t="s">
        <v>12035</v>
      </c>
      <c r="E14107" s="1" t="s">
        <v>7</v>
      </c>
    </row>
    <row r="14108">
      <c r="A14108" s="1">
        <v>4.90565084E8</v>
      </c>
      <c r="B14108" s="2">
        <v>14116.0</v>
      </c>
      <c r="C14108" s="1" t="s">
        <v>5</v>
      </c>
      <c r="D14108" s="1" t="s">
        <v>11</v>
      </c>
      <c r="E14108" s="1" t="s">
        <v>7</v>
      </c>
    </row>
    <row r="14109">
      <c r="A14109" s="1">
        <v>4.90565136E8</v>
      </c>
      <c r="B14109" s="2">
        <v>14056.0</v>
      </c>
      <c r="C14109" s="1" t="s">
        <v>5</v>
      </c>
      <c r="D14109" s="1" t="s">
        <v>11</v>
      </c>
      <c r="E14109" s="1" t="s">
        <v>7</v>
      </c>
    </row>
    <row r="14110">
      <c r="A14110" s="1">
        <v>4.90565174E8</v>
      </c>
      <c r="B14110" s="2">
        <v>14116.0</v>
      </c>
      <c r="C14110" s="1" t="s">
        <v>5</v>
      </c>
      <c r="D14110" s="1" t="s">
        <v>12036</v>
      </c>
      <c r="E14110" s="1" t="s">
        <v>11</v>
      </c>
    </row>
    <row r="14111">
      <c r="A14111" s="1">
        <v>4.90565257E8</v>
      </c>
      <c r="B14111" s="2">
        <v>14055.0</v>
      </c>
      <c r="C14111" s="1" t="s">
        <v>5</v>
      </c>
      <c r="D14111" s="1" t="s">
        <v>11</v>
      </c>
      <c r="E14111" s="1" t="s">
        <v>7</v>
      </c>
    </row>
    <row r="14112">
      <c r="A14112" s="1">
        <v>4.90565261E8</v>
      </c>
      <c r="B14112" s="2">
        <v>14117.0</v>
      </c>
      <c r="C14112" s="1" t="s">
        <v>5</v>
      </c>
      <c r="D14112" s="1" t="s">
        <v>12037</v>
      </c>
      <c r="E14112" s="1" t="s">
        <v>7</v>
      </c>
    </row>
    <row r="14113">
      <c r="A14113" s="1">
        <v>4.90565439E8</v>
      </c>
      <c r="B14113" s="2">
        <v>14036.0</v>
      </c>
      <c r="C14113" s="1" t="s">
        <v>5</v>
      </c>
      <c r="D14113" s="1" t="s">
        <v>12038</v>
      </c>
      <c r="E14113" s="1" t="s">
        <v>7</v>
      </c>
    </row>
    <row r="14114">
      <c r="A14114" s="1">
        <v>4.90565454E8</v>
      </c>
      <c r="B14114" s="2">
        <v>14053.0</v>
      </c>
      <c r="C14114" s="1" t="s">
        <v>5</v>
      </c>
      <c r="D14114" s="1" t="s">
        <v>11</v>
      </c>
      <c r="E14114" s="1" t="s">
        <v>7</v>
      </c>
    </row>
    <row r="14115">
      <c r="A14115" s="1">
        <v>4.90565642E8</v>
      </c>
      <c r="B14115" s="2">
        <v>14043.0</v>
      </c>
      <c r="C14115" s="1" t="s">
        <v>5</v>
      </c>
      <c r="D14115" s="1" t="s">
        <v>12039</v>
      </c>
      <c r="E14115" s="1" t="s">
        <v>7</v>
      </c>
    </row>
    <row r="14116">
      <c r="A14116" s="1">
        <v>4.90565689E8</v>
      </c>
      <c r="B14116" s="2">
        <v>14036.0</v>
      </c>
      <c r="C14116" s="1" t="s">
        <v>5</v>
      </c>
      <c r="D14116" s="1" t="s">
        <v>11</v>
      </c>
      <c r="E14116" s="1" t="s">
        <v>7</v>
      </c>
    </row>
    <row r="14117">
      <c r="A14117" s="1">
        <v>4.90565802E8</v>
      </c>
      <c r="B14117" s="2">
        <v>14114.0</v>
      </c>
      <c r="C14117" s="1" t="s">
        <v>5</v>
      </c>
      <c r="D14117" s="1" t="s">
        <v>11</v>
      </c>
      <c r="E14117" s="1" t="s">
        <v>7</v>
      </c>
    </row>
    <row r="14118">
      <c r="A14118" s="1">
        <v>4.90565816E8</v>
      </c>
      <c r="B14118" s="2">
        <v>14111.0</v>
      </c>
      <c r="C14118" s="1" t="s">
        <v>5</v>
      </c>
      <c r="D14118" s="1" t="s">
        <v>12040</v>
      </c>
      <c r="E14118" s="1" t="s">
        <v>12041</v>
      </c>
    </row>
    <row r="14119">
      <c r="A14119" s="1">
        <v>4.90565867E8</v>
      </c>
      <c r="B14119" s="2">
        <v>14113.0</v>
      </c>
      <c r="C14119" s="1" t="s">
        <v>5</v>
      </c>
      <c r="D14119" s="1" t="s">
        <v>12042</v>
      </c>
      <c r="E14119" s="1" t="s">
        <v>7</v>
      </c>
    </row>
    <row r="14120">
      <c r="A14120" s="1">
        <v>4.90565894E8</v>
      </c>
      <c r="B14120" s="2">
        <v>14107.0</v>
      </c>
      <c r="C14120" s="1" t="s">
        <v>5</v>
      </c>
      <c r="D14120" s="1" t="s">
        <v>11</v>
      </c>
      <c r="E14120" s="1" t="s">
        <v>7</v>
      </c>
    </row>
    <row r="14121">
      <c r="A14121" s="1">
        <v>4.90565923E8</v>
      </c>
      <c r="B14121" s="2">
        <v>14111.0</v>
      </c>
      <c r="C14121" s="1" t="s">
        <v>5</v>
      </c>
      <c r="D14121" s="1" t="s">
        <v>12043</v>
      </c>
      <c r="E14121" s="1" t="s">
        <v>11</v>
      </c>
    </row>
    <row r="14122">
      <c r="A14122" s="1">
        <v>4.90565943E8</v>
      </c>
      <c r="B14122" s="2">
        <v>14045.0</v>
      </c>
      <c r="C14122" s="1" t="s">
        <v>5</v>
      </c>
      <c r="D14122" s="1" t="s">
        <v>12044</v>
      </c>
      <c r="E14122" s="1" t="s">
        <v>12045</v>
      </c>
    </row>
    <row r="14123">
      <c r="A14123" s="1">
        <v>4.90565981E8</v>
      </c>
      <c r="B14123" s="2">
        <v>14050.0</v>
      </c>
      <c r="C14123" s="1" t="s">
        <v>5</v>
      </c>
      <c r="D14123" s="1" t="s">
        <v>12046</v>
      </c>
      <c r="E14123" s="1" t="s">
        <v>7</v>
      </c>
    </row>
    <row r="14124">
      <c r="A14124" s="1">
        <v>4.90565989E8</v>
      </c>
      <c r="B14124" s="2">
        <v>14110.0</v>
      </c>
      <c r="C14124" s="1" t="s">
        <v>5</v>
      </c>
      <c r="D14124" s="1" t="s">
        <v>12047</v>
      </c>
      <c r="E14124" s="1" t="s">
        <v>12048</v>
      </c>
    </row>
    <row r="14125">
      <c r="A14125" s="1">
        <v>4.90566193E8</v>
      </c>
      <c r="B14125" s="2">
        <v>14101.0</v>
      </c>
      <c r="C14125" s="1" t="s">
        <v>5</v>
      </c>
      <c r="D14125" s="1" t="s">
        <v>11</v>
      </c>
      <c r="E14125" s="1" t="s">
        <v>7</v>
      </c>
    </row>
    <row r="14126">
      <c r="A14126" s="1">
        <v>4.905664E8</v>
      </c>
      <c r="B14126" s="2">
        <v>14097.0</v>
      </c>
      <c r="C14126" s="1" t="s">
        <v>5</v>
      </c>
      <c r="D14126" s="1" t="s">
        <v>12049</v>
      </c>
      <c r="E14126" s="1" t="s">
        <v>11</v>
      </c>
    </row>
    <row r="14127">
      <c r="A14127" s="1">
        <v>4.9056641E8</v>
      </c>
      <c r="B14127" s="2">
        <v>14106.0</v>
      </c>
      <c r="C14127" s="1" t="s">
        <v>5</v>
      </c>
      <c r="D14127" s="1" t="s">
        <v>12050</v>
      </c>
      <c r="E14127" s="1" t="s">
        <v>7</v>
      </c>
    </row>
    <row r="14128">
      <c r="A14128" s="1">
        <v>4.90566418E8</v>
      </c>
      <c r="B14128" s="2">
        <v>14111.0</v>
      </c>
      <c r="C14128" s="1" t="s">
        <v>5</v>
      </c>
      <c r="D14128" s="1" t="s">
        <v>12051</v>
      </c>
      <c r="E14128" s="1" t="s">
        <v>7</v>
      </c>
    </row>
    <row r="14129">
      <c r="A14129" s="1">
        <v>4.90566518E8</v>
      </c>
      <c r="B14129" s="3">
        <v>14001.0</v>
      </c>
      <c r="C14129" s="1" t="s">
        <v>5</v>
      </c>
      <c r="D14129" s="1" t="s">
        <v>12052</v>
      </c>
      <c r="E14129" s="1" t="s">
        <v>7</v>
      </c>
    </row>
    <row r="14130">
      <c r="A14130" s="1">
        <v>4.90566534E8</v>
      </c>
      <c r="B14130" s="2">
        <v>14108.0</v>
      </c>
      <c r="C14130" s="1" t="s">
        <v>5</v>
      </c>
      <c r="D14130" s="1" t="s">
        <v>12053</v>
      </c>
      <c r="E14130" s="1" t="s">
        <v>7</v>
      </c>
    </row>
    <row r="14131">
      <c r="A14131" s="1">
        <v>4.90566539E8</v>
      </c>
      <c r="B14131" s="2">
        <v>14046.0</v>
      </c>
      <c r="C14131" s="1" t="s">
        <v>5</v>
      </c>
      <c r="D14131" s="1" t="s">
        <v>12054</v>
      </c>
      <c r="E14131" s="1" t="s">
        <v>11</v>
      </c>
    </row>
    <row r="14132">
      <c r="A14132" s="1">
        <v>4.9056657E8</v>
      </c>
      <c r="B14132" s="2">
        <v>14032.0</v>
      </c>
      <c r="C14132" s="1" t="s">
        <v>5</v>
      </c>
      <c r="D14132" s="1" t="s">
        <v>12055</v>
      </c>
      <c r="E14132" s="1" t="s">
        <v>7</v>
      </c>
    </row>
    <row r="14133">
      <c r="A14133" s="1">
        <v>4.90566572E8</v>
      </c>
      <c r="B14133" s="2">
        <v>14108.0</v>
      </c>
      <c r="C14133" s="1" t="s">
        <v>5</v>
      </c>
      <c r="D14133" s="1" t="s">
        <v>12056</v>
      </c>
      <c r="E14133" s="1" t="s">
        <v>12057</v>
      </c>
    </row>
    <row r="14134">
      <c r="A14134" s="1">
        <v>4.90566576E8</v>
      </c>
      <c r="B14134" s="2">
        <v>14108.0</v>
      </c>
      <c r="C14134" s="1" t="s">
        <v>5</v>
      </c>
      <c r="D14134" s="1" t="s">
        <v>11</v>
      </c>
      <c r="E14134" s="1" t="s">
        <v>7</v>
      </c>
    </row>
    <row r="14135">
      <c r="A14135" s="1">
        <v>4.90566661E8</v>
      </c>
      <c r="B14135" s="2">
        <v>14107.0</v>
      </c>
      <c r="C14135" s="1" t="s">
        <v>5</v>
      </c>
      <c r="D14135" s="1" t="s">
        <v>12058</v>
      </c>
      <c r="E14135" s="1" t="s">
        <v>11</v>
      </c>
    </row>
    <row r="14136">
      <c r="A14136" s="1">
        <v>4.90566662E8</v>
      </c>
      <c r="B14136" s="2">
        <v>14108.0</v>
      </c>
      <c r="C14136" s="1" t="s">
        <v>5</v>
      </c>
      <c r="D14136" s="1" t="s">
        <v>12059</v>
      </c>
      <c r="E14136" s="1" t="s">
        <v>7</v>
      </c>
    </row>
    <row r="14137">
      <c r="A14137" s="1">
        <v>4.90566686E8</v>
      </c>
      <c r="B14137" s="2">
        <v>14112.0</v>
      </c>
      <c r="C14137" s="1" t="s">
        <v>5</v>
      </c>
      <c r="D14137" s="1" t="s">
        <v>12060</v>
      </c>
      <c r="E14137" s="1" t="s">
        <v>7</v>
      </c>
    </row>
    <row r="14138">
      <c r="A14138" s="1">
        <v>4.90566742E8</v>
      </c>
      <c r="B14138" s="2">
        <v>14104.0</v>
      </c>
      <c r="C14138" s="1" t="s">
        <v>5</v>
      </c>
      <c r="D14138" s="1" t="s">
        <v>12061</v>
      </c>
      <c r="E14138" s="1" t="s">
        <v>12062</v>
      </c>
    </row>
    <row r="14139">
      <c r="A14139" s="1">
        <v>4.90566759E8</v>
      </c>
      <c r="B14139" s="2">
        <v>14160.0</v>
      </c>
      <c r="C14139" s="1" t="s">
        <v>5</v>
      </c>
      <c r="D14139" s="1" t="s">
        <v>12063</v>
      </c>
      <c r="E14139" s="1" t="s">
        <v>12064</v>
      </c>
    </row>
    <row r="14140">
      <c r="A14140" s="1">
        <v>4.90566763E8</v>
      </c>
      <c r="B14140" s="2">
        <v>14044.0</v>
      </c>
      <c r="C14140" s="1" t="s">
        <v>5</v>
      </c>
      <c r="D14140" s="1" t="s">
        <v>12065</v>
      </c>
      <c r="E14140" s="1" t="s">
        <v>11</v>
      </c>
    </row>
    <row r="14141">
      <c r="A14141" s="1">
        <v>4.90566779E8</v>
      </c>
      <c r="B14141" s="2">
        <v>14112.0</v>
      </c>
      <c r="C14141" s="1" t="s">
        <v>5</v>
      </c>
      <c r="D14141" s="1" t="s">
        <v>11</v>
      </c>
      <c r="E14141" s="1" t="s">
        <v>7</v>
      </c>
    </row>
    <row r="14142">
      <c r="A14142" s="1">
        <v>4.90566899E8</v>
      </c>
      <c r="B14142" s="2">
        <v>14098.0</v>
      </c>
      <c r="C14142" s="1" t="s">
        <v>5</v>
      </c>
      <c r="D14142" s="1" t="s">
        <v>12066</v>
      </c>
      <c r="E14142" s="1" t="s">
        <v>7</v>
      </c>
    </row>
    <row r="14143">
      <c r="A14143" s="1">
        <v>4.90566958E8</v>
      </c>
      <c r="B14143" s="2">
        <v>14174.0</v>
      </c>
      <c r="C14143" s="1" t="s">
        <v>5</v>
      </c>
      <c r="D14143" s="1" t="s">
        <v>11</v>
      </c>
      <c r="E14143" s="1" t="s">
        <v>7</v>
      </c>
    </row>
    <row r="14144">
      <c r="A14144" s="1">
        <v>4.90566963E8</v>
      </c>
      <c r="B14144" s="2">
        <v>14080.0</v>
      </c>
      <c r="C14144" s="1" t="s">
        <v>5</v>
      </c>
      <c r="D14144" s="1" t="s">
        <v>12067</v>
      </c>
      <c r="E14144" s="1" t="s">
        <v>7</v>
      </c>
    </row>
    <row r="14145">
      <c r="A14145" s="1">
        <v>4.90566983E8</v>
      </c>
      <c r="B14145" s="2">
        <v>14098.0</v>
      </c>
      <c r="C14145" s="1" t="s">
        <v>5</v>
      </c>
      <c r="D14145" s="1" t="s">
        <v>11</v>
      </c>
      <c r="E14145" s="1" t="s">
        <v>7</v>
      </c>
    </row>
    <row r="14146">
      <c r="A14146" s="1">
        <v>4.90567025E8</v>
      </c>
      <c r="B14146" s="2">
        <v>14095.0</v>
      </c>
      <c r="C14146" s="1" t="s">
        <v>5</v>
      </c>
      <c r="D14146" s="1" t="s">
        <v>12068</v>
      </c>
      <c r="E14146" s="1" t="s">
        <v>11</v>
      </c>
    </row>
    <row r="14147">
      <c r="A14147" s="1">
        <v>4.90567153E8</v>
      </c>
      <c r="B14147" s="2">
        <v>14109.0</v>
      </c>
      <c r="C14147" s="1" t="s">
        <v>5</v>
      </c>
      <c r="D14147" s="1" t="s">
        <v>12069</v>
      </c>
      <c r="E14147" s="1" t="s">
        <v>11</v>
      </c>
    </row>
    <row r="14148">
      <c r="A14148" s="1">
        <v>4.90567177E8</v>
      </c>
      <c r="B14148" s="2">
        <v>14108.0</v>
      </c>
      <c r="C14148" s="1" t="s">
        <v>5</v>
      </c>
      <c r="D14148" s="1" t="s">
        <v>12070</v>
      </c>
      <c r="E14148" s="1" t="s">
        <v>7</v>
      </c>
    </row>
    <row r="14149">
      <c r="A14149" s="1">
        <v>4.90567239E8</v>
      </c>
      <c r="B14149" s="2">
        <v>14101.0</v>
      </c>
      <c r="C14149" s="1" t="s">
        <v>5</v>
      </c>
      <c r="D14149" s="1" t="s">
        <v>12071</v>
      </c>
      <c r="E14149" s="1" t="s">
        <v>11</v>
      </c>
    </row>
    <row r="14150">
      <c r="A14150" s="1">
        <v>4.90567261E8</v>
      </c>
      <c r="B14150" s="2">
        <v>14108.0</v>
      </c>
      <c r="C14150" s="1" t="s">
        <v>5</v>
      </c>
      <c r="D14150" s="1" t="s">
        <v>12072</v>
      </c>
      <c r="E14150" s="1" t="s">
        <v>11</v>
      </c>
    </row>
    <row r="14151">
      <c r="A14151" s="1">
        <v>4.90567358E8</v>
      </c>
      <c r="B14151" s="2">
        <v>14099.0</v>
      </c>
      <c r="C14151" s="1" t="s">
        <v>5</v>
      </c>
      <c r="D14151" s="1" t="s">
        <v>12073</v>
      </c>
      <c r="E14151" s="1" t="s">
        <v>7</v>
      </c>
    </row>
    <row r="14152">
      <c r="A14152" s="1">
        <v>4.90567383E8</v>
      </c>
      <c r="B14152" s="2">
        <v>14164.0</v>
      </c>
      <c r="C14152" s="1" t="s">
        <v>5</v>
      </c>
      <c r="D14152" s="1" t="s">
        <v>11</v>
      </c>
      <c r="E14152" s="1" t="s">
        <v>7</v>
      </c>
    </row>
    <row r="14153">
      <c r="A14153" s="1">
        <v>4.90567471E8</v>
      </c>
      <c r="B14153" s="2">
        <v>14150.0</v>
      </c>
      <c r="C14153" s="1" t="s">
        <v>5</v>
      </c>
      <c r="D14153" s="1" t="s">
        <v>12074</v>
      </c>
      <c r="E14153" s="1" t="s">
        <v>7</v>
      </c>
    </row>
    <row r="14154">
      <c r="A14154" s="1">
        <v>4.90567475E8</v>
      </c>
      <c r="B14154" s="2">
        <v>14094.0</v>
      </c>
      <c r="C14154" s="1" t="s">
        <v>5</v>
      </c>
      <c r="D14154" s="1" t="s">
        <v>12075</v>
      </c>
      <c r="E14154" s="1" t="s">
        <v>11</v>
      </c>
    </row>
    <row r="14155">
      <c r="A14155" s="1">
        <v>4.90567496E8</v>
      </c>
      <c r="B14155" s="2">
        <v>14161.0</v>
      </c>
      <c r="C14155" s="1" t="s">
        <v>5</v>
      </c>
      <c r="D14155" s="1" t="s">
        <v>12076</v>
      </c>
      <c r="E14155" s="1" t="s">
        <v>7</v>
      </c>
    </row>
    <row r="14156">
      <c r="A14156" s="1">
        <v>4.90567568E8</v>
      </c>
      <c r="B14156" s="2">
        <v>14081.0</v>
      </c>
      <c r="C14156" s="1" t="s">
        <v>5</v>
      </c>
      <c r="D14156" s="1" t="s">
        <v>12077</v>
      </c>
      <c r="E14156" s="1" t="s">
        <v>11</v>
      </c>
    </row>
    <row r="14157">
      <c r="A14157" s="1">
        <v>4.90567604E8</v>
      </c>
      <c r="B14157" s="2">
        <v>14105.0</v>
      </c>
      <c r="C14157" s="1" t="s">
        <v>5</v>
      </c>
      <c r="D14157" s="1" t="s">
        <v>12078</v>
      </c>
      <c r="E14157" s="1" t="s">
        <v>7</v>
      </c>
    </row>
    <row r="14158">
      <c r="A14158" s="1">
        <v>4.90567621E8</v>
      </c>
      <c r="B14158" s="2">
        <v>14101.0</v>
      </c>
      <c r="C14158" s="1" t="s">
        <v>5</v>
      </c>
      <c r="D14158" s="1" t="s">
        <v>12079</v>
      </c>
      <c r="E14158" s="1" t="s">
        <v>11</v>
      </c>
    </row>
    <row r="14159">
      <c r="A14159" s="1">
        <v>4.90567627E8</v>
      </c>
      <c r="B14159" s="2">
        <v>14097.0</v>
      </c>
      <c r="C14159" s="1" t="s">
        <v>5</v>
      </c>
      <c r="D14159" s="1" t="s">
        <v>12080</v>
      </c>
      <c r="E14159" s="1" t="s">
        <v>11</v>
      </c>
    </row>
    <row r="14160">
      <c r="A14160" s="1">
        <v>4.90567781E8</v>
      </c>
      <c r="B14160" s="2">
        <v>14155.0</v>
      </c>
      <c r="C14160" s="1" t="s">
        <v>5</v>
      </c>
      <c r="D14160" s="1" t="s">
        <v>12081</v>
      </c>
      <c r="E14160" s="1" t="s">
        <v>11</v>
      </c>
    </row>
    <row r="14161">
      <c r="A14161" s="1">
        <v>4.90567791E8</v>
      </c>
      <c r="B14161" s="2">
        <v>14152.0</v>
      </c>
      <c r="C14161" s="1" t="s">
        <v>5</v>
      </c>
      <c r="D14161" s="1" t="s">
        <v>12082</v>
      </c>
      <c r="E14161" s="1" t="s">
        <v>7</v>
      </c>
    </row>
    <row r="14162">
      <c r="A14162" s="1">
        <v>4.90567806E8</v>
      </c>
      <c r="B14162" s="2">
        <v>14150.0</v>
      </c>
      <c r="C14162" s="1" t="s">
        <v>5</v>
      </c>
      <c r="D14162" s="1" t="s">
        <v>12083</v>
      </c>
      <c r="E14162" s="1" t="s">
        <v>11</v>
      </c>
    </row>
    <row r="14163">
      <c r="A14163" s="1">
        <v>4.90567846E8</v>
      </c>
      <c r="B14163" s="2">
        <v>14169.0</v>
      </c>
      <c r="C14163" s="1" t="s">
        <v>5</v>
      </c>
      <c r="D14163" s="1" t="s">
        <v>12084</v>
      </c>
      <c r="E14163" s="1" t="s">
        <v>11</v>
      </c>
    </row>
    <row r="14164">
      <c r="A14164" s="1">
        <v>4.90567902E8</v>
      </c>
      <c r="B14164" s="2">
        <v>14155.0</v>
      </c>
      <c r="C14164" s="1" t="s">
        <v>5</v>
      </c>
      <c r="D14164" s="1" t="s">
        <v>12085</v>
      </c>
      <c r="E14164" s="1" t="s">
        <v>7</v>
      </c>
    </row>
    <row r="14165">
      <c r="A14165" s="1">
        <v>4.90567951E8</v>
      </c>
      <c r="B14165" s="2">
        <v>14147.0</v>
      </c>
      <c r="C14165" s="1" t="s">
        <v>5</v>
      </c>
      <c r="D14165" s="1" t="s">
        <v>12086</v>
      </c>
      <c r="E14165" s="1" t="s">
        <v>11</v>
      </c>
    </row>
    <row r="14166">
      <c r="A14166" s="1">
        <v>4.90567954E8</v>
      </c>
      <c r="B14166" s="2">
        <v>14095.0</v>
      </c>
      <c r="C14166" s="1" t="s">
        <v>5</v>
      </c>
      <c r="D14166" s="1" t="s">
        <v>11</v>
      </c>
      <c r="E14166" s="1" t="s">
        <v>7</v>
      </c>
    </row>
    <row r="14167">
      <c r="A14167" s="1">
        <v>4.90568074E8</v>
      </c>
      <c r="B14167" s="2">
        <v>14150.0</v>
      </c>
      <c r="C14167" s="1" t="s">
        <v>5</v>
      </c>
      <c r="D14167" s="1" t="s">
        <v>2384</v>
      </c>
      <c r="E14167" s="1" t="s">
        <v>11</v>
      </c>
    </row>
    <row r="14168">
      <c r="A14168" s="1">
        <v>4.9056824E8</v>
      </c>
      <c r="B14168" s="2">
        <v>14095.0</v>
      </c>
      <c r="C14168" s="1" t="s">
        <v>5</v>
      </c>
      <c r="D14168" s="1" t="s">
        <v>12087</v>
      </c>
      <c r="E14168" s="1" t="s">
        <v>11</v>
      </c>
    </row>
    <row r="14169">
      <c r="A14169" s="1">
        <v>4.90568263E8</v>
      </c>
      <c r="B14169" s="2">
        <v>14097.0</v>
      </c>
      <c r="C14169" s="1" t="s">
        <v>5</v>
      </c>
      <c r="D14169" s="1" t="s">
        <v>12088</v>
      </c>
      <c r="E14169" s="1" t="s">
        <v>7</v>
      </c>
    </row>
    <row r="14170">
      <c r="A14170" s="1">
        <v>4.90568288E8</v>
      </c>
      <c r="B14170" s="2">
        <v>14156.0</v>
      </c>
      <c r="C14170" s="1" t="s">
        <v>5</v>
      </c>
      <c r="D14170" s="1" t="s">
        <v>12089</v>
      </c>
      <c r="E14170" s="1" t="s">
        <v>7</v>
      </c>
    </row>
    <row r="14171">
      <c r="A14171" s="1">
        <v>4.9056835E8</v>
      </c>
      <c r="B14171" s="2">
        <v>14126.0</v>
      </c>
      <c r="C14171" s="1" t="s">
        <v>5</v>
      </c>
      <c r="D14171" s="1" t="s">
        <v>12090</v>
      </c>
      <c r="E14171" s="1" t="s">
        <v>11</v>
      </c>
    </row>
    <row r="14172">
      <c r="A14172" s="1">
        <v>4.90568355E8</v>
      </c>
      <c r="B14172" s="2">
        <v>14162.0</v>
      </c>
      <c r="C14172" s="1" t="s">
        <v>5</v>
      </c>
      <c r="D14172" s="1" t="s">
        <v>12091</v>
      </c>
      <c r="E14172" s="1" t="s">
        <v>11</v>
      </c>
    </row>
    <row r="14173">
      <c r="A14173" s="1">
        <v>4.9056836E8</v>
      </c>
      <c r="B14173" s="2">
        <v>14099.0</v>
      </c>
      <c r="C14173" s="1" t="s">
        <v>5</v>
      </c>
      <c r="D14173" s="1" t="s">
        <v>12092</v>
      </c>
      <c r="E14173" s="1" t="s">
        <v>7</v>
      </c>
    </row>
    <row r="14174">
      <c r="A14174" s="1">
        <v>4.90568363E8</v>
      </c>
      <c r="B14174" s="2">
        <v>14096.0</v>
      </c>
      <c r="C14174" s="1" t="s">
        <v>5</v>
      </c>
      <c r="D14174" s="1" t="s">
        <v>12093</v>
      </c>
      <c r="E14174" s="1" t="s">
        <v>12094</v>
      </c>
    </row>
    <row r="14175">
      <c r="A14175" s="1">
        <v>4.9056837E8</v>
      </c>
      <c r="B14175" s="2">
        <v>14211.0</v>
      </c>
      <c r="C14175" s="1" t="s">
        <v>5</v>
      </c>
      <c r="D14175" s="1" t="s">
        <v>12095</v>
      </c>
      <c r="E14175" s="1" t="s">
        <v>11</v>
      </c>
    </row>
    <row r="14176">
      <c r="A14176" s="1">
        <v>4.9056852E8</v>
      </c>
      <c r="B14176" s="2">
        <v>14210.0</v>
      </c>
      <c r="C14176" s="1" t="s">
        <v>5</v>
      </c>
      <c r="D14176" s="1" t="s">
        <v>12096</v>
      </c>
      <c r="E14176" s="1" t="s">
        <v>11</v>
      </c>
    </row>
    <row r="14177">
      <c r="A14177" s="1">
        <v>4.90568541E8</v>
      </c>
      <c r="B14177" s="2">
        <v>14154.0</v>
      </c>
      <c r="C14177" s="1" t="s">
        <v>5</v>
      </c>
      <c r="D14177" s="1" t="s">
        <v>11</v>
      </c>
      <c r="E14177" s="1" t="s">
        <v>7</v>
      </c>
    </row>
    <row r="14178">
      <c r="A14178" s="1">
        <v>4.9056856E8</v>
      </c>
      <c r="B14178" s="2">
        <v>14046.0</v>
      </c>
      <c r="C14178" s="1" t="s">
        <v>5</v>
      </c>
      <c r="D14178" s="1" t="s">
        <v>12097</v>
      </c>
      <c r="E14178" s="1" t="s">
        <v>7</v>
      </c>
    </row>
    <row r="14179">
      <c r="A14179" s="1">
        <v>4.90568567E8</v>
      </c>
      <c r="B14179" s="2">
        <v>14210.0</v>
      </c>
      <c r="C14179" s="1" t="s">
        <v>5</v>
      </c>
      <c r="D14179" s="1" t="s">
        <v>11</v>
      </c>
      <c r="E14179" s="1" t="s">
        <v>7</v>
      </c>
    </row>
    <row r="14180">
      <c r="A14180" s="1">
        <v>4.90568577E8</v>
      </c>
      <c r="B14180" s="2">
        <v>14143.0</v>
      </c>
      <c r="C14180" s="1" t="s">
        <v>5</v>
      </c>
      <c r="D14180" s="1" t="s">
        <v>12098</v>
      </c>
      <c r="E14180" s="1" t="s">
        <v>7</v>
      </c>
    </row>
    <row r="14181">
      <c r="A14181" s="1">
        <v>4.90568619E8</v>
      </c>
      <c r="B14181" s="2">
        <v>14127.0</v>
      </c>
      <c r="C14181" s="1" t="s">
        <v>5</v>
      </c>
      <c r="D14181" s="1" t="s">
        <v>12099</v>
      </c>
      <c r="E14181" s="1" t="s">
        <v>7</v>
      </c>
    </row>
    <row r="14182">
      <c r="A14182" s="1">
        <v>4.90568738E8</v>
      </c>
      <c r="B14182" s="2">
        <v>14159.0</v>
      </c>
      <c r="C14182" s="1" t="s">
        <v>5</v>
      </c>
      <c r="D14182" s="1" t="s">
        <v>12100</v>
      </c>
      <c r="E14182" s="1" t="s">
        <v>7</v>
      </c>
    </row>
    <row r="14183">
      <c r="A14183" s="1">
        <v>4.90568788E8</v>
      </c>
      <c r="B14183" s="2">
        <v>14099.0</v>
      </c>
      <c r="C14183" s="1" t="s">
        <v>5</v>
      </c>
      <c r="D14183" s="1" t="s">
        <v>12101</v>
      </c>
      <c r="E14183" s="1" t="s">
        <v>7</v>
      </c>
    </row>
    <row r="14184">
      <c r="A14184" s="1">
        <v>4.90568791E8</v>
      </c>
      <c r="B14184" s="2">
        <v>14044.0</v>
      </c>
      <c r="C14184" s="1" t="s">
        <v>5</v>
      </c>
      <c r="D14184" s="1" t="s">
        <v>12102</v>
      </c>
      <c r="E14184" s="1" t="s">
        <v>11</v>
      </c>
    </row>
    <row r="14185">
      <c r="A14185" s="1">
        <v>4.90568879E8</v>
      </c>
      <c r="B14185" s="2">
        <v>14153.0</v>
      </c>
      <c r="C14185" s="1" t="s">
        <v>5</v>
      </c>
      <c r="D14185" s="1" t="s">
        <v>11</v>
      </c>
      <c r="E14185" s="1" t="s">
        <v>7</v>
      </c>
    </row>
    <row r="14186">
      <c r="A14186" s="1">
        <v>4.9056892E8</v>
      </c>
      <c r="B14186" s="2">
        <v>14172.0</v>
      </c>
      <c r="C14186" s="1" t="s">
        <v>5</v>
      </c>
      <c r="D14186" s="1" t="s">
        <v>11</v>
      </c>
      <c r="E14186" s="1" t="s">
        <v>7</v>
      </c>
    </row>
    <row r="14187">
      <c r="A14187" s="1">
        <v>4.90568941E8</v>
      </c>
      <c r="B14187" s="2">
        <v>14139.0</v>
      </c>
      <c r="C14187" s="1" t="s">
        <v>5</v>
      </c>
      <c r="D14187" s="1" t="s">
        <v>12103</v>
      </c>
      <c r="E14187" s="1" t="s">
        <v>7</v>
      </c>
    </row>
    <row r="14188">
      <c r="A14188" s="1">
        <v>4.90569023E8</v>
      </c>
      <c r="B14188" s="2">
        <v>14210.0</v>
      </c>
      <c r="C14188" s="1" t="s">
        <v>5</v>
      </c>
      <c r="D14188" s="1" t="s">
        <v>11</v>
      </c>
      <c r="E14188" s="1" t="s">
        <v>7</v>
      </c>
    </row>
    <row r="14189">
      <c r="A14189" s="1">
        <v>4.90569054E8</v>
      </c>
      <c r="B14189" s="2">
        <v>14095.0</v>
      </c>
      <c r="C14189" s="1" t="s">
        <v>5</v>
      </c>
      <c r="D14189" s="1" t="s">
        <v>12104</v>
      </c>
      <c r="E14189" s="1" t="s">
        <v>7</v>
      </c>
    </row>
    <row r="14190">
      <c r="A14190" s="1">
        <v>4.90569136E8</v>
      </c>
      <c r="B14190" s="2">
        <v>14171.0</v>
      </c>
      <c r="C14190" s="1" t="s">
        <v>5</v>
      </c>
      <c r="D14190" s="1" t="s">
        <v>12105</v>
      </c>
      <c r="E14190" s="1" t="s">
        <v>11</v>
      </c>
    </row>
    <row r="14191">
      <c r="A14191" s="1">
        <v>4.9056916E8</v>
      </c>
      <c r="B14191" s="2">
        <v>14150.0</v>
      </c>
      <c r="C14191" s="1" t="s">
        <v>5</v>
      </c>
      <c r="D14191" s="1" t="s">
        <v>11</v>
      </c>
      <c r="E14191" s="1" t="s">
        <v>7</v>
      </c>
    </row>
    <row r="14192">
      <c r="A14192" s="1">
        <v>4.90569168E8</v>
      </c>
      <c r="B14192" s="2">
        <v>14138.0</v>
      </c>
      <c r="C14192" s="1" t="s">
        <v>5</v>
      </c>
      <c r="D14192" s="1" t="s">
        <v>12106</v>
      </c>
      <c r="E14192" s="1" t="s">
        <v>11</v>
      </c>
    </row>
    <row r="14193">
      <c r="A14193" s="1">
        <v>4.90569188E8</v>
      </c>
      <c r="B14193" s="2">
        <v>14167.0</v>
      </c>
      <c r="C14193" s="1" t="s">
        <v>5</v>
      </c>
      <c r="D14193" s="1" t="s">
        <v>12107</v>
      </c>
      <c r="E14193" s="1" t="s">
        <v>7</v>
      </c>
    </row>
    <row r="14194">
      <c r="A14194" s="1">
        <v>4.90569289E8</v>
      </c>
      <c r="B14194" s="2">
        <v>14208.0</v>
      </c>
      <c r="C14194" s="1" t="s">
        <v>5</v>
      </c>
      <c r="D14194" s="1" t="s">
        <v>12108</v>
      </c>
      <c r="E14194" s="1" t="s">
        <v>7</v>
      </c>
    </row>
    <row r="14195">
      <c r="A14195" s="1">
        <v>4.9056929E8</v>
      </c>
      <c r="B14195" s="2">
        <v>14171.0</v>
      </c>
      <c r="C14195" s="1" t="s">
        <v>5</v>
      </c>
      <c r="D14195" s="1" t="s">
        <v>12109</v>
      </c>
      <c r="E14195" s="1" t="s">
        <v>7</v>
      </c>
    </row>
    <row r="14196">
      <c r="A14196" s="1">
        <v>4.90569311E8</v>
      </c>
      <c r="B14196" s="2">
        <v>14171.0</v>
      </c>
      <c r="C14196" s="1" t="s">
        <v>5</v>
      </c>
      <c r="D14196" s="1" t="s">
        <v>12110</v>
      </c>
      <c r="E14196" s="1" t="s">
        <v>7</v>
      </c>
    </row>
    <row r="14197">
      <c r="A14197" s="1">
        <v>4.90569337E8</v>
      </c>
      <c r="B14197" s="2">
        <v>14168.0</v>
      </c>
      <c r="C14197" s="1" t="s">
        <v>5</v>
      </c>
      <c r="D14197" s="1" t="s">
        <v>12111</v>
      </c>
      <c r="E14197" s="1" t="s">
        <v>11</v>
      </c>
    </row>
    <row r="14198">
      <c r="A14198" s="1">
        <v>4.90569341E8</v>
      </c>
      <c r="B14198" s="2">
        <v>14137.0</v>
      </c>
      <c r="C14198" s="1" t="s">
        <v>5</v>
      </c>
      <c r="D14198" s="1" t="s">
        <v>12112</v>
      </c>
      <c r="E14198" s="1" t="s">
        <v>12113</v>
      </c>
    </row>
    <row r="14199">
      <c r="A14199" s="1">
        <v>4.90569364E8</v>
      </c>
      <c r="B14199" s="2">
        <v>14137.0</v>
      </c>
      <c r="C14199" s="1" t="s">
        <v>5</v>
      </c>
      <c r="D14199" s="1" t="s">
        <v>12114</v>
      </c>
      <c r="E14199" s="1" t="s">
        <v>7</v>
      </c>
    </row>
    <row r="14200">
      <c r="A14200" s="1">
        <v>4.90569456E8</v>
      </c>
      <c r="B14200" s="2">
        <v>14139.0</v>
      </c>
      <c r="C14200" s="1" t="s">
        <v>5</v>
      </c>
      <c r="D14200" s="1" t="s">
        <v>12115</v>
      </c>
      <c r="E14200" s="1" t="s">
        <v>11</v>
      </c>
    </row>
    <row r="14201">
      <c r="A14201" s="1">
        <v>4.9056948E8</v>
      </c>
      <c r="B14201" s="2">
        <v>14151.0</v>
      </c>
      <c r="C14201" s="1" t="s">
        <v>5</v>
      </c>
      <c r="D14201" s="1" t="s">
        <v>12116</v>
      </c>
      <c r="E14201" s="1" t="s">
        <v>11</v>
      </c>
    </row>
    <row r="14202">
      <c r="A14202" s="1">
        <v>4.90569544E8</v>
      </c>
      <c r="B14202" s="2">
        <v>14168.0</v>
      </c>
      <c r="C14202" s="1" t="s">
        <v>5</v>
      </c>
      <c r="D14202" s="1" t="s">
        <v>11</v>
      </c>
      <c r="E14202" s="1" t="s">
        <v>7</v>
      </c>
    </row>
    <row r="14203">
      <c r="A14203" s="1">
        <v>4.90569558E8</v>
      </c>
      <c r="B14203" s="2">
        <v>14204.0</v>
      </c>
      <c r="C14203" s="1" t="s">
        <v>5</v>
      </c>
      <c r="D14203" s="1" t="s">
        <v>11</v>
      </c>
      <c r="E14203" s="1" t="s">
        <v>7</v>
      </c>
    </row>
    <row r="14204">
      <c r="A14204" s="1">
        <v>4.905696E8</v>
      </c>
      <c r="B14204" s="2">
        <v>14150.0</v>
      </c>
      <c r="C14204" s="1" t="s">
        <v>5</v>
      </c>
      <c r="D14204" s="1" t="s">
        <v>12117</v>
      </c>
      <c r="E14204" s="1" t="s">
        <v>7</v>
      </c>
    </row>
    <row r="14205">
      <c r="A14205" s="1">
        <v>4.90569601E8</v>
      </c>
      <c r="B14205" s="2">
        <v>14148.0</v>
      </c>
      <c r="C14205" s="1" t="s">
        <v>5</v>
      </c>
      <c r="D14205" s="1" t="s">
        <v>12118</v>
      </c>
      <c r="E14205" s="1" t="s">
        <v>7</v>
      </c>
    </row>
    <row r="14206">
      <c r="A14206" s="1">
        <v>4.90569602E8</v>
      </c>
      <c r="B14206" s="2">
        <v>14168.0</v>
      </c>
      <c r="C14206" s="1" t="s">
        <v>5</v>
      </c>
      <c r="D14206" s="1" t="s">
        <v>12119</v>
      </c>
      <c r="E14206" s="1" t="s">
        <v>7</v>
      </c>
    </row>
    <row r="14207">
      <c r="A14207" s="1">
        <v>4.90569606E8</v>
      </c>
      <c r="B14207" s="2">
        <v>14136.0</v>
      </c>
      <c r="C14207" s="1" t="s">
        <v>5</v>
      </c>
      <c r="D14207" s="1" t="s">
        <v>12120</v>
      </c>
      <c r="E14207" s="1" t="s">
        <v>7</v>
      </c>
    </row>
    <row r="14208">
      <c r="A14208" s="1">
        <v>4.90569622E8</v>
      </c>
      <c r="B14208" s="2">
        <v>14168.0</v>
      </c>
      <c r="C14208" s="1" t="s">
        <v>5</v>
      </c>
      <c r="D14208" s="1" t="s">
        <v>12121</v>
      </c>
      <c r="E14208" s="1" t="s">
        <v>12122</v>
      </c>
    </row>
    <row r="14209">
      <c r="A14209" s="1">
        <v>4.9056965E8</v>
      </c>
      <c r="B14209" s="2">
        <v>14155.0</v>
      </c>
      <c r="C14209" s="1" t="s">
        <v>5</v>
      </c>
      <c r="D14209" s="1" t="s">
        <v>12123</v>
      </c>
      <c r="E14209" s="1" t="s">
        <v>11</v>
      </c>
    </row>
    <row r="14210">
      <c r="A14210" s="1">
        <v>4.90569726E8</v>
      </c>
      <c r="B14210" s="2">
        <v>14200.0</v>
      </c>
      <c r="C14210" s="1" t="s">
        <v>5</v>
      </c>
      <c r="D14210" s="1" t="s">
        <v>12124</v>
      </c>
      <c r="E14210" s="1" t="s">
        <v>11</v>
      </c>
    </row>
    <row r="14211">
      <c r="A14211" s="1">
        <v>4.90569736E8</v>
      </c>
      <c r="B14211" s="2">
        <v>14168.0</v>
      </c>
      <c r="C14211" s="1" t="s">
        <v>5</v>
      </c>
      <c r="D14211" s="1" t="s">
        <v>12125</v>
      </c>
      <c r="E14211" s="1" t="s">
        <v>11</v>
      </c>
    </row>
    <row r="14212">
      <c r="A14212" s="1">
        <v>4.90569779E8</v>
      </c>
      <c r="B14212" s="2">
        <v>14154.0</v>
      </c>
      <c r="C14212" s="1" t="s">
        <v>5</v>
      </c>
      <c r="D14212" s="1" t="s">
        <v>12126</v>
      </c>
      <c r="E14212" s="1" t="s">
        <v>12127</v>
      </c>
    </row>
    <row r="14213">
      <c r="A14213" s="1">
        <v>4.90569815E8</v>
      </c>
      <c r="B14213" s="2">
        <v>14161.0</v>
      </c>
      <c r="C14213" s="1" t="s">
        <v>5</v>
      </c>
      <c r="D14213" s="1" t="s">
        <v>12128</v>
      </c>
      <c r="E14213" s="1" t="s">
        <v>7</v>
      </c>
    </row>
    <row r="14214">
      <c r="A14214" s="1">
        <v>4.90569831E8</v>
      </c>
      <c r="B14214" s="2">
        <v>14162.0</v>
      </c>
      <c r="C14214" s="1" t="s">
        <v>5</v>
      </c>
      <c r="D14214" s="1" t="s">
        <v>11</v>
      </c>
      <c r="E14214" s="1" t="s">
        <v>7</v>
      </c>
    </row>
    <row r="14215">
      <c r="A14215" s="1">
        <v>4.90569856E8</v>
      </c>
      <c r="B14215" s="2">
        <v>14160.0</v>
      </c>
      <c r="C14215" s="1" t="s">
        <v>5</v>
      </c>
      <c r="D14215" s="1" t="s">
        <v>12129</v>
      </c>
      <c r="E14215" s="1" t="s">
        <v>11</v>
      </c>
    </row>
    <row r="14216">
      <c r="A14216" s="1">
        <v>4.9056988E8</v>
      </c>
      <c r="B14216" s="2">
        <v>14152.0</v>
      </c>
      <c r="C14216" s="1" t="s">
        <v>5</v>
      </c>
      <c r="D14216" s="1" t="s">
        <v>11</v>
      </c>
      <c r="E14216" s="1" t="s">
        <v>7</v>
      </c>
    </row>
    <row r="14217">
      <c r="A14217" s="1">
        <v>4.90569904E8</v>
      </c>
      <c r="B14217" s="2">
        <v>14134.0</v>
      </c>
      <c r="C14217" s="1" t="s">
        <v>5</v>
      </c>
      <c r="D14217" s="1" t="s">
        <v>7</v>
      </c>
      <c r="E14217" s="1" t="s">
        <v>7</v>
      </c>
    </row>
    <row r="14218">
      <c r="A14218" s="1">
        <v>4.90569925E8</v>
      </c>
      <c r="B14218" s="2">
        <v>14147.0</v>
      </c>
      <c r="C14218" s="1" t="s">
        <v>5</v>
      </c>
      <c r="D14218" s="1" t="s">
        <v>12130</v>
      </c>
      <c r="E14218" s="1" t="s">
        <v>11</v>
      </c>
    </row>
    <row r="14219">
      <c r="A14219" s="1">
        <v>4.90569935E8</v>
      </c>
      <c r="B14219" s="2">
        <v>14036.0</v>
      </c>
      <c r="C14219" s="1" t="s">
        <v>5</v>
      </c>
      <c r="D14219" s="1" t="s">
        <v>12131</v>
      </c>
      <c r="E14219" s="1" t="s">
        <v>11</v>
      </c>
    </row>
    <row r="14220">
      <c r="A14220" s="1">
        <v>4.90569959E8</v>
      </c>
      <c r="B14220" s="2">
        <v>14134.0</v>
      </c>
      <c r="C14220" s="1" t="s">
        <v>5</v>
      </c>
      <c r="D14220" s="1" t="s">
        <v>12132</v>
      </c>
      <c r="E14220" s="1" t="s">
        <v>7</v>
      </c>
    </row>
    <row r="14221">
      <c r="A14221" s="1">
        <v>4.9057E8</v>
      </c>
      <c r="B14221" s="2">
        <v>14151.0</v>
      </c>
      <c r="C14221" s="1" t="s">
        <v>5</v>
      </c>
      <c r="D14221" s="1" t="s">
        <v>12133</v>
      </c>
      <c r="E14221" s="1" t="s">
        <v>7</v>
      </c>
    </row>
    <row r="14222">
      <c r="A14222" s="1">
        <v>4.9057001E8</v>
      </c>
      <c r="B14222" s="2">
        <v>14201.0</v>
      </c>
      <c r="C14222" s="1" t="s">
        <v>5</v>
      </c>
      <c r="D14222" s="1" t="s">
        <v>12134</v>
      </c>
      <c r="E14222" s="1" t="s">
        <v>7</v>
      </c>
    </row>
    <row r="14223">
      <c r="A14223" s="1">
        <v>4.90570017E8</v>
      </c>
      <c r="B14223" s="2">
        <v>14162.0</v>
      </c>
      <c r="C14223" s="1" t="s">
        <v>5</v>
      </c>
      <c r="D14223" s="1" t="s">
        <v>12135</v>
      </c>
      <c r="E14223" s="1" t="s">
        <v>11</v>
      </c>
    </row>
    <row r="14224">
      <c r="A14224" s="1">
        <v>4.90570043E8</v>
      </c>
      <c r="B14224" s="2">
        <v>14144.0</v>
      </c>
      <c r="C14224" s="1" t="s">
        <v>5</v>
      </c>
      <c r="D14224" s="1" t="s">
        <v>11</v>
      </c>
      <c r="E14224" s="1" t="s">
        <v>7</v>
      </c>
    </row>
    <row r="14225">
      <c r="A14225" s="1">
        <v>4.90570102E8</v>
      </c>
      <c r="B14225" s="2">
        <v>14133.0</v>
      </c>
      <c r="C14225" s="1" t="s">
        <v>5</v>
      </c>
      <c r="D14225" s="1" t="s">
        <v>12136</v>
      </c>
      <c r="E14225" s="1" t="s">
        <v>7</v>
      </c>
    </row>
    <row r="14226">
      <c r="A14226" s="1">
        <v>4.90570116E8</v>
      </c>
      <c r="B14226" s="2">
        <v>14161.0</v>
      </c>
      <c r="C14226" s="1" t="s">
        <v>5</v>
      </c>
      <c r="D14226" s="1" t="s">
        <v>12137</v>
      </c>
      <c r="E14226" s="1" t="s">
        <v>7</v>
      </c>
    </row>
    <row r="14227">
      <c r="A14227" s="1">
        <v>4.90570124E8</v>
      </c>
      <c r="B14227" s="2">
        <v>14132.0</v>
      </c>
      <c r="C14227" s="1" t="s">
        <v>5</v>
      </c>
      <c r="D14227" s="1" t="s">
        <v>12138</v>
      </c>
      <c r="E14227" s="1" t="s">
        <v>11</v>
      </c>
    </row>
    <row r="14228">
      <c r="A14228" s="1">
        <v>4.9057016E8</v>
      </c>
      <c r="B14228" s="2">
        <v>14214.0</v>
      </c>
      <c r="C14228" s="1" t="s">
        <v>5</v>
      </c>
      <c r="D14228" s="1" t="s">
        <v>12139</v>
      </c>
      <c r="E14228" s="1" t="s">
        <v>11</v>
      </c>
    </row>
    <row r="14229">
      <c r="A14229" s="1">
        <v>4.90570184E8</v>
      </c>
      <c r="B14229" s="2">
        <v>14146.0</v>
      </c>
      <c r="C14229" s="1" t="s">
        <v>5</v>
      </c>
      <c r="D14229" s="1" t="s">
        <v>12140</v>
      </c>
      <c r="E14229" s="1" t="s">
        <v>7</v>
      </c>
    </row>
    <row r="14230">
      <c r="A14230" s="1">
        <v>4.90570219E8</v>
      </c>
      <c r="B14230" s="2">
        <v>14131.0</v>
      </c>
      <c r="C14230" s="1" t="s">
        <v>5</v>
      </c>
      <c r="D14230" s="1" t="s">
        <v>12141</v>
      </c>
      <c r="E14230" s="1" t="s">
        <v>7</v>
      </c>
    </row>
    <row r="14231">
      <c r="A14231" s="1">
        <v>4.90570254E8</v>
      </c>
      <c r="B14231" s="2">
        <v>14162.0</v>
      </c>
      <c r="C14231" s="1" t="s">
        <v>5</v>
      </c>
      <c r="D14231" s="1" t="s">
        <v>12142</v>
      </c>
      <c r="E14231" s="1" t="s">
        <v>11</v>
      </c>
    </row>
    <row r="14232">
      <c r="A14232" s="1">
        <v>4.90570259E8</v>
      </c>
      <c r="B14232" s="2">
        <v>14145.0</v>
      </c>
      <c r="C14232" s="1" t="s">
        <v>5</v>
      </c>
      <c r="D14232" s="1" t="s">
        <v>12143</v>
      </c>
      <c r="E14232" s="1" t="s">
        <v>11</v>
      </c>
    </row>
    <row r="14233">
      <c r="A14233" s="1">
        <v>4.90570268E8</v>
      </c>
      <c r="B14233" s="2">
        <v>14147.0</v>
      </c>
      <c r="C14233" s="1" t="s">
        <v>5</v>
      </c>
      <c r="D14233" s="1" t="s">
        <v>12144</v>
      </c>
      <c r="E14233" s="1" t="s">
        <v>11</v>
      </c>
    </row>
    <row r="14234">
      <c r="A14234" s="1">
        <v>4.90570271E8</v>
      </c>
      <c r="B14234" s="2">
        <v>14145.0</v>
      </c>
      <c r="C14234" s="1" t="s">
        <v>5</v>
      </c>
      <c r="D14234" s="1" t="s">
        <v>12145</v>
      </c>
      <c r="E14234" s="1" t="s">
        <v>7</v>
      </c>
    </row>
    <row r="14235">
      <c r="A14235" s="1">
        <v>4.90570278E8</v>
      </c>
      <c r="B14235" s="2">
        <v>14162.0</v>
      </c>
      <c r="C14235" s="1" t="s">
        <v>5</v>
      </c>
      <c r="D14235" s="1" t="s">
        <v>12146</v>
      </c>
      <c r="E14235" s="1" t="s">
        <v>7</v>
      </c>
    </row>
    <row r="14236">
      <c r="A14236" s="1">
        <v>4.90570293E8</v>
      </c>
      <c r="B14236" s="2">
        <v>14206.0</v>
      </c>
      <c r="C14236" s="1" t="s">
        <v>5</v>
      </c>
      <c r="D14236" s="1" t="s">
        <v>12147</v>
      </c>
      <c r="E14236" s="1" t="s">
        <v>7</v>
      </c>
    </row>
    <row r="14237">
      <c r="A14237" s="1">
        <v>4.90570377E8</v>
      </c>
      <c r="B14237" s="2">
        <v>14132.0</v>
      </c>
      <c r="C14237" s="1" t="s">
        <v>5</v>
      </c>
      <c r="D14237" s="1" t="s">
        <v>12148</v>
      </c>
      <c r="E14237" s="1" t="s">
        <v>7</v>
      </c>
    </row>
    <row r="14238">
      <c r="A14238" s="1">
        <v>4.905704E8</v>
      </c>
      <c r="B14238" s="2">
        <v>14205.0</v>
      </c>
      <c r="C14238" s="1" t="s">
        <v>5</v>
      </c>
      <c r="D14238" s="1" t="s">
        <v>12149</v>
      </c>
      <c r="E14238" s="1" t="s">
        <v>12150</v>
      </c>
    </row>
    <row r="14239">
      <c r="A14239" s="1">
        <v>4.90570421E8</v>
      </c>
      <c r="B14239" s="2">
        <v>14032.0</v>
      </c>
      <c r="C14239" s="1" t="s">
        <v>5</v>
      </c>
      <c r="D14239" s="1" t="s">
        <v>11</v>
      </c>
      <c r="E14239" s="1" t="s">
        <v>7</v>
      </c>
    </row>
    <row r="14240">
      <c r="A14240" s="1">
        <v>4.9057044E8</v>
      </c>
      <c r="B14240" s="2">
        <v>14135.0</v>
      </c>
      <c r="C14240" s="1" t="s">
        <v>5</v>
      </c>
      <c r="D14240" s="1" t="s">
        <v>12151</v>
      </c>
      <c r="E14240" s="1" t="s">
        <v>11</v>
      </c>
    </row>
    <row r="14241">
      <c r="A14241" s="1">
        <v>4.90570441E8</v>
      </c>
      <c r="B14241" s="2">
        <v>14090.0</v>
      </c>
      <c r="C14241" s="1" t="s">
        <v>5</v>
      </c>
      <c r="D14241" s="1" t="s">
        <v>12152</v>
      </c>
      <c r="E14241" s="1" t="s">
        <v>12153</v>
      </c>
    </row>
    <row r="14242">
      <c r="A14242" s="1">
        <v>4.90570444E8</v>
      </c>
      <c r="B14242" s="2">
        <v>14205.0</v>
      </c>
      <c r="C14242" s="1" t="s">
        <v>5</v>
      </c>
      <c r="D14242" s="1" t="s">
        <v>12154</v>
      </c>
      <c r="E14242" s="1" t="s">
        <v>7</v>
      </c>
    </row>
    <row r="14243">
      <c r="A14243" s="1">
        <v>4.90570483E8</v>
      </c>
      <c r="B14243" s="2">
        <v>14199.0</v>
      </c>
      <c r="C14243" s="1" t="s">
        <v>5</v>
      </c>
      <c r="D14243" s="1" t="s">
        <v>11</v>
      </c>
      <c r="E14243" s="1" t="s">
        <v>7</v>
      </c>
    </row>
    <row r="14244">
      <c r="A14244" s="1">
        <v>4.90570583E8</v>
      </c>
      <c r="B14244" s="2">
        <v>14157.0</v>
      </c>
      <c r="C14244" s="1" t="s">
        <v>5</v>
      </c>
      <c r="D14244" s="1" t="s">
        <v>2384</v>
      </c>
      <c r="E14244" s="1" t="s">
        <v>11</v>
      </c>
    </row>
    <row r="14245">
      <c r="A14245" s="1">
        <v>4.90570598E8</v>
      </c>
      <c r="B14245" s="2">
        <v>14198.0</v>
      </c>
      <c r="C14245" s="1" t="s">
        <v>5</v>
      </c>
      <c r="D14245" s="1" t="s">
        <v>12155</v>
      </c>
      <c r="E14245" s="1" t="s">
        <v>11</v>
      </c>
    </row>
    <row r="14246">
      <c r="A14246" s="1">
        <v>4.9057068E8</v>
      </c>
      <c r="B14246" s="2">
        <v>14144.0</v>
      </c>
      <c r="C14246" s="1" t="s">
        <v>5</v>
      </c>
      <c r="D14246" s="1" t="s">
        <v>12156</v>
      </c>
      <c r="E14246" s="1" t="s">
        <v>11</v>
      </c>
    </row>
    <row r="14247">
      <c r="A14247" s="1">
        <v>4.90570729E8</v>
      </c>
      <c r="B14247" s="2">
        <v>14134.0</v>
      </c>
      <c r="C14247" s="1" t="s">
        <v>5</v>
      </c>
      <c r="D14247" s="1" t="s">
        <v>12157</v>
      </c>
      <c r="E14247" s="1" t="s">
        <v>7</v>
      </c>
    </row>
    <row r="14248">
      <c r="A14248" s="1">
        <v>4.9057073E8</v>
      </c>
      <c r="B14248" s="2">
        <v>14148.0</v>
      </c>
      <c r="C14248" s="1" t="s">
        <v>5</v>
      </c>
      <c r="D14248" s="1" t="s">
        <v>12158</v>
      </c>
      <c r="E14248" s="1" t="s">
        <v>7</v>
      </c>
    </row>
    <row r="14249">
      <c r="A14249" s="1">
        <v>4.9057076E8</v>
      </c>
      <c r="B14249" s="2">
        <v>14158.0</v>
      </c>
      <c r="C14249" s="1" t="s">
        <v>5</v>
      </c>
      <c r="D14249" s="1" t="s">
        <v>12159</v>
      </c>
      <c r="E14249" s="1" t="s">
        <v>7</v>
      </c>
    </row>
    <row r="14250">
      <c r="A14250" s="1">
        <v>4.90570769E8</v>
      </c>
      <c r="B14250" s="2">
        <v>14134.0</v>
      </c>
      <c r="C14250" s="1" t="s">
        <v>5</v>
      </c>
      <c r="D14250" s="1" t="s">
        <v>12160</v>
      </c>
      <c r="E14250" s="1" t="s">
        <v>7</v>
      </c>
    </row>
    <row r="14251">
      <c r="A14251" s="1">
        <v>4.90570776E8</v>
      </c>
      <c r="B14251" s="2">
        <v>14130.0</v>
      </c>
      <c r="C14251" s="1" t="s">
        <v>5</v>
      </c>
      <c r="D14251" s="1" t="s">
        <v>12161</v>
      </c>
      <c r="E14251" s="1" t="s">
        <v>7</v>
      </c>
    </row>
    <row r="14252">
      <c r="A14252" s="1">
        <v>4.90570868E8</v>
      </c>
      <c r="B14252" s="2">
        <v>14141.0</v>
      </c>
      <c r="C14252" s="1" t="s">
        <v>5</v>
      </c>
      <c r="D14252" s="1" t="s">
        <v>12162</v>
      </c>
      <c r="E14252" s="1" t="s">
        <v>11</v>
      </c>
    </row>
    <row r="14253">
      <c r="A14253" s="1">
        <v>4.90570888E8</v>
      </c>
      <c r="B14253" s="2">
        <v>14136.0</v>
      </c>
      <c r="C14253" s="1" t="s">
        <v>5</v>
      </c>
      <c r="D14253" s="1" t="s">
        <v>11</v>
      </c>
      <c r="E14253" s="1" t="s">
        <v>7</v>
      </c>
    </row>
    <row r="14254">
      <c r="A14254" s="1">
        <v>4.90570953E8</v>
      </c>
      <c r="B14254" s="2">
        <v>14136.0</v>
      </c>
      <c r="C14254" s="1" t="s">
        <v>5</v>
      </c>
      <c r="D14254" s="1" t="s">
        <v>11</v>
      </c>
      <c r="E14254" s="1" t="s">
        <v>7</v>
      </c>
    </row>
    <row r="14255">
      <c r="A14255" s="1">
        <v>4.90570958E8</v>
      </c>
      <c r="B14255" s="2">
        <v>14142.0</v>
      </c>
      <c r="C14255" s="1" t="s">
        <v>5</v>
      </c>
      <c r="D14255" s="1" t="s">
        <v>12163</v>
      </c>
      <c r="E14255" s="1" t="s">
        <v>11</v>
      </c>
    </row>
    <row r="14256">
      <c r="A14256" s="1">
        <v>4.90570983E8</v>
      </c>
      <c r="B14256" s="2">
        <v>14128.0</v>
      </c>
      <c r="C14256" s="1" t="s">
        <v>5</v>
      </c>
      <c r="D14256" s="1" t="s">
        <v>12164</v>
      </c>
      <c r="E14256" s="1" t="s">
        <v>12165</v>
      </c>
    </row>
    <row r="14257">
      <c r="A14257" s="1">
        <v>4.90571041E8</v>
      </c>
      <c r="B14257" s="2">
        <v>14155.0</v>
      </c>
      <c r="C14257" s="1" t="s">
        <v>5</v>
      </c>
      <c r="D14257" s="1" t="s">
        <v>12166</v>
      </c>
      <c r="E14257" s="1" t="s">
        <v>11</v>
      </c>
    </row>
    <row r="14258">
      <c r="A14258" s="1">
        <v>4.90571214E8</v>
      </c>
      <c r="B14258" s="2">
        <v>14213.0</v>
      </c>
      <c r="C14258" s="1" t="s">
        <v>5</v>
      </c>
      <c r="D14258" s="1" t="s">
        <v>12167</v>
      </c>
      <c r="E14258" s="1" t="s">
        <v>7</v>
      </c>
    </row>
    <row r="14259">
      <c r="A14259" s="1">
        <v>4.90571256E8</v>
      </c>
      <c r="B14259" s="2">
        <v>14145.0</v>
      </c>
      <c r="C14259" s="1" t="s">
        <v>5</v>
      </c>
      <c r="D14259" s="1" t="s">
        <v>11</v>
      </c>
      <c r="E14259" s="1" t="s">
        <v>7</v>
      </c>
    </row>
    <row r="14260">
      <c r="A14260" s="1">
        <v>4.90571305E8</v>
      </c>
      <c r="B14260" s="2">
        <v>14207.0</v>
      </c>
      <c r="C14260" s="1" t="s">
        <v>5</v>
      </c>
      <c r="D14260" s="1" t="s">
        <v>12168</v>
      </c>
      <c r="E14260" s="1" t="s">
        <v>7</v>
      </c>
    </row>
    <row r="14261">
      <c r="A14261" s="1">
        <v>4.90571374E8</v>
      </c>
      <c r="B14261" s="2">
        <v>14129.0</v>
      </c>
      <c r="C14261" s="1" t="s">
        <v>5</v>
      </c>
      <c r="D14261" s="1" t="s">
        <v>12169</v>
      </c>
      <c r="E14261" s="1" t="s">
        <v>7</v>
      </c>
    </row>
    <row r="14262">
      <c r="A14262" s="1">
        <v>4.90571409E8</v>
      </c>
      <c r="B14262" s="2">
        <v>14139.0</v>
      </c>
      <c r="C14262" s="1" t="s">
        <v>5</v>
      </c>
      <c r="D14262" s="1" t="s">
        <v>12170</v>
      </c>
      <c r="E14262" s="1" t="s">
        <v>11</v>
      </c>
    </row>
    <row r="14263">
      <c r="A14263" s="1">
        <v>4.90571429E8</v>
      </c>
      <c r="B14263" s="2">
        <v>14194.0</v>
      </c>
      <c r="C14263" s="1" t="s">
        <v>5</v>
      </c>
      <c r="D14263" s="1" t="s">
        <v>12171</v>
      </c>
      <c r="E14263" s="1" t="s">
        <v>7</v>
      </c>
    </row>
    <row r="14264">
      <c r="A14264" s="1">
        <v>4.9057144E8</v>
      </c>
      <c r="B14264" s="2">
        <v>14154.0</v>
      </c>
      <c r="C14264" s="1" t="s">
        <v>5</v>
      </c>
      <c r="D14264" s="1" t="s">
        <v>7</v>
      </c>
      <c r="E14264" s="1" t="s">
        <v>7</v>
      </c>
    </row>
    <row r="14265">
      <c r="A14265" s="1">
        <v>4.9057152E8</v>
      </c>
      <c r="B14265" s="2">
        <v>14140.0</v>
      </c>
      <c r="C14265" s="1" t="s">
        <v>5</v>
      </c>
      <c r="D14265" s="1" t="s">
        <v>12172</v>
      </c>
      <c r="E14265" s="1" t="s">
        <v>12173</v>
      </c>
    </row>
    <row r="14266">
      <c r="A14266" s="1">
        <v>4.90571557E8</v>
      </c>
      <c r="B14266" s="2">
        <v>14140.0</v>
      </c>
      <c r="C14266" s="1" t="s">
        <v>5</v>
      </c>
      <c r="D14266" s="1" t="s">
        <v>12174</v>
      </c>
      <c r="E14266" s="1" t="s">
        <v>12175</v>
      </c>
    </row>
    <row r="14267">
      <c r="A14267" s="1">
        <v>4.90571625E8</v>
      </c>
      <c r="B14267" s="2">
        <v>14140.0</v>
      </c>
      <c r="C14267" s="1" t="s">
        <v>5</v>
      </c>
      <c r="D14267" s="1" t="s">
        <v>12176</v>
      </c>
      <c r="E14267" s="1" t="s">
        <v>12177</v>
      </c>
    </row>
    <row r="14268">
      <c r="A14268" s="1">
        <v>4.90571716E8</v>
      </c>
      <c r="B14268" s="2">
        <v>14204.0</v>
      </c>
      <c r="C14268" s="1" t="s">
        <v>5</v>
      </c>
      <c r="D14268" s="1" t="s">
        <v>12178</v>
      </c>
      <c r="E14268" s="1" t="s">
        <v>7</v>
      </c>
    </row>
    <row r="14269">
      <c r="A14269" s="1">
        <v>4.90571741E8</v>
      </c>
      <c r="B14269" s="2">
        <v>14137.0</v>
      </c>
      <c r="C14269" s="1" t="s">
        <v>5</v>
      </c>
      <c r="D14269" s="1" t="s">
        <v>12179</v>
      </c>
      <c r="E14269" s="1" t="s">
        <v>11</v>
      </c>
    </row>
    <row r="14270">
      <c r="A14270" s="1">
        <v>4.90571775E8</v>
      </c>
      <c r="B14270" s="2">
        <v>14197.0</v>
      </c>
      <c r="C14270" s="1" t="s">
        <v>5</v>
      </c>
      <c r="D14270" s="1" t="s">
        <v>11</v>
      </c>
      <c r="E14270" s="1" t="s">
        <v>7</v>
      </c>
    </row>
    <row r="14271">
      <c r="A14271" s="1">
        <v>4.90571883E8</v>
      </c>
      <c r="B14271" s="2">
        <v>14211.0</v>
      </c>
      <c r="C14271" s="1" t="s">
        <v>5</v>
      </c>
      <c r="D14271" s="1" t="s">
        <v>12180</v>
      </c>
      <c r="E14271" s="1" t="s">
        <v>12181</v>
      </c>
    </row>
    <row r="14272">
      <c r="A14272" s="1">
        <v>4.9057194E8</v>
      </c>
      <c r="B14272" s="2">
        <v>14190.0</v>
      </c>
      <c r="C14272" s="1" t="s">
        <v>5</v>
      </c>
      <c r="D14272" s="1" t="s">
        <v>11</v>
      </c>
      <c r="E14272" s="1" t="s">
        <v>7</v>
      </c>
    </row>
    <row r="14273">
      <c r="A14273" s="1">
        <v>4.90571954E8</v>
      </c>
      <c r="B14273" s="2">
        <v>14140.0</v>
      </c>
      <c r="C14273" s="1" t="s">
        <v>5</v>
      </c>
      <c r="D14273" s="1" t="s">
        <v>11</v>
      </c>
      <c r="E14273" s="1" t="s">
        <v>7</v>
      </c>
    </row>
    <row r="14274">
      <c r="A14274" s="1">
        <v>4.90572079E8</v>
      </c>
      <c r="B14274" s="2">
        <v>14139.0</v>
      </c>
      <c r="C14274" s="1" t="s">
        <v>5</v>
      </c>
      <c r="D14274" s="1" t="s">
        <v>12182</v>
      </c>
      <c r="E14274" s="1" t="s">
        <v>11</v>
      </c>
    </row>
    <row r="14275">
      <c r="A14275" s="1">
        <v>4.90572136E8</v>
      </c>
      <c r="B14275" s="2">
        <v>14210.0</v>
      </c>
      <c r="C14275" s="1" t="s">
        <v>5</v>
      </c>
      <c r="D14275" s="1" t="s">
        <v>12183</v>
      </c>
      <c r="E14275" s="1" t="s">
        <v>7</v>
      </c>
    </row>
    <row r="14276">
      <c r="A14276" s="1">
        <v>4.90572169E8</v>
      </c>
      <c r="B14276" s="2">
        <v>14184.0</v>
      </c>
      <c r="C14276" s="1" t="s">
        <v>5</v>
      </c>
      <c r="D14276" s="1" t="s">
        <v>12184</v>
      </c>
      <c r="E14276" s="1" t="s">
        <v>11</v>
      </c>
    </row>
    <row r="14277">
      <c r="A14277" s="1">
        <v>4.90572199E8</v>
      </c>
      <c r="B14277" s="2">
        <v>14182.0</v>
      </c>
      <c r="C14277" s="1" t="s">
        <v>5</v>
      </c>
      <c r="D14277" s="1" t="s">
        <v>12185</v>
      </c>
      <c r="E14277" s="1" t="s">
        <v>12186</v>
      </c>
    </row>
    <row r="14278">
      <c r="A14278" s="1">
        <v>4.90572215E8</v>
      </c>
      <c r="B14278" s="2">
        <v>14138.0</v>
      </c>
      <c r="C14278" s="1" t="s">
        <v>5</v>
      </c>
      <c r="D14278" s="1" t="s">
        <v>12187</v>
      </c>
      <c r="E14278" s="1" t="s">
        <v>7</v>
      </c>
    </row>
    <row r="14279">
      <c r="A14279" s="1">
        <v>4.90572222E8</v>
      </c>
      <c r="B14279" s="2">
        <v>14210.0</v>
      </c>
      <c r="C14279" s="1" t="s">
        <v>5</v>
      </c>
      <c r="D14279" s="1" t="s">
        <v>12188</v>
      </c>
      <c r="E14279" s="1" t="s">
        <v>11</v>
      </c>
    </row>
    <row r="14280">
      <c r="A14280" s="1">
        <v>4.9057225E8</v>
      </c>
      <c r="B14280" s="2">
        <v>14178.0</v>
      </c>
      <c r="C14280" s="1" t="s">
        <v>5</v>
      </c>
      <c r="D14280" s="1" t="s">
        <v>12189</v>
      </c>
      <c r="E14280" s="1" t="s">
        <v>7</v>
      </c>
    </row>
    <row r="14281">
      <c r="A14281" s="1">
        <v>4.90572347E8</v>
      </c>
      <c r="B14281" s="2">
        <v>14133.0</v>
      </c>
      <c r="C14281" s="1" t="s">
        <v>5</v>
      </c>
      <c r="D14281" s="1" t="s">
        <v>12190</v>
      </c>
      <c r="E14281" s="1" t="s">
        <v>7</v>
      </c>
    </row>
    <row r="14282">
      <c r="A14282" s="1">
        <v>4.90572438E8</v>
      </c>
      <c r="B14282" s="2">
        <v>14137.0</v>
      </c>
      <c r="C14282" s="1" t="s">
        <v>5</v>
      </c>
      <c r="D14282" s="1" t="s">
        <v>12191</v>
      </c>
      <c r="E14282" s="1" t="s">
        <v>7</v>
      </c>
    </row>
    <row r="14283">
      <c r="A14283" s="1">
        <v>4.90572457E8</v>
      </c>
      <c r="B14283" s="2">
        <v>14182.0</v>
      </c>
      <c r="C14283" s="1" t="s">
        <v>5</v>
      </c>
      <c r="D14283" s="1" t="s">
        <v>12192</v>
      </c>
      <c r="E14283" s="1" t="s">
        <v>7</v>
      </c>
    </row>
    <row r="14284">
      <c r="A14284" s="1">
        <v>4.90572474E8</v>
      </c>
      <c r="B14284" s="2">
        <v>14182.0</v>
      </c>
      <c r="C14284" s="1" t="s">
        <v>5</v>
      </c>
      <c r="D14284" s="1" t="s">
        <v>12193</v>
      </c>
      <c r="E14284" s="1" t="s">
        <v>7</v>
      </c>
    </row>
    <row r="14285">
      <c r="A14285" s="1">
        <v>4.90572549E8</v>
      </c>
      <c r="B14285" s="2">
        <v>14205.0</v>
      </c>
      <c r="C14285" s="1" t="s">
        <v>5</v>
      </c>
      <c r="D14285" s="1" t="s">
        <v>12194</v>
      </c>
      <c r="E14285" s="1" t="s">
        <v>7</v>
      </c>
    </row>
    <row r="14286">
      <c r="A14286" s="1">
        <v>4.90572582E8</v>
      </c>
      <c r="B14286" s="2">
        <v>14207.0</v>
      </c>
      <c r="C14286" s="1" t="s">
        <v>5</v>
      </c>
      <c r="D14286" s="1" t="s">
        <v>12195</v>
      </c>
      <c r="E14286" s="1" t="s">
        <v>7</v>
      </c>
    </row>
    <row r="14287">
      <c r="A14287" s="1">
        <v>4.90572624E8</v>
      </c>
      <c r="B14287" s="2">
        <v>14176.0</v>
      </c>
      <c r="C14287" s="1" t="s">
        <v>5</v>
      </c>
      <c r="D14287" s="1" t="s">
        <v>12196</v>
      </c>
      <c r="E14287" s="1" t="s">
        <v>7</v>
      </c>
    </row>
    <row r="14288">
      <c r="A14288" s="1">
        <v>4.9057264E8</v>
      </c>
      <c r="B14288" s="2">
        <v>14240.0</v>
      </c>
      <c r="C14288" s="1" t="s">
        <v>5</v>
      </c>
      <c r="D14288" s="1" t="s">
        <v>12197</v>
      </c>
      <c r="E14288" s="1" t="s">
        <v>7</v>
      </c>
    </row>
    <row r="14289">
      <c r="A14289" s="1">
        <v>4.90572669E8</v>
      </c>
      <c r="B14289" s="2">
        <v>14208.0</v>
      </c>
      <c r="C14289" s="1" t="s">
        <v>5</v>
      </c>
      <c r="D14289" s="1" t="s">
        <v>11</v>
      </c>
      <c r="E14289" s="1" t="s">
        <v>7</v>
      </c>
    </row>
    <row r="14290">
      <c r="A14290" s="1">
        <v>4.9057267E8</v>
      </c>
      <c r="B14290" s="2">
        <v>14206.0</v>
      </c>
      <c r="C14290" s="1" t="s">
        <v>5</v>
      </c>
      <c r="D14290" s="1" t="s">
        <v>12198</v>
      </c>
      <c r="E14290" s="1" t="s">
        <v>7</v>
      </c>
    </row>
    <row r="14291">
      <c r="A14291" s="1">
        <v>4.90572697E8</v>
      </c>
      <c r="B14291" s="2">
        <v>14206.0</v>
      </c>
      <c r="C14291" s="1" t="s">
        <v>5</v>
      </c>
      <c r="D14291" s="1" t="s">
        <v>12199</v>
      </c>
      <c r="E14291" s="1" t="s">
        <v>7</v>
      </c>
    </row>
    <row r="14292">
      <c r="A14292" s="1">
        <v>4.90572816E8</v>
      </c>
      <c r="B14292" s="2">
        <v>14239.0</v>
      </c>
      <c r="C14292" s="1" t="s">
        <v>5</v>
      </c>
      <c r="D14292" s="1" t="s">
        <v>12200</v>
      </c>
      <c r="E14292" s="1" t="s">
        <v>7</v>
      </c>
    </row>
    <row r="14293">
      <c r="A14293" s="1">
        <v>4.9057285E8</v>
      </c>
      <c r="B14293" s="2">
        <v>14185.0</v>
      </c>
      <c r="C14293" s="1" t="s">
        <v>5</v>
      </c>
      <c r="D14293" s="1" t="s">
        <v>12201</v>
      </c>
      <c r="E14293" s="1" t="s">
        <v>7</v>
      </c>
    </row>
    <row r="14294">
      <c r="A14294" s="1">
        <v>4.90572863E8</v>
      </c>
      <c r="B14294" s="2">
        <v>14134.0</v>
      </c>
      <c r="C14294" s="1" t="s">
        <v>5</v>
      </c>
      <c r="D14294" s="1" t="s">
        <v>11</v>
      </c>
      <c r="E14294" s="1" t="s">
        <v>7</v>
      </c>
    </row>
    <row r="14295">
      <c r="A14295" s="1">
        <v>4.9057289E8</v>
      </c>
      <c r="B14295" s="2">
        <v>14205.0</v>
      </c>
      <c r="C14295" s="1" t="s">
        <v>5</v>
      </c>
      <c r="D14295" s="1" t="s">
        <v>12202</v>
      </c>
      <c r="E14295" s="1" t="s">
        <v>11</v>
      </c>
    </row>
    <row r="14296">
      <c r="A14296" s="1">
        <v>4.9057293E8</v>
      </c>
      <c r="B14296" s="2">
        <v>14139.0</v>
      </c>
      <c r="C14296" s="1" t="s">
        <v>5</v>
      </c>
      <c r="D14296" s="1" t="s">
        <v>12203</v>
      </c>
      <c r="E14296" s="1" t="s">
        <v>7</v>
      </c>
    </row>
    <row r="14297">
      <c r="A14297" s="1">
        <v>4.90572951E8</v>
      </c>
      <c r="B14297" s="2">
        <v>14197.0</v>
      </c>
      <c r="C14297" s="1" t="s">
        <v>5</v>
      </c>
      <c r="D14297" s="1" t="s">
        <v>12204</v>
      </c>
      <c r="E14297" s="1" t="s">
        <v>11</v>
      </c>
    </row>
    <row r="14298">
      <c r="A14298" s="1">
        <v>4.90572964E8</v>
      </c>
      <c r="B14298" s="2">
        <v>14245.0</v>
      </c>
      <c r="C14298" s="1" t="s">
        <v>5</v>
      </c>
      <c r="D14298" s="1" t="s">
        <v>12205</v>
      </c>
      <c r="E14298" s="1" t="s">
        <v>7</v>
      </c>
    </row>
    <row r="14299">
      <c r="A14299" s="1">
        <v>4.90573081E8</v>
      </c>
      <c r="B14299" s="2">
        <v>14177.0</v>
      </c>
      <c r="C14299" s="1" t="s">
        <v>5</v>
      </c>
      <c r="D14299" s="1" t="s">
        <v>12206</v>
      </c>
      <c r="E14299" s="1" t="s">
        <v>7</v>
      </c>
    </row>
    <row r="14300">
      <c r="A14300" s="1">
        <v>4.9057312E8</v>
      </c>
      <c r="B14300" s="2">
        <v>14170.0</v>
      </c>
      <c r="C14300" s="1" t="s">
        <v>5</v>
      </c>
      <c r="D14300" s="1" t="s">
        <v>12207</v>
      </c>
      <c r="E14300" s="1" t="s">
        <v>11</v>
      </c>
    </row>
    <row r="14301">
      <c r="A14301" s="1">
        <v>4.90573145E8</v>
      </c>
      <c r="B14301" s="2">
        <v>14177.0</v>
      </c>
      <c r="C14301" s="1" t="s">
        <v>5</v>
      </c>
      <c r="D14301" s="1" t="s">
        <v>12208</v>
      </c>
      <c r="E14301" s="1" t="s">
        <v>12209</v>
      </c>
    </row>
    <row r="14302">
      <c r="A14302" s="1">
        <v>4.90573196E8</v>
      </c>
      <c r="B14302" s="2">
        <v>14236.0</v>
      </c>
      <c r="C14302" s="1" t="s">
        <v>5</v>
      </c>
      <c r="D14302" s="1" t="s">
        <v>12210</v>
      </c>
      <c r="E14302" s="1" t="s">
        <v>7</v>
      </c>
    </row>
    <row r="14303">
      <c r="A14303" s="1">
        <v>4.90573222E8</v>
      </c>
      <c r="B14303" s="2">
        <v>14204.0</v>
      </c>
      <c r="C14303" s="1" t="s">
        <v>5</v>
      </c>
      <c r="D14303" s="1" t="s">
        <v>11</v>
      </c>
      <c r="E14303" s="1" t="s">
        <v>7</v>
      </c>
    </row>
    <row r="14304">
      <c r="A14304" s="1">
        <v>4.90573283E8</v>
      </c>
      <c r="B14304" s="2">
        <v>14196.0</v>
      </c>
      <c r="C14304" s="1" t="s">
        <v>5</v>
      </c>
      <c r="D14304" s="1" t="s">
        <v>11</v>
      </c>
      <c r="E14304" s="1" t="s">
        <v>7</v>
      </c>
    </row>
    <row r="14305">
      <c r="A14305" s="1">
        <v>4.90573299E8</v>
      </c>
      <c r="B14305" s="2">
        <v>14182.0</v>
      </c>
      <c r="C14305" s="1" t="s">
        <v>5</v>
      </c>
      <c r="D14305" s="1" t="s">
        <v>11</v>
      </c>
      <c r="E14305" s="1" t="s">
        <v>7</v>
      </c>
    </row>
    <row r="14306">
      <c r="A14306" s="1">
        <v>4.90573305E8</v>
      </c>
      <c r="B14306" s="2">
        <v>14196.0</v>
      </c>
      <c r="C14306" s="1" t="s">
        <v>5</v>
      </c>
      <c r="D14306" s="1" t="s">
        <v>12211</v>
      </c>
      <c r="E14306" s="1" t="s">
        <v>7</v>
      </c>
    </row>
    <row r="14307">
      <c r="A14307" s="1">
        <v>4.9057333E8</v>
      </c>
      <c r="B14307" s="2">
        <v>14176.0</v>
      </c>
      <c r="C14307" s="1" t="s">
        <v>5</v>
      </c>
      <c r="D14307" s="1" t="s">
        <v>11</v>
      </c>
      <c r="E14307" s="1" t="s">
        <v>7</v>
      </c>
    </row>
    <row r="14308">
      <c r="A14308" s="1">
        <v>4.90573395E8</v>
      </c>
      <c r="B14308" s="2">
        <v>14201.0</v>
      </c>
      <c r="C14308" s="1" t="s">
        <v>5</v>
      </c>
      <c r="D14308" s="1" t="s">
        <v>12212</v>
      </c>
      <c r="E14308" s="1" t="s">
        <v>7</v>
      </c>
    </row>
    <row r="14309">
      <c r="A14309" s="1">
        <v>4.90573457E8</v>
      </c>
      <c r="B14309" s="2">
        <v>14165.0</v>
      </c>
      <c r="C14309" s="1" t="s">
        <v>5</v>
      </c>
      <c r="D14309" s="1" t="s">
        <v>11</v>
      </c>
      <c r="E14309" s="1" t="s">
        <v>7</v>
      </c>
    </row>
    <row r="14310">
      <c r="A14310" s="1">
        <v>4.90573465E8</v>
      </c>
      <c r="B14310" s="2">
        <v>14206.0</v>
      </c>
      <c r="C14310" s="1" t="s">
        <v>5</v>
      </c>
      <c r="D14310" s="1" t="s">
        <v>12213</v>
      </c>
      <c r="E14310" s="1" t="s">
        <v>7</v>
      </c>
    </row>
    <row r="14311">
      <c r="A14311" s="1">
        <v>4.90573503E8</v>
      </c>
      <c r="B14311" s="2">
        <v>14205.0</v>
      </c>
      <c r="C14311" s="1" t="s">
        <v>5</v>
      </c>
      <c r="D14311" s="1" t="s">
        <v>12214</v>
      </c>
      <c r="E14311" s="1" t="s">
        <v>7</v>
      </c>
    </row>
    <row r="14312">
      <c r="A14312" s="1">
        <v>4.90573549E8</v>
      </c>
      <c r="B14312" s="2">
        <v>14164.0</v>
      </c>
      <c r="C14312" s="1" t="s">
        <v>5</v>
      </c>
      <c r="D14312" s="1" t="s">
        <v>12215</v>
      </c>
      <c r="E14312" s="1" t="s">
        <v>7</v>
      </c>
    </row>
    <row r="14313">
      <c r="A14313" s="1">
        <v>4.90573574E8</v>
      </c>
      <c r="B14313" s="2">
        <v>14199.0</v>
      </c>
      <c r="C14313" s="1" t="s">
        <v>5</v>
      </c>
      <c r="D14313" s="1" t="s">
        <v>12216</v>
      </c>
      <c r="E14313" s="1" t="s">
        <v>7</v>
      </c>
    </row>
    <row r="14314">
      <c r="A14314" s="1">
        <v>4.90573599E8</v>
      </c>
      <c r="B14314" s="2">
        <v>14199.0</v>
      </c>
      <c r="C14314" s="1" t="s">
        <v>5</v>
      </c>
      <c r="D14314" s="1" t="s">
        <v>12217</v>
      </c>
      <c r="E14314" s="1" t="s">
        <v>12218</v>
      </c>
    </row>
    <row r="14315">
      <c r="A14315" s="1">
        <v>4.90573676E8</v>
      </c>
      <c r="B14315" s="2">
        <v>14234.0</v>
      </c>
      <c r="C14315" s="1" t="s">
        <v>5</v>
      </c>
      <c r="D14315" s="1" t="s">
        <v>12219</v>
      </c>
      <c r="E14315" s="1" t="s">
        <v>11</v>
      </c>
    </row>
    <row r="14316">
      <c r="A14316" s="1">
        <v>4.90573724E8</v>
      </c>
      <c r="B14316" s="2">
        <v>14185.0</v>
      </c>
      <c r="C14316" s="1" t="s">
        <v>5</v>
      </c>
      <c r="D14316" s="1" t="s">
        <v>12220</v>
      </c>
      <c r="E14316" s="1" t="s">
        <v>7</v>
      </c>
    </row>
    <row r="14317">
      <c r="A14317" s="1">
        <v>4.90573744E8</v>
      </c>
      <c r="B14317" s="2">
        <v>14233.0</v>
      </c>
      <c r="C14317" s="1" t="s">
        <v>5</v>
      </c>
      <c r="D14317" s="1" t="s">
        <v>11</v>
      </c>
      <c r="E14317" s="1" t="s">
        <v>7</v>
      </c>
    </row>
    <row r="14318">
      <c r="A14318" s="1">
        <v>4.90573784E8</v>
      </c>
      <c r="B14318" s="2">
        <v>14245.0</v>
      </c>
      <c r="C14318" s="1" t="s">
        <v>5</v>
      </c>
      <c r="D14318" s="1" t="s">
        <v>11</v>
      </c>
      <c r="E14318" s="1" t="s">
        <v>7</v>
      </c>
    </row>
    <row r="14319">
      <c r="A14319" s="1">
        <v>4.90573788E8</v>
      </c>
      <c r="B14319" s="2">
        <v>14200.0</v>
      </c>
      <c r="C14319" s="1" t="s">
        <v>5</v>
      </c>
      <c r="D14319" s="1" t="s">
        <v>12221</v>
      </c>
      <c r="E14319" s="1" t="s">
        <v>12222</v>
      </c>
    </row>
    <row r="14320">
      <c r="A14320" s="1">
        <v>4.90573871E8</v>
      </c>
      <c r="B14320" s="2">
        <v>14162.0</v>
      </c>
      <c r="C14320" s="1" t="s">
        <v>5</v>
      </c>
      <c r="D14320" s="1" t="s">
        <v>11</v>
      </c>
      <c r="E14320" s="1" t="s">
        <v>7</v>
      </c>
    </row>
    <row r="14321">
      <c r="A14321" s="1">
        <v>4.9057388E8</v>
      </c>
      <c r="B14321" s="2">
        <v>14183.0</v>
      </c>
      <c r="C14321" s="1" t="s">
        <v>5</v>
      </c>
      <c r="D14321" s="1" t="s">
        <v>12223</v>
      </c>
      <c r="E14321" s="1" t="s">
        <v>11</v>
      </c>
    </row>
    <row r="14322">
      <c r="A14322" s="1">
        <v>4.90573896E8</v>
      </c>
      <c r="B14322" s="2">
        <v>14127.0</v>
      </c>
      <c r="C14322" s="1" t="s">
        <v>5</v>
      </c>
      <c r="D14322" s="1" t="s">
        <v>12224</v>
      </c>
      <c r="E14322" s="1" t="s">
        <v>7</v>
      </c>
    </row>
    <row r="14323">
      <c r="A14323" s="1">
        <v>4.90573944E8</v>
      </c>
      <c r="B14323" s="2">
        <v>14198.0</v>
      </c>
      <c r="C14323" s="1" t="s">
        <v>5</v>
      </c>
      <c r="D14323" s="1" t="s">
        <v>11</v>
      </c>
      <c r="E14323" s="1" t="s">
        <v>7</v>
      </c>
    </row>
    <row r="14324">
      <c r="A14324" s="1">
        <v>4.90573991E8</v>
      </c>
      <c r="B14324" s="2">
        <v>14177.0</v>
      </c>
      <c r="C14324" s="1" t="s">
        <v>5</v>
      </c>
      <c r="D14324" s="1" t="s">
        <v>12225</v>
      </c>
      <c r="E14324" s="1" t="s">
        <v>7</v>
      </c>
    </row>
    <row r="14325">
      <c r="A14325" s="1">
        <v>4.90574023E8</v>
      </c>
      <c r="B14325" s="2">
        <v>14197.0</v>
      </c>
      <c r="C14325" s="1" t="s">
        <v>5</v>
      </c>
      <c r="D14325" s="1" t="s">
        <v>12215</v>
      </c>
      <c r="E14325" s="1" t="s">
        <v>7</v>
      </c>
    </row>
    <row r="14326">
      <c r="A14326" s="1">
        <v>4.90574031E8</v>
      </c>
      <c r="B14326" s="2">
        <v>14184.0</v>
      </c>
      <c r="C14326" s="1" t="s">
        <v>5</v>
      </c>
      <c r="D14326" s="1" t="s">
        <v>12226</v>
      </c>
      <c r="E14326" s="1" t="s">
        <v>7</v>
      </c>
    </row>
    <row r="14327">
      <c r="A14327" s="1">
        <v>4.90574109E8</v>
      </c>
      <c r="B14327" s="2">
        <v>14242.0</v>
      </c>
      <c r="C14327" s="1" t="s">
        <v>5</v>
      </c>
      <c r="D14327" s="1" t="s">
        <v>12227</v>
      </c>
      <c r="E14327" s="1" t="s">
        <v>7</v>
      </c>
    </row>
    <row r="14328">
      <c r="A14328" s="1">
        <v>4.9057413E8</v>
      </c>
      <c r="B14328" s="2">
        <v>14242.0</v>
      </c>
      <c r="C14328" s="1" t="s">
        <v>5</v>
      </c>
      <c r="D14328" s="1" t="s">
        <v>12228</v>
      </c>
      <c r="E14328" s="1" t="s">
        <v>7</v>
      </c>
    </row>
    <row r="14329">
      <c r="A14329" s="1">
        <v>4.90574209E8</v>
      </c>
      <c r="B14329" s="2">
        <v>14124.0</v>
      </c>
      <c r="C14329" s="1" t="s">
        <v>5</v>
      </c>
      <c r="D14329" s="1" t="s">
        <v>12229</v>
      </c>
      <c r="E14329" s="1" t="s">
        <v>11</v>
      </c>
    </row>
    <row r="14330">
      <c r="A14330" s="1">
        <v>4.90574225E8</v>
      </c>
      <c r="B14330" s="2">
        <v>14183.0</v>
      </c>
      <c r="C14330" s="1" t="s">
        <v>5</v>
      </c>
      <c r="D14330" s="1" t="s">
        <v>12230</v>
      </c>
      <c r="E14330" s="1" t="s">
        <v>11</v>
      </c>
    </row>
    <row r="14331">
      <c r="A14331" s="1">
        <v>4.9057428E8</v>
      </c>
      <c r="B14331" s="2">
        <v>14194.0</v>
      </c>
      <c r="C14331" s="1" t="s">
        <v>5</v>
      </c>
      <c r="D14331" s="1" t="s">
        <v>12231</v>
      </c>
      <c r="E14331" s="1" t="s">
        <v>12232</v>
      </c>
    </row>
    <row r="14332">
      <c r="A14332" s="1">
        <v>4.90574308E8</v>
      </c>
      <c r="B14332" s="2">
        <v>14182.0</v>
      </c>
      <c r="C14332" s="1" t="s">
        <v>5</v>
      </c>
      <c r="D14332" s="1" t="s">
        <v>12233</v>
      </c>
      <c r="E14332" s="1" t="s">
        <v>7</v>
      </c>
    </row>
    <row r="14333">
      <c r="A14333" s="1">
        <v>4.90574337E8</v>
      </c>
      <c r="B14333" s="2">
        <v>14240.0</v>
      </c>
      <c r="C14333" s="1" t="s">
        <v>5</v>
      </c>
      <c r="D14333" s="1" t="s">
        <v>12234</v>
      </c>
      <c r="E14333" s="1" t="s">
        <v>7</v>
      </c>
    </row>
    <row r="14334">
      <c r="A14334" s="1">
        <v>4.90574372E8</v>
      </c>
      <c r="B14334" s="2">
        <v>14240.0</v>
      </c>
      <c r="C14334" s="1" t="s">
        <v>5</v>
      </c>
      <c r="D14334" s="1" t="s">
        <v>12235</v>
      </c>
      <c r="E14334" s="1" t="s">
        <v>7</v>
      </c>
    </row>
    <row r="14335">
      <c r="A14335" s="1">
        <v>4.90574396E8</v>
      </c>
      <c r="B14335" s="2">
        <v>14182.0</v>
      </c>
      <c r="C14335" s="1" t="s">
        <v>5</v>
      </c>
      <c r="D14335" s="1" t="s">
        <v>12236</v>
      </c>
      <c r="E14335" s="1" t="s">
        <v>11</v>
      </c>
    </row>
    <row r="14336">
      <c r="A14336" s="1">
        <v>4.90574402E8</v>
      </c>
      <c r="B14336" s="2">
        <v>14229.0</v>
      </c>
      <c r="C14336" s="1" t="s">
        <v>5</v>
      </c>
      <c r="D14336" s="1" t="s">
        <v>11</v>
      </c>
      <c r="E14336" s="1" t="s">
        <v>7</v>
      </c>
    </row>
    <row r="14337">
      <c r="A14337" s="1">
        <v>4.90574437E8</v>
      </c>
      <c r="B14337" s="2">
        <v>14195.0</v>
      </c>
      <c r="C14337" s="1" t="s">
        <v>5</v>
      </c>
      <c r="D14337" s="1" t="s">
        <v>11</v>
      </c>
      <c r="E14337" s="1" t="s">
        <v>7</v>
      </c>
    </row>
    <row r="14338">
      <c r="A14338" s="1">
        <v>4.90574551E8</v>
      </c>
      <c r="B14338" s="2">
        <v>14192.0</v>
      </c>
      <c r="C14338" s="1" t="s">
        <v>5</v>
      </c>
      <c r="D14338" s="1" t="s">
        <v>11</v>
      </c>
      <c r="E14338" s="1" t="s">
        <v>7</v>
      </c>
    </row>
    <row r="14339">
      <c r="A14339" s="1">
        <v>4.90574564E8</v>
      </c>
      <c r="B14339" s="2">
        <v>14239.0</v>
      </c>
      <c r="C14339" s="1" t="s">
        <v>5</v>
      </c>
      <c r="D14339" s="1" t="s">
        <v>12237</v>
      </c>
      <c r="E14339" s="1" t="s">
        <v>7</v>
      </c>
    </row>
    <row r="14340">
      <c r="A14340" s="1">
        <v>4.9057461E8</v>
      </c>
      <c r="B14340" s="2">
        <v>14193.0</v>
      </c>
      <c r="C14340" s="1" t="s">
        <v>5</v>
      </c>
      <c r="D14340" s="1" t="s">
        <v>12238</v>
      </c>
      <c r="E14340" s="1" t="s">
        <v>11</v>
      </c>
    </row>
    <row r="14341">
      <c r="A14341" s="1">
        <v>4.90574636E8</v>
      </c>
      <c r="B14341" s="2">
        <v>14198.0</v>
      </c>
      <c r="C14341" s="1" t="s">
        <v>5</v>
      </c>
      <c r="D14341" s="1" t="s">
        <v>12239</v>
      </c>
      <c r="E14341" s="1" t="s">
        <v>11</v>
      </c>
    </row>
    <row r="14342">
      <c r="A14342" s="1">
        <v>4.90574744E8</v>
      </c>
      <c r="B14342" s="2">
        <v>14191.0</v>
      </c>
      <c r="C14342" s="1" t="s">
        <v>5</v>
      </c>
      <c r="D14342" s="1" t="s">
        <v>12240</v>
      </c>
      <c r="E14342" s="1" t="s">
        <v>7</v>
      </c>
    </row>
    <row r="14343">
      <c r="A14343" s="1">
        <v>4.9057477E8</v>
      </c>
      <c r="B14343" s="2">
        <v>14169.0</v>
      </c>
      <c r="C14343" s="1" t="s">
        <v>5</v>
      </c>
      <c r="D14343" s="1" t="s">
        <v>12241</v>
      </c>
      <c r="E14343" s="1" t="s">
        <v>12242</v>
      </c>
    </row>
    <row r="14344">
      <c r="A14344" s="1">
        <v>4.90574797E8</v>
      </c>
      <c r="B14344" s="2">
        <v>14225.0</v>
      </c>
      <c r="C14344" s="1" t="s">
        <v>5</v>
      </c>
      <c r="D14344" s="1" t="s">
        <v>12243</v>
      </c>
      <c r="E14344" s="1" t="s">
        <v>12244</v>
      </c>
    </row>
    <row r="14345">
      <c r="A14345" s="1">
        <v>4.90574803E8</v>
      </c>
      <c r="B14345" s="2">
        <v>14192.0</v>
      </c>
      <c r="C14345" s="1" t="s">
        <v>5</v>
      </c>
      <c r="D14345" s="1" t="s">
        <v>12245</v>
      </c>
      <c r="E14345" s="1" t="s">
        <v>7</v>
      </c>
    </row>
    <row r="14346">
      <c r="A14346" s="1">
        <v>4.9057484E8</v>
      </c>
      <c r="B14346" s="2">
        <v>14233.0</v>
      </c>
      <c r="C14346" s="1" t="s">
        <v>5</v>
      </c>
      <c r="D14346" s="1" t="s">
        <v>12246</v>
      </c>
      <c r="E14346" s="1" t="s">
        <v>7</v>
      </c>
    </row>
    <row r="14347">
      <c r="A14347" s="1">
        <v>4.9057488E8</v>
      </c>
      <c r="B14347" s="2">
        <v>14185.0</v>
      </c>
      <c r="C14347" s="1" t="s">
        <v>5</v>
      </c>
      <c r="D14347" s="1" t="s">
        <v>12247</v>
      </c>
      <c r="E14347" s="1" t="s">
        <v>7</v>
      </c>
    </row>
    <row r="14348">
      <c r="A14348" s="1">
        <v>4.90574884E8</v>
      </c>
      <c r="B14348" s="2">
        <v>14196.0</v>
      </c>
      <c r="C14348" s="1" t="s">
        <v>5</v>
      </c>
      <c r="D14348" s="1" t="s">
        <v>11</v>
      </c>
      <c r="E14348" s="1" t="s">
        <v>7</v>
      </c>
    </row>
    <row r="14349">
      <c r="A14349" s="1">
        <v>4.90574895E8</v>
      </c>
      <c r="B14349" s="2">
        <v>14237.0</v>
      </c>
      <c r="C14349" s="1" t="s">
        <v>5</v>
      </c>
      <c r="D14349" s="1" t="s">
        <v>12248</v>
      </c>
      <c r="E14349" s="1" t="s">
        <v>7</v>
      </c>
    </row>
    <row r="14350">
      <c r="A14350" s="1">
        <v>4.90574919E8</v>
      </c>
      <c r="B14350" s="2">
        <v>14173.0</v>
      </c>
      <c r="C14350" s="1" t="s">
        <v>5</v>
      </c>
      <c r="D14350" s="1" t="s">
        <v>11</v>
      </c>
      <c r="E14350" s="1" t="s">
        <v>7</v>
      </c>
    </row>
    <row r="14351">
      <c r="A14351" s="1">
        <v>4.9057492E8</v>
      </c>
      <c r="B14351" s="2">
        <v>14225.0</v>
      </c>
      <c r="C14351" s="1" t="s">
        <v>5</v>
      </c>
      <c r="D14351" s="1" t="s">
        <v>11</v>
      </c>
      <c r="E14351" s="1" t="s">
        <v>7</v>
      </c>
    </row>
    <row r="14352">
      <c r="A14352" s="1">
        <v>4.9057497E8</v>
      </c>
      <c r="B14352" s="2">
        <v>14191.0</v>
      </c>
      <c r="C14352" s="1" t="s">
        <v>5</v>
      </c>
      <c r="D14352" s="1" t="s">
        <v>12249</v>
      </c>
      <c r="E14352" s="1" t="s">
        <v>11</v>
      </c>
    </row>
    <row r="14353">
      <c r="A14353" s="1">
        <v>4.90574981E8</v>
      </c>
      <c r="B14353" s="2">
        <v>14177.0</v>
      </c>
      <c r="C14353" s="1" t="s">
        <v>5</v>
      </c>
      <c r="D14353" s="1" t="s">
        <v>12250</v>
      </c>
      <c r="E14353" s="1" t="s">
        <v>12251</v>
      </c>
    </row>
    <row r="14354">
      <c r="A14354" s="1">
        <v>4.90575014E8</v>
      </c>
      <c r="B14354" s="2">
        <v>14221.0</v>
      </c>
      <c r="C14354" s="1" t="s">
        <v>5</v>
      </c>
      <c r="D14354" s="1" t="s">
        <v>12252</v>
      </c>
      <c r="E14354" s="1" t="s">
        <v>7</v>
      </c>
    </row>
    <row r="14355">
      <c r="A14355" s="1">
        <v>4.9057509E8</v>
      </c>
      <c r="B14355" s="2">
        <v>14235.0</v>
      </c>
      <c r="C14355" s="1" t="s">
        <v>5</v>
      </c>
      <c r="D14355" s="1" t="s">
        <v>12253</v>
      </c>
      <c r="E14355" s="1" t="s">
        <v>7</v>
      </c>
    </row>
    <row r="14356">
      <c r="A14356" s="1">
        <v>4.90575184E8</v>
      </c>
      <c r="B14356" s="2">
        <v>14174.0</v>
      </c>
      <c r="C14356" s="1" t="s">
        <v>5</v>
      </c>
      <c r="D14356" s="1" t="s">
        <v>12254</v>
      </c>
      <c r="E14356" s="1" t="s">
        <v>11</v>
      </c>
    </row>
    <row r="14357">
      <c r="A14357" s="1">
        <v>4.9057521E8</v>
      </c>
      <c r="B14357" s="2">
        <v>14244.0</v>
      </c>
      <c r="C14357" s="1" t="s">
        <v>5</v>
      </c>
      <c r="D14357" s="1" t="s">
        <v>12255</v>
      </c>
      <c r="E14357" s="1" t="s">
        <v>11</v>
      </c>
    </row>
    <row r="14358">
      <c r="A14358" s="1">
        <v>4.90575216E8</v>
      </c>
      <c r="B14358" s="2">
        <v>14195.0</v>
      </c>
      <c r="C14358" s="1" t="s">
        <v>5</v>
      </c>
      <c r="D14358" s="1" t="s">
        <v>12256</v>
      </c>
      <c r="E14358" s="1" t="s">
        <v>7</v>
      </c>
    </row>
    <row r="14359">
      <c r="A14359" s="1">
        <v>4.90575249E8</v>
      </c>
      <c r="B14359" s="2">
        <v>14247.0</v>
      </c>
      <c r="C14359" s="1" t="s">
        <v>5</v>
      </c>
      <c r="D14359" s="1" t="s">
        <v>12257</v>
      </c>
      <c r="E14359" s="1" t="s">
        <v>7</v>
      </c>
    </row>
    <row r="14360">
      <c r="A14360" s="1">
        <v>4.90575256E8</v>
      </c>
      <c r="B14360" s="2">
        <v>14194.0</v>
      </c>
      <c r="C14360" s="1" t="s">
        <v>5</v>
      </c>
      <c r="D14360" s="1" t="s">
        <v>12258</v>
      </c>
      <c r="E14360" s="1" t="s">
        <v>7</v>
      </c>
    </row>
    <row r="14361">
      <c r="A14361" s="1">
        <v>4.90575267E8</v>
      </c>
      <c r="B14361" s="2">
        <v>14234.0</v>
      </c>
      <c r="C14361" s="1" t="s">
        <v>5</v>
      </c>
      <c r="D14361" s="1" t="s">
        <v>11</v>
      </c>
      <c r="E14361" s="1" t="s">
        <v>7</v>
      </c>
    </row>
    <row r="14362">
      <c r="A14362" s="1">
        <v>4.9057536E8</v>
      </c>
      <c r="B14362" s="2">
        <v>14190.0</v>
      </c>
      <c r="C14362" s="1" t="s">
        <v>5</v>
      </c>
      <c r="D14362" s="1" t="s">
        <v>11</v>
      </c>
      <c r="E14362" s="1" t="s">
        <v>7</v>
      </c>
    </row>
    <row r="14363">
      <c r="A14363" s="1">
        <v>4.90575374E8</v>
      </c>
      <c r="B14363" s="2">
        <v>14242.0</v>
      </c>
      <c r="C14363" s="1" t="s">
        <v>5</v>
      </c>
      <c r="D14363" s="1" t="s">
        <v>12259</v>
      </c>
      <c r="E14363" s="1" t="s">
        <v>12260</v>
      </c>
    </row>
    <row r="14364">
      <c r="A14364" s="1">
        <v>4.90575414E8</v>
      </c>
      <c r="B14364" s="2">
        <v>14242.0</v>
      </c>
      <c r="C14364" s="1" t="s">
        <v>5</v>
      </c>
      <c r="D14364" s="1" t="s">
        <v>12261</v>
      </c>
      <c r="E14364" s="1" t="s">
        <v>11</v>
      </c>
    </row>
    <row r="14365">
      <c r="A14365" s="1">
        <v>4.90575462E8</v>
      </c>
      <c r="B14365" s="2">
        <v>14186.0</v>
      </c>
      <c r="C14365" s="1" t="s">
        <v>5</v>
      </c>
      <c r="D14365" s="1" t="s">
        <v>12262</v>
      </c>
      <c r="E14365" s="1" t="s">
        <v>7</v>
      </c>
    </row>
    <row r="14366">
      <c r="A14366" s="1">
        <v>4.90575473E8</v>
      </c>
      <c r="B14366" s="2">
        <v>14175.0</v>
      </c>
      <c r="C14366" s="1" t="s">
        <v>5</v>
      </c>
      <c r="D14366" s="1" t="s">
        <v>12263</v>
      </c>
      <c r="E14366" s="1" t="s">
        <v>7</v>
      </c>
    </row>
    <row r="14367">
      <c r="A14367" s="1">
        <v>4.9057552E8</v>
      </c>
      <c r="B14367" s="2">
        <v>14220.0</v>
      </c>
      <c r="C14367" s="1" t="s">
        <v>5</v>
      </c>
      <c r="D14367" s="1" t="s">
        <v>12264</v>
      </c>
      <c r="E14367" s="1" t="s">
        <v>11</v>
      </c>
    </row>
    <row r="14368">
      <c r="A14368" s="1">
        <v>4.90575542E8</v>
      </c>
      <c r="B14368" s="2">
        <v>14176.0</v>
      </c>
      <c r="C14368" s="1" t="s">
        <v>5</v>
      </c>
      <c r="D14368" s="1" t="s">
        <v>12265</v>
      </c>
      <c r="E14368" s="1" t="s">
        <v>11</v>
      </c>
    </row>
    <row r="14369">
      <c r="A14369" s="1">
        <v>4.90575596E8</v>
      </c>
      <c r="B14369" s="2">
        <v>14172.0</v>
      </c>
      <c r="C14369" s="1" t="s">
        <v>5</v>
      </c>
      <c r="D14369" s="1" t="s">
        <v>12266</v>
      </c>
      <c r="E14369" s="1" t="s">
        <v>11</v>
      </c>
    </row>
    <row r="14370">
      <c r="A14370" s="1">
        <v>4.90575707E8</v>
      </c>
      <c r="B14370" s="2">
        <v>14162.0</v>
      </c>
      <c r="C14370" s="1" t="s">
        <v>5</v>
      </c>
      <c r="D14370" s="1" t="s">
        <v>12267</v>
      </c>
      <c r="E14370" s="1" t="s">
        <v>7</v>
      </c>
    </row>
    <row r="14371">
      <c r="A14371" s="1">
        <v>4.90575763E8</v>
      </c>
      <c r="B14371" s="2">
        <v>14216.0</v>
      </c>
      <c r="C14371" s="1" t="s">
        <v>5</v>
      </c>
      <c r="D14371" s="1" t="s">
        <v>11</v>
      </c>
      <c r="E14371" s="1" t="s">
        <v>7</v>
      </c>
    </row>
    <row r="14372">
      <c r="A14372" s="1">
        <v>4.90575788E8</v>
      </c>
      <c r="B14372" s="2">
        <v>14232.0</v>
      </c>
      <c r="C14372" s="1" t="s">
        <v>5</v>
      </c>
      <c r="D14372" s="1" t="s">
        <v>11</v>
      </c>
      <c r="E14372" s="1" t="s">
        <v>7</v>
      </c>
    </row>
    <row r="14373">
      <c r="A14373" s="1">
        <v>4.90575844E8</v>
      </c>
      <c r="B14373" s="2">
        <v>14169.0</v>
      </c>
      <c r="C14373" s="1" t="s">
        <v>5</v>
      </c>
      <c r="D14373" s="1" t="s">
        <v>12268</v>
      </c>
      <c r="E14373" s="1" t="s">
        <v>7</v>
      </c>
    </row>
    <row r="14374">
      <c r="A14374" s="1">
        <v>4.90575852E8</v>
      </c>
      <c r="B14374" s="2">
        <v>14170.0</v>
      </c>
      <c r="C14374" s="1" t="s">
        <v>5</v>
      </c>
      <c r="D14374" s="1" t="s">
        <v>12269</v>
      </c>
      <c r="E14374" s="1" t="s">
        <v>7</v>
      </c>
    </row>
    <row r="14375">
      <c r="A14375" s="1">
        <v>4.90575956E8</v>
      </c>
      <c r="B14375" s="2">
        <v>14290.0</v>
      </c>
      <c r="C14375" s="1" t="s">
        <v>5</v>
      </c>
      <c r="D14375" s="1" t="s">
        <v>12270</v>
      </c>
      <c r="E14375" s="1" t="s">
        <v>7</v>
      </c>
    </row>
    <row r="14376">
      <c r="A14376" s="1">
        <v>4.90575992E8</v>
      </c>
      <c r="B14376" s="2">
        <v>14191.0</v>
      </c>
      <c r="C14376" s="1" t="s">
        <v>5</v>
      </c>
      <c r="D14376" s="1" t="s">
        <v>12271</v>
      </c>
      <c r="E14376" s="1" t="s">
        <v>7</v>
      </c>
    </row>
    <row r="14377">
      <c r="A14377" s="1">
        <v>4.90575995E8</v>
      </c>
      <c r="B14377" s="2">
        <v>14217.0</v>
      </c>
      <c r="C14377" s="1" t="s">
        <v>5</v>
      </c>
      <c r="D14377" s="1" t="s">
        <v>11</v>
      </c>
      <c r="E14377" s="1" t="s">
        <v>7</v>
      </c>
    </row>
    <row r="14378">
      <c r="A14378" s="1">
        <v>4.90576102E8</v>
      </c>
      <c r="B14378" s="2">
        <v>14187.0</v>
      </c>
      <c r="C14378" s="1" t="s">
        <v>5</v>
      </c>
      <c r="D14378" s="1" t="s">
        <v>12272</v>
      </c>
      <c r="E14378" s="1" t="s">
        <v>11</v>
      </c>
    </row>
    <row r="14379">
      <c r="A14379" s="1">
        <v>4.90576154E8</v>
      </c>
      <c r="B14379" s="2">
        <v>14240.0</v>
      </c>
      <c r="C14379" s="1" t="s">
        <v>5</v>
      </c>
      <c r="D14379" s="1" t="s">
        <v>12273</v>
      </c>
      <c r="E14379" s="1" t="s">
        <v>11</v>
      </c>
    </row>
    <row r="14380">
      <c r="A14380" s="1">
        <v>4.90576189E8</v>
      </c>
      <c r="B14380" s="2">
        <v>14162.0</v>
      </c>
      <c r="C14380" s="1" t="s">
        <v>5</v>
      </c>
      <c r="D14380" s="1" t="s">
        <v>12274</v>
      </c>
      <c r="E14380" s="1" t="s">
        <v>11</v>
      </c>
    </row>
    <row r="14381">
      <c r="A14381" s="1">
        <v>4.90576203E8</v>
      </c>
      <c r="B14381" s="2">
        <v>14263.0</v>
      </c>
      <c r="C14381" s="1" t="s">
        <v>5</v>
      </c>
      <c r="D14381" s="1" t="s">
        <v>12275</v>
      </c>
      <c r="E14381" s="1" t="s">
        <v>7</v>
      </c>
    </row>
    <row r="14382">
      <c r="A14382" s="1">
        <v>4.90576234E8</v>
      </c>
      <c r="B14382" s="2">
        <v>14288.0</v>
      </c>
      <c r="C14382" s="1" t="s">
        <v>5</v>
      </c>
      <c r="D14382" s="1" t="s">
        <v>11</v>
      </c>
      <c r="E14382" s="1" t="s">
        <v>7</v>
      </c>
    </row>
    <row r="14383">
      <c r="A14383" s="1">
        <v>4.90576243E8</v>
      </c>
      <c r="B14383" s="2">
        <v>14190.0</v>
      </c>
      <c r="C14383" s="1" t="s">
        <v>5</v>
      </c>
      <c r="D14383" s="1" t="s">
        <v>12276</v>
      </c>
      <c r="E14383" s="1" t="s">
        <v>7</v>
      </c>
    </row>
    <row r="14384">
      <c r="A14384" s="1">
        <v>4.9057625E8</v>
      </c>
      <c r="B14384" s="2">
        <v>14241.0</v>
      </c>
      <c r="C14384" s="1" t="s">
        <v>5</v>
      </c>
      <c r="D14384" s="1" t="s">
        <v>12277</v>
      </c>
      <c r="E14384" s="1" t="s">
        <v>7</v>
      </c>
    </row>
    <row r="14385">
      <c r="A14385" s="1">
        <v>4.90576251E8</v>
      </c>
      <c r="B14385" s="2">
        <v>14242.0</v>
      </c>
      <c r="C14385" s="1" t="s">
        <v>5</v>
      </c>
      <c r="D14385" s="1" t="s">
        <v>12278</v>
      </c>
      <c r="E14385" s="1" t="s">
        <v>12279</v>
      </c>
    </row>
    <row r="14386">
      <c r="A14386" s="1">
        <v>4.90576254E8</v>
      </c>
      <c r="B14386" s="2">
        <v>14228.0</v>
      </c>
      <c r="C14386" s="1" t="s">
        <v>5</v>
      </c>
      <c r="D14386" s="1" t="s">
        <v>12280</v>
      </c>
      <c r="E14386" s="1" t="s">
        <v>7</v>
      </c>
    </row>
    <row r="14387">
      <c r="A14387" s="1">
        <v>4.90576262E8</v>
      </c>
      <c r="B14387" s="2">
        <v>14235.0</v>
      </c>
      <c r="C14387" s="1" t="s">
        <v>5</v>
      </c>
      <c r="D14387" s="1" t="s">
        <v>12281</v>
      </c>
      <c r="E14387" s="1" t="s">
        <v>7</v>
      </c>
    </row>
    <row r="14388">
      <c r="A14388" s="1">
        <v>4.90576307E8</v>
      </c>
      <c r="B14388" s="2">
        <v>14185.0</v>
      </c>
      <c r="C14388" s="1" t="s">
        <v>5</v>
      </c>
      <c r="D14388" s="1" t="s">
        <v>12282</v>
      </c>
      <c r="E14388" s="1" t="s">
        <v>7</v>
      </c>
    </row>
    <row r="14389">
      <c r="A14389" s="1">
        <v>4.90576314E8</v>
      </c>
      <c r="B14389" s="2">
        <v>14242.0</v>
      </c>
      <c r="C14389" s="1" t="s">
        <v>5</v>
      </c>
      <c r="D14389" s="1" t="s">
        <v>12283</v>
      </c>
      <c r="E14389" s="1" t="s">
        <v>7</v>
      </c>
    </row>
    <row r="14390">
      <c r="A14390" s="1">
        <v>4.90576334E8</v>
      </c>
      <c r="B14390" s="2">
        <v>14293.0</v>
      </c>
      <c r="C14390" s="1" t="s">
        <v>5</v>
      </c>
      <c r="D14390" s="1" t="s">
        <v>12284</v>
      </c>
      <c r="E14390" s="1" t="s">
        <v>11</v>
      </c>
    </row>
    <row r="14391">
      <c r="A14391" s="1">
        <v>4.90576344E8</v>
      </c>
      <c r="B14391" s="2">
        <v>14252.0</v>
      </c>
      <c r="C14391" s="1" t="s">
        <v>5</v>
      </c>
      <c r="D14391" s="1" t="s">
        <v>12285</v>
      </c>
      <c r="E14391" s="1" t="s">
        <v>7</v>
      </c>
    </row>
    <row r="14392">
      <c r="A14392" s="1">
        <v>4.90576404E8</v>
      </c>
      <c r="B14392" s="2">
        <v>14245.0</v>
      </c>
      <c r="C14392" s="1" t="s">
        <v>5</v>
      </c>
      <c r="D14392" s="1" t="s">
        <v>12286</v>
      </c>
      <c r="E14392" s="1" t="s">
        <v>7</v>
      </c>
    </row>
    <row r="14393">
      <c r="A14393" s="1">
        <v>4.90576414E8</v>
      </c>
      <c r="B14393" s="2">
        <v>14239.0</v>
      </c>
      <c r="C14393" s="1" t="s">
        <v>5</v>
      </c>
      <c r="D14393" s="1" t="s">
        <v>12287</v>
      </c>
      <c r="E14393" s="1" t="s">
        <v>11</v>
      </c>
    </row>
    <row r="14394">
      <c r="A14394" s="1">
        <v>4.90576457E8</v>
      </c>
      <c r="B14394" s="2">
        <v>14298.0</v>
      </c>
      <c r="C14394" s="1" t="s">
        <v>5</v>
      </c>
      <c r="D14394" s="1" t="s">
        <v>12288</v>
      </c>
      <c r="E14394" s="1" t="s">
        <v>7</v>
      </c>
    </row>
    <row r="14395">
      <c r="A14395" s="1">
        <v>4.90576474E8</v>
      </c>
      <c r="B14395" s="2">
        <v>14244.0</v>
      </c>
      <c r="C14395" s="1" t="s">
        <v>5</v>
      </c>
      <c r="D14395" s="1" t="s">
        <v>12289</v>
      </c>
      <c r="E14395" s="1" t="s">
        <v>7</v>
      </c>
    </row>
    <row r="14396">
      <c r="A14396" s="1">
        <v>4.90576542E8</v>
      </c>
      <c r="B14396" s="2">
        <v>14239.0</v>
      </c>
      <c r="C14396" s="1" t="s">
        <v>5</v>
      </c>
      <c r="D14396" s="1" t="s">
        <v>11</v>
      </c>
      <c r="E14396" s="1" t="s">
        <v>7</v>
      </c>
    </row>
    <row r="14397">
      <c r="A14397" s="1">
        <v>4.90576578E8</v>
      </c>
      <c r="B14397" s="2">
        <v>14221.0</v>
      </c>
      <c r="C14397" s="1" t="s">
        <v>5</v>
      </c>
      <c r="D14397" s="1" t="s">
        <v>12290</v>
      </c>
      <c r="E14397" s="1" t="s">
        <v>11</v>
      </c>
    </row>
    <row r="14398">
      <c r="A14398" s="1">
        <v>4.90576619E8</v>
      </c>
      <c r="B14398" s="2">
        <v>14271.0</v>
      </c>
      <c r="C14398" s="1" t="s">
        <v>5</v>
      </c>
      <c r="D14398" s="1" t="s">
        <v>12291</v>
      </c>
      <c r="E14398" s="1" t="s">
        <v>7</v>
      </c>
    </row>
    <row r="14399">
      <c r="A14399" s="1">
        <v>4.90576621E8</v>
      </c>
      <c r="B14399" s="2">
        <v>14247.0</v>
      </c>
      <c r="C14399" s="1" t="s">
        <v>5</v>
      </c>
      <c r="D14399" s="1" t="s">
        <v>11</v>
      </c>
      <c r="E14399" s="1" t="s">
        <v>7</v>
      </c>
    </row>
    <row r="14400">
      <c r="A14400" s="1">
        <v>4.90576649E8</v>
      </c>
      <c r="B14400" s="2">
        <v>14300.0</v>
      </c>
      <c r="C14400" s="1" t="s">
        <v>5</v>
      </c>
      <c r="D14400" s="1" t="s">
        <v>12292</v>
      </c>
      <c r="E14400" s="1" t="s">
        <v>7</v>
      </c>
    </row>
    <row r="14401">
      <c r="A14401" s="1">
        <v>4.90576723E8</v>
      </c>
      <c r="B14401" s="2">
        <v>14238.0</v>
      </c>
      <c r="C14401" s="1" t="s">
        <v>5</v>
      </c>
      <c r="D14401" s="1" t="s">
        <v>12293</v>
      </c>
      <c r="E14401" s="1" t="s">
        <v>11</v>
      </c>
    </row>
    <row r="14402">
      <c r="A14402" s="1">
        <v>4.9057673E8</v>
      </c>
      <c r="B14402" s="2">
        <v>14189.0</v>
      </c>
      <c r="C14402" s="1" t="s">
        <v>5</v>
      </c>
      <c r="D14402" s="1" t="s">
        <v>12294</v>
      </c>
      <c r="E14402" s="1" t="s">
        <v>7</v>
      </c>
    </row>
    <row r="14403">
      <c r="A14403" s="1">
        <v>4.90576787E8</v>
      </c>
      <c r="B14403" s="2">
        <v>14237.0</v>
      </c>
      <c r="C14403" s="1" t="s">
        <v>5</v>
      </c>
      <c r="D14403" s="1" t="s">
        <v>12295</v>
      </c>
      <c r="E14403" s="1" t="s">
        <v>7</v>
      </c>
    </row>
    <row r="14404">
      <c r="A14404" s="1">
        <v>4.90576827E8</v>
      </c>
      <c r="B14404" s="2">
        <v>14189.0</v>
      </c>
      <c r="C14404" s="1" t="s">
        <v>5</v>
      </c>
      <c r="D14404" s="1" t="s">
        <v>12296</v>
      </c>
      <c r="E14404" s="1" t="s">
        <v>12297</v>
      </c>
    </row>
    <row r="14405">
      <c r="A14405" s="1">
        <v>4.90576885E8</v>
      </c>
      <c r="B14405" s="2">
        <v>14295.0</v>
      </c>
      <c r="C14405" s="1" t="s">
        <v>5</v>
      </c>
      <c r="D14405" s="1" t="s">
        <v>12298</v>
      </c>
      <c r="E14405" s="1" t="s">
        <v>7</v>
      </c>
    </row>
    <row r="14406">
      <c r="A14406" s="1">
        <v>4.90576898E8</v>
      </c>
      <c r="B14406" s="2">
        <v>14189.0</v>
      </c>
      <c r="C14406" s="1" t="s">
        <v>5</v>
      </c>
      <c r="D14406" s="1" t="s">
        <v>12299</v>
      </c>
      <c r="E14406" s="1" t="s">
        <v>7</v>
      </c>
    </row>
    <row r="14407">
      <c r="A14407" s="1">
        <v>4.90576934E8</v>
      </c>
      <c r="B14407" s="2">
        <v>14298.0</v>
      </c>
      <c r="C14407" s="1" t="s">
        <v>5</v>
      </c>
      <c r="D14407" s="1" t="s">
        <v>11</v>
      </c>
      <c r="E14407" s="1" t="s">
        <v>7</v>
      </c>
    </row>
    <row r="14408">
      <c r="A14408" s="1">
        <v>4.90576947E8</v>
      </c>
      <c r="B14408" s="2">
        <v>14300.0</v>
      </c>
      <c r="C14408" s="1" t="s">
        <v>5</v>
      </c>
      <c r="D14408" s="1" t="s">
        <v>11</v>
      </c>
      <c r="E14408" s="1" t="s">
        <v>7</v>
      </c>
    </row>
    <row r="14409">
      <c r="A14409" s="1">
        <v>4.90576984E8</v>
      </c>
      <c r="B14409" s="2">
        <v>14189.0</v>
      </c>
      <c r="C14409" s="1" t="s">
        <v>5</v>
      </c>
      <c r="D14409" s="1" t="s">
        <v>11</v>
      </c>
      <c r="E14409" s="1" t="s">
        <v>7</v>
      </c>
    </row>
    <row r="14410">
      <c r="A14410" s="1">
        <v>4.90576995E8</v>
      </c>
      <c r="B14410" s="2">
        <v>14236.0</v>
      </c>
      <c r="C14410" s="1" t="s">
        <v>5</v>
      </c>
      <c r="D14410" s="1" t="s">
        <v>12300</v>
      </c>
      <c r="E14410" s="1" t="s">
        <v>7</v>
      </c>
    </row>
    <row r="14411">
      <c r="A14411" s="1">
        <v>4.90577018E8</v>
      </c>
      <c r="B14411" s="2">
        <v>14235.0</v>
      </c>
      <c r="C14411" s="1" t="s">
        <v>5</v>
      </c>
      <c r="D14411" s="1" t="s">
        <v>12301</v>
      </c>
      <c r="E14411" s="1" t="s">
        <v>7</v>
      </c>
    </row>
    <row r="14412">
      <c r="A14412" s="1">
        <v>4.90577029E8</v>
      </c>
      <c r="B14412" s="2">
        <v>14297.0</v>
      </c>
      <c r="C14412" s="1" t="s">
        <v>5</v>
      </c>
      <c r="D14412" s="1" t="s">
        <v>12302</v>
      </c>
      <c r="E14412" s="1" t="s">
        <v>11</v>
      </c>
    </row>
    <row r="14413">
      <c r="A14413" s="1">
        <v>4.90577036E8</v>
      </c>
      <c r="B14413" s="2">
        <v>14294.0</v>
      </c>
      <c r="C14413" s="1" t="s">
        <v>5</v>
      </c>
      <c r="D14413" s="1" t="s">
        <v>12303</v>
      </c>
      <c r="E14413" s="1" t="s">
        <v>7</v>
      </c>
    </row>
    <row r="14414">
      <c r="A14414" s="1">
        <v>4.9057705E8</v>
      </c>
      <c r="B14414" s="2">
        <v>14237.0</v>
      </c>
      <c r="C14414" s="1" t="s">
        <v>5</v>
      </c>
      <c r="D14414" s="1" t="s">
        <v>12304</v>
      </c>
      <c r="E14414" s="1" t="s">
        <v>7</v>
      </c>
    </row>
    <row r="14415">
      <c r="A14415" s="1">
        <v>4.90577087E8</v>
      </c>
      <c r="B14415" s="2">
        <v>14294.0</v>
      </c>
      <c r="C14415" s="1" t="s">
        <v>5</v>
      </c>
      <c r="D14415" s="1" t="s">
        <v>12305</v>
      </c>
      <c r="E14415" s="1" t="s">
        <v>7</v>
      </c>
    </row>
    <row r="14416">
      <c r="A14416" s="1">
        <v>4.90577102E8</v>
      </c>
      <c r="B14416" s="2">
        <v>14235.0</v>
      </c>
      <c r="C14416" s="1" t="s">
        <v>5</v>
      </c>
      <c r="D14416" s="1" t="s">
        <v>12306</v>
      </c>
      <c r="E14416" s="1" t="s">
        <v>7</v>
      </c>
    </row>
    <row r="14417">
      <c r="A14417" s="1">
        <v>4.90577117E8</v>
      </c>
      <c r="B14417" s="2">
        <v>14235.0</v>
      </c>
      <c r="C14417" s="1" t="s">
        <v>5</v>
      </c>
      <c r="D14417" s="1" t="s">
        <v>12307</v>
      </c>
      <c r="E14417" s="1" t="s">
        <v>7</v>
      </c>
    </row>
    <row r="14418">
      <c r="A14418" s="1">
        <v>4.90577179E8</v>
      </c>
      <c r="B14418" s="2">
        <v>14295.0</v>
      </c>
      <c r="C14418" s="1" t="s">
        <v>5</v>
      </c>
      <c r="D14418" s="1" t="s">
        <v>12308</v>
      </c>
      <c r="E14418" s="1" t="s">
        <v>7</v>
      </c>
    </row>
    <row r="14419">
      <c r="A14419" s="1">
        <v>4.90577196E8</v>
      </c>
      <c r="B14419" s="2">
        <v>14236.0</v>
      </c>
      <c r="C14419" s="1" t="s">
        <v>5</v>
      </c>
      <c r="D14419" s="1" t="s">
        <v>11</v>
      </c>
      <c r="E14419" s="1" t="s">
        <v>7</v>
      </c>
    </row>
    <row r="14420">
      <c r="A14420" s="1">
        <v>4.90577316E8</v>
      </c>
      <c r="B14420" s="2">
        <v>14289.0</v>
      </c>
      <c r="C14420" s="1" t="s">
        <v>5</v>
      </c>
      <c r="D14420" s="1" t="s">
        <v>12309</v>
      </c>
      <c r="E14420" s="1" t="s">
        <v>7</v>
      </c>
    </row>
    <row r="14421">
      <c r="A14421" s="1">
        <v>4.90577347E8</v>
      </c>
      <c r="B14421" s="2">
        <v>14185.0</v>
      </c>
      <c r="C14421" s="1" t="s">
        <v>5</v>
      </c>
      <c r="D14421" s="1" t="s">
        <v>12310</v>
      </c>
      <c r="E14421" s="1" t="s">
        <v>7</v>
      </c>
    </row>
    <row r="14422">
      <c r="A14422" s="1">
        <v>4.9057741E8</v>
      </c>
      <c r="B14422" s="2">
        <v>14293.0</v>
      </c>
      <c r="C14422" s="1" t="s">
        <v>5</v>
      </c>
      <c r="D14422" s="1" t="s">
        <v>12311</v>
      </c>
      <c r="E14422" s="1" t="s">
        <v>7</v>
      </c>
    </row>
    <row r="14423">
      <c r="A14423" s="1">
        <v>4.90577425E8</v>
      </c>
      <c r="B14423" s="2">
        <v>14234.0</v>
      </c>
      <c r="C14423" s="1" t="s">
        <v>5</v>
      </c>
      <c r="D14423" s="1" t="s">
        <v>12312</v>
      </c>
      <c r="E14423" s="1" t="s">
        <v>7</v>
      </c>
    </row>
    <row r="14424">
      <c r="A14424" s="1">
        <v>4.90577444E8</v>
      </c>
      <c r="B14424" s="2">
        <v>14228.0</v>
      </c>
      <c r="C14424" s="1" t="s">
        <v>5</v>
      </c>
      <c r="D14424" s="1" t="s">
        <v>12313</v>
      </c>
      <c r="E14424" s="1" t="s">
        <v>7</v>
      </c>
    </row>
    <row r="14425">
      <c r="A14425" s="1">
        <v>4.90577445E8</v>
      </c>
      <c r="B14425" s="2">
        <v>14233.0</v>
      </c>
      <c r="C14425" s="1" t="s">
        <v>5</v>
      </c>
      <c r="D14425" s="1" t="s">
        <v>12314</v>
      </c>
      <c r="E14425" s="1" t="s">
        <v>7</v>
      </c>
    </row>
    <row r="14426">
      <c r="A14426" s="1">
        <v>4.90577452E8</v>
      </c>
      <c r="B14426" s="2">
        <v>14275.0</v>
      </c>
      <c r="C14426" s="1" t="s">
        <v>5</v>
      </c>
      <c r="D14426" s="1" t="s">
        <v>12315</v>
      </c>
      <c r="E14426" s="1" t="s">
        <v>7</v>
      </c>
    </row>
    <row r="14427">
      <c r="A14427" s="1">
        <v>4.90577467E8</v>
      </c>
      <c r="B14427" s="2">
        <v>14219.0</v>
      </c>
      <c r="C14427" s="1" t="s">
        <v>5</v>
      </c>
      <c r="D14427" s="1" t="s">
        <v>12316</v>
      </c>
      <c r="E14427" s="1" t="s">
        <v>7</v>
      </c>
    </row>
    <row r="14428">
      <c r="A14428" s="1">
        <v>4.9057757E8</v>
      </c>
      <c r="B14428" s="2">
        <v>14233.0</v>
      </c>
      <c r="C14428" s="1" t="s">
        <v>5</v>
      </c>
      <c r="D14428" s="1" t="s">
        <v>12317</v>
      </c>
      <c r="E14428" s="1" t="s">
        <v>7</v>
      </c>
    </row>
    <row r="14429">
      <c r="A14429" s="1">
        <v>4.90577602E8</v>
      </c>
      <c r="B14429" s="2">
        <v>14232.0</v>
      </c>
      <c r="C14429" s="1" t="s">
        <v>5</v>
      </c>
      <c r="D14429" s="1" t="s">
        <v>12318</v>
      </c>
      <c r="E14429" s="1" t="s">
        <v>11</v>
      </c>
    </row>
    <row r="14430">
      <c r="A14430" s="1">
        <v>4.90577603E8</v>
      </c>
      <c r="B14430" s="2">
        <v>14273.0</v>
      </c>
      <c r="C14430" s="1" t="s">
        <v>5</v>
      </c>
      <c r="D14430" s="1" t="s">
        <v>11</v>
      </c>
      <c r="E14430" s="1" t="s">
        <v>7</v>
      </c>
    </row>
    <row r="14431">
      <c r="A14431" s="1">
        <v>4.90577607E8</v>
      </c>
      <c r="B14431" s="2">
        <v>14292.0</v>
      </c>
      <c r="C14431" s="1" t="s">
        <v>5</v>
      </c>
      <c r="D14431" s="1" t="s">
        <v>12319</v>
      </c>
      <c r="E14431" s="1" t="s">
        <v>7</v>
      </c>
    </row>
    <row r="14432">
      <c r="A14432" s="1">
        <v>4.9057761E8</v>
      </c>
      <c r="B14432" s="2">
        <v>14298.0</v>
      </c>
      <c r="C14432" s="1" t="s">
        <v>5</v>
      </c>
      <c r="D14432" s="1" t="s">
        <v>12320</v>
      </c>
      <c r="E14432" s="1" t="s">
        <v>7</v>
      </c>
    </row>
    <row r="14433">
      <c r="A14433" s="1">
        <v>4.9057773E8</v>
      </c>
      <c r="B14433" s="2">
        <v>14285.0</v>
      </c>
      <c r="C14433" s="1" t="s">
        <v>5</v>
      </c>
      <c r="D14433" s="1" t="s">
        <v>12321</v>
      </c>
      <c r="E14433" s="1" t="s">
        <v>7</v>
      </c>
    </row>
    <row r="14434">
      <c r="A14434" s="1">
        <v>4.90577754E8</v>
      </c>
      <c r="B14434" s="2">
        <v>14285.0</v>
      </c>
      <c r="C14434" s="1" t="s">
        <v>5</v>
      </c>
      <c r="D14434" s="1" t="s">
        <v>11</v>
      </c>
      <c r="E14434" s="1" t="s">
        <v>7</v>
      </c>
    </row>
    <row r="14435">
      <c r="A14435" s="1">
        <v>4.90577762E8</v>
      </c>
      <c r="B14435" s="2">
        <v>14218.0</v>
      </c>
      <c r="C14435" s="1" t="s">
        <v>5</v>
      </c>
      <c r="D14435" s="1" t="s">
        <v>12322</v>
      </c>
      <c r="E14435" s="1" t="s">
        <v>11</v>
      </c>
    </row>
    <row r="14436">
      <c r="A14436" s="1">
        <v>4.90577793E8</v>
      </c>
      <c r="B14436" s="2">
        <v>14260.0</v>
      </c>
      <c r="C14436" s="1" t="s">
        <v>5</v>
      </c>
      <c r="D14436" s="1" t="s">
        <v>12323</v>
      </c>
      <c r="E14436" s="1" t="s">
        <v>7</v>
      </c>
    </row>
    <row r="14437">
      <c r="A14437" s="1">
        <v>4.90577816E8</v>
      </c>
      <c r="B14437" s="2">
        <v>14229.0</v>
      </c>
      <c r="C14437" s="1" t="s">
        <v>5</v>
      </c>
      <c r="D14437" s="1" t="s">
        <v>12324</v>
      </c>
      <c r="E14437" s="1" t="s">
        <v>7</v>
      </c>
    </row>
    <row r="14438">
      <c r="A14438" s="1">
        <v>4.90577849E8</v>
      </c>
      <c r="B14438" s="2">
        <v>14218.0</v>
      </c>
      <c r="C14438" s="1" t="s">
        <v>5</v>
      </c>
      <c r="D14438" s="1" t="s">
        <v>11</v>
      </c>
      <c r="E14438" s="1" t="s">
        <v>7</v>
      </c>
    </row>
    <row r="14439">
      <c r="A14439" s="1">
        <v>4.90577889E8</v>
      </c>
      <c r="B14439" s="2">
        <v>14263.0</v>
      </c>
      <c r="C14439" s="1" t="s">
        <v>5</v>
      </c>
      <c r="D14439" s="1" t="s">
        <v>12325</v>
      </c>
      <c r="E14439" s="1" t="s">
        <v>7</v>
      </c>
    </row>
    <row r="14440">
      <c r="A14440" s="1">
        <v>4.90577955E8</v>
      </c>
      <c r="B14440" s="2">
        <v>14279.0</v>
      </c>
      <c r="C14440" s="1" t="s">
        <v>5</v>
      </c>
      <c r="D14440" s="1" t="s">
        <v>12326</v>
      </c>
      <c r="E14440" s="1" t="s">
        <v>7</v>
      </c>
    </row>
    <row r="14441">
      <c r="A14441" s="1">
        <v>4.90577981E8</v>
      </c>
      <c r="B14441" s="2">
        <v>14249.0</v>
      </c>
      <c r="C14441" s="1" t="s">
        <v>5</v>
      </c>
      <c r="D14441" s="1" t="s">
        <v>12327</v>
      </c>
      <c r="E14441" s="1" t="s">
        <v>7</v>
      </c>
    </row>
    <row r="14442">
      <c r="A14442" s="1">
        <v>4.90578027E8</v>
      </c>
      <c r="B14442" s="2">
        <v>14216.0</v>
      </c>
      <c r="C14442" s="1" t="s">
        <v>5</v>
      </c>
      <c r="D14442" s="1" t="s">
        <v>12328</v>
      </c>
      <c r="E14442" s="1" t="s">
        <v>11</v>
      </c>
    </row>
    <row r="14443">
      <c r="A14443" s="1">
        <v>4.90578129E8</v>
      </c>
      <c r="B14443" s="2">
        <v>14230.0</v>
      </c>
      <c r="C14443" s="1" t="s">
        <v>5</v>
      </c>
      <c r="D14443" s="1" t="s">
        <v>12329</v>
      </c>
      <c r="E14443" s="1" t="s">
        <v>11</v>
      </c>
    </row>
    <row r="14444">
      <c r="A14444" s="1">
        <v>4.9057817E8</v>
      </c>
      <c r="B14444" s="2">
        <v>14223.0</v>
      </c>
      <c r="C14444" s="1" t="s">
        <v>5</v>
      </c>
      <c r="D14444" s="1" t="s">
        <v>12330</v>
      </c>
      <c r="E14444" s="1" t="s">
        <v>11</v>
      </c>
    </row>
    <row r="14445">
      <c r="A14445" s="1">
        <v>4.9057818E8</v>
      </c>
      <c r="B14445" s="2">
        <v>14301.0</v>
      </c>
      <c r="C14445" s="1" t="s">
        <v>5</v>
      </c>
      <c r="D14445" s="1" t="s">
        <v>11</v>
      </c>
      <c r="E14445" s="1" t="s">
        <v>7</v>
      </c>
    </row>
    <row r="14446">
      <c r="A14446" s="1">
        <v>4.90578181E8</v>
      </c>
      <c r="B14446" s="2">
        <v>14263.0</v>
      </c>
      <c r="C14446" s="1" t="s">
        <v>5</v>
      </c>
      <c r="D14446" s="1" t="s">
        <v>12331</v>
      </c>
      <c r="E14446" s="1" t="s">
        <v>11</v>
      </c>
    </row>
    <row r="14447">
      <c r="A14447" s="1">
        <v>4.90578187E8</v>
      </c>
      <c r="B14447" s="2">
        <v>14241.0</v>
      </c>
      <c r="C14447" s="1" t="s">
        <v>5</v>
      </c>
      <c r="D14447" s="1" t="s">
        <v>11</v>
      </c>
      <c r="E14447" s="1" t="s">
        <v>7</v>
      </c>
    </row>
    <row r="14448">
      <c r="A14448" s="1">
        <v>4.90578199E8</v>
      </c>
      <c r="B14448" s="2">
        <v>14286.0</v>
      </c>
      <c r="C14448" s="1" t="s">
        <v>5</v>
      </c>
      <c r="D14448" s="1" t="s">
        <v>12332</v>
      </c>
      <c r="E14448" s="1" t="s">
        <v>7</v>
      </c>
    </row>
    <row r="14449">
      <c r="A14449" s="1">
        <v>4.9057824E8</v>
      </c>
      <c r="B14449" s="2">
        <v>14240.0</v>
      </c>
      <c r="C14449" s="1" t="s">
        <v>5</v>
      </c>
      <c r="D14449" s="1" t="s">
        <v>12333</v>
      </c>
      <c r="E14449" s="1" t="s">
        <v>7</v>
      </c>
    </row>
    <row r="14450">
      <c r="A14450" s="1">
        <v>4.90578405E8</v>
      </c>
      <c r="B14450" s="2">
        <v>14240.0</v>
      </c>
      <c r="C14450" s="1" t="s">
        <v>5</v>
      </c>
      <c r="D14450" s="1" t="s">
        <v>11</v>
      </c>
      <c r="E14450" s="1" t="s">
        <v>7</v>
      </c>
    </row>
    <row r="14451">
      <c r="A14451" s="1">
        <v>4.90578443E8</v>
      </c>
      <c r="B14451" s="2">
        <v>14286.0</v>
      </c>
      <c r="C14451" s="1" t="s">
        <v>5</v>
      </c>
      <c r="D14451" s="1" t="s">
        <v>12334</v>
      </c>
      <c r="E14451" s="1" t="s">
        <v>7</v>
      </c>
    </row>
    <row r="14452">
      <c r="A14452" s="1">
        <v>4.90578454E8</v>
      </c>
      <c r="B14452" s="2">
        <v>14226.0</v>
      </c>
      <c r="C14452" s="1" t="s">
        <v>5</v>
      </c>
      <c r="D14452" s="1" t="s">
        <v>12335</v>
      </c>
      <c r="E14452" s="1" t="s">
        <v>7</v>
      </c>
    </row>
    <row r="14453">
      <c r="A14453" s="1">
        <v>4.9057848E8</v>
      </c>
      <c r="B14453" s="2">
        <v>14226.0</v>
      </c>
      <c r="C14453" s="1" t="s">
        <v>5</v>
      </c>
      <c r="D14453" s="1" t="s">
        <v>12336</v>
      </c>
      <c r="E14453" s="1" t="s">
        <v>7</v>
      </c>
    </row>
    <row r="14454">
      <c r="A14454" s="1">
        <v>4.9057849E8</v>
      </c>
      <c r="B14454" s="2">
        <v>14273.0</v>
      </c>
      <c r="C14454" s="1" t="s">
        <v>5</v>
      </c>
      <c r="D14454" s="1" t="s">
        <v>12337</v>
      </c>
      <c r="E14454" s="1" t="s">
        <v>7</v>
      </c>
    </row>
    <row r="14455">
      <c r="A14455" s="1">
        <v>4.90578603E8</v>
      </c>
      <c r="B14455" s="2">
        <v>14226.0</v>
      </c>
      <c r="C14455" s="1" t="s">
        <v>5</v>
      </c>
      <c r="D14455" s="1" t="s">
        <v>12338</v>
      </c>
      <c r="E14455" s="1" t="s">
        <v>11</v>
      </c>
    </row>
    <row r="14456">
      <c r="A14456" s="1">
        <v>4.90578645E8</v>
      </c>
      <c r="B14456" s="2">
        <v>14331.0</v>
      </c>
      <c r="C14456" s="1" t="s">
        <v>5</v>
      </c>
      <c r="D14456" s="1" t="s">
        <v>11</v>
      </c>
      <c r="E14456" s="1" t="s">
        <v>7</v>
      </c>
    </row>
    <row r="14457">
      <c r="A14457" s="1">
        <v>4.90578649E8</v>
      </c>
      <c r="B14457" s="2">
        <v>14226.0</v>
      </c>
      <c r="C14457" s="1" t="s">
        <v>5</v>
      </c>
      <c r="D14457" s="1" t="s">
        <v>12339</v>
      </c>
      <c r="E14457" s="1" t="s">
        <v>7</v>
      </c>
    </row>
    <row r="14458">
      <c r="A14458" s="1">
        <v>4.90578727E8</v>
      </c>
      <c r="B14458" s="2">
        <v>14223.0</v>
      </c>
      <c r="C14458" s="1" t="s">
        <v>5</v>
      </c>
      <c r="D14458" s="1" t="s">
        <v>12340</v>
      </c>
      <c r="E14458" s="1" t="s">
        <v>11</v>
      </c>
    </row>
    <row r="14459">
      <c r="A14459" s="1">
        <v>4.90578742E8</v>
      </c>
      <c r="B14459" s="2">
        <v>14296.0</v>
      </c>
      <c r="C14459" s="1" t="s">
        <v>5</v>
      </c>
      <c r="D14459" s="1" t="s">
        <v>11</v>
      </c>
      <c r="E14459" s="1" t="s">
        <v>7</v>
      </c>
    </row>
    <row r="14460">
      <c r="A14460" s="1">
        <v>4.90578748E8</v>
      </c>
      <c r="B14460" s="2">
        <v>14330.0</v>
      </c>
      <c r="C14460" s="1" t="s">
        <v>5</v>
      </c>
      <c r="D14460" s="1" t="s">
        <v>12341</v>
      </c>
      <c r="E14460" s="1" t="s">
        <v>7</v>
      </c>
    </row>
    <row r="14461">
      <c r="A14461" s="1">
        <v>4.90578763E8</v>
      </c>
      <c r="B14461" s="2">
        <v>14225.0</v>
      </c>
      <c r="C14461" s="1" t="s">
        <v>5</v>
      </c>
      <c r="D14461" s="1" t="s">
        <v>12342</v>
      </c>
      <c r="E14461" s="1" t="s">
        <v>7</v>
      </c>
    </row>
    <row r="14462">
      <c r="A14462" s="1">
        <v>4.90578804E8</v>
      </c>
      <c r="B14462" s="2">
        <v>14296.0</v>
      </c>
      <c r="C14462" s="1" t="s">
        <v>5</v>
      </c>
      <c r="D14462" s="1" t="s">
        <v>12343</v>
      </c>
      <c r="E14462" s="1" t="s">
        <v>11</v>
      </c>
    </row>
    <row r="14463">
      <c r="A14463" s="1">
        <v>4.90578827E8</v>
      </c>
      <c r="B14463" s="2">
        <v>14222.0</v>
      </c>
      <c r="C14463" s="1" t="s">
        <v>5</v>
      </c>
      <c r="D14463" s="1" t="s">
        <v>12344</v>
      </c>
      <c r="E14463" s="1" t="s">
        <v>7</v>
      </c>
    </row>
    <row r="14464">
      <c r="A14464" s="1">
        <v>4.90578829E8</v>
      </c>
      <c r="B14464" s="2">
        <v>14246.0</v>
      </c>
      <c r="C14464" s="1" t="s">
        <v>5</v>
      </c>
      <c r="D14464" s="1" t="s">
        <v>12345</v>
      </c>
      <c r="E14464" s="1" t="s">
        <v>7</v>
      </c>
    </row>
    <row r="14465">
      <c r="A14465" s="1">
        <v>4.90578854E8</v>
      </c>
      <c r="B14465" s="2">
        <v>14284.0</v>
      </c>
      <c r="C14465" s="1" t="s">
        <v>5</v>
      </c>
      <c r="D14465" s="1" t="s">
        <v>12346</v>
      </c>
      <c r="E14465" s="1" t="s">
        <v>7</v>
      </c>
    </row>
    <row r="14466">
      <c r="A14466" s="1">
        <v>4.90578949E8</v>
      </c>
      <c r="B14466" s="2">
        <v>14301.0</v>
      </c>
      <c r="C14466" s="1" t="s">
        <v>5</v>
      </c>
      <c r="D14466" s="1" t="s">
        <v>12347</v>
      </c>
      <c r="E14466" s="1" t="s">
        <v>7</v>
      </c>
    </row>
    <row r="14467">
      <c r="A14467" s="1">
        <v>4.90578976E8</v>
      </c>
      <c r="B14467" s="2">
        <v>14246.0</v>
      </c>
      <c r="C14467" s="1" t="s">
        <v>5</v>
      </c>
      <c r="D14467" s="1" t="s">
        <v>11</v>
      </c>
      <c r="E14467" s="1" t="s">
        <v>7</v>
      </c>
    </row>
    <row r="14468">
      <c r="A14468" s="1">
        <v>4.90578985E8</v>
      </c>
      <c r="B14468" s="2">
        <v>14222.0</v>
      </c>
      <c r="C14468" s="1" t="s">
        <v>5</v>
      </c>
      <c r="D14468" s="1" t="s">
        <v>12348</v>
      </c>
      <c r="E14468" s="1" t="s">
        <v>7</v>
      </c>
    </row>
    <row r="14469">
      <c r="A14469" s="1">
        <v>4.90579069E8</v>
      </c>
      <c r="B14469" s="2">
        <v>14288.0</v>
      </c>
      <c r="C14469" s="1" t="s">
        <v>5</v>
      </c>
      <c r="D14469" s="1" t="s">
        <v>12349</v>
      </c>
      <c r="E14469" s="1" t="s">
        <v>11</v>
      </c>
    </row>
    <row r="14470">
      <c r="A14470" s="1">
        <v>4.90579076E8</v>
      </c>
      <c r="B14470" s="2">
        <v>14246.0</v>
      </c>
      <c r="C14470" s="1" t="s">
        <v>5</v>
      </c>
      <c r="D14470" s="1" t="s">
        <v>12350</v>
      </c>
      <c r="E14470" s="1" t="s">
        <v>11</v>
      </c>
    </row>
    <row r="14471">
      <c r="A14471" s="1">
        <v>4.90579179E8</v>
      </c>
      <c r="B14471" s="2">
        <v>14224.0</v>
      </c>
      <c r="C14471" s="1" t="s">
        <v>5</v>
      </c>
      <c r="D14471" s="1" t="s">
        <v>12351</v>
      </c>
      <c r="E14471" s="1" t="s">
        <v>11</v>
      </c>
    </row>
    <row r="14472">
      <c r="A14472" s="1">
        <v>4.90579204E8</v>
      </c>
      <c r="B14472" s="2">
        <v>14300.0</v>
      </c>
      <c r="C14472" s="1" t="s">
        <v>5</v>
      </c>
      <c r="D14472" s="1" t="s">
        <v>12352</v>
      </c>
      <c r="E14472" s="1" t="s">
        <v>7</v>
      </c>
    </row>
    <row r="14473">
      <c r="A14473" s="1">
        <v>4.90579231E8</v>
      </c>
      <c r="B14473" s="2">
        <v>14293.0</v>
      </c>
      <c r="C14473" s="1" t="s">
        <v>5</v>
      </c>
      <c r="D14473" s="1" t="s">
        <v>11</v>
      </c>
      <c r="E14473" s="1" t="s">
        <v>7</v>
      </c>
    </row>
    <row r="14474">
      <c r="A14474" s="1">
        <v>4.90579241E8</v>
      </c>
      <c r="B14474" s="2">
        <v>14222.0</v>
      </c>
      <c r="C14474" s="1" t="s">
        <v>5</v>
      </c>
      <c r="D14474" s="1" t="s">
        <v>12353</v>
      </c>
      <c r="E14474" s="1" t="s">
        <v>7</v>
      </c>
    </row>
    <row r="14475">
      <c r="A14475" s="1">
        <v>4.90579307E8</v>
      </c>
      <c r="B14475" s="2">
        <v>14220.0</v>
      </c>
      <c r="C14475" s="1" t="s">
        <v>5</v>
      </c>
      <c r="D14475" s="1" t="s">
        <v>12354</v>
      </c>
      <c r="E14475" s="1" t="s">
        <v>11</v>
      </c>
    </row>
    <row r="14476">
      <c r="A14476" s="1">
        <v>4.90579402E8</v>
      </c>
      <c r="B14476" s="2">
        <v>14302.0</v>
      </c>
      <c r="C14476" s="1" t="s">
        <v>5</v>
      </c>
      <c r="D14476" s="1" t="s">
        <v>12355</v>
      </c>
      <c r="E14476" s="1" t="s">
        <v>7</v>
      </c>
    </row>
    <row r="14477">
      <c r="A14477" s="1">
        <v>4.90579434E8</v>
      </c>
      <c r="B14477" s="2">
        <v>14293.0</v>
      </c>
      <c r="C14477" s="1" t="s">
        <v>5</v>
      </c>
      <c r="D14477" s="1" t="s">
        <v>12356</v>
      </c>
      <c r="E14477" s="1" t="s">
        <v>12357</v>
      </c>
    </row>
    <row r="14478">
      <c r="A14478" s="1">
        <v>4.9057945E8</v>
      </c>
      <c r="B14478" s="2">
        <v>14218.0</v>
      </c>
      <c r="C14478" s="1" t="s">
        <v>5</v>
      </c>
      <c r="D14478" s="1" t="s">
        <v>11</v>
      </c>
      <c r="E14478" s="1" t="s">
        <v>7</v>
      </c>
    </row>
    <row r="14479">
      <c r="A14479" s="1">
        <v>4.90579507E8</v>
      </c>
      <c r="B14479" s="2">
        <v>14289.0</v>
      </c>
      <c r="C14479" s="1" t="s">
        <v>5</v>
      </c>
      <c r="D14479" s="1" t="s">
        <v>11</v>
      </c>
      <c r="E14479" s="1" t="s">
        <v>7</v>
      </c>
    </row>
    <row r="14480">
      <c r="A14480" s="1">
        <v>4.90579513E8</v>
      </c>
      <c r="B14480" s="2">
        <v>14285.0</v>
      </c>
      <c r="C14480" s="1" t="s">
        <v>5</v>
      </c>
      <c r="D14480" s="1" t="s">
        <v>12358</v>
      </c>
      <c r="E14480" s="1" t="s">
        <v>7</v>
      </c>
    </row>
    <row r="14481">
      <c r="A14481" s="1">
        <v>4.90579523E8</v>
      </c>
      <c r="B14481" s="2">
        <v>14234.0</v>
      </c>
      <c r="C14481" s="1" t="s">
        <v>5</v>
      </c>
      <c r="D14481" s="1" t="s">
        <v>11</v>
      </c>
      <c r="E14481" s="1" t="s">
        <v>7</v>
      </c>
    </row>
    <row r="14482">
      <c r="A14482" s="1">
        <v>4.9057953E8</v>
      </c>
      <c r="B14482" s="2">
        <v>14326.0</v>
      </c>
      <c r="C14482" s="1" t="s">
        <v>5</v>
      </c>
      <c r="D14482" s="1" t="s">
        <v>12359</v>
      </c>
      <c r="E14482" s="1" t="s">
        <v>7</v>
      </c>
    </row>
    <row r="14483">
      <c r="A14483" s="1">
        <v>4.90579535E8</v>
      </c>
      <c r="B14483" s="2">
        <v>14285.0</v>
      </c>
      <c r="C14483" s="1" t="s">
        <v>5</v>
      </c>
      <c r="D14483" s="1" t="s">
        <v>12360</v>
      </c>
      <c r="E14483" s="1" t="s">
        <v>7</v>
      </c>
    </row>
    <row r="14484">
      <c r="A14484" s="1">
        <v>4.90579564E8</v>
      </c>
      <c r="B14484" s="2">
        <v>14334.0</v>
      </c>
      <c r="C14484" s="1" t="s">
        <v>5</v>
      </c>
      <c r="D14484" s="1" t="s">
        <v>12361</v>
      </c>
      <c r="E14484" s="1" t="s">
        <v>11</v>
      </c>
    </row>
    <row r="14485">
      <c r="A14485" s="1">
        <v>4.90579609E8</v>
      </c>
      <c r="B14485" s="2">
        <v>14217.0</v>
      </c>
      <c r="C14485" s="1" t="s">
        <v>5</v>
      </c>
      <c r="D14485" s="1" t="s">
        <v>12362</v>
      </c>
      <c r="E14485" s="1" t="s">
        <v>7</v>
      </c>
    </row>
    <row r="14486">
      <c r="A14486" s="1">
        <v>4.90579685E8</v>
      </c>
      <c r="B14486" s="2">
        <v>14233.0</v>
      </c>
      <c r="C14486" s="1" t="s">
        <v>5</v>
      </c>
      <c r="D14486" s="1" t="s">
        <v>12363</v>
      </c>
      <c r="E14486" s="1" t="s">
        <v>12364</v>
      </c>
    </row>
    <row r="14487">
      <c r="A14487" s="1">
        <v>4.90579701E8</v>
      </c>
      <c r="B14487" s="2">
        <v>14283.0</v>
      </c>
      <c r="C14487" s="1" t="s">
        <v>5</v>
      </c>
      <c r="D14487" s="1" t="s">
        <v>12365</v>
      </c>
      <c r="E14487" s="1" t="s">
        <v>7</v>
      </c>
    </row>
    <row r="14488">
      <c r="A14488" s="1">
        <v>4.90579767E8</v>
      </c>
      <c r="B14488" s="2">
        <v>14277.0</v>
      </c>
      <c r="C14488" s="1" t="s">
        <v>5</v>
      </c>
      <c r="D14488" s="1" t="s">
        <v>11</v>
      </c>
      <c r="E14488" s="1" t="s">
        <v>7</v>
      </c>
    </row>
    <row r="14489">
      <c r="A14489" s="1">
        <v>4.90579829E8</v>
      </c>
      <c r="B14489" s="2">
        <v>14219.0</v>
      </c>
      <c r="C14489" s="1" t="s">
        <v>5</v>
      </c>
      <c r="D14489" s="1" t="s">
        <v>12366</v>
      </c>
      <c r="E14489" s="1" t="s">
        <v>12367</v>
      </c>
    </row>
    <row r="14490">
      <c r="A14490" s="1">
        <v>4.9057983E8</v>
      </c>
      <c r="B14490" s="2">
        <v>14218.0</v>
      </c>
      <c r="C14490" s="1" t="s">
        <v>5</v>
      </c>
      <c r="D14490" s="1" t="s">
        <v>12368</v>
      </c>
      <c r="E14490" s="1" t="s">
        <v>7</v>
      </c>
    </row>
    <row r="14491">
      <c r="A14491" s="1">
        <v>4.90579899E8</v>
      </c>
      <c r="B14491" s="2">
        <v>14232.0</v>
      </c>
      <c r="C14491" s="1" t="s">
        <v>5</v>
      </c>
      <c r="D14491" s="1" t="s">
        <v>12369</v>
      </c>
      <c r="E14491" s="1" t="s">
        <v>7</v>
      </c>
    </row>
    <row r="14492">
      <c r="A14492" s="1">
        <v>4.90579907E8</v>
      </c>
      <c r="B14492" s="2">
        <v>14220.0</v>
      </c>
      <c r="C14492" s="1" t="s">
        <v>5</v>
      </c>
      <c r="D14492" s="1" t="s">
        <v>12370</v>
      </c>
      <c r="E14492" s="1" t="s">
        <v>7</v>
      </c>
    </row>
    <row r="14493">
      <c r="A14493" s="1">
        <v>4.90579979E8</v>
      </c>
      <c r="B14493" s="2">
        <v>14279.0</v>
      </c>
      <c r="C14493" s="1" t="s">
        <v>5</v>
      </c>
      <c r="D14493" s="1" t="s">
        <v>11</v>
      </c>
      <c r="E14493" s="1" t="s">
        <v>7</v>
      </c>
    </row>
    <row r="14494">
      <c r="A14494" s="1">
        <v>4.90579992E8</v>
      </c>
      <c r="B14494" s="2">
        <v>14321.0</v>
      </c>
      <c r="C14494" s="1" t="s">
        <v>5</v>
      </c>
      <c r="D14494" s="1" t="s">
        <v>11</v>
      </c>
      <c r="E14494" s="1" t="s">
        <v>7</v>
      </c>
    </row>
    <row r="14495">
      <c r="A14495" s="1">
        <v>4.90580072E8</v>
      </c>
      <c r="B14495" s="2">
        <v>14330.0</v>
      </c>
      <c r="C14495" s="1" t="s">
        <v>5</v>
      </c>
      <c r="D14495" s="1" t="s">
        <v>12371</v>
      </c>
      <c r="E14495" s="1" t="s">
        <v>7</v>
      </c>
    </row>
    <row r="14496">
      <c r="A14496" s="1">
        <v>4.9058008E8</v>
      </c>
      <c r="B14496" s="2">
        <v>14217.0</v>
      </c>
      <c r="C14496" s="1" t="s">
        <v>5</v>
      </c>
      <c r="D14496" s="1" t="s">
        <v>12372</v>
      </c>
      <c r="E14496" s="1" t="s">
        <v>7</v>
      </c>
    </row>
    <row r="14497">
      <c r="A14497" s="1">
        <v>4.90580094E8</v>
      </c>
      <c r="B14497" s="2">
        <v>14223.0</v>
      </c>
      <c r="C14497" s="1" t="s">
        <v>5</v>
      </c>
      <c r="D14497" s="1" t="s">
        <v>11</v>
      </c>
      <c r="E14497" s="1" t="s">
        <v>7</v>
      </c>
    </row>
    <row r="14498">
      <c r="A14498" s="1">
        <v>4.90580156E8</v>
      </c>
      <c r="B14498" s="2">
        <v>14330.0</v>
      </c>
      <c r="C14498" s="1" t="s">
        <v>5</v>
      </c>
      <c r="D14498" s="1" t="s">
        <v>12373</v>
      </c>
      <c r="E14498" s="1" t="s">
        <v>7</v>
      </c>
    </row>
    <row r="14499">
      <c r="A14499" s="1">
        <v>4.90580207E8</v>
      </c>
      <c r="B14499" s="2">
        <v>14330.0</v>
      </c>
      <c r="C14499" s="1" t="s">
        <v>5</v>
      </c>
      <c r="D14499" s="1" t="s">
        <v>12374</v>
      </c>
      <c r="E14499" s="1" t="s">
        <v>11</v>
      </c>
    </row>
    <row r="14500">
      <c r="A14500" s="1">
        <v>4.90580313E8</v>
      </c>
      <c r="B14500" s="2">
        <v>14287.0</v>
      </c>
      <c r="C14500" s="1" t="s">
        <v>5</v>
      </c>
      <c r="D14500" s="1" t="s">
        <v>11</v>
      </c>
      <c r="E14500" s="1" t="s">
        <v>7</v>
      </c>
    </row>
    <row r="14501">
      <c r="A14501" s="1">
        <v>4.90580395E8</v>
      </c>
      <c r="B14501" s="2">
        <v>14215.0</v>
      </c>
      <c r="C14501" s="1" t="s">
        <v>5</v>
      </c>
      <c r="D14501" s="1" t="s">
        <v>11</v>
      </c>
      <c r="E14501" s="1" t="s">
        <v>7</v>
      </c>
    </row>
    <row r="14502">
      <c r="A14502" s="1">
        <v>4.90580522E8</v>
      </c>
      <c r="B14502" s="2">
        <v>14316.0</v>
      </c>
      <c r="C14502" s="1" t="s">
        <v>5</v>
      </c>
      <c r="D14502" s="1" t="s">
        <v>11</v>
      </c>
      <c r="E14502" s="1" t="s">
        <v>7</v>
      </c>
    </row>
    <row r="14503">
      <c r="A14503" s="1">
        <v>4.9058053E8</v>
      </c>
      <c r="B14503" s="2">
        <v>14220.0</v>
      </c>
      <c r="C14503" s="1" t="s">
        <v>5</v>
      </c>
      <c r="D14503" s="1" t="s">
        <v>12375</v>
      </c>
      <c r="E14503" s="1" t="s">
        <v>11</v>
      </c>
    </row>
    <row r="14504">
      <c r="A14504" s="1">
        <v>4.9058056E8</v>
      </c>
      <c r="B14504" s="2">
        <v>14276.0</v>
      </c>
      <c r="C14504" s="1" t="s">
        <v>5</v>
      </c>
      <c r="D14504" s="1" t="s">
        <v>12376</v>
      </c>
      <c r="E14504" s="1" t="s">
        <v>7</v>
      </c>
    </row>
    <row r="14505">
      <c r="A14505" s="1">
        <v>4.90580634E8</v>
      </c>
      <c r="B14505" s="2">
        <v>14312.0</v>
      </c>
      <c r="C14505" s="1" t="s">
        <v>5</v>
      </c>
      <c r="D14505" s="1" t="s">
        <v>12377</v>
      </c>
      <c r="E14505" s="1" t="s">
        <v>11</v>
      </c>
    </row>
    <row r="14506">
      <c r="A14506" s="1">
        <v>4.90580638E8</v>
      </c>
      <c r="B14506" s="2">
        <v>14281.0</v>
      </c>
      <c r="C14506" s="1" t="s">
        <v>5</v>
      </c>
      <c r="D14506" s="1" t="s">
        <v>12378</v>
      </c>
      <c r="E14506" s="1" t="s">
        <v>11</v>
      </c>
    </row>
    <row r="14507">
      <c r="A14507" s="1">
        <v>4.90580687E8</v>
      </c>
      <c r="B14507" s="2">
        <v>14276.0</v>
      </c>
      <c r="C14507" s="1" t="s">
        <v>5</v>
      </c>
      <c r="D14507" s="1" t="s">
        <v>12379</v>
      </c>
      <c r="E14507" s="1" t="s">
        <v>7</v>
      </c>
    </row>
    <row r="14508">
      <c r="A14508" s="1">
        <v>4.90580702E8</v>
      </c>
      <c r="B14508" s="2">
        <v>14326.0</v>
      </c>
      <c r="C14508" s="1" t="s">
        <v>5</v>
      </c>
      <c r="D14508" s="1" t="s">
        <v>12380</v>
      </c>
      <c r="E14508" s="1" t="s">
        <v>7</v>
      </c>
    </row>
    <row r="14509">
      <c r="A14509" s="1">
        <v>4.90580752E8</v>
      </c>
      <c r="B14509" s="2">
        <v>14267.0</v>
      </c>
      <c r="C14509" s="1" t="s">
        <v>5</v>
      </c>
      <c r="D14509" s="1" t="s">
        <v>12381</v>
      </c>
      <c r="E14509" s="1" t="s">
        <v>7</v>
      </c>
    </row>
    <row r="14510">
      <c r="A14510" s="1">
        <v>4.90580787E8</v>
      </c>
      <c r="B14510" s="2">
        <v>14259.0</v>
      </c>
      <c r="C14510" s="1" t="s">
        <v>5</v>
      </c>
      <c r="D14510" s="1" t="s">
        <v>12382</v>
      </c>
      <c r="E14510" s="1" t="s">
        <v>12383</v>
      </c>
    </row>
    <row r="14511">
      <c r="A14511" s="1">
        <v>4.90580953E8</v>
      </c>
      <c r="B14511" s="2">
        <v>14258.0</v>
      </c>
      <c r="C14511" s="1" t="s">
        <v>5</v>
      </c>
      <c r="D14511" s="1" t="s">
        <v>12384</v>
      </c>
      <c r="E14511" s="1" t="s">
        <v>11</v>
      </c>
    </row>
    <row r="14512">
      <c r="A14512" s="1">
        <v>4.90581062E8</v>
      </c>
      <c r="B14512" s="2">
        <v>14279.0</v>
      </c>
      <c r="C14512" s="1" t="s">
        <v>5</v>
      </c>
      <c r="D14512" s="1" t="s">
        <v>12215</v>
      </c>
      <c r="E14512" s="1" t="s">
        <v>7</v>
      </c>
    </row>
    <row r="14513">
      <c r="A14513" s="1">
        <v>4.90581076E8</v>
      </c>
      <c r="B14513" s="2">
        <v>14324.0</v>
      </c>
      <c r="C14513" s="1" t="s">
        <v>5</v>
      </c>
      <c r="D14513" s="1" t="s">
        <v>12385</v>
      </c>
      <c r="E14513" s="1" t="s">
        <v>7</v>
      </c>
    </row>
    <row r="14514">
      <c r="A14514" s="1">
        <v>4.9058108E8</v>
      </c>
      <c r="B14514" s="2">
        <v>14257.0</v>
      </c>
      <c r="C14514" s="1" t="s">
        <v>5</v>
      </c>
      <c r="D14514" s="1" t="s">
        <v>11</v>
      </c>
      <c r="E14514" s="1" t="s">
        <v>7</v>
      </c>
    </row>
    <row r="14515">
      <c r="A14515" s="1">
        <v>4.90581108E8</v>
      </c>
      <c r="B14515" s="2">
        <v>14308.0</v>
      </c>
      <c r="C14515" s="1" t="s">
        <v>5</v>
      </c>
      <c r="D14515" s="1" t="s">
        <v>12386</v>
      </c>
      <c r="E14515" s="1" t="s">
        <v>7</v>
      </c>
    </row>
    <row r="14516">
      <c r="A14516" s="1">
        <v>4.90581109E8</v>
      </c>
      <c r="B14516" s="2">
        <v>14257.0</v>
      </c>
      <c r="C14516" s="1" t="s">
        <v>5</v>
      </c>
      <c r="D14516" s="1" t="s">
        <v>7</v>
      </c>
      <c r="E14516" s="1" t="s">
        <v>7</v>
      </c>
    </row>
    <row r="14517">
      <c r="A14517" s="1">
        <v>4.90581123E8</v>
      </c>
      <c r="B14517" s="2">
        <v>14288.0</v>
      </c>
      <c r="C14517" s="1" t="s">
        <v>5</v>
      </c>
      <c r="D14517" s="1" t="s">
        <v>12387</v>
      </c>
      <c r="E14517" s="1" t="s">
        <v>11</v>
      </c>
    </row>
    <row r="14518">
      <c r="A14518" s="1">
        <v>4.90581134E8</v>
      </c>
      <c r="B14518" s="2">
        <v>14268.0</v>
      </c>
      <c r="C14518" s="1" t="s">
        <v>5</v>
      </c>
      <c r="D14518" s="1" t="s">
        <v>12388</v>
      </c>
      <c r="E14518" s="1" t="s">
        <v>12389</v>
      </c>
    </row>
    <row r="14519">
      <c r="A14519" s="1">
        <v>4.90581149E8</v>
      </c>
      <c r="B14519" s="2">
        <v>14293.0</v>
      </c>
      <c r="C14519" s="1" t="s">
        <v>5</v>
      </c>
      <c r="D14519" s="1" t="s">
        <v>12390</v>
      </c>
      <c r="E14519" s="1" t="s">
        <v>12391</v>
      </c>
    </row>
    <row r="14520">
      <c r="A14520" s="1">
        <v>4.90581153E8</v>
      </c>
      <c r="B14520" s="2">
        <v>14256.0</v>
      </c>
      <c r="C14520" s="1" t="s">
        <v>5</v>
      </c>
      <c r="D14520" s="1" t="s">
        <v>12392</v>
      </c>
      <c r="E14520" s="1" t="s">
        <v>7</v>
      </c>
    </row>
    <row r="14521">
      <c r="A14521" s="1">
        <v>4.90581157E8</v>
      </c>
      <c r="B14521" s="2">
        <v>14224.0</v>
      </c>
      <c r="C14521" s="1" t="s">
        <v>5</v>
      </c>
      <c r="D14521" s="1" t="s">
        <v>12393</v>
      </c>
      <c r="E14521" s="1" t="s">
        <v>7</v>
      </c>
    </row>
    <row r="14522">
      <c r="A14522" s="1">
        <v>4.90581196E8</v>
      </c>
      <c r="B14522" s="2">
        <v>14255.0</v>
      </c>
      <c r="C14522" s="1" t="s">
        <v>5</v>
      </c>
      <c r="D14522" s="1" t="s">
        <v>12394</v>
      </c>
      <c r="E14522" s="1" t="s">
        <v>7</v>
      </c>
    </row>
    <row r="14523">
      <c r="A14523" s="1">
        <v>4.90581227E8</v>
      </c>
      <c r="B14523" s="2">
        <v>14256.0</v>
      </c>
      <c r="C14523" s="1" t="s">
        <v>5</v>
      </c>
      <c r="D14523" s="1" t="s">
        <v>12395</v>
      </c>
      <c r="E14523" s="1" t="s">
        <v>7</v>
      </c>
    </row>
    <row r="14524">
      <c r="A14524" s="1">
        <v>4.9058139E8</v>
      </c>
      <c r="B14524" s="2">
        <v>14222.0</v>
      </c>
      <c r="C14524" s="1" t="s">
        <v>5</v>
      </c>
      <c r="D14524" s="1" t="s">
        <v>12396</v>
      </c>
      <c r="E14524" s="1" t="s">
        <v>7</v>
      </c>
    </row>
    <row r="14525">
      <c r="A14525" s="1">
        <v>4.90581427E8</v>
      </c>
      <c r="B14525" s="2">
        <v>14215.0</v>
      </c>
      <c r="C14525" s="1" t="s">
        <v>5</v>
      </c>
      <c r="D14525" s="1" t="s">
        <v>12397</v>
      </c>
      <c r="E14525" s="1" t="s">
        <v>7</v>
      </c>
    </row>
    <row r="14526">
      <c r="A14526" s="1">
        <v>4.90581454E8</v>
      </c>
      <c r="B14526" s="2">
        <v>14324.0</v>
      </c>
      <c r="C14526" s="1" t="s">
        <v>5</v>
      </c>
      <c r="D14526" s="1" t="s">
        <v>12398</v>
      </c>
      <c r="E14526" s="1" t="s">
        <v>7</v>
      </c>
    </row>
    <row r="14527">
      <c r="A14527" s="1">
        <v>4.90581496E8</v>
      </c>
      <c r="B14527" s="2">
        <v>14328.0</v>
      </c>
      <c r="C14527" s="1" t="s">
        <v>5</v>
      </c>
      <c r="D14527" s="1" t="s">
        <v>12399</v>
      </c>
      <c r="E14527" s="1" t="s">
        <v>12400</v>
      </c>
    </row>
    <row r="14528">
      <c r="A14528" s="1">
        <v>4.90581507E8</v>
      </c>
      <c r="B14528" s="2">
        <v>14252.0</v>
      </c>
      <c r="C14528" s="1" t="s">
        <v>5</v>
      </c>
      <c r="D14528" s="1" t="s">
        <v>12401</v>
      </c>
      <c r="E14528" s="1" t="s">
        <v>7</v>
      </c>
    </row>
    <row r="14529">
      <c r="A14529" s="1">
        <v>4.9058151E8</v>
      </c>
      <c r="B14529" s="2">
        <v>14215.0</v>
      </c>
      <c r="C14529" s="1" t="s">
        <v>5</v>
      </c>
      <c r="D14529" s="1" t="s">
        <v>12402</v>
      </c>
      <c r="E14529" s="1" t="s">
        <v>7</v>
      </c>
    </row>
    <row r="14530">
      <c r="A14530" s="1">
        <v>4.90581547E8</v>
      </c>
      <c r="B14530" s="2">
        <v>14267.0</v>
      </c>
      <c r="C14530" s="1" t="s">
        <v>5</v>
      </c>
      <c r="D14530" s="1" t="s">
        <v>12403</v>
      </c>
      <c r="E14530" s="1" t="s">
        <v>7</v>
      </c>
    </row>
    <row r="14531">
      <c r="A14531" s="1">
        <v>4.90581698E8</v>
      </c>
      <c r="B14531" s="2">
        <v>14316.0</v>
      </c>
      <c r="C14531" s="1" t="s">
        <v>5</v>
      </c>
      <c r="D14531" s="1" t="s">
        <v>12404</v>
      </c>
      <c r="E14531" s="1" t="s">
        <v>11</v>
      </c>
    </row>
    <row r="14532">
      <c r="A14532" s="1">
        <v>4.90581727E8</v>
      </c>
      <c r="B14532" s="2">
        <v>14261.0</v>
      </c>
      <c r="C14532" s="1" t="s">
        <v>5</v>
      </c>
      <c r="D14532" s="1" t="s">
        <v>12405</v>
      </c>
      <c r="E14532" s="1" t="s">
        <v>7</v>
      </c>
    </row>
    <row r="14533">
      <c r="A14533" s="1">
        <v>4.90581747E8</v>
      </c>
      <c r="B14533" s="2">
        <v>14266.0</v>
      </c>
      <c r="C14533" s="1" t="s">
        <v>5</v>
      </c>
      <c r="D14533" s="1" t="s">
        <v>12406</v>
      </c>
      <c r="E14533" s="1" t="s">
        <v>11</v>
      </c>
    </row>
    <row r="14534">
      <c r="A14534" s="1">
        <v>4.90581774E8</v>
      </c>
      <c r="B14534" s="2">
        <v>14266.0</v>
      </c>
      <c r="C14534" s="1" t="s">
        <v>5</v>
      </c>
      <c r="D14534" s="1" t="s">
        <v>11</v>
      </c>
      <c r="E14534" s="1" t="s">
        <v>7</v>
      </c>
    </row>
    <row r="14535">
      <c r="A14535" s="1">
        <v>4.90581796E8</v>
      </c>
      <c r="B14535" s="2">
        <v>14251.0</v>
      </c>
      <c r="C14535" s="1" t="s">
        <v>5</v>
      </c>
      <c r="D14535" s="1" t="s">
        <v>12407</v>
      </c>
      <c r="E14535" s="1" t="s">
        <v>7</v>
      </c>
    </row>
    <row r="14536">
      <c r="A14536" s="1">
        <v>4.90581814E8</v>
      </c>
      <c r="B14536" s="2">
        <v>14331.0</v>
      </c>
      <c r="C14536" s="1" t="s">
        <v>5</v>
      </c>
      <c r="D14536" s="1" t="s">
        <v>12408</v>
      </c>
      <c r="E14536" s="1" t="s">
        <v>12409</v>
      </c>
    </row>
    <row r="14537">
      <c r="A14537" s="1">
        <v>4.90581839E8</v>
      </c>
      <c r="B14537" s="2">
        <v>14269.0</v>
      </c>
      <c r="C14537" s="1" t="s">
        <v>5</v>
      </c>
      <c r="D14537" s="1" t="s">
        <v>11</v>
      </c>
      <c r="E14537" s="1" t="s">
        <v>7</v>
      </c>
    </row>
    <row r="14538">
      <c r="A14538" s="1">
        <v>4.90581847E8</v>
      </c>
      <c r="B14538" s="2">
        <v>14265.0</v>
      </c>
      <c r="C14538" s="1" t="s">
        <v>5</v>
      </c>
      <c r="D14538" s="1" t="s">
        <v>12410</v>
      </c>
      <c r="E14538" s="1" t="s">
        <v>7</v>
      </c>
    </row>
    <row r="14539">
      <c r="A14539" s="1">
        <v>4.9058187E8</v>
      </c>
      <c r="B14539" s="2">
        <v>14266.0</v>
      </c>
      <c r="C14539" s="1" t="s">
        <v>5</v>
      </c>
      <c r="D14539" s="1" t="s">
        <v>11</v>
      </c>
      <c r="E14539" s="1" t="s">
        <v>7</v>
      </c>
    </row>
    <row r="14540">
      <c r="A14540" s="1">
        <v>4.90581914E8</v>
      </c>
      <c r="B14540" s="2">
        <v>14218.0</v>
      </c>
      <c r="C14540" s="1" t="s">
        <v>5</v>
      </c>
      <c r="D14540" s="1" t="s">
        <v>12411</v>
      </c>
      <c r="E14540" s="1" t="s">
        <v>11</v>
      </c>
    </row>
    <row r="14541">
      <c r="A14541" s="1">
        <v>4.90581942E8</v>
      </c>
      <c r="B14541" s="2">
        <v>14265.0</v>
      </c>
      <c r="C14541" s="1" t="s">
        <v>5</v>
      </c>
      <c r="D14541" s="1" t="s">
        <v>11</v>
      </c>
      <c r="E14541" s="1" t="s">
        <v>7</v>
      </c>
    </row>
    <row r="14542">
      <c r="A14542" s="1">
        <v>4.90581996E8</v>
      </c>
      <c r="B14542" s="2">
        <v>14285.0</v>
      </c>
      <c r="C14542" s="1" t="s">
        <v>5</v>
      </c>
      <c r="D14542" s="1" t="s">
        <v>11</v>
      </c>
      <c r="E14542" s="1" t="s">
        <v>7</v>
      </c>
    </row>
    <row r="14543">
      <c r="A14543" s="1">
        <v>4.90582002E8</v>
      </c>
      <c r="B14543" s="2">
        <v>14321.0</v>
      </c>
      <c r="C14543" s="1" t="s">
        <v>5</v>
      </c>
      <c r="D14543" s="1" t="s">
        <v>11</v>
      </c>
      <c r="E14543" s="1" t="s">
        <v>7</v>
      </c>
    </row>
    <row r="14544">
      <c r="A14544" s="1">
        <v>4.90582047E8</v>
      </c>
      <c r="B14544" s="2">
        <v>14305.0</v>
      </c>
      <c r="C14544" s="1" t="s">
        <v>5</v>
      </c>
      <c r="D14544" s="1" t="s">
        <v>12412</v>
      </c>
      <c r="E14544" s="1" t="s">
        <v>7</v>
      </c>
    </row>
    <row r="14545">
      <c r="A14545" s="1">
        <v>4.9058205E8</v>
      </c>
      <c r="B14545" s="2">
        <v>14324.0</v>
      </c>
      <c r="C14545" s="1" t="s">
        <v>5</v>
      </c>
      <c r="D14545" s="1" t="s">
        <v>12413</v>
      </c>
      <c r="E14545" s="1" t="s">
        <v>7</v>
      </c>
    </row>
    <row r="14546">
      <c r="A14546" s="1">
        <v>4.90582076E8</v>
      </c>
      <c r="B14546" s="2">
        <v>14272.0</v>
      </c>
      <c r="C14546" s="1" t="s">
        <v>5</v>
      </c>
      <c r="D14546" s="1" t="s">
        <v>12414</v>
      </c>
      <c r="E14546" s="1" t="s">
        <v>7</v>
      </c>
    </row>
    <row r="14547">
      <c r="A14547" s="1">
        <v>4.90582147E8</v>
      </c>
      <c r="B14547" s="2">
        <v>14285.0</v>
      </c>
      <c r="C14547" s="1" t="s">
        <v>5</v>
      </c>
      <c r="D14547" s="1" t="s">
        <v>11</v>
      </c>
      <c r="E14547" s="1" t="s">
        <v>7</v>
      </c>
    </row>
    <row r="14548">
      <c r="A14548" s="1">
        <v>4.90582191E8</v>
      </c>
      <c r="B14548" s="2">
        <v>14328.0</v>
      </c>
      <c r="C14548" s="1" t="s">
        <v>5</v>
      </c>
      <c r="D14548" s="1" t="s">
        <v>11</v>
      </c>
      <c r="E14548" s="1" t="s">
        <v>7</v>
      </c>
    </row>
    <row r="14549">
      <c r="A14549" s="1">
        <v>4.90582203E8</v>
      </c>
      <c r="B14549" s="2">
        <v>14285.0</v>
      </c>
      <c r="C14549" s="1" t="s">
        <v>5</v>
      </c>
      <c r="D14549" s="1" t="s">
        <v>11</v>
      </c>
      <c r="E14549" s="1" t="s">
        <v>7</v>
      </c>
    </row>
    <row r="14550">
      <c r="A14550" s="1">
        <v>4.90582209E8</v>
      </c>
      <c r="B14550" s="2">
        <v>14313.0</v>
      </c>
      <c r="C14550" s="1" t="s">
        <v>5</v>
      </c>
      <c r="D14550" s="1" t="s">
        <v>12415</v>
      </c>
      <c r="E14550" s="1" t="s">
        <v>7</v>
      </c>
    </row>
    <row r="14551">
      <c r="A14551" s="1">
        <v>4.90582236E8</v>
      </c>
      <c r="B14551" s="2">
        <v>14302.0</v>
      </c>
      <c r="C14551" s="1" t="s">
        <v>5</v>
      </c>
      <c r="D14551" s="1" t="s">
        <v>11</v>
      </c>
      <c r="E14551" s="1" t="s">
        <v>7</v>
      </c>
    </row>
    <row r="14552">
      <c r="A14552" s="1">
        <v>4.9058225E8</v>
      </c>
      <c r="B14552" s="2">
        <v>14262.0</v>
      </c>
      <c r="C14552" s="1" t="s">
        <v>5</v>
      </c>
      <c r="D14552" s="1" t="s">
        <v>12416</v>
      </c>
      <c r="E14552" s="1" t="s">
        <v>7</v>
      </c>
    </row>
    <row r="14553">
      <c r="A14553" s="1">
        <v>4.90582251E8</v>
      </c>
      <c r="B14553" s="2">
        <v>14328.0</v>
      </c>
      <c r="C14553" s="1" t="s">
        <v>5</v>
      </c>
      <c r="D14553" s="1" t="s">
        <v>11</v>
      </c>
      <c r="E14553" s="1" t="s">
        <v>7</v>
      </c>
    </row>
    <row r="14554">
      <c r="A14554" s="1">
        <v>4.90582323E8</v>
      </c>
      <c r="B14554" s="2">
        <v>14323.0</v>
      </c>
      <c r="C14554" s="1" t="s">
        <v>5</v>
      </c>
      <c r="D14554" s="1" t="s">
        <v>12417</v>
      </c>
      <c r="E14554" s="1" t="s">
        <v>7</v>
      </c>
    </row>
    <row r="14555">
      <c r="A14555" s="1">
        <v>4.90582427E8</v>
      </c>
      <c r="B14555" s="2">
        <v>14284.0</v>
      </c>
      <c r="C14555" s="1" t="s">
        <v>5</v>
      </c>
      <c r="D14555" s="1" t="s">
        <v>11</v>
      </c>
      <c r="E14555" s="1" t="s">
        <v>7</v>
      </c>
    </row>
    <row r="14556">
      <c r="A14556" s="1">
        <v>4.90582467E8</v>
      </c>
      <c r="B14556" s="2">
        <v>14269.0</v>
      </c>
      <c r="C14556" s="1" t="s">
        <v>5</v>
      </c>
      <c r="D14556" s="1" t="s">
        <v>12418</v>
      </c>
      <c r="E14556" s="1" t="s">
        <v>7</v>
      </c>
    </row>
    <row r="14557">
      <c r="A14557" s="1">
        <v>4.90582476E8</v>
      </c>
      <c r="B14557" s="2">
        <v>14260.0</v>
      </c>
      <c r="C14557" s="1" t="s">
        <v>5</v>
      </c>
      <c r="D14557" s="1" t="s">
        <v>12419</v>
      </c>
      <c r="E14557" s="1" t="s">
        <v>11</v>
      </c>
    </row>
    <row r="14558">
      <c r="A14558" s="1">
        <v>4.90582507E8</v>
      </c>
      <c r="B14558" s="2">
        <v>14261.0</v>
      </c>
      <c r="C14558" s="1" t="s">
        <v>5</v>
      </c>
      <c r="D14558" s="1" t="s">
        <v>12420</v>
      </c>
      <c r="E14558" s="1" t="s">
        <v>11</v>
      </c>
    </row>
    <row r="14559">
      <c r="A14559" s="1">
        <v>4.90582529E8</v>
      </c>
      <c r="B14559" s="2">
        <v>14283.0</v>
      </c>
      <c r="C14559" s="1" t="s">
        <v>5</v>
      </c>
      <c r="D14559" s="1" t="s">
        <v>11</v>
      </c>
      <c r="E14559" s="1" t="s">
        <v>7</v>
      </c>
    </row>
    <row r="14560">
      <c r="A14560" s="1">
        <v>4.9058264E8</v>
      </c>
      <c r="B14560" s="2">
        <v>14246.0</v>
      </c>
      <c r="C14560" s="1" t="s">
        <v>5</v>
      </c>
      <c r="D14560" s="1" t="s">
        <v>12421</v>
      </c>
      <c r="E14560" s="1" t="s">
        <v>7</v>
      </c>
    </row>
    <row r="14561">
      <c r="A14561" s="1">
        <v>4.9058271E8</v>
      </c>
      <c r="B14561" s="2">
        <v>14313.0</v>
      </c>
      <c r="C14561" s="1" t="s">
        <v>5</v>
      </c>
      <c r="D14561" s="1" t="s">
        <v>11</v>
      </c>
      <c r="E14561" s="1" t="s">
        <v>7</v>
      </c>
    </row>
    <row r="14562">
      <c r="A14562" s="1">
        <v>4.90582782E8</v>
      </c>
      <c r="B14562" s="2">
        <v>14258.0</v>
      </c>
      <c r="C14562" s="1" t="s">
        <v>5</v>
      </c>
      <c r="D14562" s="1" t="s">
        <v>11</v>
      </c>
      <c r="E14562" s="1" t="s">
        <v>7</v>
      </c>
    </row>
    <row r="14563">
      <c r="A14563" s="1">
        <v>4.90582861E8</v>
      </c>
      <c r="B14563" s="2">
        <v>14280.0</v>
      </c>
      <c r="C14563" s="1" t="s">
        <v>5</v>
      </c>
      <c r="D14563" s="1" t="s">
        <v>12422</v>
      </c>
      <c r="E14563" s="1" t="s">
        <v>7</v>
      </c>
    </row>
    <row r="14564">
      <c r="A14564" s="1">
        <v>4.90582881E8</v>
      </c>
      <c r="B14564" s="2">
        <v>14360.0</v>
      </c>
      <c r="C14564" s="1" t="s">
        <v>5</v>
      </c>
      <c r="D14564" s="1" t="s">
        <v>12423</v>
      </c>
      <c r="E14564" s="1" t="s">
        <v>7</v>
      </c>
    </row>
    <row r="14565">
      <c r="A14565" s="1">
        <v>4.90582923E8</v>
      </c>
      <c r="B14565" s="2">
        <v>14281.0</v>
      </c>
      <c r="C14565" s="1" t="s">
        <v>5</v>
      </c>
      <c r="D14565" s="1" t="s">
        <v>12424</v>
      </c>
      <c r="E14565" s="1" t="s">
        <v>12425</v>
      </c>
    </row>
    <row r="14566">
      <c r="A14566" s="1">
        <v>4.90582948E8</v>
      </c>
      <c r="B14566" s="2">
        <v>14280.0</v>
      </c>
      <c r="C14566" s="1" t="s">
        <v>5</v>
      </c>
      <c r="D14566" s="1" t="s">
        <v>12426</v>
      </c>
      <c r="E14566" s="1" t="s">
        <v>11</v>
      </c>
    </row>
    <row r="14567">
      <c r="A14567" s="1">
        <v>4.90583043E8</v>
      </c>
      <c r="B14567" s="2">
        <v>14311.0</v>
      </c>
      <c r="C14567" s="1" t="s">
        <v>5</v>
      </c>
      <c r="D14567" s="1" t="s">
        <v>11</v>
      </c>
      <c r="E14567" s="1" t="s">
        <v>7</v>
      </c>
    </row>
    <row r="14568">
      <c r="A14568" s="1">
        <v>4.90583082E8</v>
      </c>
      <c r="B14568" s="2">
        <v>14312.0</v>
      </c>
      <c r="C14568" s="1" t="s">
        <v>5</v>
      </c>
      <c r="D14568" s="1" t="s">
        <v>12427</v>
      </c>
      <c r="E14568" s="1" t="s">
        <v>12428</v>
      </c>
    </row>
    <row r="14569">
      <c r="A14569" s="1">
        <v>4.90583107E8</v>
      </c>
      <c r="B14569" s="2">
        <v>14310.0</v>
      </c>
      <c r="C14569" s="1" t="s">
        <v>5</v>
      </c>
      <c r="D14569" s="1" t="s">
        <v>11</v>
      </c>
      <c r="E14569" s="1" t="s">
        <v>7</v>
      </c>
    </row>
    <row r="14570">
      <c r="A14570" s="1">
        <v>4.9058316E8</v>
      </c>
      <c r="B14570" s="2">
        <v>14280.0</v>
      </c>
      <c r="C14570" s="1" t="s">
        <v>5</v>
      </c>
      <c r="D14570" s="1" t="s">
        <v>12429</v>
      </c>
      <c r="E14570" s="1" t="s">
        <v>7</v>
      </c>
    </row>
    <row r="14571">
      <c r="A14571" s="1">
        <v>4.90583175E8</v>
      </c>
      <c r="B14571" s="2">
        <v>14257.0</v>
      </c>
      <c r="C14571" s="1" t="s">
        <v>5</v>
      </c>
      <c r="D14571" s="1" t="s">
        <v>12430</v>
      </c>
      <c r="E14571" s="1" t="s">
        <v>7</v>
      </c>
    </row>
    <row r="14572">
      <c r="A14572" s="1">
        <v>4.90583198E8</v>
      </c>
      <c r="B14572" s="2">
        <v>14280.0</v>
      </c>
      <c r="C14572" s="1" t="s">
        <v>5</v>
      </c>
      <c r="D14572" s="1" t="s">
        <v>12431</v>
      </c>
      <c r="E14572" s="1" t="s">
        <v>11</v>
      </c>
    </row>
    <row r="14573">
      <c r="A14573" s="1">
        <v>4.90583268E8</v>
      </c>
      <c r="B14573" s="2">
        <v>14312.0</v>
      </c>
      <c r="C14573" s="1" t="s">
        <v>5</v>
      </c>
      <c r="D14573" s="1" t="s">
        <v>12432</v>
      </c>
      <c r="E14573" s="1" t="s">
        <v>11</v>
      </c>
    </row>
    <row r="14574">
      <c r="A14574" s="1">
        <v>4.90583369E8</v>
      </c>
      <c r="B14574" s="2">
        <v>14256.0</v>
      </c>
      <c r="C14574" s="1" t="s">
        <v>5</v>
      </c>
      <c r="D14574" s="1" t="s">
        <v>11</v>
      </c>
      <c r="E14574" s="1" t="s">
        <v>7</v>
      </c>
    </row>
    <row r="14575">
      <c r="A14575" s="1">
        <v>4.90583378E8</v>
      </c>
      <c r="B14575" s="2">
        <v>14312.0</v>
      </c>
      <c r="C14575" s="1" t="s">
        <v>5</v>
      </c>
      <c r="D14575" s="1" t="s">
        <v>12433</v>
      </c>
      <c r="E14575" s="1" t="s">
        <v>7</v>
      </c>
    </row>
    <row r="14576">
      <c r="A14576" s="1">
        <v>4.90583389E8</v>
      </c>
      <c r="B14576" s="3">
        <v>14396.0</v>
      </c>
      <c r="C14576" s="1" t="s">
        <v>5</v>
      </c>
      <c r="D14576" s="1" t="s">
        <v>11</v>
      </c>
      <c r="E14576" s="1" t="s">
        <v>7</v>
      </c>
    </row>
    <row r="14577">
      <c r="A14577" s="1">
        <v>4.90583432E8</v>
      </c>
      <c r="B14577" s="3">
        <v>14396.0</v>
      </c>
      <c r="C14577" s="1" t="s">
        <v>5</v>
      </c>
      <c r="D14577" s="1" t="s">
        <v>12434</v>
      </c>
      <c r="E14577" s="1" t="s">
        <v>11</v>
      </c>
    </row>
    <row r="14578">
      <c r="A14578" s="1">
        <v>4.90583494E8</v>
      </c>
      <c r="B14578" s="3">
        <v>14396.0</v>
      </c>
      <c r="C14578" s="1" t="s">
        <v>5</v>
      </c>
      <c r="D14578" s="1" t="s">
        <v>12435</v>
      </c>
      <c r="E14578" s="1" t="s">
        <v>12436</v>
      </c>
    </row>
    <row r="14579">
      <c r="A14579" s="1">
        <v>4.9058355E8</v>
      </c>
      <c r="B14579" s="2">
        <v>14353.0</v>
      </c>
      <c r="C14579" s="1" t="s">
        <v>5</v>
      </c>
      <c r="D14579" s="1" t="s">
        <v>12437</v>
      </c>
      <c r="E14579" s="1" t="s">
        <v>11</v>
      </c>
    </row>
    <row r="14580">
      <c r="A14580" s="1">
        <v>4.90583552E8</v>
      </c>
      <c r="B14580" s="3">
        <v>14395.0</v>
      </c>
      <c r="C14580" s="1" t="s">
        <v>5</v>
      </c>
      <c r="D14580" s="1" t="s">
        <v>12438</v>
      </c>
      <c r="E14580" s="1" t="s">
        <v>7</v>
      </c>
    </row>
    <row r="14581">
      <c r="A14581" s="1">
        <v>4.9058363E8</v>
      </c>
      <c r="B14581" s="3">
        <v>14391.0</v>
      </c>
      <c r="C14581" s="1" t="s">
        <v>5</v>
      </c>
      <c r="D14581" s="1" t="s">
        <v>12439</v>
      </c>
      <c r="E14581" s="1" t="s">
        <v>7</v>
      </c>
    </row>
    <row r="14582">
      <c r="A14582" s="1">
        <v>4.90583707E8</v>
      </c>
      <c r="B14582" s="3">
        <v>14396.0</v>
      </c>
      <c r="C14582" s="1" t="s">
        <v>5</v>
      </c>
      <c r="D14582" s="1" t="s">
        <v>12440</v>
      </c>
      <c r="E14582" s="1" t="s">
        <v>7</v>
      </c>
    </row>
    <row r="14583">
      <c r="A14583" s="1">
        <v>4.90583755E8</v>
      </c>
      <c r="B14583" s="2">
        <v>14250.0</v>
      </c>
      <c r="C14583" s="1" t="s">
        <v>5</v>
      </c>
      <c r="D14583" s="1" t="s">
        <v>12441</v>
      </c>
      <c r="E14583" s="1" t="s">
        <v>12442</v>
      </c>
    </row>
    <row r="14584">
      <c r="A14584" s="1">
        <v>4.90583787E8</v>
      </c>
      <c r="B14584" s="2">
        <v>14250.0</v>
      </c>
      <c r="C14584" s="1" t="s">
        <v>5</v>
      </c>
      <c r="D14584" s="1" t="s">
        <v>12443</v>
      </c>
      <c r="E14584" s="1" t="s">
        <v>7</v>
      </c>
    </row>
    <row r="14585">
      <c r="A14585" s="1">
        <v>4.90583822E8</v>
      </c>
      <c r="B14585" s="3">
        <v>14391.0</v>
      </c>
      <c r="C14585" s="1" t="s">
        <v>5</v>
      </c>
      <c r="D14585" s="1" t="s">
        <v>12444</v>
      </c>
      <c r="E14585" s="1" t="s">
        <v>11</v>
      </c>
    </row>
    <row r="14586">
      <c r="A14586" s="1">
        <v>4.90583864E8</v>
      </c>
      <c r="B14586" s="3">
        <v>14381.0</v>
      </c>
      <c r="C14586" s="1" t="s">
        <v>5</v>
      </c>
      <c r="D14586" s="1" t="s">
        <v>12445</v>
      </c>
      <c r="E14586" s="1" t="s">
        <v>7</v>
      </c>
    </row>
    <row r="14587">
      <c r="A14587" s="1">
        <v>4.90583876E8</v>
      </c>
      <c r="B14587" s="2">
        <v>14354.0</v>
      </c>
      <c r="C14587" s="1" t="s">
        <v>5</v>
      </c>
      <c r="D14587" s="1" t="s">
        <v>12446</v>
      </c>
      <c r="E14587" s="1" t="s">
        <v>7</v>
      </c>
    </row>
    <row r="14588">
      <c r="A14588" s="1">
        <v>4.90583987E8</v>
      </c>
      <c r="B14588" s="3">
        <v>14381.0</v>
      </c>
      <c r="C14588" s="1" t="s">
        <v>5</v>
      </c>
      <c r="D14588" s="1" t="s">
        <v>12447</v>
      </c>
      <c r="E14588" s="1" t="s">
        <v>11</v>
      </c>
    </row>
    <row r="14589">
      <c r="A14589" s="1">
        <v>4.90583995E8</v>
      </c>
      <c r="B14589" s="2">
        <v>14316.0</v>
      </c>
      <c r="C14589" s="1" t="s">
        <v>5</v>
      </c>
      <c r="D14589" s="1" t="s">
        <v>12448</v>
      </c>
      <c r="E14589" s="1" t="s">
        <v>11</v>
      </c>
    </row>
    <row r="14590">
      <c r="A14590" s="1">
        <v>4.90584027E8</v>
      </c>
      <c r="B14590" s="2">
        <v>14354.0</v>
      </c>
      <c r="C14590" s="1" t="s">
        <v>5</v>
      </c>
      <c r="D14590" s="1" t="s">
        <v>12449</v>
      </c>
      <c r="E14590" s="1" t="s">
        <v>7</v>
      </c>
    </row>
    <row r="14591">
      <c r="A14591" s="1">
        <v>4.9058403E8</v>
      </c>
      <c r="B14591" s="2">
        <v>14318.0</v>
      </c>
      <c r="C14591" s="1" t="s">
        <v>5</v>
      </c>
      <c r="D14591" s="1" t="s">
        <v>11</v>
      </c>
      <c r="E14591" s="1" t="s">
        <v>7</v>
      </c>
    </row>
    <row r="14592">
      <c r="A14592" s="1">
        <v>4.90584066E8</v>
      </c>
      <c r="B14592" s="2">
        <v>14316.0</v>
      </c>
      <c r="C14592" s="1" t="s">
        <v>5</v>
      </c>
      <c r="D14592" s="1" t="s">
        <v>12450</v>
      </c>
      <c r="E14592" s="1" t="s">
        <v>7</v>
      </c>
    </row>
    <row r="14593">
      <c r="A14593" s="1">
        <v>4.90584147E8</v>
      </c>
      <c r="B14593" s="3">
        <v>14379.0</v>
      </c>
      <c r="C14593" s="1" t="s">
        <v>5</v>
      </c>
      <c r="D14593" s="1" t="s">
        <v>12451</v>
      </c>
      <c r="E14593" s="1" t="s">
        <v>7</v>
      </c>
    </row>
    <row r="14594">
      <c r="A14594" s="1">
        <v>4.90584187E8</v>
      </c>
      <c r="B14594" s="2">
        <v>14307.0</v>
      </c>
      <c r="C14594" s="1" t="s">
        <v>5</v>
      </c>
      <c r="D14594" s="1" t="s">
        <v>12452</v>
      </c>
      <c r="E14594" s="1" t="s">
        <v>11</v>
      </c>
    </row>
    <row r="14595">
      <c r="A14595" s="1">
        <v>4.9058419E8</v>
      </c>
      <c r="B14595" s="2">
        <v>14353.0</v>
      </c>
      <c r="C14595" s="1" t="s">
        <v>5</v>
      </c>
      <c r="D14595" s="1" t="s">
        <v>12453</v>
      </c>
      <c r="E14595" s="1" t="s">
        <v>7</v>
      </c>
    </row>
    <row r="14596">
      <c r="A14596" s="1">
        <v>4.90584228E8</v>
      </c>
      <c r="B14596" s="2">
        <v>14359.0</v>
      </c>
      <c r="C14596" s="1" t="s">
        <v>5</v>
      </c>
      <c r="D14596" s="1" t="s">
        <v>12454</v>
      </c>
      <c r="E14596" s="1" t="s">
        <v>7</v>
      </c>
    </row>
    <row r="14597">
      <c r="A14597" s="1">
        <v>4.90584234E8</v>
      </c>
      <c r="B14597" s="3">
        <v>14378.0</v>
      </c>
      <c r="C14597" s="1" t="s">
        <v>5</v>
      </c>
      <c r="D14597" s="1" t="s">
        <v>12455</v>
      </c>
      <c r="E14597" s="1" t="s">
        <v>7</v>
      </c>
    </row>
    <row r="14598">
      <c r="A14598" s="1">
        <v>4.90584246E8</v>
      </c>
      <c r="B14598" s="2">
        <v>14315.0</v>
      </c>
      <c r="C14598" s="1" t="s">
        <v>5</v>
      </c>
      <c r="D14598" s="1" t="s">
        <v>12456</v>
      </c>
      <c r="E14598" s="1" t="s">
        <v>7</v>
      </c>
    </row>
    <row r="14599">
      <c r="A14599" s="1">
        <v>4.9058427E8</v>
      </c>
      <c r="B14599" s="2">
        <v>14330.0</v>
      </c>
      <c r="C14599" s="1" t="s">
        <v>5</v>
      </c>
      <c r="D14599" s="1" t="s">
        <v>12457</v>
      </c>
      <c r="E14599" s="1" t="s">
        <v>7</v>
      </c>
    </row>
    <row r="14600">
      <c r="A14600" s="1">
        <v>4.90584354E8</v>
      </c>
      <c r="B14600" s="3">
        <v>14378.0</v>
      </c>
      <c r="C14600" s="1" t="s">
        <v>5</v>
      </c>
      <c r="D14600" s="1" t="s">
        <v>12458</v>
      </c>
      <c r="E14600" s="1" t="s">
        <v>7</v>
      </c>
    </row>
    <row r="14601">
      <c r="A14601" s="1">
        <v>4.90584384E8</v>
      </c>
      <c r="B14601" s="3">
        <v>14377.0</v>
      </c>
      <c r="C14601" s="1" t="s">
        <v>5</v>
      </c>
      <c r="D14601" s="1" t="s">
        <v>11</v>
      </c>
      <c r="E14601" s="1" t="s">
        <v>7</v>
      </c>
    </row>
    <row r="14602">
      <c r="A14602" s="1">
        <v>4.90584386E8</v>
      </c>
      <c r="B14602" s="2">
        <v>14251.0</v>
      </c>
      <c r="C14602" s="1" t="s">
        <v>5</v>
      </c>
      <c r="D14602" s="1" t="s">
        <v>12459</v>
      </c>
      <c r="E14602" s="1" t="s">
        <v>11</v>
      </c>
    </row>
    <row r="14603">
      <c r="A14603" s="1">
        <v>4.90584398E8</v>
      </c>
      <c r="B14603" s="3">
        <v>14377.0</v>
      </c>
      <c r="C14603" s="1" t="s">
        <v>5</v>
      </c>
      <c r="D14603" s="1" t="s">
        <v>12460</v>
      </c>
      <c r="E14603" s="1" t="s">
        <v>12461</v>
      </c>
    </row>
    <row r="14604">
      <c r="A14604" s="1">
        <v>4.90584442E8</v>
      </c>
      <c r="B14604" s="3">
        <v>14381.0</v>
      </c>
      <c r="C14604" s="1" t="s">
        <v>5</v>
      </c>
      <c r="D14604" s="1" t="s">
        <v>12462</v>
      </c>
      <c r="E14604" s="1" t="s">
        <v>11</v>
      </c>
    </row>
    <row r="14605">
      <c r="A14605" s="1">
        <v>4.90584555E8</v>
      </c>
      <c r="B14605" s="2">
        <v>14251.0</v>
      </c>
      <c r="C14605" s="1" t="s">
        <v>5</v>
      </c>
      <c r="D14605" s="1" t="s">
        <v>12463</v>
      </c>
      <c r="E14605" s="1" t="s">
        <v>7</v>
      </c>
    </row>
    <row r="14606">
      <c r="A14606" s="1">
        <v>4.90584586E8</v>
      </c>
      <c r="B14606" s="2">
        <v>14304.0</v>
      </c>
      <c r="C14606" s="1" t="s">
        <v>5</v>
      </c>
      <c r="D14606" s="1" t="s">
        <v>12464</v>
      </c>
      <c r="E14606" s="1" t="s">
        <v>7</v>
      </c>
    </row>
    <row r="14607">
      <c r="A14607" s="1">
        <v>4.90584604E8</v>
      </c>
      <c r="B14607" s="2">
        <v>14352.0</v>
      </c>
      <c r="C14607" s="1" t="s">
        <v>5</v>
      </c>
      <c r="D14607" s="1" t="s">
        <v>12465</v>
      </c>
      <c r="E14607" s="1" t="s">
        <v>12466</v>
      </c>
    </row>
    <row r="14608">
      <c r="A14608" s="1">
        <v>4.90584605E8</v>
      </c>
      <c r="B14608" s="3">
        <v>14375.0</v>
      </c>
      <c r="C14608" s="1" t="s">
        <v>5</v>
      </c>
      <c r="D14608" s="1" t="s">
        <v>12467</v>
      </c>
      <c r="E14608" s="1" t="s">
        <v>7</v>
      </c>
    </row>
    <row r="14609">
      <c r="A14609" s="1">
        <v>4.90584647E8</v>
      </c>
      <c r="B14609" s="3">
        <v>14374.0</v>
      </c>
      <c r="C14609" s="1" t="s">
        <v>5</v>
      </c>
      <c r="D14609" s="1" t="s">
        <v>11</v>
      </c>
      <c r="E14609" s="1" t="s">
        <v>7</v>
      </c>
    </row>
    <row r="14610">
      <c r="A14610" s="1">
        <v>4.90584677E8</v>
      </c>
      <c r="B14610" s="3">
        <v>14376.0</v>
      </c>
      <c r="C14610" s="1" t="s">
        <v>5</v>
      </c>
      <c r="D14610" s="1" t="s">
        <v>12468</v>
      </c>
      <c r="E14610" s="1" t="s">
        <v>7</v>
      </c>
    </row>
    <row r="14611">
      <c r="A14611" s="1">
        <v>4.90584684E8</v>
      </c>
      <c r="B14611" s="2">
        <v>14346.0</v>
      </c>
      <c r="C14611" s="1" t="s">
        <v>5</v>
      </c>
      <c r="D14611" s="1" t="s">
        <v>12469</v>
      </c>
      <c r="E14611" s="1" t="s">
        <v>7</v>
      </c>
    </row>
    <row r="14612">
      <c r="A14612" s="1">
        <v>4.90584709E8</v>
      </c>
      <c r="B14612" s="2">
        <v>14352.0</v>
      </c>
      <c r="C14612" s="1" t="s">
        <v>5</v>
      </c>
      <c r="D14612" s="1" t="s">
        <v>11</v>
      </c>
      <c r="E14612" s="1" t="s">
        <v>7</v>
      </c>
    </row>
    <row r="14613">
      <c r="A14613" s="1">
        <v>4.9058479E8</v>
      </c>
      <c r="B14613" s="2">
        <v>14364.0</v>
      </c>
      <c r="C14613" s="1" t="s">
        <v>5</v>
      </c>
      <c r="D14613" s="1" t="s">
        <v>12470</v>
      </c>
      <c r="E14613" s="1" t="s">
        <v>7</v>
      </c>
    </row>
    <row r="14614">
      <c r="A14614" s="1">
        <v>4.90584807E8</v>
      </c>
      <c r="B14614" s="2">
        <v>14303.0</v>
      </c>
      <c r="C14614" s="1" t="s">
        <v>5</v>
      </c>
      <c r="D14614" s="1" t="s">
        <v>11</v>
      </c>
      <c r="E14614" s="1" t="s">
        <v>7</v>
      </c>
    </row>
    <row r="14615">
      <c r="A14615" s="1">
        <v>4.9058481E8</v>
      </c>
      <c r="B14615" s="2">
        <v>14260.0</v>
      </c>
      <c r="C14615" s="1" t="s">
        <v>5</v>
      </c>
      <c r="D14615" s="1" t="s">
        <v>12471</v>
      </c>
      <c r="E14615" s="1" t="s">
        <v>7</v>
      </c>
    </row>
    <row r="14616">
      <c r="A14616" s="1">
        <v>4.90584822E8</v>
      </c>
      <c r="B14616" s="3">
        <v>14374.0</v>
      </c>
      <c r="C14616" s="1" t="s">
        <v>5</v>
      </c>
      <c r="D14616" s="1" t="s">
        <v>11</v>
      </c>
      <c r="E14616" s="1" t="s">
        <v>7</v>
      </c>
    </row>
    <row r="14617">
      <c r="A14617" s="1">
        <v>4.90584909E8</v>
      </c>
      <c r="B14617" s="2">
        <v>14265.0</v>
      </c>
      <c r="C14617" s="1" t="s">
        <v>5</v>
      </c>
      <c r="D14617" s="1" t="s">
        <v>11</v>
      </c>
      <c r="E14617" s="1" t="s">
        <v>7</v>
      </c>
    </row>
    <row r="14618">
      <c r="A14618" s="1">
        <v>4.90584986E8</v>
      </c>
      <c r="B14618" s="3">
        <v>14376.0</v>
      </c>
      <c r="C14618" s="1" t="s">
        <v>5</v>
      </c>
      <c r="D14618" s="1" t="s">
        <v>12472</v>
      </c>
      <c r="E14618" s="1" t="s">
        <v>11</v>
      </c>
    </row>
    <row r="14619">
      <c r="A14619" s="1">
        <v>4.90585082E8</v>
      </c>
      <c r="B14619" s="3">
        <v>14372.0</v>
      </c>
      <c r="C14619" s="1" t="s">
        <v>5</v>
      </c>
      <c r="D14619" s="1" t="s">
        <v>11</v>
      </c>
      <c r="E14619" s="1" t="s">
        <v>7</v>
      </c>
    </row>
    <row r="14620">
      <c r="A14620" s="1">
        <v>4.90585123E8</v>
      </c>
      <c r="B14620" s="2">
        <v>14262.0</v>
      </c>
      <c r="C14620" s="1" t="s">
        <v>5</v>
      </c>
      <c r="D14620" s="1" t="s">
        <v>12473</v>
      </c>
      <c r="E14620" s="1" t="s">
        <v>12474</v>
      </c>
    </row>
    <row r="14621">
      <c r="A14621" s="1">
        <v>4.90585202E8</v>
      </c>
      <c r="B14621" s="2">
        <v>14363.0</v>
      </c>
      <c r="C14621" s="1" t="s">
        <v>5</v>
      </c>
      <c r="D14621" s="1" t="s">
        <v>12475</v>
      </c>
      <c r="E14621" s="1" t="s">
        <v>7</v>
      </c>
    </row>
    <row r="14622">
      <c r="A14622" s="1">
        <v>4.90585275E8</v>
      </c>
      <c r="B14622" s="2">
        <v>14300.0</v>
      </c>
      <c r="C14622" s="1" t="s">
        <v>5</v>
      </c>
      <c r="D14622" s="1" t="s">
        <v>12476</v>
      </c>
      <c r="E14622" s="1" t="s">
        <v>7</v>
      </c>
    </row>
    <row r="14623">
      <c r="A14623" s="1">
        <v>4.90585309E8</v>
      </c>
      <c r="B14623" s="3">
        <v>14371.0</v>
      </c>
      <c r="C14623" s="1" t="s">
        <v>5</v>
      </c>
      <c r="D14623" s="1" t="s">
        <v>12477</v>
      </c>
      <c r="E14623" s="1" t="s">
        <v>12478</v>
      </c>
    </row>
    <row r="14624">
      <c r="A14624" s="1">
        <v>4.90585348E8</v>
      </c>
      <c r="B14624" s="2">
        <v>14327.0</v>
      </c>
      <c r="C14624" s="1" t="s">
        <v>5</v>
      </c>
      <c r="D14624" s="1" t="s">
        <v>12479</v>
      </c>
      <c r="E14624" s="1" t="s">
        <v>7</v>
      </c>
    </row>
    <row r="14625">
      <c r="A14625" s="1">
        <v>4.905854E8</v>
      </c>
      <c r="B14625" s="2">
        <v>14363.0</v>
      </c>
      <c r="C14625" s="1" t="s">
        <v>5</v>
      </c>
      <c r="D14625" s="1" t="s">
        <v>12480</v>
      </c>
      <c r="E14625" s="1" t="s">
        <v>11</v>
      </c>
    </row>
    <row r="14626">
      <c r="A14626" s="1">
        <v>4.90585422E8</v>
      </c>
      <c r="B14626" s="2">
        <v>14363.0</v>
      </c>
      <c r="C14626" s="1" t="s">
        <v>5</v>
      </c>
      <c r="D14626" s="1" t="s">
        <v>12481</v>
      </c>
      <c r="E14626" s="1" t="s">
        <v>7</v>
      </c>
    </row>
    <row r="14627">
      <c r="A14627" s="1">
        <v>4.9058543E8</v>
      </c>
      <c r="B14627" s="2">
        <v>14306.0</v>
      </c>
      <c r="C14627" s="1" t="s">
        <v>5</v>
      </c>
      <c r="D14627" s="1" t="s">
        <v>12482</v>
      </c>
      <c r="E14627" s="1" t="s">
        <v>7</v>
      </c>
    </row>
    <row r="14628">
      <c r="A14628" s="1">
        <v>4.90585507E8</v>
      </c>
      <c r="B14628" s="2">
        <v>14352.0</v>
      </c>
      <c r="C14628" s="1" t="s">
        <v>5</v>
      </c>
      <c r="D14628" s="1" t="s">
        <v>12483</v>
      </c>
      <c r="E14628" s="1" t="s">
        <v>7</v>
      </c>
    </row>
    <row r="14629">
      <c r="A14629" s="1">
        <v>4.9058553E8</v>
      </c>
      <c r="B14629" s="3">
        <v>14369.0</v>
      </c>
      <c r="C14629" s="1" t="s">
        <v>5</v>
      </c>
      <c r="D14629" s="1" t="s">
        <v>11</v>
      </c>
      <c r="E14629" s="1" t="s">
        <v>7</v>
      </c>
    </row>
    <row r="14630">
      <c r="A14630" s="1">
        <v>4.90585544E8</v>
      </c>
      <c r="B14630" s="3">
        <v>14378.0</v>
      </c>
      <c r="C14630" s="1" t="s">
        <v>5</v>
      </c>
      <c r="D14630" s="1" t="s">
        <v>12484</v>
      </c>
      <c r="E14630" s="1" t="s">
        <v>7</v>
      </c>
    </row>
    <row r="14631">
      <c r="A14631" s="1">
        <v>4.90585586E8</v>
      </c>
      <c r="B14631" s="3">
        <v>14372.0</v>
      </c>
      <c r="C14631" s="1" t="s">
        <v>5</v>
      </c>
      <c r="D14631" s="1" t="s">
        <v>12485</v>
      </c>
      <c r="E14631" s="1" t="s">
        <v>7</v>
      </c>
    </row>
    <row r="14632">
      <c r="A14632" s="1">
        <v>4.90585632E8</v>
      </c>
      <c r="B14632" s="2">
        <v>14297.0</v>
      </c>
      <c r="C14632" s="1" t="s">
        <v>5</v>
      </c>
      <c r="D14632" s="1" t="s">
        <v>11</v>
      </c>
      <c r="E14632" s="1" t="s">
        <v>7</v>
      </c>
    </row>
    <row r="14633">
      <c r="A14633" s="1">
        <v>4.90585676E8</v>
      </c>
      <c r="B14633" s="2">
        <v>14260.0</v>
      </c>
      <c r="C14633" s="1" t="s">
        <v>5</v>
      </c>
      <c r="D14633" s="1" t="s">
        <v>11</v>
      </c>
      <c r="E14633" s="1" t="s">
        <v>7</v>
      </c>
    </row>
    <row r="14634">
      <c r="A14634" s="1">
        <v>4.9058581E8</v>
      </c>
      <c r="B14634" s="2">
        <v>14357.0</v>
      </c>
      <c r="C14634" s="1" t="s">
        <v>5</v>
      </c>
      <c r="D14634" s="1" t="s">
        <v>12486</v>
      </c>
      <c r="E14634" s="1" t="s">
        <v>11</v>
      </c>
    </row>
    <row r="14635">
      <c r="A14635" s="1">
        <v>4.90585878E8</v>
      </c>
      <c r="B14635" s="3">
        <v>14370.0</v>
      </c>
      <c r="C14635" s="1" t="s">
        <v>5</v>
      </c>
      <c r="D14635" s="1" t="s">
        <v>12487</v>
      </c>
      <c r="E14635" s="1" t="s">
        <v>11</v>
      </c>
    </row>
    <row r="14636">
      <c r="A14636" s="1">
        <v>4.90585886E8</v>
      </c>
      <c r="B14636" s="3">
        <v>14366.0</v>
      </c>
      <c r="C14636" s="1" t="s">
        <v>5</v>
      </c>
      <c r="D14636" s="1" t="s">
        <v>12488</v>
      </c>
      <c r="E14636" s="1" t="s">
        <v>7</v>
      </c>
    </row>
    <row r="14637">
      <c r="A14637" s="1">
        <v>4.90585947E8</v>
      </c>
      <c r="B14637" s="2">
        <v>14249.0</v>
      </c>
      <c r="C14637" s="1" t="s">
        <v>5</v>
      </c>
      <c r="D14637" s="1" t="s">
        <v>12489</v>
      </c>
      <c r="E14637" s="1" t="s">
        <v>12490</v>
      </c>
    </row>
    <row r="14638">
      <c r="A14638" s="1">
        <v>4.90585949E8</v>
      </c>
      <c r="B14638" s="2">
        <v>14313.0</v>
      </c>
      <c r="C14638" s="1" t="s">
        <v>5</v>
      </c>
      <c r="D14638" s="1" t="s">
        <v>11</v>
      </c>
      <c r="E14638" s="1" t="s">
        <v>7</v>
      </c>
    </row>
    <row r="14639">
      <c r="A14639" s="1">
        <v>4.9058595E8</v>
      </c>
      <c r="B14639" s="3">
        <v>14376.0</v>
      </c>
      <c r="C14639" s="1" t="s">
        <v>5</v>
      </c>
      <c r="D14639" s="1" t="s">
        <v>11</v>
      </c>
      <c r="E14639" s="1" t="s">
        <v>7</v>
      </c>
    </row>
    <row r="14640">
      <c r="A14640" s="1">
        <v>4.90586002E8</v>
      </c>
      <c r="B14640" s="2">
        <v>14313.0</v>
      </c>
      <c r="C14640" s="1" t="s">
        <v>5</v>
      </c>
      <c r="D14640" s="1" t="s">
        <v>12491</v>
      </c>
      <c r="E14640" s="1" t="s">
        <v>7</v>
      </c>
    </row>
    <row r="14641">
      <c r="A14641" s="1">
        <v>4.90586004E8</v>
      </c>
      <c r="B14641" s="2">
        <v>14306.0</v>
      </c>
      <c r="C14641" s="1" t="s">
        <v>5</v>
      </c>
      <c r="D14641" s="1" t="s">
        <v>12492</v>
      </c>
      <c r="E14641" s="1" t="s">
        <v>7</v>
      </c>
    </row>
    <row r="14642">
      <c r="A14642" s="1">
        <v>4.90586034E8</v>
      </c>
      <c r="B14642" s="2">
        <v>14349.0</v>
      </c>
      <c r="C14642" s="1" t="s">
        <v>5</v>
      </c>
      <c r="D14642" s="1" t="s">
        <v>12493</v>
      </c>
      <c r="E14642" s="1" t="s">
        <v>7</v>
      </c>
    </row>
    <row r="14643">
      <c r="A14643" s="1">
        <v>4.9058605E8</v>
      </c>
      <c r="B14643" s="2">
        <v>14424.0</v>
      </c>
      <c r="C14643" s="1" t="s">
        <v>5</v>
      </c>
      <c r="D14643" s="1" t="s">
        <v>12494</v>
      </c>
      <c r="E14643" s="1" t="s">
        <v>12495</v>
      </c>
    </row>
    <row r="14644">
      <c r="A14644" s="1">
        <v>4.90586114E8</v>
      </c>
      <c r="B14644" s="3">
        <v>14366.0</v>
      </c>
      <c r="C14644" s="1" t="s">
        <v>5</v>
      </c>
      <c r="D14644" s="1" t="s">
        <v>12496</v>
      </c>
      <c r="E14644" s="1" t="s">
        <v>7</v>
      </c>
    </row>
    <row r="14645">
      <c r="A14645" s="1">
        <v>4.90586133E8</v>
      </c>
      <c r="B14645" s="2">
        <v>14246.0</v>
      </c>
      <c r="C14645" s="1" t="s">
        <v>5</v>
      </c>
      <c r="D14645" s="1" t="s">
        <v>12497</v>
      </c>
      <c r="E14645" s="1" t="s">
        <v>7</v>
      </c>
    </row>
    <row r="14646">
      <c r="A14646" s="1">
        <v>4.9058616E8</v>
      </c>
      <c r="B14646" s="2">
        <v>14305.0</v>
      </c>
      <c r="C14646" s="1" t="s">
        <v>5</v>
      </c>
      <c r="D14646" s="1" t="s">
        <v>12498</v>
      </c>
      <c r="E14646" s="1" t="s">
        <v>11</v>
      </c>
    </row>
    <row r="14647">
      <c r="A14647" s="1">
        <v>4.90586204E8</v>
      </c>
      <c r="B14647" s="3">
        <v>14372.0</v>
      </c>
      <c r="C14647" s="1" t="s">
        <v>5</v>
      </c>
      <c r="D14647" s="1" t="s">
        <v>11</v>
      </c>
      <c r="E14647" s="1" t="s">
        <v>7</v>
      </c>
    </row>
    <row r="14648">
      <c r="A14648" s="1">
        <v>4.90586284E8</v>
      </c>
      <c r="B14648" s="2">
        <v>14310.0</v>
      </c>
      <c r="C14648" s="1" t="s">
        <v>5</v>
      </c>
      <c r="D14648" s="1" t="s">
        <v>12499</v>
      </c>
      <c r="E14648" s="1" t="s">
        <v>11</v>
      </c>
    </row>
    <row r="14649">
      <c r="A14649" s="1">
        <v>4.90586301E8</v>
      </c>
      <c r="B14649" s="2">
        <v>14365.0</v>
      </c>
      <c r="C14649" s="1" t="s">
        <v>5</v>
      </c>
      <c r="D14649" s="1" t="s">
        <v>11</v>
      </c>
      <c r="E14649" s="1" t="s">
        <v>7</v>
      </c>
    </row>
    <row r="14650">
      <c r="A14650" s="1">
        <v>4.90586338E8</v>
      </c>
      <c r="B14650" s="2">
        <v>14354.0</v>
      </c>
      <c r="C14650" s="1" t="s">
        <v>5</v>
      </c>
      <c r="D14650" s="1" t="s">
        <v>12500</v>
      </c>
      <c r="E14650" s="1" t="s">
        <v>11</v>
      </c>
    </row>
    <row r="14651">
      <c r="A14651" s="1">
        <v>4.90586346E8</v>
      </c>
      <c r="B14651" s="2">
        <v>14310.0</v>
      </c>
      <c r="C14651" s="1" t="s">
        <v>5</v>
      </c>
      <c r="D14651" s="1" t="s">
        <v>11</v>
      </c>
      <c r="E14651" s="1" t="s">
        <v>7</v>
      </c>
    </row>
    <row r="14652">
      <c r="A14652" s="1">
        <v>4.90586355E8</v>
      </c>
      <c r="B14652" s="2">
        <v>14424.0</v>
      </c>
      <c r="C14652" s="1" t="s">
        <v>5</v>
      </c>
      <c r="D14652" s="1" t="s">
        <v>12501</v>
      </c>
      <c r="E14652" s="1" t="s">
        <v>7</v>
      </c>
    </row>
    <row r="14653">
      <c r="A14653" s="1">
        <v>4.90586369E8</v>
      </c>
      <c r="B14653" s="2">
        <v>14364.0</v>
      </c>
      <c r="C14653" s="1" t="s">
        <v>5</v>
      </c>
      <c r="D14653" s="1" t="s">
        <v>12502</v>
      </c>
      <c r="E14653" s="1" t="s">
        <v>7</v>
      </c>
    </row>
    <row r="14654">
      <c r="A14654" s="1">
        <v>4.90586421E8</v>
      </c>
      <c r="B14654" s="3">
        <v>14367.0</v>
      </c>
      <c r="C14654" s="1" t="s">
        <v>5</v>
      </c>
      <c r="D14654" s="1" t="s">
        <v>12503</v>
      </c>
      <c r="E14654" s="1" t="s">
        <v>7</v>
      </c>
    </row>
    <row r="14655">
      <c r="A14655" s="1">
        <v>4.90586472E8</v>
      </c>
      <c r="B14655" s="2">
        <v>14365.0</v>
      </c>
      <c r="C14655" s="1" t="s">
        <v>5</v>
      </c>
      <c r="D14655" s="1" t="s">
        <v>12504</v>
      </c>
      <c r="E14655" s="1" t="s">
        <v>11</v>
      </c>
    </row>
    <row r="14656">
      <c r="A14656" s="1">
        <v>4.90586506E8</v>
      </c>
      <c r="B14656" s="2">
        <v>14365.0</v>
      </c>
      <c r="C14656" s="1" t="s">
        <v>5</v>
      </c>
      <c r="D14656" s="1" t="s">
        <v>11</v>
      </c>
      <c r="E14656" s="1" t="s">
        <v>7</v>
      </c>
    </row>
    <row r="14657">
      <c r="A14657" s="1">
        <v>4.90586579E8</v>
      </c>
      <c r="B14657" s="3">
        <v>14370.0</v>
      </c>
      <c r="C14657" s="1" t="s">
        <v>5</v>
      </c>
      <c r="D14657" s="1" t="s">
        <v>11</v>
      </c>
      <c r="E14657" s="1" t="s">
        <v>7</v>
      </c>
    </row>
    <row r="14658">
      <c r="A14658" s="1">
        <v>4.90586726E8</v>
      </c>
      <c r="B14658" s="2">
        <v>14352.0</v>
      </c>
      <c r="C14658" s="1" t="s">
        <v>5</v>
      </c>
      <c r="D14658" s="1" t="s">
        <v>11</v>
      </c>
      <c r="E14658" s="1" t="s">
        <v>7</v>
      </c>
    </row>
    <row r="14659">
      <c r="A14659" s="1">
        <v>4.90586761E8</v>
      </c>
      <c r="B14659" s="2">
        <v>14364.0</v>
      </c>
      <c r="C14659" s="1" t="s">
        <v>5</v>
      </c>
      <c r="D14659" s="1" t="s">
        <v>12505</v>
      </c>
      <c r="E14659" s="1" t="s">
        <v>11</v>
      </c>
    </row>
    <row r="14660">
      <c r="A14660" s="1">
        <v>4.90586825E8</v>
      </c>
      <c r="B14660" s="2">
        <v>14322.0</v>
      </c>
      <c r="C14660" s="1" t="s">
        <v>5</v>
      </c>
      <c r="D14660" s="1" t="s">
        <v>12506</v>
      </c>
      <c r="E14660" s="1" t="s">
        <v>11</v>
      </c>
    </row>
    <row r="14661">
      <c r="A14661" s="1">
        <v>4.90586866E8</v>
      </c>
      <c r="B14661" s="2">
        <v>14420.0</v>
      </c>
      <c r="C14661" s="1" t="s">
        <v>5</v>
      </c>
      <c r="D14661" s="1" t="s">
        <v>12507</v>
      </c>
      <c r="E14661" s="1" t="s">
        <v>11</v>
      </c>
    </row>
    <row r="14662">
      <c r="A14662" s="1">
        <v>4.90586868E8</v>
      </c>
      <c r="B14662" s="2">
        <v>14362.0</v>
      </c>
      <c r="C14662" s="1" t="s">
        <v>5</v>
      </c>
      <c r="D14662" s="1" t="s">
        <v>12508</v>
      </c>
      <c r="E14662" s="1" t="s">
        <v>11</v>
      </c>
    </row>
    <row r="14663">
      <c r="A14663" s="1">
        <v>4.90586904E8</v>
      </c>
      <c r="B14663" s="2">
        <v>14257.0</v>
      </c>
      <c r="C14663" s="1" t="s">
        <v>5</v>
      </c>
      <c r="D14663" s="1" t="s">
        <v>12509</v>
      </c>
      <c r="E14663" s="1" t="s">
        <v>7</v>
      </c>
    </row>
    <row r="14664">
      <c r="A14664" s="1">
        <v>4.90586917E8</v>
      </c>
      <c r="B14664" s="2">
        <v>14302.0</v>
      </c>
      <c r="C14664" s="1" t="s">
        <v>5</v>
      </c>
      <c r="D14664" s="1" t="s">
        <v>12510</v>
      </c>
      <c r="E14664" s="1" t="s">
        <v>11</v>
      </c>
    </row>
    <row r="14665">
      <c r="A14665" s="1">
        <v>4.90586956E8</v>
      </c>
      <c r="B14665" s="2">
        <v>14315.0</v>
      </c>
      <c r="C14665" s="1" t="s">
        <v>5</v>
      </c>
      <c r="D14665" s="1" t="s">
        <v>12511</v>
      </c>
      <c r="E14665" s="1" t="s">
        <v>12512</v>
      </c>
    </row>
    <row r="14666">
      <c r="A14666" s="1">
        <v>4.90586989E8</v>
      </c>
      <c r="B14666" s="2">
        <v>14315.0</v>
      </c>
      <c r="C14666" s="1" t="s">
        <v>5</v>
      </c>
      <c r="D14666" s="1" t="s">
        <v>12513</v>
      </c>
      <c r="E14666" s="1" t="s">
        <v>7</v>
      </c>
    </row>
    <row r="14667">
      <c r="A14667" s="1">
        <v>4.90587035E8</v>
      </c>
      <c r="B14667" s="2">
        <v>14306.0</v>
      </c>
      <c r="C14667" s="1" t="s">
        <v>5</v>
      </c>
      <c r="D14667" s="1" t="s">
        <v>12514</v>
      </c>
      <c r="E14667" s="1" t="s">
        <v>11</v>
      </c>
    </row>
    <row r="14668">
      <c r="A14668" s="1">
        <v>4.90587064E8</v>
      </c>
      <c r="B14668" s="2">
        <v>14420.0</v>
      </c>
      <c r="C14668" s="1" t="s">
        <v>5</v>
      </c>
      <c r="D14668" s="1" t="s">
        <v>12515</v>
      </c>
      <c r="E14668" s="1" t="s">
        <v>11</v>
      </c>
    </row>
    <row r="14669">
      <c r="A14669" s="1">
        <v>4.90587081E8</v>
      </c>
      <c r="B14669" s="2">
        <v>14424.0</v>
      </c>
      <c r="C14669" s="1" t="s">
        <v>5</v>
      </c>
      <c r="D14669" s="1" t="s">
        <v>12516</v>
      </c>
      <c r="E14669" s="1" t="s">
        <v>11</v>
      </c>
    </row>
    <row r="14670">
      <c r="A14670" s="1">
        <v>4.90587187E8</v>
      </c>
      <c r="B14670" s="2">
        <v>14419.0</v>
      </c>
      <c r="C14670" s="1" t="s">
        <v>5</v>
      </c>
      <c r="D14670" s="1" t="s">
        <v>12517</v>
      </c>
      <c r="E14670" s="1" t="s">
        <v>7</v>
      </c>
    </row>
    <row r="14671">
      <c r="A14671" s="1">
        <v>4.90587227E8</v>
      </c>
      <c r="B14671" s="2">
        <v>14256.0</v>
      </c>
      <c r="C14671" s="1" t="s">
        <v>5</v>
      </c>
      <c r="D14671" s="1" t="s">
        <v>12518</v>
      </c>
      <c r="E14671" s="1" t="s">
        <v>11</v>
      </c>
    </row>
    <row r="14672">
      <c r="A14672" s="1">
        <v>4.90587228E8</v>
      </c>
      <c r="B14672" s="3">
        <v>14385.0</v>
      </c>
      <c r="C14672" s="1" t="s">
        <v>5</v>
      </c>
      <c r="D14672" s="1" t="s">
        <v>12519</v>
      </c>
      <c r="E14672" s="1" t="s">
        <v>7</v>
      </c>
    </row>
    <row r="14673">
      <c r="A14673" s="1">
        <v>4.90587284E8</v>
      </c>
      <c r="B14673" s="2">
        <v>14417.0</v>
      </c>
      <c r="C14673" s="1" t="s">
        <v>5</v>
      </c>
      <c r="D14673" s="1" t="s">
        <v>12520</v>
      </c>
      <c r="E14673" s="1" t="s">
        <v>11</v>
      </c>
    </row>
    <row r="14674">
      <c r="A14674" s="1">
        <v>4.90587314E8</v>
      </c>
      <c r="B14674" s="2">
        <v>14360.0</v>
      </c>
      <c r="C14674" s="1" t="s">
        <v>5</v>
      </c>
      <c r="D14674" s="1" t="s">
        <v>12521</v>
      </c>
      <c r="E14674" s="1" t="s">
        <v>12522</v>
      </c>
    </row>
    <row r="14675">
      <c r="A14675" s="1">
        <v>4.90587315E8</v>
      </c>
      <c r="B14675" s="2">
        <v>14360.0</v>
      </c>
      <c r="C14675" s="1" t="s">
        <v>5</v>
      </c>
      <c r="D14675" s="1" t="s">
        <v>12523</v>
      </c>
      <c r="E14675" s="1" t="s">
        <v>11</v>
      </c>
    </row>
    <row r="14676">
      <c r="A14676" s="1">
        <v>4.90587344E8</v>
      </c>
      <c r="B14676" s="2">
        <v>14336.0</v>
      </c>
      <c r="C14676" s="1" t="s">
        <v>5</v>
      </c>
      <c r="D14676" s="1" t="s">
        <v>12524</v>
      </c>
      <c r="E14676" s="1" t="s">
        <v>12525</v>
      </c>
    </row>
    <row r="14677">
      <c r="A14677" s="1">
        <v>4.90587347E8</v>
      </c>
      <c r="B14677" s="2">
        <v>14256.0</v>
      </c>
      <c r="C14677" s="1" t="s">
        <v>5</v>
      </c>
      <c r="D14677" s="1" t="s">
        <v>12526</v>
      </c>
      <c r="E14677" s="1" t="s">
        <v>7</v>
      </c>
    </row>
    <row r="14678">
      <c r="A14678" s="1">
        <v>4.90587421E8</v>
      </c>
      <c r="B14678" s="2">
        <v>14422.0</v>
      </c>
      <c r="C14678" s="1" t="s">
        <v>5</v>
      </c>
      <c r="D14678" s="1" t="s">
        <v>12527</v>
      </c>
      <c r="E14678" s="1" t="s">
        <v>7</v>
      </c>
    </row>
    <row r="14679">
      <c r="A14679" s="1">
        <v>4.90587425E8</v>
      </c>
      <c r="B14679" s="3">
        <v>14383.0</v>
      </c>
      <c r="C14679" s="1" t="s">
        <v>5</v>
      </c>
      <c r="D14679" s="1" t="s">
        <v>11</v>
      </c>
      <c r="E14679" s="1" t="s">
        <v>7</v>
      </c>
    </row>
    <row r="14680">
      <c r="A14680" s="1">
        <v>4.90587564E8</v>
      </c>
      <c r="B14680" s="2">
        <v>14321.0</v>
      </c>
      <c r="C14680" s="1" t="s">
        <v>5</v>
      </c>
      <c r="D14680" s="1" t="s">
        <v>12528</v>
      </c>
      <c r="E14680" s="1" t="s">
        <v>7</v>
      </c>
    </row>
    <row r="14681">
      <c r="A14681" s="1">
        <v>4.90587689E8</v>
      </c>
      <c r="B14681" s="2">
        <v>14361.0</v>
      </c>
      <c r="C14681" s="1" t="s">
        <v>5</v>
      </c>
      <c r="D14681" s="1" t="s">
        <v>12529</v>
      </c>
      <c r="E14681" s="1" t="s">
        <v>12530</v>
      </c>
    </row>
    <row r="14682">
      <c r="A14682" s="1">
        <v>4.90587953E8</v>
      </c>
      <c r="B14682" s="2">
        <v>14251.0</v>
      </c>
      <c r="C14682" s="1" t="s">
        <v>5</v>
      </c>
      <c r="D14682" s="1" t="s">
        <v>12311</v>
      </c>
      <c r="E14682" s="1" t="s">
        <v>7</v>
      </c>
    </row>
    <row r="14683">
      <c r="A14683" s="1">
        <v>4.90587955E8</v>
      </c>
      <c r="B14683" s="2">
        <v>14419.0</v>
      </c>
      <c r="C14683" s="1" t="s">
        <v>5</v>
      </c>
      <c r="D14683" s="1" t="s">
        <v>11</v>
      </c>
      <c r="E14683" s="1" t="s">
        <v>7</v>
      </c>
    </row>
    <row r="14684">
      <c r="A14684" s="1">
        <v>4.90588105E8</v>
      </c>
      <c r="B14684" s="2">
        <v>14320.0</v>
      </c>
      <c r="C14684" s="1" t="s">
        <v>5</v>
      </c>
      <c r="D14684" s="1" t="s">
        <v>11</v>
      </c>
      <c r="E14684" s="1" t="s">
        <v>7</v>
      </c>
    </row>
    <row r="14685">
      <c r="A14685" s="1">
        <v>4.90588139E8</v>
      </c>
      <c r="B14685" s="2">
        <v>14411.0</v>
      </c>
      <c r="C14685" s="1" t="s">
        <v>5</v>
      </c>
      <c r="D14685" s="1" t="s">
        <v>12531</v>
      </c>
      <c r="E14685" s="1" t="s">
        <v>7</v>
      </c>
    </row>
    <row r="14686">
      <c r="A14686" s="1">
        <v>4.90588178E8</v>
      </c>
      <c r="B14686" s="2">
        <v>14320.0</v>
      </c>
      <c r="C14686" s="1" t="s">
        <v>5</v>
      </c>
      <c r="D14686" s="1" t="s">
        <v>12532</v>
      </c>
      <c r="E14686" s="1" t="s">
        <v>7</v>
      </c>
    </row>
    <row r="14687">
      <c r="A14687" s="1">
        <v>4.90588181E8</v>
      </c>
      <c r="B14687" s="2">
        <v>14357.0</v>
      </c>
      <c r="C14687" s="1" t="s">
        <v>5</v>
      </c>
      <c r="D14687" s="1" t="s">
        <v>12533</v>
      </c>
      <c r="E14687" s="1" t="s">
        <v>7</v>
      </c>
    </row>
    <row r="14688">
      <c r="A14688" s="1">
        <v>4.90588238E8</v>
      </c>
      <c r="B14688" s="2">
        <v>14306.0</v>
      </c>
      <c r="C14688" s="1" t="s">
        <v>5</v>
      </c>
      <c r="D14688" s="1" t="s">
        <v>11</v>
      </c>
      <c r="E14688" s="1" t="s">
        <v>7</v>
      </c>
    </row>
    <row r="14689">
      <c r="A14689" s="1">
        <v>4.90588266E8</v>
      </c>
      <c r="B14689" s="2">
        <v>14339.0</v>
      </c>
      <c r="C14689" s="1" t="s">
        <v>5</v>
      </c>
      <c r="D14689" s="1" t="s">
        <v>12534</v>
      </c>
      <c r="E14689" s="1" t="s">
        <v>7</v>
      </c>
    </row>
    <row r="14690">
      <c r="A14690" s="1">
        <v>4.90588329E8</v>
      </c>
      <c r="B14690" s="2">
        <v>14422.0</v>
      </c>
      <c r="C14690" s="1" t="s">
        <v>5</v>
      </c>
      <c r="D14690" s="1" t="s">
        <v>12535</v>
      </c>
      <c r="E14690" s="1" t="s">
        <v>7</v>
      </c>
    </row>
    <row r="14691">
      <c r="A14691" s="1">
        <v>4.90588458E8</v>
      </c>
      <c r="B14691" s="2">
        <v>14348.0</v>
      </c>
      <c r="C14691" s="1" t="s">
        <v>5</v>
      </c>
      <c r="D14691" s="1" t="s">
        <v>11</v>
      </c>
      <c r="E14691" s="1" t="s">
        <v>7</v>
      </c>
    </row>
    <row r="14692">
      <c r="A14692" s="1">
        <v>4.90588478E8</v>
      </c>
      <c r="B14692" s="3">
        <v>14373.0</v>
      </c>
      <c r="C14692" s="1" t="s">
        <v>5</v>
      </c>
      <c r="D14692" s="1" t="s">
        <v>12536</v>
      </c>
      <c r="E14692" s="1" t="s">
        <v>7</v>
      </c>
    </row>
    <row r="14693">
      <c r="A14693" s="1">
        <v>4.90588499E8</v>
      </c>
      <c r="B14693" s="2">
        <v>14409.0</v>
      </c>
      <c r="C14693" s="1" t="s">
        <v>5</v>
      </c>
      <c r="D14693" s="1" t="s">
        <v>12537</v>
      </c>
      <c r="E14693" s="1" t="s">
        <v>7</v>
      </c>
    </row>
    <row r="14694">
      <c r="A14694" s="1">
        <v>4.90588544E8</v>
      </c>
      <c r="B14694" s="2">
        <v>14351.0</v>
      </c>
      <c r="C14694" s="1" t="s">
        <v>5</v>
      </c>
      <c r="D14694" s="1" t="s">
        <v>11</v>
      </c>
      <c r="E14694" s="1" t="s">
        <v>7</v>
      </c>
    </row>
    <row r="14695">
      <c r="A14695" s="1">
        <v>4.90588589E8</v>
      </c>
      <c r="B14695" s="2">
        <v>14410.0</v>
      </c>
      <c r="C14695" s="1" t="s">
        <v>5</v>
      </c>
      <c r="D14695" s="1" t="s">
        <v>12538</v>
      </c>
      <c r="E14695" s="1" t="s">
        <v>11</v>
      </c>
    </row>
    <row r="14696">
      <c r="A14696" s="1">
        <v>4.90588604E8</v>
      </c>
      <c r="B14696" s="2">
        <v>14411.0</v>
      </c>
      <c r="C14696" s="1" t="s">
        <v>5</v>
      </c>
      <c r="D14696" s="1" t="s">
        <v>12539</v>
      </c>
      <c r="E14696" s="1" t="s">
        <v>7</v>
      </c>
    </row>
    <row r="14697">
      <c r="A14697" s="1">
        <v>4.90588665E8</v>
      </c>
      <c r="B14697" s="2">
        <v>14353.0</v>
      </c>
      <c r="C14697" s="1" t="s">
        <v>5</v>
      </c>
      <c r="D14697" s="1" t="s">
        <v>12540</v>
      </c>
      <c r="E14697" s="1" t="s">
        <v>11</v>
      </c>
    </row>
    <row r="14698">
      <c r="A14698" s="1">
        <v>4.90588714E8</v>
      </c>
      <c r="B14698" s="2">
        <v>14407.0</v>
      </c>
      <c r="C14698" s="1" t="s">
        <v>5</v>
      </c>
      <c r="D14698" s="1" t="s">
        <v>12541</v>
      </c>
      <c r="E14698" s="1" t="s">
        <v>7</v>
      </c>
    </row>
    <row r="14699">
      <c r="A14699" s="1">
        <v>4.90588767E8</v>
      </c>
      <c r="B14699" s="2">
        <v>14414.0</v>
      </c>
      <c r="C14699" s="1" t="s">
        <v>5</v>
      </c>
      <c r="D14699" s="1" t="s">
        <v>12542</v>
      </c>
      <c r="E14699" s="1" t="s">
        <v>7</v>
      </c>
    </row>
    <row r="14700">
      <c r="A14700" s="1">
        <v>4.90588769E8</v>
      </c>
      <c r="B14700" s="3">
        <v>14390.0</v>
      </c>
      <c r="C14700" s="1" t="s">
        <v>5</v>
      </c>
      <c r="D14700" s="1" t="s">
        <v>12543</v>
      </c>
      <c r="E14700" s="1" t="s">
        <v>11</v>
      </c>
    </row>
    <row r="14701">
      <c r="A14701" s="1">
        <v>4.90588858E8</v>
      </c>
      <c r="B14701" s="2">
        <v>14411.0</v>
      </c>
      <c r="C14701" s="1" t="s">
        <v>5</v>
      </c>
      <c r="D14701" s="1" t="s">
        <v>12544</v>
      </c>
      <c r="E14701" s="1" t="s">
        <v>11</v>
      </c>
    </row>
    <row r="14702">
      <c r="A14702" s="1">
        <v>4.90588909E8</v>
      </c>
      <c r="B14702" s="2">
        <v>14406.0</v>
      </c>
      <c r="C14702" s="1" t="s">
        <v>5</v>
      </c>
      <c r="D14702" s="1" t="s">
        <v>12545</v>
      </c>
      <c r="E14702" s="1" t="s">
        <v>7</v>
      </c>
    </row>
    <row r="14703">
      <c r="A14703" s="1">
        <v>4.90588929E8</v>
      </c>
      <c r="B14703" s="2">
        <v>14407.0</v>
      </c>
      <c r="C14703" s="1" t="s">
        <v>5</v>
      </c>
      <c r="D14703" s="1" t="s">
        <v>12546</v>
      </c>
      <c r="E14703" s="1" t="s">
        <v>12547</v>
      </c>
    </row>
    <row r="14704">
      <c r="A14704" s="1">
        <v>4.90589024E8</v>
      </c>
      <c r="B14704" s="2">
        <v>14349.0</v>
      </c>
      <c r="C14704" s="1" t="s">
        <v>5</v>
      </c>
      <c r="D14704" s="1" t="s">
        <v>12548</v>
      </c>
      <c r="E14704" s="1" t="s">
        <v>7</v>
      </c>
    </row>
    <row r="14705">
      <c r="A14705" s="1">
        <v>4.90589031E8</v>
      </c>
      <c r="B14705" s="2">
        <v>14348.0</v>
      </c>
      <c r="C14705" s="1" t="s">
        <v>5</v>
      </c>
      <c r="D14705" s="1" t="s">
        <v>11</v>
      </c>
      <c r="E14705" s="1" t="s">
        <v>7</v>
      </c>
    </row>
    <row r="14706">
      <c r="A14706" s="1">
        <v>4.90589033E8</v>
      </c>
      <c r="B14706" s="2">
        <v>14351.0</v>
      </c>
      <c r="C14706" s="1" t="s">
        <v>5</v>
      </c>
      <c r="D14706" s="1" t="s">
        <v>12549</v>
      </c>
      <c r="E14706" s="1" t="s">
        <v>12550</v>
      </c>
    </row>
    <row r="14707">
      <c r="A14707" s="1">
        <v>4.90589107E8</v>
      </c>
      <c r="B14707" s="2">
        <v>14304.0</v>
      </c>
      <c r="C14707" s="1" t="s">
        <v>5</v>
      </c>
      <c r="D14707" s="1" t="s">
        <v>12551</v>
      </c>
      <c r="E14707" s="1" t="s">
        <v>7</v>
      </c>
    </row>
    <row r="14708">
      <c r="A14708" s="1">
        <v>4.90589144E8</v>
      </c>
      <c r="B14708" s="2">
        <v>14408.0</v>
      </c>
      <c r="C14708" s="1" t="s">
        <v>5</v>
      </c>
      <c r="D14708" s="1" t="s">
        <v>12552</v>
      </c>
      <c r="E14708" s="1" t="s">
        <v>11</v>
      </c>
    </row>
    <row r="14709">
      <c r="A14709" s="1">
        <v>4.90589205E8</v>
      </c>
      <c r="B14709" s="2">
        <v>14342.0</v>
      </c>
      <c r="C14709" s="1" t="s">
        <v>5</v>
      </c>
      <c r="D14709" s="1" t="s">
        <v>12553</v>
      </c>
      <c r="E14709" s="1" t="s">
        <v>7</v>
      </c>
    </row>
    <row r="14710">
      <c r="A14710" s="1">
        <v>4.90589211E8</v>
      </c>
      <c r="B14710" s="2">
        <v>14416.0</v>
      </c>
      <c r="C14710" s="1" t="s">
        <v>5</v>
      </c>
      <c r="D14710" s="1" t="s">
        <v>12554</v>
      </c>
      <c r="E14710" s="1" t="s">
        <v>7</v>
      </c>
    </row>
    <row r="14711">
      <c r="A14711" s="1">
        <v>4.9058925E8</v>
      </c>
      <c r="B14711" s="2">
        <v>14303.0</v>
      </c>
      <c r="C14711" s="1" t="s">
        <v>5</v>
      </c>
      <c r="D14711" s="1" t="s">
        <v>11</v>
      </c>
      <c r="E14711" s="1" t="s">
        <v>7</v>
      </c>
    </row>
    <row r="14712">
      <c r="A14712" s="1">
        <v>4.90589281E8</v>
      </c>
      <c r="B14712" s="2">
        <v>14346.0</v>
      </c>
      <c r="C14712" s="1" t="s">
        <v>5</v>
      </c>
      <c r="D14712" s="1" t="s">
        <v>12555</v>
      </c>
      <c r="E14712" s="1" t="s">
        <v>11</v>
      </c>
    </row>
    <row r="14713">
      <c r="A14713" s="1">
        <v>4.90589315E8</v>
      </c>
      <c r="B14713" s="2">
        <v>14411.0</v>
      </c>
      <c r="C14713" s="1" t="s">
        <v>5</v>
      </c>
      <c r="D14713" s="1" t="s">
        <v>11</v>
      </c>
      <c r="E14713" s="1" t="s">
        <v>7</v>
      </c>
    </row>
    <row r="14714">
      <c r="A14714" s="1">
        <v>4.90589327E8</v>
      </c>
      <c r="B14714" s="2">
        <v>14302.0</v>
      </c>
      <c r="C14714" s="1" t="s">
        <v>5</v>
      </c>
      <c r="D14714" s="1" t="s">
        <v>11</v>
      </c>
      <c r="E14714" s="1" t="s">
        <v>7</v>
      </c>
    </row>
    <row r="14715">
      <c r="A14715" s="1">
        <v>4.90589339E8</v>
      </c>
      <c r="B14715" s="3">
        <v>14380.0</v>
      </c>
      <c r="C14715" s="1" t="s">
        <v>5</v>
      </c>
      <c r="D14715" s="1" t="s">
        <v>11</v>
      </c>
      <c r="E14715" s="1" t="s">
        <v>7</v>
      </c>
    </row>
    <row r="14716">
      <c r="A14716" s="1">
        <v>4.90589349E8</v>
      </c>
      <c r="B14716" s="2">
        <v>14346.0</v>
      </c>
      <c r="C14716" s="1" t="s">
        <v>5</v>
      </c>
      <c r="D14716" s="1" t="s">
        <v>12556</v>
      </c>
      <c r="E14716" s="1" t="s">
        <v>7</v>
      </c>
    </row>
    <row r="14717">
      <c r="A14717" s="1">
        <v>4.90589487E8</v>
      </c>
      <c r="B14717" s="2">
        <v>14341.0</v>
      </c>
      <c r="C14717" s="1" t="s">
        <v>5</v>
      </c>
      <c r="D14717" s="1" t="s">
        <v>12557</v>
      </c>
      <c r="E14717" s="1" t="s">
        <v>7</v>
      </c>
    </row>
    <row r="14718">
      <c r="A14718" s="1">
        <v>4.90589499E8</v>
      </c>
      <c r="B14718" s="2">
        <v>14347.0</v>
      </c>
      <c r="C14718" s="1" t="s">
        <v>5</v>
      </c>
      <c r="D14718" s="1" t="s">
        <v>12558</v>
      </c>
      <c r="E14718" s="1" t="s">
        <v>7</v>
      </c>
    </row>
    <row r="14719">
      <c r="A14719" s="1">
        <v>4.90589538E8</v>
      </c>
      <c r="B14719" s="2">
        <v>14349.0</v>
      </c>
      <c r="C14719" s="1" t="s">
        <v>5</v>
      </c>
      <c r="D14719" s="1" t="s">
        <v>12559</v>
      </c>
      <c r="E14719" s="1" t="s">
        <v>11</v>
      </c>
    </row>
    <row r="14720">
      <c r="A14720" s="1">
        <v>4.90589539E8</v>
      </c>
      <c r="B14720" s="2">
        <v>14350.0</v>
      </c>
      <c r="C14720" s="1" t="s">
        <v>5</v>
      </c>
      <c r="D14720" s="1" t="s">
        <v>12560</v>
      </c>
      <c r="E14720" s="1" t="s">
        <v>7</v>
      </c>
    </row>
    <row r="14721">
      <c r="A14721" s="1">
        <v>4.90589604E8</v>
      </c>
      <c r="B14721" s="2">
        <v>14341.0</v>
      </c>
      <c r="C14721" s="1" t="s">
        <v>5</v>
      </c>
      <c r="D14721" s="1" t="s">
        <v>12561</v>
      </c>
      <c r="E14721" s="1" t="s">
        <v>7</v>
      </c>
    </row>
    <row r="14722">
      <c r="A14722" s="1">
        <v>4.90589627E8</v>
      </c>
      <c r="B14722" s="2">
        <v>14407.0</v>
      </c>
      <c r="C14722" s="1" t="s">
        <v>5</v>
      </c>
      <c r="D14722" s="1" t="s">
        <v>12562</v>
      </c>
      <c r="E14722" s="1" t="s">
        <v>11</v>
      </c>
    </row>
    <row r="14723">
      <c r="A14723" s="1">
        <v>4.90589731E8</v>
      </c>
      <c r="B14723" s="2">
        <v>14399.0</v>
      </c>
      <c r="C14723" s="1" t="s">
        <v>5</v>
      </c>
      <c r="D14723" s="1" t="s">
        <v>12563</v>
      </c>
      <c r="E14723" s="1" t="s">
        <v>11</v>
      </c>
    </row>
    <row r="14724">
      <c r="A14724" s="1">
        <v>4.9058978E8</v>
      </c>
      <c r="B14724" s="2">
        <v>14400.0</v>
      </c>
      <c r="C14724" s="1" t="s">
        <v>5</v>
      </c>
      <c r="D14724" s="1" t="s">
        <v>12564</v>
      </c>
      <c r="E14724" s="1" t="s">
        <v>11</v>
      </c>
    </row>
    <row r="14725">
      <c r="A14725" s="1">
        <v>4.90589838E8</v>
      </c>
      <c r="B14725" s="2">
        <v>14407.0</v>
      </c>
      <c r="C14725" s="1" t="s">
        <v>5</v>
      </c>
      <c r="D14725" s="1" t="s">
        <v>12565</v>
      </c>
      <c r="E14725" s="1" t="s">
        <v>11</v>
      </c>
    </row>
    <row r="14726">
      <c r="A14726" s="1">
        <v>4.90589887E8</v>
      </c>
      <c r="B14726" s="2">
        <v>14347.0</v>
      </c>
      <c r="C14726" s="1" t="s">
        <v>5</v>
      </c>
      <c r="D14726" s="1" t="s">
        <v>12566</v>
      </c>
      <c r="E14726" s="1" t="s">
        <v>11</v>
      </c>
    </row>
    <row r="14727">
      <c r="A14727" s="1">
        <v>4.90589954E8</v>
      </c>
      <c r="B14727" s="2">
        <v>14346.0</v>
      </c>
      <c r="C14727" s="1" t="s">
        <v>5</v>
      </c>
      <c r="D14727" s="1" t="s">
        <v>12567</v>
      </c>
      <c r="E14727" s="1" t="s">
        <v>12568</v>
      </c>
    </row>
    <row r="14728">
      <c r="A14728" s="1">
        <v>4.90590033E8</v>
      </c>
      <c r="B14728" s="3">
        <v>14383.0</v>
      </c>
      <c r="C14728" s="1" t="s">
        <v>5</v>
      </c>
      <c r="D14728" s="1" t="s">
        <v>11</v>
      </c>
      <c r="E14728" s="1" t="s">
        <v>7</v>
      </c>
    </row>
    <row r="14729">
      <c r="A14729" s="1">
        <v>4.90590075E8</v>
      </c>
      <c r="B14729" s="2">
        <v>14341.0</v>
      </c>
      <c r="C14729" s="1" t="s">
        <v>5</v>
      </c>
      <c r="D14729" s="1" t="s">
        <v>12569</v>
      </c>
      <c r="E14729" s="1" t="s">
        <v>12570</v>
      </c>
    </row>
    <row r="14730">
      <c r="A14730" s="1">
        <v>4.90590078E8</v>
      </c>
      <c r="B14730" s="3">
        <v>14382.0</v>
      </c>
      <c r="C14730" s="1" t="s">
        <v>5</v>
      </c>
      <c r="D14730" s="1" t="s">
        <v>12571</v>
      </c>
      <c r="E14730" s="1" t="s">
        <v>11</v>
      </c>
    </row>
    <row r="14731">
      <c r="A14731" s="1">
        <v>4.90590144E8</v>
      </c>
      <c r="B14731" s="2">
        <v>14336.0</v>
      </c>
      <c r="C14731" s="1" t="s">
        <v>5</v>
      </c>
      <c r="D14731" s="1" t="s">
        <v>7</v>
      </c>
      <c r="E14731" s="1" t="s">
        <v>7</v>
      </c>
    </row>
    <row r="14732">
      <c r="A14732" s="1">
        <v>4.90590167E8</v>
      </c>
      <c r="B14732" s="2">
        <v>14341.0</v>
      </c>
      <c r="C14732" s="1" t="s">
        <v>5</v>
      </c>
      <c r="D14732" s="1" t="s">
        <v>12572</v>
      </c>
      <c r="E14732" s="1" t="s">
        <v>11</v>
      </c>
    </row>
    <row r="14733">
      <c r="A14733" s="1">
        <v>4.90590179E8</v>
      </c>
      <c r="B14733" s="2">
        <v>14397.0</v>
      </c>
      <c r="C14733" s="1" t="s">
        <v>5</v>
      </c>
      <c r="D14733" s="1" t="s">
        <v>12573</v>
      </c>
      <c r="E14733" s="1" t="s">
        <v>12574</v>
      </c>
    </row>
    <row r="14734">
      <c r="A14734" s="1">
        <v>4.90590237E8</v>
      </c>
      <c r="B14734" s="2">
        <v>14337.0</v>
      </c>
      <c r="C14734" s="1" t="s">
        <v>5</v>
      </c>
      <c r="D14734" s="1" t="s">
        <v>12575</v>
      </c>
      <c r="E14734" s="1" t="s">
        <v>11</v>
      </c>
    </row>
    <row r="14735">
      <c r="A14735" s="1">
        <v>4.90590241E8</v>
      </c>
      <c r="B14735" s="2">
        <v>14318.0</v>
      </c>
      <c r="C14735" s="1" t="s">
        <v>5</v>
      </c>
      <c r="D14735" s="1" t="s">
        <v>12576</v>
      </c>
      <c r="E14735" s="1" t="s">
        <v>12577</v>
      </c>
    </row>
    <row r="14736">
      <c r="A14736" s="1">
        <v>4.9059032E8</v>
      </c>
      <c r="B14736" s="2">
        <v>14402.0</v>
      </c>
      <c r="C14736" s="1" t="s">
        <v>5</v>
      </c>
      <c r="D14736" s="1" t="s">
        <v>12578</v>
      </c>
      <c r="E14736" s="1" t="s">
        <v>11</v>
      </c>
    </row>
    <row r="14737">
      <c r="A14737" s="1">
        <v>4.90590339E8</v>
      </c>
      <c r="B14737" s="2">
        <v>14404.0</v>
      </c>
      <c r="C14737" s="1" t="s">
        <v>5</v>
      </c>
      <c r="D14737" s="1" t="s">
        <v>12579</v>
      </c>
      <c r="E14737" s="1" t="s">
        <v>11</v>
      </c>
    </row>
    <row r="14738">
      <c r="A14738" s="1">
        <v>4.90590591E8</v>
      </c>
      <c r="B14738" s="2">
        <v>14340.0</v>
      </c>
      <c r="C14738" s="1" t="s">
        <v>5</v>
      </c>
      <c r="D14738" s="1" t="s">
        <v>12580</v>
      </c>
      <c r="E14738" s="1" t="s">
        <v>7</v>
      </c>
    </row>
    <row r="14739">
      <c r="A14739" s="1">
        <v>4.90590792E8</v>
      </c>
      <c r="B14739" s="3">
        <v>14388.0</v>
      </c>
      <c r="C14739" s="1" t="s">
        <v>5</v>
      </c>
      <c r="D14739" s="1" t="s">
        <v>11</v>
      </c>
      <c r="E14739" s="1" t="s">
        <v>7</v>
      </c>
    </row>
    <row r="14740">
      <c r="A14740" s="1">
        <v>4.90590824E8</v>
      </c>
      <c r="B14740" s="2">
        <v>14397.0</v>
      </c>
      <c r="C14740" s="1" t="s">
        <v>5</v>
      </c>
      <c r="D14740" s="1" t="s">
        <v>12581</v>
      </c>
      <c r="E14740" s="1" t="s">
        <v>11</v>
      </c>
    </row>
    <row r="14741">
      <c r="A14741" s="1">
        <v>4.90590835E8</v>
      </c>
      <c r="B14741" s="2">
        <v>14457.0</v>
      </c>
      <c r="C14741" s="1" t="s">
        <v>5</v>
      </c>
      <c r="D14741" s="1" t="s">
        <v>12582</v>
      </c>
      <c r="E14741" s="1" t="s">
        <v>7</v>
      </c>
    </row>
    <row r="14742">
      <c r="A14742" s="1">
        <v>4.90590853E8</v>
      </c>
      <c r="B14742" s="2">
        <v>14338.0</v>
      </c>
      <c r="C14742" s="1" t="s">
        <v>5</v>
      </c>
      <c r="D14742" s="1" t="s">
        <v>11</v>
      </c>
      <c r="E14742" s="1" t="s">
        <v>7</v>
      </c>
    </row>
    <row r="14743">
      <c r="A14743" s="1">
        <v>4.90590864E8</v>
      </c>
      <c r="B14743" s="2">
        <v>14336.0</v>
      </c>
      <c r="C14743" s="1" t="s">
        <v>5</v>
      </c>
      <c r="D14743" s="1" t="s">
        <v>7</v>
      </c>
      <c r="E14743" s="1" t="s">
        <v>7</v>
      </c>
    </row>
    <row r="14744">
      <c r="A14744" s="1">
        <v>4.90590907E8</v>
      </c>
      <c r="B14744" s="2">
        <v>14456.0</v>
      </c>
      <c r="C14744" s="1" t="s">
        <v>5</v>
      </c>
      <c r="D14744" s="1" t="s">
        <v>11</v>
      </c>
      <c r="E14744" s="1" t="s">
        <v>7</v>
      </c>
    </row>
    <row r="14745">
      <c r="A14745" s="1">
        <v>4.90590946E8</v>
      </c>
      <c r="B14745" s="2">
        <v>14454.0</v>
      </c>
      <c r="C14745" s="1" t="s">
        <v>5</v>
      </c>
      <c r="D14745" s="1" t="s">
        <v>11</v>
      </c>
      <c r="E14745" s="1" t="s">
        <v>7</v>
      </c>
    </row>
    <row r="14746">
      <c r="A14746" s="1">
        <v>4.90591315E8</v>
      </c>
      <c r="B14746" s="2">
        <v>14455.0</v>
      </c>
      <c r="C14746" s="1" t="s">
        <v>5</v>
      </c>
      <c r="D14746" s="1" t="s">
        <v>11</v>
      </c>
      <c r="E14746" s="1" t="s">
        <v>7</v>
      </c>
    </row>
    <row r="14747">
      <c r="A14747" s="1">
        <v>4.90591475E8</v>
      </c>
      <c r="B14747" s="3">
        <v>14383.0</v>
      </c>
      <c r="C14747" s="1" t="s">
        <v>5</v>
      </c>
      <c r="D14747" s="1" t="s">
        <v>12583</v>
      </c>
      <c r="E14747" s="1" t="s">
        <v>7</v>
      </c>
    </row>
    <row r="14748">
      <c r="A14748" s="1">
        <v>4.90591499E8</v>
      </c>
      <c r="B14748" s="3">
        <v>14394.0</v>
      </c>
      <c r="C14748" s="1" t="s">
        <v>5</v>
      </c>
      <c r="D14748" s="1" t="s">
        <v>12584</v>
      </c>
      <c r="E14748" s="1" t="s">
        <v>7</v>
      </c>
    </row>
    <row r="14749">
      <c r="A14749" s="1">
        <v>4.905915E8</v>
      </c>
      <c r="B14749" s="3">
        <v>14383.0</v>
      </c>
      <c r="C14749" s="1" t="s">
        <v>5</v>
      </c>
      <c r="D14749" s="1" t="s">
        <v>11</v>
      </c>
      <c r="E14749" s="1" t="s">
        <v>7</v>
      </c>
    </row>
    <row r="14750">
      <c r="A14750" s="1">
        <v>4.90591786E8</v>
      </c>
      <c r="B14750" s="2">
        <v>14452.0</v>
      </c>
      <c r="C14750" s="1" t="s">
        <v>5</v>
      </c>
      <c r="D14750" s="1" t="s">
        <v>12585</v>
      </c>
      <c r="E14750" s="1" t="s">
        <v>12586</v>
      </c>
    </row>
    <row r="14751">
      <c r="A14751" s="1">
        <v>4.90591811E8</v>
      </c>
      <c r="B14751" s="3">
        <v>14393.0</v>
      </c>
      <c r="C14751" s="1" t="s">
        <v>5</v>
      </c>
      <c r="D14751" s="1" t="s">
        <v>12587</v>
      </c>
      <c r="E14751" s="1" t="s">
        <v>7</v>
      </c>
    </row>
    <row r="14752">
      <c r="A14752" s="1">
        <v>4.90591862E8</v>
      </c>
      <c r="B14752" s="2">
        <v>14449.0</v>
      </c>
      <c r="C14752" s="1" t="s">
        <v>5</v>
      </c>
      <c r="D14752" s="1" t="s">
        <v>12588</v>
      </c>
      <c r="E14752" s="1" t="s">
        <v>11</v>
      </c>
    </row>
    <row r="14753">
      <c r="A14753" s="1">
        <v>4.90591908E8</v>
      </c>
      <c r="B14753" s="2">
        <v>14309.0</v>
      </c>
      <c r="C14753" s="1" t="s">
        <v>5</v>
      </c>
      <c r="D14753" s="1" t="s">
        <v>12589</v>
      </c>
      <c r="E14753" s="1" t="s">
        <v>7</v>
      </c>
    </row>
    <row r="14754">
      <c r="A14754" s="1">
        <v>4.90591921E8</v>
      </c>
      <c r="B14754" s="2">
        <v>14336.0</v>
      </c>
      <c r="C14754" s="1" t="s">
        <v>5</v>
      </c>
      <c r="D14754" s="1" t="s">
        <v>11</v>
      </c>
      <c r="E14754" s="1" t="s">
        <v>7</v>
      </c>
    </row>
    <row r="14755">
      <c r="A14755" s="1">
        <v>4.90591933E8</v>
      </c>
      <c r="B14755" s="2">
        <v>14400.0</v>
      </c>
      <c r="C14755" s="1" t="s">
        <v>5</v>
      </c>
      <c r="D14755" s="1" t="s">
        <v>11</v>
      </c>
      <c r="E14755" s="1" t="s">
        <v>7</v>
      </c>
    </row>
    <row r="14756">
      <c r="A14756" s="1">
        <v>4.90592035E8</v>
      </c>
      <c r="B14756" s="3">
        <v>14395.0</v>
      </c>
      <c r="C14756" s="1" t="s">
        <v>5</v>
      </c>
      <c r="D14756" s="1" t="s">
        <v>12590</v>
      </c>
      <c r="E14756" s="1" t="s">
        <v>11</v>
      </c>
    </row>
    <row r="14757">
      <c r="A14757" s="1">
        <v>4.90592064E8</v>
      </c>
      <c r="B14757" s="2">
        <v>14399.0</v>
      </c>
      <c r="C14757" s="1" t="s">
        <v>5</v>
      </c>
      <c r="D14757" s="1" t="s">
        <v>12591</v>
      </c>
      <c r="E14757" s="1" t="s">
        <v>7</v>
      </c>
    </row>
    <row r="14758">
      <c r="A14758" s="1">
        <v>4.90592074E8</v>
      </c>
      <c r="B14758" s="2">
        <v>14452.0</v>
      </c>
      <c r="C14758" s="1" t="s">
        <v>5</v>
      </c>
      <c r="D14758" s="1" t="s">
        <v>12592</v>
      </c>
      <c r="E14758" s="1" t="s">
        <v>12593</v>
      </c>
    </row>
    <row r="14759">
      <c r="A14759" s="1">
        <v>4.90592105E8</v>
      </c>
      <c r="B14759" s="2">
        <v>14449.0</v>
      </c>
      <c r="C14759" s="1" t="s">
        <v>5</v>
      </c>
      <c r="D14759" s="1" t="s">
        <v>12594</v>
      </c>
      <c r="E14759" s="1" t="s">
        <v>11</v>
      </c>
    </row>
    <row r="14760">
      <c r="A14760" s="1">
        <v>4.90592157E8</v>
      </c>
      <c r="B14760" s="2">
        <v>14447.0</v>
      </c>
      <c r="C14760" s="1" t="s">
        <v>5</v>
      </c>
      <c r="D14760" s="1" t="s">
        <v>12595</v>
      </c>
      <c r="E14760" s="1" t="s">
        <v>11</v>
      </c>
    </row>
    <row r="14761">
      <c r="A14761" s="1">
        <v>4.90592194E8</v>
      </c>
      <c r="B14761" s="2">
        <v>14307.0</v>
      </c>
      <c r="C14761" s="1" t="s">
        <v>5</v>
      </c>
      <c r="D14761" s="1" t="s">
        <v>12596</v>
      </c>
      <c r="E14761" s="1" t="s">
        <v>7</v>
      </c>
    </row>
    <row r="14762">
      <c r="A14762" s="1">
        <v>4.90592215E8</v>
      </c>
      <c r="B14762" s="2">
        <v>14449.0</v>
      </c>
      <c r="C14762" s="1" t="s">
        <v>5</v>
      </c>
      <c r="D14762" s="1" t="s">
        <v>11</v>
      </c>
      <c r="E14762" s="1" t="s">
        <v>7</v>
      </c>
    </row>
    <row r="14763">
      <c r="A14763" s="1">
        <v>4.90592235E8</v>
      </c>
      <c r="B14763" s="3">
        <v>14392.0</v>
      </c>
      <c r="C14763" s="1" t="s">
        <v>5</v>
      </c>
      <c r="D14763" s="1" t="s">
        <v>12597</v>
      </c>
      <c r="E14763" s="1" t="s">
        <v>11</v>
      </c>
    </row>
    <row r="14764">
      <c r="A14764" s="1">
        <v>4.90592243E8</v>
      </c>
      <c r="B14764" s="3">
        <v>14389.0</v>
      </c>
      <c r="C14764" s="1" t="s">
        <v>5</v>
      </c>
      <c r="D14764" s="1" t="s">
        <v>12598</v>
      </c>
      <c r="E14764" s="1" t="s">
        <v>7</v>
      </c>
    </row>
    <row r="14765">
      <c r="A14765" s="1">
        <v>4.90592337E8</v>
      </c>
      <c r="B14765" s="3">
        <v>14374.0</v>
      </c>
      <c r="C14765" s="1" t="s">
        <v>5</v>
      </c>
      <c r="D14765" s="1" t="s">
        <v>12599</v>
      </c>
      <c r="E14765" s="1" t="s">
        <v>11</v>
      </c>
    </row>
    <row r="14766">
      <c r="A14766" s="1">
        <v>4.90592552E8</v>
      </c>
      <c r="B14766" s="3">
        <v>14387.0</v>
      </c>
      <c r="C14766" s="1" t="s">
        <v>5</v>
      </c>
      <c r="D14766" s="1" t="s">
        <v>12600</v>
      </c>
      <c r="E14766" s="1" t="s">
        <v>7</v>
      </c>
    </row>
    <row r="14767">
      <c r="A14767" s="1">
        <v>4.90592572E8</v>
      </c>
      <c r="B14767" s="2">
        <v>14444.0</v>
      </c>
      <c r="C14767" s="1" t="s">
        <v>5</v>
      </c>
      <c r="D14767" s="1" t="s">
        <v>12601</v>
      </c>
      <c r="E14767" s="1" t="s">
        <v>11</v>
      </c>
    </row>
    <row r="14768">
      <c r="A14768" s="1">
        <v>4.90592612E8</v>
      </c>
      <c r="B14768" s="2">
        <v>14449.0</v>
      </c>
      <c r="C14768" s="1" t="s">
        <v>5</v>
      </c>
      <c r="D14768" s="1" t="s">
        <v>11</v>
      </c>
      <c r="E14768" s="1" t="s">
        <v>7</v>
      </c>
    </row>
    <row r="14769">
      <c r="A14769" s="1">
        <v>4.90592867E8</v>
      </c>
      <c r="B14769" s="2">
        <v>14442.0</v>
      </c>
      <c r="C14769" s="1" t="s">
        <v>5</v>
      </c>
      <c r="D14769" s="1" t="s">
        <v>12602</v>
      </c>
      <c r="E14769" s="1" t="s">
        <v>11</v>
      </c>
    </row>
    <row r="14770">
      <c r="A14770" s="1">
        <v>4.90592965E8</v>
      </c>
      <c r="B14770" s="3">
        <v>14383.0</v>
      </c>
      <c r="C14770" s="1" t="s">
        <v>5</v>
      </c>
      <c r="D14770" s="1" t="s">
        <v>11</v>
      </c>
      <c r="E14770" s="1" t="s">
        <v>7</v>
      </c>
    </row>
    <row r="14771">
      <c r="A14771" s="1">
        <v>4.90592995E8</v>
      </c>
      <c r="B14771" s="2">
        <v>14444.0</v>
      </c>
      <c r="C14771" s="1" t="s">
        <v>5</v>
      </c>
      <c r="D14771" s="1" t="s">
        <v>12603</v>
      </c>
      <c r="E14771" s="1" t="s">
        <v>7</v>
      </c>
    </row>
    <row r="14772">
      <c r="A14772" s="1">
        <v>4.9059303E8</v>
      </c>
      <c r="B14772" s="3">
        <v>14390.0</v>
      </c>
      <c r="C14772" s="1" t="s">
        <v>5</v>
      </c>
      <c r="D14772" s="1" t="s">
        <v>12604</v>
      </c>
      <c r="E14772" s="1" t="s">
        <v>7</v>
      </c>
    </row>
    <row r="14773">
      <c r="A14773" s="1">
        <v>4.90593067E8</v>
      </c>
      <c r="B14773" s="2">
        <v>14438.0</v>
      </c>
      <c r="C14773" s="1" t="s">
        <v>5</v>
      </c>
      <c r="D14773" s="1" t="s">
        <v>11</v>
      </c>
      <c r="E14773" s="1" t="s">
        <v>7</v>
      </c>
    </row>
    <row r="14774">
      <c r="A14774" s="1">
        <v>4.90593075E8</v>
      </c>
      <c r="B14774" s="2">
        <v>14437.0</v>
      </c>
      <c r="C14774" s="1" t="s">
        <v>5</v>
      </c>
      <c r="D14774" s="1" t="s">
        <v>11</v>
      </c>
      <c r="E14774" s="1" t="s">
        <v>7</v>
      </c>
    </row>
    <row r="14775">
      <c r="A14775" s="1">
        <v>4.90593147E8</v>
      </c>
      <c r="B14775" s="2">
        <v>14453.0</v>
      </c>
      <c r="C14775" s="1" t="s">
        <v>5</v>
      </c>
      <c r="D14775" s="1" t="s">
        <v>12605</v>
      </c>
      <c r="E14775" s="1" t="s">
        <v>7</v>
      </c>
    </row>
    <row r="14776">
      <c r="A14776" s="1">
        <v>4.90593154E8</v>
      </c>
      <c r="B14776" s="2">
        <v>14437.0</v>
      </c>
      <c r="C14776" s="1" t="s">
        <v>5</v>
      </c>
      <c r="D14776" s="1" t="s">
        <v>12606</v>
      </c>
      <c r="E14776" s="1" t="s">
        <v>7</v>
      </c>
    </row>
    <row r="14777">
      <c r="A14777" s="1">
        <v>4.90593208E8</v>
      </c>
      <c r="B14777" s="2">
        <v>14443.0</v>
      </c>
      <c r="C14777" s="1" t="s">
        <v>5</v>
      </c>
      <c r="D14777" s="1" t="s">
        <v>12607</v>
      </c>
      <c r="E14777" s="1" t="s">
        <v>7</v>
      </c>
    </row>
    <row r="14778">
      <c r="A14778" s="1">
        <v>4.90593308E8</v>
      </c>
      <c r="B14778" s="2">
        <v>14445.0</v>
      </c>
      <c r="C14778" s="1" t="s">
        <v>5</v>
      </c>
      <c r="D14778" s="1" t="s">
        <v>12608</v>
      </c>
      <c r="E14778" s="1" t="s">
        <v>7</v>
      </c>
    </row>
    <row r="14779">
      <c r="A14779" s="1">
        <v>4.90593352E8</v>
      </c>
      <c r="B14779" s="2">
        <v>14435.0</v>
      </c>
      <c r="C14779" s="1" t="s">
        <v>5</v>
      </c>
      <c r="D14779" s="1" t="s">
        <v>11</v>
      </c>
      <c r="E14779" s="1" t="s">
        <v>7</v>
      </c>
    </row>
    <row r="14780">
      <c r="A14780" s="1">
        <v>4.90593421E8</v>
      </c>
      <c r="B14780" s="2">
        <v>14442.0</v>
      </c>
      <c r="C14780" s="1" t="s">
        <v>5</v>
      </c>
      <c r="D14780" s="1" t="s">
        <v>12609</v>
      </c>
      <c r="E14780" s="1" t="s">
        <v>11</v>
      </c>
    </row>
    <row r="14781">
      <c r="A14781" s="1">
        <v>4.90593437E8</v>
      </c>
      <c r="B14781" s="3">
        <v>14380.0</v>
      </c>
      <c r="C14781" s="1" t="s">
        <v>5</v>
      </c>
      <c r="D14781" s="1" t="s">
        <v>11</v>
      </c>
      <c r="E14781" s="1" t="s">
        <v>7</v>
      </c>
    </row>
    <row r="14782">
      <c r="A14782" s="1">
        <v>4.90593466E8</v>
      </c>
      <c r="B14782" s="2">
        <v>14440.0</v>
      </c>
      <c r="C14782" s="1" t="s">
        <v>5</v>
      </c>
      <c r="D14782" s="1" t="s">
        <v>12610</v>
      </c>
      <c r="E14782" s="1" t="s">
        <v>11</v>
      </c>
    </row>
    <row r="14783">
      <c r="A14783" s="1">
        <v>4.90593472E8</v>
      </c>
      <c r="B14783" s="2">
        <v>14434.0</v>
      </c>
      <c r="C14783" s="1" t="s">
        <v>5</v>
      </c>
      <c r="D14783" s="1" t="s">
        <v>12611</v>
      </c>
      <c r="E14783" s="1" t="s">
        <v>11</v>
      </c>
    </row>
    <row r="14784">
      <c r="A14784" s="1">
        <v>4.90593489E8</v>
      </c>
      <c r="B14784" s="3">
        <v>14382.0</v>
      </c>
      <c r="C14784" s="1" t="s">
        <v>5</v>
      </c>
      <c r="D14784" s="1" t="s">
        <v>12612</v>
      </c>
      <c r="E14784" s="1" t="s">
        <v>11</v>
      </c>
    </row>
    <row r="14785">
      <c r="A14785" s="1">
        <v>4.90593547E8</v>
      </c>
      <c r="B14785" s="3">
        <v>14379.0</v>
      </c>
      <c r="C14785" s="1" t="s">
        <v>5</v>
      </c>
      <c r="D14785" s="1" t="s">
        <v>12613</v>
      </c>
      <c r="E14785" s="1" t="s">
        <v>7</v>
      </c>
    </row>
    <row r="14786">
      <c r="A14786" s="1">
        <v>4.90593603E8</v>
      </c>
      <c r="B14786" s="2">
        <v>14439.0</v>
      </c>
      <c r="C14786" s="1" t="s">
        <v>5</v>
      </c>
      <c r="D14786" s="1" t="s">
        <v>12614</v>
      </c>
      <c r="E14786" s="1" t="s">
        <v>7</v>
      </c>
    </row>
    <row r="14787">
      <c r="A14787" s="1">
        <v>4.90593652E8</v>
      </c>
      <c r="B14787" s="2">
        <v>14353.0</v>
      </c>
      <c r="C14787" s="1" t="s">
        <v>5</v>
      </c>
      <c r="D14787" s="1" t="s">
        <v>12615</v>
      </c>
      <c r="E14787" s="1" t="s">
        <v>7</v>
      </c>
    </row>
    <row r="14788">
      <c r="A14788" s="1">
        <v>4.90593701E8</v>
      </c>
      <c r="B14788" s="3">
        <v>14375.0</v>
      </c>
      <c r="C14788" s="1" t="s">
        <v>5</v>
      </c>
      <c r="D14788" s="1" t="s">
        <v>12616</v>
      </c>
      <c r="E14788" s="1" t="s">
        <v>7</v>
      </c>
    </row>
    <row r="14789">
      <c r="A14789" s="1">
        <v>4.90593857E8</v>
      </c>
      <c r="B14789" s="2">
        <v>14438.0</v>
      </c>
      <c r="C14789" s="1" t="s">
        <v>5</v>
      </c>
      <c r="D14789" s="1" t="s">
        <v>12617</v>
      </c>
      <c r="E14789" s="1" t="s">
        <v>11</v>
      </c>
    </row>
    <row r="14790">
      <c r="A14790" s="1">
        <v>4.90593861E8</v>
      </c>
      <c r="B14790" s="2">
        <v>14446.0</v>
      </c>
      <c r="C14790" s="1" t="s">
        <v>5</v>
      </c>
      <c r="D14790" s="1" t="s">
        <v>12618</v>
      </c>
      <c r="E14790" s="1" t="s">
        <v>7</v>
      </c>
    </row>
    <row r="14791">
      <c r="A14791" s="1">
        <v>4.90594014E8</v>
      </c>
      <c r="B14791" s="2">
        <v>14516.0</v>
      </c>
      <c r="C14791" s="1" t="s">
        <v>5</v>
      </c>
      <c r="D14791" s="1" t="s">
        <v>12619</v>
      </c>
      <c r="E14791" s="1" t="s">
        <v>7</v>
      </c>
    </row>
    <row r="14792">
      <c r="A14792" s="1">
        <v>4.90594094E8</v>
      </c>
      <c r="B14792" s="2">
        <v>14429.0</v>
      </c>
      <c r="C14792" s="1" t="s">
        <v>5</v>
      </c>
      <c r="D14792" s="1" t="s">
        <v>12620</v>
      </c>
      <c r="E14792" s="1" t="s">
        <v>7</v>
      </c>
    </row>
    <row r="14793">
      <c r="A14793" s="1">
        <v>4.90594125E8</v>
      </c>
      <c r="B14793" s="2">
        <v>14516.0</v>
      </c>
      <c r="C14793" s="1" t="s">
        <v>5</v>
      </c>
      <c r="D14793" s="1" t="s">
        <v>11</v>
      </c>
      <c r="E14793" s="1" t="s">
        <v>7</v>
      </c>
    </row>
    <row r="14794">
      <c r="A14794" s="1">
        <v>4.90594212E8</v>
      </c>
      <c r="B14794" s="2">
        <v>14346.0</v>
      </c>
      <c r="C14794" s="1" t="s">
        <v>5</v>
      </c>
      <c r="D14794" s="1" t="s">
        <v>12621</v>
      </c>
      <c r="E14794" s="1" t="s">
        <v>7</v>
      </c>
    </row>
    <row r="14795">
      <c r="A14795" s="1">
        <v>4.90594282E8</v>
      </c>
      <c r="B14795" s="2">
        <v>14438.0</v>
      </c>
      <c r="C14795" s="1" t="s">
        <v>5</v>
      </c>
      <c r="D14795" s="1" t="s">
        <v>12622</v>
      </c>
      <c r="E14795" s="1" t="s">
        <v>7</v>
      </c>
    </row>
    <row r="14796">
      <c r="A14796" s="1">
        <v>4.90594283E8</v>
      </c>
      <c r="B14796" s="2">
        <v>14429.0</v>
      </c>
      <c r="C14796" s="1" t="s">
        <v>5</v>
      </c>
      <c r="D14796" s="1" t="s">
        <v>11</v>
      </c>
      <c r="E14796" s="1" t="s">
        <v>7</v>
      </c>
    </row>
    <row r="14797">
      <c r="A14797" s="1">
        <v>4.90594332E8</v>
      </c>
      <c r="B14797" s="2">
        <v>14434.0</v>
      </c>
      <c r="C14797" s="1" t="s">
        <v>5</v>
      </c>
      <c r="D14797" s="1" t="s">
        <v>12623</v>
      </c>
      <c r="E14797" s="1" t="s">
        <v>7</v>
      </c>
    </row>
    <row r="14798">
      <c r="A14798" s="1">
        <v>4.90594503E8</v>
      </c>
      <c r="B14798" s="2">
        <v>14432.0</v>
      </c>
      <c r="C14798" s="1" t="s">
        <v>5</v>
      </c>
      <c r="D14798" s="1" t="s">
        <v>12624</v>
      </c>
      <c r="E14798" s="1" t="s">
        <v>7</v>
      </c>
    </row>
    <row r="14799">
      <c r="A14799" s="1">
        <v>4.9059451E8</v>
      </c>
      <c r="B14799" s="2">
        <v>14511.0</v>
      </c>
      <c r="C14799" s="1" t="s">
        <v>5</v>
      </c>
      <c r="D14799" s="1" t="s">
        <v>12625</v>
      </c>
      <c r="E14799" s="1" t="s">
        <v>7</v>
      </c>
    </row>
    <row r="14800">
      <c r="A14800" s="1">
        <v>4.90594533E8</v>
      </c>
      <c r="B14800" s="2">
        <v>14464.0</v>
      </c>
      <c r="C14800" s="1" t="s">
        <v>5</v>
      </c>
      <c r="D14800" s="1" t="s">
        <v>12626</v>
      </c>
      <c r="E14800" s="1" t="s">
        <v>11</v>
      </c>
    </row>
    <row r="14801">
      <c r="A14801" s="1">
        <v>4.90594697E8</v>
      </c>
      <c r="B14801" s="2">
        <v>14509.0</v>
      </c>
      <c r="C14801" s="1" t="s">
        <v>5</v>
      </c>
      <c r="D14801" s="1" t="s">
        <v>11</v>
      </c>
      <c r="E14801" s="1" t="s">
        <v>7</v>
      </c>
    </row>
    <row r="14802">
      <c r="A14802" s="1">
        <v>4.9059471E8</v>
      </c>
      <c r="B14802" s="2">
        <v>14486.0</v>
      </c>
      <c r="C14802" s="1" t="s">
        <v>5</v>
      </c>
      <c r="D14802" s="1" t="s">
        <v>11</v>
      </c>
      <c r="E14802" s="1" t="s">
        <v>7</v>
      </c>
    </row>
    <row r="14803">
      <c r="A14803" s="1">
        <v>4.9059474E8</v>
      </c>
      <c r="B14803" s="2">
        <v>14510.0</v>
      </c>
      <c r="C14803" s="1" t="s">
        <v>5</v>
      </c>
      <c r="D14803" s="1" t="s">
        <v>12627</v>
      </c>
      <c r="E14803" s="1" t="s">
        <v>11</v>
      </c>
    </row>
    <row r="14804">
      <c r="A14804" s="1">
        <v>4.90594819E8</v>
      </c>
      <c r="B14804" s="2">
        <v>14339.0</v>
      </c>
      <c r="C14804" s="1" t="s">
        <v>5</v>
      </c>
      <c r="D14804" s="1" t="s">
        <v>12628</v>
      </c>
      <c r="E14804" s="1" t="s">
        <v>12629</v>
      </c>
    </row>
    <row r="14805">
      <c r="A14805" s="1">
        <v>4.90594886E8</v>
      </c>
      <c r="B14805" s="2">
        <v>14514.0</v>
      </c>
      <c r="C14805" s="1" t="s">
        <v>5</v>
      </c>
      <c r="D14805" s="1" t="s">
        <v>12630</v>
      </c>
      <c r="E14805" s="1" t="s">
        <v>12631</v>
      </c>
    </row>
    <row r="14806">
      <c r="A14806" s="1">
        <v>4.9059491E8</v>
      </c>
      <c r="B14806" s="2">
        <v>14337.0</v>
      </c>
      <c r="C14806" s="1" t="s">
        <v>5</v>
      </c>
      <c r="D14806" s="1" t="s">
        <v>12632</v>
      </c>
      <c r="E14806" s="1" t="s">
        <v>7</v>
      </c>
    </row>
    <row r="14807">
      <c r="A14807" s="1">
        <v>4.90595049E8</v>
      </c>
      <c r="B14807" s="2">
        <v>14429.0</v>
      </c>
      <c r="C14807" s="1" t="s">
        <v>5</v>
      </c>
      <c r="D14807" s="1" t="s">
        <v>11</v>
      </c>
      <c r="E14807" s="1" t="s">
        <v>7</v>
      </c>
    </row>
    <row r="14808">
      <c r="A14808" s="1">
        <v>4.9059519E8</v>
      </c>
      <c r="B14808" s="2">
        <v>14480.0</v>
      </c>
      <c r="C14808" s="1" t="s">
        <v>5</v>
      </c>
      <c r="D14808" s="1" t="s">
        <v>12633</v>
      </c>
      <c r="E14808" s="1" t="s">
        <v>11</v>
      </c>
    </row>
    <row r="14809">
      <c r="A14809" s="1">
        <v>4.90595293E8</v>
      </c>
      <c r="B14809" s="2">
        <v>14487.0</v>
      </c>
      <c r="C14809" s="1" t="s">
        <v>5</v>
      </c>
      <c r="D14809" s="1" t="s">
        <v>12634</v>
      </c>
      <c r="E14809" s="1" t="s">
        <v>7</v>
      </c>
    </row>
    <row r="14810">
      <c r="A14810" s="1">
        <v>4.90595449E8</v>
      </c>
      <c r="B14810" s="2">
        <v>14510.0</v>
      </c>
      <c r="C14810" s="1" t="s">
        <v>5</v>
      </c>
      <c r="D14810" s="1" t="s">
        <v>12635</v>
      </c>
      <c r="E14810" s="1" t="s">
        <v>11</v>
      </c>
    </row>
    <row r="14811">
      <c r="A14811" s="1">
        <v>4.90595483E8</v>
      </c>
      <c r="B14811" s="2">
        <v>14486.0</v>
      </c>
      <c r="C14811" s="1" t="s">
        <v>5</v>
      </c>
      <c r="D14811" s="1" t="s">
        <v>12636</v>
      </c>
      <c r="E14811" s="1" t="s">
        <v>7</v>
      </c>
    </row>
    <row r="14812">
      <c r="A14812" s="1">
        <v>4.90595485E8</v>
      </c>
      <c r="B14812" s="2">
        <v>14504.0</v>
      </c>
      <c r="C14812" s="1" t="s">
        <v>5</v>
      </c>
      <c r="D14812" s="1" t="s">
        <v>11</v>
      </c>
      <c r="E14812" s="1" t="s">
        <v>7</v>
      </c>
    </row>
    <row r="14813">
      <c r="A14813" s="1">
        <v>4.90595563E8</v>
      </c>
      <c r="B14813" s="2">
        <v>14480.0</v>
      </c>
      <c r="C14813" s="1" t="s">
        <v>5</v>
      </c>
      <c r="D14813" s="1" t="s">
        <v>12637</v>
      </c>
      <c r="E14813" s="1" t="s">
        <v>7</v>
      </c>
    </row>
    <row r="14814">
      <c r="A14814" s="1">
        <v>4.9059563E8</v>
      </c>
      <c r="B14814" s="2">
        <v>14512.0</v>
      </c>
      <c r="C14814" s="1" t="s">
        <v>5</v>
      </c>
      <c r="D14814" s="1" t="s">
        <v>12638</v>
      </c>
      <c r="E14814" s="1" t="s">
        <v>11</v>
      </c>
    </row>
    <row r="14815">
      <c r="A14815" s="1">
        <v>4.90595657E8</v>
      </c>
      <c r="B14815" s="2">
        <v>14465.0</v>
      </c>
      <c r="C14815" s="1" t="s">
        <v>5</v>
      </c>
      <c r="D14815" s="1" t="s">
        <v>12639</v>
      </c>
      <c r="E14815" s="1" t="s">
        <v>7</v>
      </c>
    </row>
    <row r="14816">
      <c r="A14816" s="1">
        <v>4.90595683E8</v>
      </c>
      <c r="B14816" s="2">
        <v>14503.0</v>
      </c>
      <c r="C14816" s="1" t="s">
        <v>5</v>
      </c>
      <c r="D14816" s="1" t="s">
        <v>12640</v>
      </c>
      <c r="E14816" s="1" t="s">
        <v>7</v>
      </c>
    </row>
    <row r="14817">
      <c r="A14817" s="1">
        <v>4.90595687E8</v>
      </c>
      <c r="B14817" s="2">
        <v>14505.0</v>
      </c>
      <c r="C14817" s="1" t="s">
        <v>5</v>
      </c>
      <c r="D14817" s="1" t="s">
        <v>12641</v>
      </c>
      <c r="E14817" s="1" t="s">
        <v>11</v>
      </c>
    </row>
    <row r="14818">
      <c r="A14818" s="1">
        <v>4.90595729E8</v>
      </c>
      <c r="B14818" s="2">
        <v>14507.0</v>
      </c>
      <c r="C14818" s="1" t="s">
        <v>5</v>
      </c>
      <c r="D14818" s="1" t="s">
        <v>12642</v>
      </c>
      <c r="E14818" s="1" t="s">
        <v>12643</v>
      </c>
    </row>
    <row r="14819">
      <c r="A14819" s="1">
        <v>4.90595772E8</v>
      </c>
      <c r="B14819" s="2">
        <v>14502.0</v>
      </c>
      <c r="C14819" s="1" t="s">
        <v>5</v>
      </c>
      <c r="D14819" s="1" t="s">
        <v>12644</v>
      </c>
      <c r="E14819" s="1" t="s">
        <v>7</v>
      </c>
    </row>
    <row r="14820">
      <c r="A14820" s="1">
        <v>4.90595812E8</v>
      </c>
      <c r="B14820" s="2">
        <v>14428.0</v>
      </c>
      <c r="C14820" s="1" t="s">
        <v>5</v>
      </c>
      <c r="D14820" s="1" t="s">
        <v>12645</v>
      </c>
      <c r="E14820" s="1" t="s">
        <v>11</v>
      </c>
    </row>
    <row r="14821">
      <c r="A14821" s="1">
        <v>4.90595906E8</v>
      </c>
      <c r="B14821" s="2">
        <v>14507.0</v>
      </c>
      <c r="C14821" s="1" t="s">
        <v>5</v>
      </c>
      <c r="D14821" s="1" t="s">
        <v>12646</v>
      </c>
      <c r="E14821" s="1" t="s">
        <v>11</v>
      </c>
    </row>
    <row r="14822">
      <c r="A14822" s="1">
        <v>4.90595974E8</v>
      </c>
      <c r="B14822" s="3">
        <v>14386.0</v>
      </c>
      <c r="C14822" s="1" t="s">
        <v>5</v>
      </c>
      <c r="D14822" s="1" t="s">
        <v>12647</v>
      </c>
      <c r="E14822" s="1" t="s">
        <v>7</v>
      </c>
    </row>
    <row r="14823">
      <c r="A14823" s="1">
        <v>4.90596126E8</v>
      </c>
      <c r="B14823" s="2">
        <v>14479.0</v>
      </c>
      <c r="C14823" s="1" t="s">
        <v>5</v>
      </c>
      <c r="D14823" s="1" t="s">
        <v>12648</v>
      </c>
      <c r="E14823" s="1" t="s">
        <v>11</v>
      </c>
    </row>
    <row r="14824">
      <c r="A14824" s="1">
        <v>4.90596195E8</v>
      </c>
      <c r="B14824" s="2">
        <v>14480.0</v>
      </c>
      <c r="C14824" s="1" t="s">
        <v>5</v>
      </c>
      <c r="D14824" s="1" t="s">
        <v>12649</v>
      </c>
      <c r="E14824" s="1" t="s">
        <v>7</v>
      </c>
    </row>
    <row r="14825">
      <c r="A14825" s="1">
        <v>4.90596323E8</v>
      </c>
      <c r="B14825" s="2">
        <v>14485.0</v>
      </c>
      <c r="C14825" s="1" t="s">
        <v>5</v>
      </c>
      <c r="D14825" s="1" t="s">
        <v>12650</v>
      </c>
      <c r="E14825" s="1" t="s">
        <v>12651</v>
      </c>
    </row>
    <row r="14826">
      <c r="A14826" s="1">
        <v>4.90596331E8</v>
      </c>
      <c r="B14826" s="2">
        <v>14483.0</v>
      </c>
      <c r="C14826" s="1" t="s">
        <v>5</v>
      </c>
      <c r="D14826" s="1" t="s">
        <v>12652</v>
      </c>
      <c r="E14826" s="1" t="s">
        <v>7</v>
      </c>
    </row>
    <row r="14827">
      <c r="A14827" s="1">
        <v>4.90596364E8</v>
      </c>
      <c r="B14827" s="2">
        <v>14500.0</v>
      </c>
      <c r="C14827" s="1" t="s">
        <v>5</v>
      </c>
      <c r="D14827" s="1" t="s">
        <v>12653</v>
      </c>
      <c r="E14827" s="1" t="s">
        <v>12654</v>
      </c>
    </row>
    <row r="14828">
      <c r="A14828" s="1">
        <v>4.90596435E8</v>
      </c>
      <c r="B14828" s="2">
        <v>14498.0</v>
      </c>
      <c r="C14828" s="1" t="s">
        <v>5</v>
      </c>
      <c r="D14828" s="1" t="s">
        <v>12655</v>
      </c>
      <c r="E14828" s="1" t="s">
        <v>7</v>
      </c>
    </row>
    <row r="14829">
      <c r="A14829" s="1">
        <v>4.90596447E8</v>
      </c>
      <c r="B14829" s="2">
        <v>14470.0</v>
      </c>
      <c r="C14829" s="1" t="s">
        <v>5</v>
      </c>
      <c r="D14829" s="1" t="s">
        <v>11</v>
      </c>
      <c r="E14829" s="1" t="s">
        <v>7</v>
      </c>
    </row>
    <row r="14830">
      <c r="A14830" s="1">
        <v>4.90596512E8</v>
      </c>
      <c r="B14830" s="2">
        <v>14470.0</v>
      </c>
      <c r="C14830" s="1" t="s">
        <v>5</v>
      </c>
      <c r="D14830" s="1" t="s">
        <v>12656</v>
      </c>
      <c r="E14830" s="1" t="s">
        <v>11</v>
      </c>
    </row>
    <row r="14831">
      <c r="A14831" s="1">
        <v>4.90596607E8</v>
      </c>
      <c r="B14831" s="2">
        <v>14473.0</v>
      </c>
      <c r="C14831" s="1" t="s">
        <v>5</v>
      </c>
      <c r="D14831" s="1" t="s">
        <v>12657</v>
      </c>
      <c r="E14831" s="1" t="s">
        <v>11</v>
      </c>
    </row>
    <row r="14832">
      <c r="A14832" s="1">
        <v>4.90596654E8</v>
      </c>
      <c r="B14832" s="2">
        <v>14494.0</v>
      </c>
      <c r="C14832" s="1" t="s">
        <v>5</v>
      </c>
      <c r="D14832" s="1" t="s">
        <v>11</v>
      </c>
      <c r="E14832" s="1" t="s">
        <v>7</v>
      </c>
    </row>
    <row r="14833">
      <c r="A14833" s="1">
        <v>4.90596663E8</v>
      </c>
      <c r="B14833" s="2">
        <v>14464.0</v>
      </c>
      <c r="C14833" s="1" t="s">
        <v>5</v>
      </c>
      <c r="D14833" s="1" t="s">
        <v>11</v>
      </c>
      <c r="E14833" s="1" t="s">
        <v>7</v>
      </c>
    </row>
    <row r="14834">
      <c r="A14834" s="1">
        <v>4.90596694E8</v>
      </c>
      <c r="B14834" s="2">
        <v>14499.0</v>
      </c>
      <c r="C14834" s="1" t="s">
        <v>5</v>
      </c>
      <c r="D14834" s="1" t="s">
        <v>11</v>
      </c>
      <c r="E14834" s="1" t="s">
        <v>7</v>
      </c>
    </row>
    <row r="14835">
      <c r="A14835" s="1">
        <v>4.90596734E8</v>
      </c>
      <c r="B14835" s="2">
        <v>14480.0</v>
      </c>
      <c r="C14835" s="1" t="s">
        <v>5</v>
      </c>
      <c r="D14835" s="1" t="s">
        <v>12658</v>
      </c>
      <c r="E14835" s="1" t="s">
        <v>11</v>
      </c>
    </row>
    <row r="14836">
      <c r="A14836" s="1">
        <v>4.90596768E8</v>
      </c>
      <c r="B14836" s="2">
        <v>14497.0</v>
      </c>
      <c r="C14836" s="1" t="s">
        <v>5</v>
      </c>
      <c r="D14836" s="1" t="s">
        <v>12659</v>
      </c>
      <c r="E14836" s="1" t="s">
        <v>7</v>
      </c>
    </row>
    <row r="14837">
      <c r="A14837" s="1">
        <v>4.90596835E8</v>
      </c>
      <c r="B14837" s="2">
        <v>14503.0</v>
      </c>
      <c r="C14837" s="1" t="s">
        <v>5</v>
      </c>
      <c r="D14837" s="1" t="s">
        <v>12660</v>
      </c>
      <c r="E14837" s="1" t="s">
        <v>7</v>
      </c>
    </row>
    <row r="14838">
      <c r="A14838" s="1">
        <v>4.9059688E8</v>
      </c>
      <c r="B14838" s="2">
        <v>14427.0</v>
      </c>
      <c r="C14838" s="1" t="s">
        <v>5</v>
      </c>
      <c r="D14838" s="1" t="s">
        <v>12661</v>
      </c>
      <c r="E14838" s="1" t="s">
        <v>7</v>
      </c>
    </row>
    <row r="14839">
      <c r="A14839" s="1">
        <v>4.90596915E8</v>
      </c>
      <c r="B14839" s="2">
        <v>14481.0</v>
      </c>
      <c r="C14839" s="1" t="s">
        <v>5</v>
      </c>
      <c r="D14839" s="1" t="s">
        <v>12662</v>
      </c>
      <c r="E14839" s="1" t="s">
        <v>7</v>
      </c>
    </row>
    <row r="14840">
      <c r="A14840" s="1">
        <v>4.90597044E8</v>
      </c>
      <c r="B14840" s="2">
        <v>14476.0</v>
      </c>
      <c r="C14840" s="1" t="s">
        <v>5</v>
      </c>
      <c r="D14840" s="1" t="s">
        <v>12663</v>
      </c>
      <c r="E14840" s="1" t="s">
        <v>12664</v>
      </c>
    </row>
    <row r="14841">
      <c r="A14841" s="1">
        <v>4.90597223E8</v>
      </c>
      <c r="B14841" s="2">
        <v>14467.0</v>
      </c>
      <c r="C14841" s="1" t="s">
        <v>5</v>
      </c>
      <c r="D14841" s="1" t="s">
        <v>12665</v>
      </c>
      <c r="E14841" s="1" t="s">
        <v>7</v>
      </c>
    </row>
    <row r="14842">
      <c r="A14842" s="1">
        <v>4.90597329E8</v>
      </c>
      <c r="B14842" s="2">
        <v>14493.0</v>
      </c>
      <c r="C14842" s="1" t="s">
        <v>5</v>
      </c>
      <c r="D14842" s="1" t="s">
        <v>12666</v>
      </c>
      <c r="E14842" s="1" t="s">
        <v>11</v>
      </c>
    </row>
    <row r="14843">
      <c r="A14843" s="1">
        <v>4.90597334E8</v>
      </c>
      <c r="B14843" s="2">
        <v>14470.0</v>
      </c>
      <c r="C14843" s="1" t="s">
        <v>5</v>
      </c>
      <c r="D14843" s="1" t="s">
        <v>12667</v>
      </c>
      <c r="E14843" s="1" t="s">
        <v>7</v>
      </c>
    </row>
    <row r="14844">
      <c r="A14844" s="1">
        <v>4.90597381E8</v>
      </c>
      <c r="B14844" s="2">
        <v>14470.0</v>
      </c>
      <c r="C14844" s="1" t="s">
        <v>5</v>
      </c>
      <c r="D14844" s="1" t="s">
        <v>12668</v>
      </c>
      <c r="E14844" s="1" t="s">
        <v>11</v>
      </c>
    </row>
    <row r="14845">
      <c r="A14845" s="1">
        <v>4.90597417E8</v>
      </c>
      <c r="B14845" s="2">
        <v>14514.0</v>
      </c>
      <c r="C14845" s="1" t="s">
        <v>5</v>
      </c>
      <c r="D14845" s="1" t="s">
        <v>12669</v>
      </c>
      <c r="E14845" s="1" t="s">
        <v>11</v>
      </c>
    </row>
    <row r="14846">
      <c r="A14846" s="1">
        <v>4.9059746E8</v>
      </c>
      <c r="B14846" s="2">
        <v>14506.0</v>
      </c>
      <c r="C14846" s="1" t="s">
        <v>5</v>
      </c>
      <c r="D14846" s="1" t="s">
        <v>12670</v>
      </c>
      <c r="E14846" s="1" t="s">
        <v>12671</v>
      </c>
    </row>
    <row r="14847">
      <c r="A14847" s="1">
        <v>4.90597516E8</v>
      </c>
      <c r="B14847" s="2">
        <v>14489.0</v>
      </c>
      <c r="C14847" s="1" t="s">
        <v>5</v>
      </c>
      <c r="D14847" s="1" t="s">
        <v>12672</v>
      </c>
      <c r="E14847" s="1" t="s">
        <v>7</v>
      </c>
    </row>
    <row r="14848">
      <c r="A14848" s="1">
        <v>4.90597544E8</v>
      </c>
      <c r="B14848" s="2">
        <v>14472.0</v>
      </c>
      <c r="C14848" s="1" t="s">
        <v>5</v>
      </c>
      <c r="D14848" s="1" t="s">
        <v>12673</v>
      </c>
      <c r="E14848" s="1" t="s">
        <v>11</v>
      </c>
    </row>
    <row r="14849">
      <c r="A14849" s="1">
        <v>4.90597572E8</v>
      </c>
      <c r="B14849" s="2">
        <v>14491.0</v>
      </c>
      <c r="C14849" s="1" t="s">
        <v>5</v>
      </c>
      <c r="D14849" s="1" t="s">
        <v>12674</v>
      </c>
      <c r="E14849" s="1" t="s">
        <v>7</v>
      </c>
    </row>
    <row r="14850">
      <c r="A14850" s="1">
        <v>4.90597583E8</v>
      </c>
      <c r="B14850" s="2">
        <v>14463.0</v>
      </c>
      <c r="C14850" s="1" t="s">
        <v>5</v>
      </c>
      <c r="D14850" s="1" t="s">
        <v>12675</v>
      </c>
      <c r="E14850" s="1" t="s">
        <v>7</v>
      </c>
    </row>
    <row r="14851">
      <c r="A14851" s="1">
        <v>4.9059761E8</v>
      </c>
      <c r="B14851" s="2">
        <v>14498.0</v>
      </c>
      <c r="C14851" s="1" t="s">
        <v>5</v>
      </c>
      <c r="D14851" s="1" t="s">
        <v>12676</v>
      </c>
      <c r="E14851" s="1" t="s">
        <v>7</v>
      </c>
    </row>
    <row r="14852">
      <c r="A14852" s="1">
        <v>4.90597659E8</v>
      </c>
      <c r="B14852" s="2">
        <v>14549.0</v>
      </c>
      <c r="C14852" s="1" t="s">
        <v>5</v>
      </c>
      <c r="D14852" s="1" t="s">
        <v>12677</v>
      </c>
      <c r="E14852" s="1" t="s">
        <v>7</v>
      </c>
    </row>
    <row r="14853">
      <c r="A14853" s="1">
        <v>4.90597681E8</v>
      </c>
      <c r="B14853" s="2">
        <v>14468.0</v>
      </c>
      <c r="C14853" s="1" t="s">
        <v>5</v>
      </c>
      <c r="D14853" s="1" t="s">
        <v>12678</v>
      </c>
      <c r="E14853" s="1" t="s">
        <v>7</v>
      </c>
    </row>
    <row r="14854">
      <c r="A14854" s="1">
        <v>4.90597688E8</v>
      </c>
      <c r="B14854" s="2">
        <v>14469.0</v>
      </c>
      <c r="C14854" s="1" t="s">
        <v>5</v>
      </c>
      <c r="D14854" s="1" t="s">
        <v>12679</v>
      </c>
      <c r="E14854" s="1" t="s">
        <v>7</v>
      </c>
    </row>
    <row r="14855">
      <c r="A14855" s="1">
        <v>4.90597689E8</v>
      </c>
      <c r="B14855" s="2">
        <v>14493.0</v>
      </c>
      <c r="C14855" s="1" t="s">
        <v>5</v>
      </c>
      <c r="D14855" s="1" t="s">
        <v>12680</v>
      </c>
      <c r="E14855" s="1" t="s">
        <v>7</v>
      </c>
    </row>
    <row r="14856">
      <c r="A14856" s="1">
        <v>4.90597718E8</v>
      </c>
      <c r="B14856" s="2">
        <v>14491.0</v>
      </c>
      <c r="C14856" s="1" t="s">
        <v>5</v>
      </c>
      <c r="D14856" s="1" t="s">
        <v>12681</v>
      </c>
      <c r="E14856" s="1" t="s">
        <v>11</v>
      </c>
    </row>
    <row r="14857">
      <c r="A14857" s="1">
        <v>4.90597727E8</v>
      </c>
      <c r="B14857" s="2">
        <v>14505.0</v>
      </c>
      <c r="C14857" s="1" t="s">
        <v>5</v>
      </c>
      <c r="D14857" s="1" t="s">
        <v>12682</v>
      </c>
      <c r="E14857" s="1" t="s">
        <v>11</v>
      </c>
    </row>
    <row r="14858">
      <c r="A14858" s="1">
        <v>4.90597806E8</v>
      </c>
      <c r="B14858" s="2">
        <v>14467.0</v>
      </c>
      <c r="C14858" s="1" t="s">
        <v>5</v>
      </c>
      <c r="D14858" s="1" t="s">
        <v>12683</v>
      </c>
      <c r="E14858" s="1" t="s">
        <v>7</v>
      </c>
    </row>
    <row r="14859">
      <c r="A14859" s="1">
        <v>4.9059781E8</v>
      </c>
      <c r="B14859" s="2">
        <v>14491.0</v>
      </c>
      <c r="C14859" s="1" t="s">
        <v>5</v>
      </c>
      <c r="D14859" s="1" t="s">
        <v>11</v>
      </c>
      <c r="E14859" s="1" t="s">
        <v>7</v>
      </c>
    </row>
    <row r="14860">
      <c r="A14860" s="1">
        <v>4.90597855E8</v>
      </c>
      <c r="B14860" s="2">
        <v>14475.0</v>
      </c>
      <c r="C14860" s="1" t="s">
        <v>5</v>
      </c>
      <c r="D14860" s="1" t="s">
        <v>11</v>
      </c>
      <c r="E14860" s="1" t="s">
        <v>7</v>
      </c>
    </row>
    <row r="14861">
      <c r="A14861" s="1">
        <v>4.90597914E8</v>
      </c>
      <c r="B14861" s="2">
        <v>14496.0</v>
      </c>
      <c r="C14861" s="1" t="s">
        <v>5</v>
      </c>
      <c r="D14861" s="1" t="s">
        <v>12684</v>
      </c>
      <c r="E14861" s="1" t="s">
        <v>7</v>
      </c>
    </row>
    <row r="14862">
      <c r="A14862" s="1">
        <v>4.90597923E8</v>
      </c>
      <c r="B14862" s="2">
        <v>14491.0</v>
      </c>
      <c r="C14862" s="1" t="s">
        <v>5</v>
      </c>
      <c r="D14862" s="1" t="s">
        <v>12685</v>
      </c>
      <c r="E14862" s="1" t="s">
        <v>11</v>
      </c>
    </row>
    <row r="14863">
      <c r="A14863" s="1">
        <v>4.90598008E8</v>
      </c>
      <c r="B14863" s="2">
        <v>14510.0</v>
      </c>
      <c r="C14863" s="1" t="s">
        <v>5</v>
      </c>
      <c r="D14863" s="1" t="s">
        <v>12686</v>
      </c>
      <c r="E14863" s="1" t="s">
        <v>11</v>
      </c>
    </row>
    <row r="14864">
      <c r="A14864" s="1">
        <v>4.90598017E8</v>
      </c>
      <c r="B14864" s="2">
        <v>14474.0</v>
      </c>
      <c r="C14864" s="1" t="s">
        <v>5</v>
      </c>
      <c r="D14864" s="1" t="s">
        <v>11</v>
      </c>
      <c r="E14864" s="1" t="s">
        <v>7</v>
      </c>
    </row>
    <row r="14865">
      <c r="A14865" s="1">
        <v>4.90598204E8</v>
      </c>
      <c r="B14865" s="2">
        <v>14549.0</v>
      </c>
      <c r="C14865" s="1" t="s">
        <v>5</v>
      </c>
      <c r="D14865" s="1" t="s">
        <v>12687</v>
      </c>
      <c r="E14865" s="1" t="s">
        <v>11</v>
      </c>
    </row>
    <row r="14866">
      <c r="A14866" s="1">
        <v>4.9059829E8</v>
      </c>
      <c r="B14866" s="2">
        <v>14472.0</v>
      </c>
      <c r="C14866" s="1" t="s">
        <v>5</v>
      </c>
      <c r="D14866" s="1" t="s">
        <v>12688</v>
      </c>
      <c r="E14866" s="1" t="s">
        <v>11</v>
      </c>
    </row>
    <row r="14867">
      <c r="A14867" s="1">
        <v>4.9059838E8</v>
      </c>
      <c r="B14867" s="2">
        <v>14549.0</v>
      </c>
      <c r="C14867" s="1" t="s">
        <v>5</v>
      </c>
      <c r="D14867" s="1" t="s">
        <v>12689</v>
      </c>
      <c r="E14867" s="1" t="s">
        <v>7</v>
      </c>
    </row>
    <row r="14868">
      <c r="A14868" s="1">
        <v>4.90598403E8</v>
      </c>
      <c r="B14868" s="2">
        <v>14467.0</v>
      </c>
      <c r="C14868" s="1" t="s">
        <v>5</v>
      </c>
      <c r="D14868" s="1" t="s">
        <v>12690</v>
      </c>
      <c r="E14868" s="1" t="s">
        <v>11</v>
      </c>
    </row>
    <row r="14869">
      <c r="A14869" s="1">
        <v>4.90598443E8</v>
      </c>
      <c r="B14869" s="2">
        <v>14507.0</v>
      </c>
      <c r="C14869" s="1" t="s">
        <v>5</v>
      </c>
      <c r="D14869" s="1" t="s">
        <v>12691</v>
      </c>
      <c r="E14869" s="1" t="s">
        <v>7</v>
      </c>
    </row>
    <row r="14870">
      <c r="A14870" s="1">
        <v>4.90598594E8</v>
      </c>
      <c r="B14870" s="2">
        <v>14545.0</v>
      </c>
      <c r="C14870" s="1" t="s">
        <v>5</v>
      </c>
      <c r="D14870" s="1" t="s">
        <v>12692</v>
      </c>
      <c r="E14870" s="1" t="s">
        <v>11</v>
      </c>
    </row>
    <row r="14871">
      <c r="A14871" s="1">
        <v>4.90598659E8</v>
      </c>
      <c r="B14871" s="2">
        <v>14502.0</v>
      </c>
      <c r="C14871" s="1" t="s">
        <v>5</v>
      </c>
      <c r="D14871" s="1" t="s">
        <v>12693</v>
      </c>
      <c r="E14871" s="1" t="s">
        <v>7</v>
      </c>
    </row>
    <row r="14872">
      <c r="A14872" s="1">
        <v>4.90598675E8</v>
      </c>
      <c r="B14872" s="2">
        <v>14547.0</v>
      </c>
      <c r="C14872" s="1" t="s">
        <v>5</v>
      </c>
      <c r="D14872" s="1" t="s">
        <v>11</v>
      </c>
      <c r="E14872" s="1" t="s">
        <v>7</v>
      </c>
    </row>
    <row r="14873">
      <c r="A14873" s="1">
        <v>4.90598691E8</v>
      </c>
      <c r="B14873" s="2">
        <v>14505.0</v>
      </c>
      <c r="C14873" s="1" t="s">
        <v>5</v>
      </c>
      <c r="D14873" s="1" t="s">
        <v>12694</v>
      </c>
      <c r="E14873" s="1" t="s">
        <v>11</v>
      </c>
    </row>
    <row r="14874">
      <c r="A14874" s="1">
        <v>4.90598734E8</v>
      </c>
      <c r="B14874" s="2">
        <v>14475.0</v>
      </c>
      <c r="C14874" s="1" t="s">
        <v>5</v>
      </c>
      <c r="D14874" s="1" t="s">
        <v>12695</v>
      </c>
      <c r="E14874" s="1" t="s">
        <v>7</v>
      </c>
    </row>
    <row r="14875">
      <c r="A14875" s="1">
        <v>4.9059876E8</v>
      </c>
      <c r="B14875" s="2">
        <v>14515.0</v>
      </c>
      <c r="C14875" s="1" t="s">
        <v>5</v>
      </c>
      <c r="D14875" s="1" t="s">
        <v>12696</v>
      </c>
      <c r="E14875" s="1" t="s">
        <v>7</v>
      </c>
    </row>
    <row r="14876">
      <c r="A14876" s="1">
        <v>4.90598802E8</v>
      </c>
      <c r="B14876" s="2">
        <v>14469.0</v>
      </c>
      <c r="C14876" s="1" t="s">
        <v>5</v>
      </c>
      <c r="D14876" s="1" t="s">
        <v>12697</v>
      </c>
      <c r="E14876" s="1" t="s">
        <v>7</v>
      </c>
    </row>
    <row r="14877">
      <c r="A14877" s="1">
        <v>4.90598868E8</v>
      </c>
      <c r="B14877" s="2">
        <v>14500.0</v>
      </c>
      <c r="C14877" s="1" t="s">
        <v>5</v>
      </c>
      <c r="D14877" s="1" t="s">
        <v>12698</v>
      </c>
      <c r="E14877" s="1" t="s">
        <v>7</v>
      </c>
    </row>
    <row r="14878">
      <c r="A14878" s="1">
        <v>4.90598934E8</v>
      </c>
      <c r="B14878" s="2">
        <v>14463.0</v>
      </c>
      <c r="C14878" s="1" t="s">
        <v>5</v>
      </c>
      <c r="D14878" s="1" t="s">
        <v>12699</v>
      </c>
      <c r="E14878" s="1" t="s">
        <v>7</v>
      </c>
    </row>
    <row r="14879">
      <c r="A14879" s="1">
        <v>4.90599059E8</v>
      </c>
      <c r="B14879" s="2">
        <v>14517.0</v>
      </c>
      <c r="C14879" s="1" t="s">
        <v>5</v>
      </c>
      <c r="D14879" s="1" t="s">
        <v>12700</v>
      </c>
      <c r="E14879" s="1" t="s">
        <v>11</v>
      </c>
    </row>
    <row r="14880">
      <c r="A14880" s="1">
        <v>4.90599112E8</v>
      </c>
      <c r="B14880" s="2">
        <v>14466.0</v>
      </c>
      <c r="C14880" s="1" t="s">
        <v>5</v>
      </c>
      <c r="D14880" s="1" t="s">
        <v>12701</v>
      </c>
      <c r="E14880" s="1" t="s">
        <v>7</v>
      </c>
    </row>
    <row r="14881">
      <c r="A14881" s="1">
        <v>4.90599115E8</v>
      </c>
      <c r="B14881" s="2">
        <v>14517.0</v>
      </c>
      <c r="C14881" s="1" t="s">
        <v>5</v>
      </c>
      <c r="D14881" s="1" t="s">
        <v>11</v>
      </c>
      <c r="E14881" s="1" t="s">
        <v>7</v>
      </c>
    </row>
    <row r="14882">
      <c r="A14882" s="1">
        <v>4.90599123E8</v>
      </c>
      <c r="B14882" s="2">
        <v>14462.0</v>
      </c>
      <c r="C14882" s="1" t="s">
        <v>5</v>
      </c>
      <c r="D14882" s="1" t="s">
        <v>12702</v>
      </c>
      <c r="E14882" s="1" t="s">
        <v>7</v>
      </c>
    </row>
    <row r="14883">
      <c r="A14883" s="1">
        <v>4.90599188E8</v>
      </c>
      <c r="B14883" s="2">
        <v>14462.0</v>
      </c>
      <c r="C14883" s="1" t="s">
        <v>5</v>
      </c>
      <c r="D14883" s="1" t="s">
        <v>12703</v>
      </c>
      <c r="E14883" s="1" t="s">
        <v>11</v>
      </c>
    </row>
    <row r="14884">
      <c r="A14884" s="1">
        <v>4.90599195E8</v>
      </c>
      <c r="B14884" s="2">
        <v>14541.0</v>
      </c>
      <c r="C14884" s="1" t="s">
        <v>5</v>
      </c>
      <c r="D14884" s="1" t="s">
        <v>12704</v>
      </c>
      <c r="E14884" s="1" t="s">
        <v>11</v>
      </c>
    </row>
    <row r="14885">
      <c r="A14885" s="1">
        <v>4.90599298E8</v>
      </c>
      <c r="B14885" s="2">
        <v>14497.0</v>
      </c>
      <c r="C14885" s="1" t="s">
        <v>5</v>
      </c>
      <c r="D14885" s="1" t="s">
        <v>11</v>
      </c>
      <c r="E14885" s="1" t="s">
        <v>7</v>
      </c>
    </row>
    <row r="14886">
      <c r="A14886" s="1">
        <v>4.90599299E8</v>
      </c>
      <c r="B14886" s="2">
        <v>14459.0</v>
      </c>
      <c r="C14886" s="1" t="s">
        <v>5</v>
      </c>
      <c r="D14886" s="1" t="s">
        <v>12705</v>
      </c>
      <c r="E14886" s="1" t="s">
        <v>7</v>
      </c>
    </row>
    <row r="14887">
      <c r="A14887" s="1">
        <v>4.90599305E8</v>
      </c>
      <c r="B14887" s="2">
        <v>14538.0</v>
      </c>
      <c r="C14887" s="1" t="s">
        <v>5</v>
      </c>
      <c r="D14887" s="1" t="s">
        <v>11</v>
      </c>
      <c r="E14887" s="1" t="s">
        <v>7</v>
      </c>
    </row>
    <row r="14888">
      <c r="A14888" s="1">
        <v>4.90599339E8</v>
      </c>
      <c r="B14888" s="2">
        <v>14458.0</v>
      </c>
      <c r="C14888" s="1" t="s">
        <v>5</v>
      </c>
      <c r="D14888" s="1" t="s">
        <v>12706</v>
      </c>
      <c r="E14888" s="1" t="s">
        <v>11</v>
      </c>
    </row>
    <row r="14889">
      <c r="A14889" s="1">
        <v>4.90599356E8</v>
      </c>
      <c r="B14889" s="2">
        <v>14540.0</v>
      </c>
      <c r="C14889" s="1" t="s">
        <v>5</v>
      </c>
      <c r="D14889" s="1" t="s">
        <v>12707</v>
      </c>
      <c r="E14889" s="1" t="s">
        <v>7</v>
      </c>
    </row>
    <row r="14890">
      <c r="A14890" s="1">
        <v>4.90599457E8</v>
      </c>
      <c r="B14890" s="2">
        <v>14462.0</v>
      </c>
      <c r="C14890" s="1" t="s">
        <v>5</v>
      </c>
      <c r="D14890" s="1" t="s">
        <v>12708</v>
      </c>
      <c r="E14890" s="1" t="s">
        <v>7</v>
      </c>
    </row>
    <row r="14891">
      <c r="A14891" s="1">
        <v>4.90599494E8</v>
      </c>
      <c r="B14891" s="2">
        <v>14518.0</v>
      </c>
      <c r="C14891" s="1" t="s">
        <v>5</v>
      </c>
      <c r="D14891" s="1" t="s">
        <v>12709</v>
      </c>
      <c r="E14891" s="1" t="s">
        <v>7</v>
      </c>
    </row>
    <row r="14892">
      <c r="A14892" s="1">
        <v>4.90599516E8</v>
      </c>
      <c r="B14892" s="2">
        <v>14540.0</v>
      </c>
      <c r="C14892" s="1" t="s">
        <v>5</v>
      </c>
      <c r="D14892" s="1" t="s">
        <v>12710</v>
      </c>
      <c r="E14892" s="1" t="s">
        <v>12711</v>
      </c>
    </row>
    <row r="14893">
      <c r="A14893" s="1">
        <v>4.90599523E8</v>
      </c>
      <c r="B14893" s="2">
        <v>14547.0</v>
      </c>
      <c r="C14893" s="1" t="s">
        <v>5</v>
      </c>
      <c r="D14893" s="1" t="s">
        <v>7</v>
      </c>
      <c r="E14893" s="1" t="s">
        <v>7</v>
      </c>
    </row>
    <row r="14894">
      <c r="A14894" s="1">
        <v>4.9059957E8</v>
      </c>
      <c r="B14894" s="2">
        <v>14500.0</v>
      </c>
      <c r="C14894" s="1" t="s">
        <v>5</v>
      </c>
      <c r="D14894" s="1" t="s">
        <v>11</v>
      </c>
      <c r="E14894" s="1" t="s">
        <v>7</v>
      </c>
    </row>
    <row r="14895">
      <c r="A14895" s="1">
        <v>4.90599575E8</v>
      </c>
      <c r="B14895" s="2">
        <v>14541.0</v>
      </c>
      <c r="C14895" s="1" t="s">
        <v>5</v>
      </c>
      <c r="D14895" s="1" t="s">
        <v>1388</v>
      </c>
      <c r="E14895" s="1" t="s">
        <v>7</v>
      </c>
    </row>
    <row r="14896">
      <c r="A14896" s="1">
        <v>4.90599579E8</v>
      </c>
      <c r="B14896" s="2">
        <v>14545.0</v>
      </c>
      <c r="C14896" s="1" t="s">
        <v>5</v>
      </c>
      <c r="D14896" s="1" t="s">
        <v>11</v>
      </c>
      <c r="E14896" s="1" t="s">
        <v>7</v>
      </c>
    </row>
    <row r="14897">
      <c r="A14897" s="1">
        <v>4.90599611E8</v>
      </c>
      <c r="B14897" s="2">
        <v>14545.0</v>
      </c>
      <c r="C14897" s="1" t="s">
        <v>5</v>
      </c>
      <c r="D14897" s="1" t="s">
        <v>12712</v>
      </c>
      <c r="E14897" s="1" t="s">
        <v>7</v>
      </c>
    </row>
    <row r="14898">
      <c r="A14898" s="1">
        <v>4.90599649E8</v>
      </c>
      <c r="B14898" s="2">
        <v>14515.0</v>
      </c>
      <c r="C14898" s="1" t="s">
        <v>5</v>
      </c>
      <c r="D14898" s="1" t="s">
        <v>12713</v>
      </c>
      <c r="E14898" s="1" t="s">
        <v>7</v>
      </c>
    </row>
    <row r="14899">
      <c r="A14899" s="1">
        <v>4.90599756E8</v>
      </c>
      <c r="B14899" s="2">
        <v>14545.0</v>
      </c>
      <c r="C14899" s="1" t="s">
        <v>5</v>
      </c>
      <c r="D14899" s="1" t="s">
        <v>12714</v>
      </c>
      <c r="E14899" s="1" t="s">
        <v>11</v>
      </c>
    </row>
    <row r="14900">
      <c r="A14900" s="1">
        <v>4.9059989E8</v>
      </c>
      <c r="B14900" s="2">
        <v>14468.0</v>
      </c>
      <c r="C14900" s="1" t="s">
        <v>5</v>
      </c>
      <c r="D14900" s="1" t="s">
        <v>11</v>
      </c>
      <c r="E14900" s="1" t="s">
        <v>7</v>
      </c>
    </row>
    <row r="14901">
      <c r="A14901" s="1">
        <v>4.90599952E8</v>
      </c>
      <c r="B14901" s="2">
        <v>14460.0</v>
      </c>
      <c r="C14901" s="1" t="s">
        <v>5</v>
      </c>
      <c r="D14901" s="1" t="s">
        <v>12715</v>
      </c>
      <c r="E14901" s="1" t="s">
        <v>7</v>
      </c>
    </row>
    <row r="14902">
      <c r="A14902" s="1">
        <v>4.9059996E8</v>
      </c>
      <c r="B14902" s="2">
        <v>14513.0</v>
      </c>
      <c r="C14902" s="1" t="s">
        <v>5</v>
      </c>
      <c r="D14902" s="1" t="s">
        <v>11</v>
      </c>
      <c r="E14902" s="1" t="s">
        <v>7</v>
      </c>
    </row>
    <row r="14903">
      <c r="A14903" s="1">
        <v>4.90600007E8</v>
      </c>
      <c r="B14903" s="2">
        <v>14544.0</v>
      </c>
      <c r="C14903" s="1" t="s">
        <v>5</v>
      </c>
      <c r="D14903" s="1" t="s">
        <v>12716</v>
      </c>
      <c r="E14903" s="1" t="s">
        <v>7</v>
      </c>
    </row>
    <row r="14904">
      <c r="A14904" s="1">
        <v>4.90600026E8</v>
      </c>
      <c r="B14904" s="2">
        <v>14517.0</v>
      </c>
      <c r="C14904" s="1" t="s">
        <v>5</v>
      </c>
      <c r="D14904" s="1" t="s">
        <v>11</v>
      </c>
      <c r="E14904" s="1" t="s">
        <v>7</v>
      </c>
    </row>
    <row r="14905">
      <c r="A14905" s="1">
        <v>4.90600191E8</v>
      </c>
      <c r="B14905" s="2">
        <v>14535.0</v>
      </c>
      <c r="C14905" s="1" t="s">
        <v>5</v>
      </c>
      <c r="D14905" s="1" t="s">
        <v>12717</v>
      </c>
      <c r="E14905" s="1" t="s">
        <v>11</v>
      </c>
    </row>
    <row r="14906">
      <c r="A14906" s="1">
        <v>4.90600235E8</v>
      </c>
      <c r="B14906" s="2">
        <v>14517.0</v>
      </c>
      <c r="C14906" s="1" t="s">
        <v>5</v>
      </c>
      <c r="D14906" s="1" t="s">
        <v>12718</v>
      </c>
      <c r="E14906" s="1" t="s">
        <v>7</v>
      </c>
    </row>
    <row r="14907">
      <c r="A14907" s="1">
        <v>4.90600352E8</v>
      </c>
      <c r="B14907" s="2">
        <v>14528.0</v>
      </c>
      <c r="C14907" s="1" t="s">
        <v>5</v>
      </c>
      <c r="D14907" s="1" t="s">
        <v>12719</v>
      </c>
      <c r="E14907" s="1" t="s">
        <v>7</v>
      </c>
    </row>
    <row r="14908">
      <c r="A14908" s="1">
        <v>4.90600484E8</v>
      </c>
      <c r="B14908" s="2">
        <v>14548.0</v>
      </c>
      <c r="C14908" s="1" t="s">
        <v>5</v>
      </c>
      <c r="D14908" s="1" t="s">
        <v>12720</v>
      </c>
      <c r="E14908" s="1" t="s">
        <v>7</v>
      </c>
    </row>
    <row r="14909">
      <c r="A14909" s="1">
        <v>4.90600512E8</v>
      </c>
      <c r="B14909" s="2">
        <v>14491.0</v>
      </c>
      <c r="C14909" s="1" t="s">
        <v>5</v>
      </c>
      <c r="D14909" s="1" t="s">
        <v>11</v>
      </c>
      <c r="E14909" s="1" t="s">
        <v>7</v>
      </c>
    </row>
    <row r="14910">
      <c r="A14910" s="1">
        <v>4.90600514E8</v>
      </c>
      <c r="B14910" s="2">
        <v>14491.0</v>
      </c>
      <c r="C14910" s="1" t="s">
        <v>5</v>
      </c>
      <c r="D14910" s="1" t="s">
        <v>12721</v>
      </c>
      <c r="E14910" s="1" t="s">
        <v>11</v>
      </c>
    </row>
    <row r="14911">
      <c r="A14911" s="1">
        <v>4.90600534E8</v>
      </c>
      <c r="B14911" s="2">
        <v>14536.0</v>
      </c>
      <c r="C14911" s="1" t="s">
        <v>5</v>
      </c>
      <c r="D14911" s="1" t="s">
        <v>12722</v>
      </c>
      <c r="E14911" s="1" t="s">
        <v>7</v>
      </c>
    </row>
    <row r="14912">
      <c r="A14912" s="1">
        <v>4.90600537E8</v>
      </c>
      <c r="B14912" s="2">
        <v>14538.0</v>
      </c>
      <c r="C14912" s="1" t="s">
        <v>5</v>
      </c>
      <c r="D14912" s="1" t="s">
        <v>12723</v>
      </c>
      <c r="E14912" s="1" t="s">
        <v>7</v>
      </c>
    </row>
    <row r="14913">
      <c r="A14913" s="1">
        <v>4.90600691E8</v>
      </c>
      <c r="B14913" s="2">
        <v>14536.0</v>
      </c>
      <c r="C14913" s="1" t="s">
        <v>5</v>
      </c>
      <c r="D14913" s="1" t="s">
        <v>12724</v>
      </c>
      <c r="E14913" s="1" t="s">
        <v>7</v>
      </c>
    </row>
    <row r="14914">
      <c r="A14914" s="1">
        <v>4.90600971E8</v>
      </c>
      <c r="B14914" s="2">
        <v>14541.0</v>
      </c>
      <c r="C14914" s="1" t="s">
        <v>5</v>
      </c>
      <c r="D14914" s="1" t="s">
        <v>12725</v>
      </c>
      <c r="E14914" s="1" t="s">
        <v>12726</v>
      </c>
    </row>
    <row r="14915">
      <c r="A14915" s="1">
        <v>4.90600979E8</v>
      </c>
      <c r="B14915" s="2">
        <v>14525.0</v>
      </c>
      <c r="C14915" s="1" t="s">
        <v>5</v>
      </c>
      <c r="D14915" s="1" t="s">
        <v>12727</v>
      </c>
      <c r="E14915" s="1" t="s">
        <v>12728</v>
      </c>
    </row>
    <row r="14916">
      <c r="A14916" s="1">
        <v>4.90601019E8</v>
      </c>
      <c r="B14916" s="2">
        <v>14531.0</v>
      </c>
      <c r="C14916" s="1" t="s">
        <v>5</v>
      </c>
      <c r="D14916" s="1" t="s">
        <v>12729</v>
      </c>
      <c r="E14916" s="1" t="s">
        <v>7</v>
      </c>
    </row>
    <row r="14917">
      <c r="A14917" s="1">
        <v>4.90601071E8</v>
      </c>
      <c r="B14917" s="2">
        <v>14521.0</v>
      </c>
      <c r="C14917" s="1" t="s">
        <v>5</v>
      </c>
      <c r="D14917" s="1" t="s">
        <v>12730</v>
      </c>
      <c r="E14917" s="1" t="s">
        <v>7</v>
      </c>
    </row>
    <row r="14918">
      <c r="A14918" s="1">
        <v>4.90601083E8</v>
      </c>
      <c r="B14918" s="2">
        <v>14546.0</v>
      </c>
      <c r="C14918" s="1" t="s">
        <v>5</v>
      </c>
      <c r="D14918" s="1" t="s">
        <v>12731</v>
      </c>
      <c r="E14918" s="1" t="s">
        <v>7</v>
      </c>
    </row>
    <row r="14919">
      <c r="A14919" s="1">
        <v>4.90601151E8</v>
      </c>
      <c r="B14919" s="2">
        <v>14524.0</v>
      </c>
      <c r="C14919" s="1" t="s">
        <v>5</v>
      </c>
      <c r="D14919" s="1" t="s">
        <v>12732</v>
      </c>
      <c r="E14919" s="1" t="s">
        <v>7</v>
      </c>
    </row>
    <row r="14920">
      <c r="A14920" s="1">
        <v>4.90601204E8</v>
      </c>
      <c r="B14920" s="2">
        <v>14519.0</v>
      </c>
      <c r="C14920" s="1" t="s">
        <v>5</v>
      </c>
      <c r="D14920" s="1" t="s">
        <v>11</v>
      </c>
      <c r="E14920" s="1" t="s">
        <v>7</v>
      </c>
    </row>
    <row r="14921">
      <c r="A14921" s="1">
        <v>4.90601217E8</v>
      </c>
      <c r="B14921" s="2">
        <v>14531.0</v>
      </c>
      <c r="C14921" s="1" t="s">
        <v>5</v>
      </c>
      <c r="D14921" s="1" t="s">
        <v>11</v>
      </c>
      <c r="E14921" s="1" t="s">
        <v>7</v>
      </c>
    </row>
    <row r="14922">
      <c r="A14922" s="1">
        <v>4.90601362E8</v>
      </c>
      <c r="B14922" s="2">
        <v>14523.0</v>
      </c>
      <c r="C14922" s="1" t="s">
        <v>5</v>
      </c>
      <c r="D14922" s="1" t="s">
        <v>11</v>
      </c>
      <c r="E14922" s="1" t="s">
        <v>7</v>
      </c>
    </row>
    <row r="14923">
      <c r="A14923" s="1">
        <v>4.90601363E8</v>
      </c>
      <c r="B14923" s="2">
        <v>14578.0</v>
      </c>
      <c r="C14923" s="1" t="s">
        <v>5</v>
      </c>
      <c r="D14923" s="1" t="s">
        <v>12733</v>
      </c>
      <c r="E14923" s="1" t="s">
        <v>11</v>
      </c>
    </row>
    <row r="14924">
      <c r="A14924" s="1">
        <v>4.90601541E8</v>
      </c>
      <c r="B14924" s="2">
        <v>14574.0</v>
      </c>
      <c r="C14924" s="1" t="s">
        <v>5</v>
      </c>
      <c r="D14924" s="1" t="s">
        <v>12734</v>
      </c>
      <c r="E14924" s="1" t="s">
        <v>12735</v>
      </c>
    </row>
    <row r="14925">
      <c r="A14925" s="1">
        <v>4.90601554E8</v>
      </c>
      <c r="B14925" s="2">
        <v>14520.0</v>
      </c>
      <c r="C14925" s="1" t="s">
        <v>5</v>
      </c>
      <c r="D14925" s="1" t="s">
        <v>12736</v>
      </c>
      <c r="E14925" s="1" t="s">
        <v>7</v>
      </c>
    </row>
    <row r="14926">
      <c r="A14926" s="1">
        <v>4.90601561E8</v>
      </c>
      <c r="B14926" s="2">
        <v>14598.0</v>
      </c>
      <c r="C14926" s="1" t="s">
        <v>5</v>
      </c>
      <c r="D14926" s="1" t="s">
        <v>12737</v>
      </c>
      <c r="E14926" s="1" t="s">
        <v>7</v>
      </c>
    </row>
    <row r="14927">
      <c r="A14927" s="1">
        <v>4.90601654E8</v>
      </c>
      <c r="B14927" s="2">
        <v>14593.0</v>
      </c>
      <c r="C14927" s="1" t="s">
        <v>5</v>
      </c>
      <c r="D14927" s="1" t="s">
        <v>12738</v>
      </c>
      <c r="E14927" s="1" t="s">
        <v>11</v>
      </c>
    </row>
    <row r="14928">
      <c r="A14928" s="1">
        <v>4.90601679E8</v>
      </c>
      <c r="B14928" s="2">
        <v>14540.0</v>
      </c>
      <c r="C14928" s="1" t="s">
        <v>5</v>
      </c>
      <c r="D14928" s="1" t="s">
        <v>12739</v>
      </c>
      <c r="E14928" s="1" t="s">
        <v>7</v>
      </c>
    </row>
    <row r="14929">
      <c r="A14929" s="1">
        <v>4.9060171E8</v>
      </c>
      <c r="B14929" s="2">
        <v>14534.0</v>
      </c>
      <c r="C14929" s="1" t="s">
        <v>5</v>
      </c>
      <c r="D14929" s="1" t="s">
        <v>12740</v>
      </c>
      <c r="E14929" s="1" t="s">
        <v>7</v>
      </c>
    </row>
    <row r="14930">
      <c r="A14930" s="1">
        <v>4.90601724E8</v>
      </c>
      <c r="B14930" s="2">
        <v>14538.0</v>
      </c>
      <c r="C14930" s="1" t="s">
        <v>5</v>
      </c>
      <c r="D14930" s="1" t="s">
        <v>12741</v>
      </c>
      <c r="E14930" s="1" t="s">
        <v>11</v>
      </c>
    </row>
    <row r="14931">
      <c r="A14931" s="1">
        <v>4.90601839E8</v>
      </c>
      <c r="B14931" s="2">
        <v>14592.0</v>
      </c>
      <c r="C14931" s="1" t="s">
        <v>5</v>
      </c>
      <c r="D14931" s="1" t="s">
        <v>12742</v>
      </c>
      <c r="E14931" s="1" t="s">
        <v>11</v>
      </c>
    </row>
    <row r="14932">
      <c r="A14932" s="1">
        <v>4.90601881E8</v>
      </c>
      <c r="B14932" s="2">
        <v>14578.0</v>
      </c>
      <c r="C14932" s="1" t="s">
        <v>5</v>
      </c>
      <c r="D14932" s="1" t="s">
        <v>12743</v>
      </c>
      <c r="E14932" s="1" t="s">
        <v>7</v>
      </c>
    </row>
    <row r="14933">
      <c r="A14933" s="1">
        <v>4.9060191E8</v>
      </c>
      <c r="B14933" s="2">
        <v>14576.0</v>
      </c>
      <c r="C14933" s="1" t="s">
        <v>5</v>
      </c>
      <c r="D14933" s="1" t="s">
        <v>12744</v>
      </c>
      <c r="E14933" s="1" t="s">
        <v>7</v>
      </c>
    </row>
    <row r="14934">
      <c r="A14934" s="1">
        <v>4.90601913E8</v>
      </c>
      <c r="B14934" s="2">
        <v>14587.0</v>
      </c>
      <c r="C14934" s="1" t="s">
        <v>5</v>
      </c>
      <c r="D14934" s="1" t="s">
        <v>12745</v>
      </c>
      <c r="E14934" s="1" t="s">
        <v>11</v>
      </c>
    </row>
    <row r="14935">
      <c r="A14935" s="1">
        <v>4.90601928E8</v>
      </c>
      <c r="B14935" s="2">
        <v>14535.0</v>
      </c>
      <c r="C14935" s="1" t="s">
        <v>5</v>
      </c>
      <c r="D14935" s="1" t="s">
        <v>12746</v>
      </c>
      <c r="E14935" s="1" t="s">
        <v>12747</v>
      </c>
    </row>
    <row r="14936">
      <c r="A14936" s="1">
        <v>4.90601937E8</v>
      </c>
      <c r="B14936" s="2">
        <v>14529.0</v>
      </c>
      <c r="C14936" s="1" t="s">
        <v>5</v>
      </c>
      <c r="D14936" s="1" t="s">
        <v>12748</v>
      </c>
      <c r="E14936" s="1" t="s">
        <v>7</v>
      </c>
    </row>
    <row r="14937">
      <c r="A14937" s="1">
        <v>4.90602079E8</v>
      </c>
      <c r="B14937" s="2">
        <v>14571.0</v>
      </c>
      <c r="C14937" s="1" t="s">
        <v>5</v>
      </c>
      <c r="D14937" s="1" t="s">
        <v>11</v>
      </c>
      <c r="E14937" s="1" t="s">
        <v>7</v>
      </c>
    </row>
    <row r="14938">
      <c r="A14938" s="1">
        <v>4.90602176E8</v>
      </c>
      <c r="B14938" s="2">
        <v>14521.0</v>
      </c>
      <c r="C14938" s="1" t="s">
        <v>5</v>
      </c>
      <c r="D14938" s="1" t="s">
        <v>11</v>
      </c>
      <c r="E14938" s="1" t="s">
        <v>7</v>
      </c>
    </row>
    <row r="14939">
      <c r="A14939" s="1">
        <v>4.90602293E8</v>
      </c>
      <c r="B14939" s="2">
        <v>14526.0</v>
      </c>
      <c r="C14939" s="1" t="s">
        <v>5</v>
      </c>
      <c r="D14939" s="1" t="s">
        <v>12749</v>
      </c>
      <c r="E14939" s="1" t="s">
        <v>7</v>
      </c>
    </row>
    <row r="14940">
      <c r="A14940" s="1">
        <v>4.90602296E8</v>
      </c>
      <c r="B14940" s="2">
        <v>14533.0</v>
      </c>
      <c r="C14940" s="1" t="s">
        <v>5</v>
      </c>
      <c r="D14940" s="1" t="s">
        <v>12750</v>
      </c>
      <c r="E14940" s="1" t="s">
        <v>11</v>
      </c>
    </row>
    <row r="14941">
      <c r="A14941" s="1">
        <v>4.90602367E8</v>
      </c>
      <c r="B14941" s="2">
        <v>14531.0</v>
      </c>
      <c r="C14941" s="1" t="s">
        <v>5</v>
      </c>
      <c r="D14941" s="1" t="s">
        <v>12751</v>
      </c>
      <c r="E14941" s="1" t="s">
        <v>7</v>
      </c>
    </row>
    <row r="14942">
      <c r="A14942" s="1">
        <v>4.90602401E8</v>
      </c>
      <c r="B14942" s="2">
        <v>14572.0</v>
      </c>
      <c r="C14942" s="1" t="s">
        <v>5</v>
      </c>
      <c r="D14942" s="1" t="s">
        <v>11</v>
      </c>
      <c r="E14942" s="1" t="s">
        <v>7</v>
      </c>
    </row>
    <row r="14943">
      <c r="A14943" s="1">
        <v>4.90602481E8</v>
      </c>
      <c r="B14943" s="2">
        <v>14641.0</v>
      </c>
      <c r="C14943" s="1" t="s">
        <v>5</v>
      </c>
      <c r="D14943" s="1" t="s">
        <v>12752</v>
      </c>
      <c r="E14943" s="1" t="s">
        <v>7</v>
      </c>
    </row>
    <row r="14944">
      <c r="A14944" s="1">
        <v>4.90602711E8</v>
      </c>
      <c r="B14944" s="2">
        <v>14569.0</v>
      </c>
      <c r="C14944" s="1" t="s">
        <v>5</v>
      </c>
      <c r="D14944" s="1" t="s">
        <v>11</v>
      </c>
      <c r="E14944" s="1" t="s">
        <v>7</v>
      </c>
    </row>
    <row r="14945">
      <c r="A14945" s="1">
        <v>4.90602744E8</v>
      </c>
      <c r="B14945" s="2">
        <v>14588.0</v>
      </c>
      <c r="C14945" s="1" t="s">
        <v>5</v>
      </c>
      <c r="D14945" s="1" t="s">
        <v>12753</v>
      </c>
      <c r="E14945" s="1" t="s">
        <v>7</v>
      </c>
    </row>
    <row r="14946">
      <c r="A14946" s="1">
        <v>4.90602791E8</v>
      </c>
      <c r="B14946" s="2">
        <v>14569.0</v>
      </c>
      <c r="C14946" s="1" t="s">
        <v>5</v>
      </c>
      <c r="D14946" s="1" t="s">
        <v>12754</v>
      </c>
      <c r="E14946" s="1" t="s">
        <v>11</v>
      </c>
    </row>
    <row r="14947">
      <c r="A14947" s="1">
        <v>4.90602802E8</v>
      </c>
      <c r="B14947" s="2">
        <v>14640.0</v>
      </c>
      <c r="C14947" s="1" t="s">
        <v>5</v>
      </c>
      <c r="D14947" s="1" t="s">
        <v>12755</v>
      </c>
      <c r="E14947" s="1" t="s">
        <v>7</v>
      </c>
    </row>
    <row r="14948">
      <c r="A14948" s="1">
        <v>4.90602822E8</v>
      </c>
      <c r="B14948" s="2">
        <v>14528.0</v>
      </c>
      <c r="C14948" s="1" t="s">
        <v>5</v>
      </c>
      <c r="D14948" s="1" t="s">
        <v>12756</v>
      </c>
      <c r="E14948" s="1" t="s">
        <v>11</v>
      </c>
    </row>
    <row r="14949">
      <c r="A14949" s="1">
        <v>4.90602966E8</v>
      </c>
      <c r="B14949" s="2">
        <v>14562.0</v>
      </c>
      <c r="C14949" s="1" t="s">
        <v>5</v>
      </c>
      <c r="D14949" s="1" t="s">
        <v>12757</v>
      </c>
      <c r="E14949" s="1" t="s">
        <v>11</v>
      </c>
    </row>
    <row r="14950">
      <c r="A14950" s="1">
        <v>4.9060312E8</v>
      </c>
      <c r="B14950" s="2">
        <v>14584.0</v>
      </c>
      <c r="C14950" s="1" t="s">
        <v>5</v>
      </c>
      <c r="D14950" s="1" t="s">
        <v>12758</v>
      </c>
      <c r="E14950" s="1" t="s">
        <v>11</v>
      </c>
    </row>
    <row r="14951">
      <c r="A14951" s="1">
        <v>4.9060318E8</v>
      </c>
      <c r="B14951" s="2">
        <v>14563.0</v>
      </c>
      <c r="C14951" s="1" t="s">
        <v>5</v>
      </c>
      <c r="D14951" s="1" t="s">
        <v>12215</v>
      </c>
      <c r="E14951" s="1" t="s">
        <v>7</v>
      </c>
    </row>
    <row r="14952">
      <c r="A14952" s="1">
        <v>4.90603196E8</v>
      </c>
      <c r="B14952" s="2">
        <v>14525.0</v>
      </c>
      <c r="C14952" s="1" t="s">
        <v>5</v>
      </c>
      <c r="D14952" s="1" t="s">
        <v>11</v>
      </c>
      <c r="E14952" s="1" t="s">
        <v>7</v>
      </c>
    </row>
    <row r="14953">
      <c r="A14953" s="1">
        <v>4.90603257E8</v>
      </c>
      <c r="B14953" s="2">
        <v>14525.0</v>
      </c>
      <c r="C14953" s="1" t="s">
        <v>5</v>
      </c>
      <c r="D14953" s="1" t="s">
        <v>12759</v>
      </c>
      <c r="E14953" s="1" t="s">
        <v>7</v>
      </c>
    </row>
    <row r="14954">
      <c r="A14954" s="1">
        <v>4.90603378E8</v>
      </c>
      <c r="B14954" s="2">
        <v>14633.0</v>
      </c>
      <c r="C14954" s="1" t="s">
        <v>5</v>
      </c>
      <c r="D14954" s="1" t="s">
        <v>12760</v>
      </c>
      <c r="E14954" s="1" t="s">
        <v>12761</v>
      </c>
    </row>
    <row r="14955">
      <c r="A14955" s="1">
        <v>4.9060339E8</v>
      </c>
      <c r="B14955" s="2">
        <v>14573.0</v>
      </c>
      <c r="C14955" s="1" t="s">
        <v>5</v>
      </c>
      <c r="D14955" s="1" t="s">
        <v>11</v>
      </c>
      <c r="E14955" s="1" t="s">
        <v>7</v>
      </c>
    </row>
    <row r="14956">
      <c r="A14956" s="1">
        <v>4.90603396E8</v>
      </c>
      <c r="B14956" s="2">
        <v>14593.0</v>
      </c>
      <c r="C14956" s="1" t="s">
        <v>5</v>
      </c>
      <c r="D14956" s="1" t="s">
        <v>12762</v>
      </c>
      <c r="E14956" s="1" t="s">
        <v>7</v>
      </c>
    </row>
    <row r="14957">
      <c r="A14957" s="1">
        <v>4.9060341E8</v>
      </c>
      <c r="B14957" s="2">
        <v>14593.0</v>
      </c>
      <c r="C14957" s="1" t="s">
        <v>5</v>
      </c>
      <c r="D14957" s="1" t="s">
        <v>11</v>
      </c>
      <c r="E14957" s="1" t="s">
        <v>7</v>
      </c>
    </row>
    <row r="14958">
      <c r="A14958" s="1">
        <v>4.90603412E8</v>
      </c>
      <c r="B14958" s="2">
        <v>14523.0</v>
      </c>
      <c r="C14958" s="1" t="s">
        <v>5</v>
      </c>
      <c r="D14958" s="1" t="s">
        <v>11</v>
      </c>
      <c r="E14958" s="1" t="s">
        <v>7</v>
      </c>
    </row>
    <row r="14959">
      <c r="A14959" s="1">
        <v>4.90603415E8</v>
      </c>
      <c r="B14959" s="2">
        <v>14558.0</v>
      </c>
      <c r="C14959" s="1" t="s">
        <v>5</v>
      </c>
      <c r="D14959" s="1" t="s">
        <v>12763</v>
      </c>
      <c r="E14959" s="1" t="s">
        <v>11</v>
      </c>
    </row>
    <row r="14960">
      <c r="A14960" s="1">
        <v>4.90603468E8</v>
      </c>
      <c r="B14960" s="2">
        <v>14592.0</v>
      </c>
      <c r="C14960" s="1" t="s">
        <v>5</v>
      </c>
      <c r="D14960" s="1" t="s">
        <v>12764</v>
      </c>
      <c r="E14960" s="1" t="s">
        <v>7</v>
      </c>
    </row>
    <row r="14961">
      <c r="A14961" s="1">
        <v>4.90603479E8</v>
      </c>
      <c r="B14961" s="2">
        <v>14578.0</v>
      </c>
      <c r="C14961" s="1" t="s">
        <v>5</v>
      </c>
      <c r="D14961" s="1" t="s">
        <v>12765</v>
      </c>
      <c r="E14961" s="1" t="s">
        <v>7</v>
      </c>
    </row>
    <row r="14962">
      <c r="A14962" s="1">
        <v>4.90603564E8</v>
      </c>
      <c r="B14962" s="2">
        <v>14571.0</v>
      </c>
      <c r="C14962" s="1" t="s">
        <v>5</v>
      </c>
      <c r="D14962" s="1" t="s">
        <v>11</v>
      </c>
      <c r="E14962" s="1" t="s">
        <v>7</v>
      </c>
    </row>
    <row r="14963">
      <c r="A14963" s="1">
        <v>4.90603574E8</v>
      </c>
      <c r="B14963" s="2">
        <v>14639.0</v>
      </c>
      <c r="C14963" s="1" t="s">
        <v>5</v>
      </c>
      <c r="D14963" s="1" t="s">
        <v>12766</v>
      </c>
      <c r="E14963" s="1" t="s">
        <v>12767</v>
      </c>
    </row>
    <row r="14964">
      <c r="A14964" s="1">
        <v>4.90603582E8</v>
      </c>
      <c r="B14964" s="2">
        <v>14640.0</v>
      </c>
      <c r="C14964" s="1" t="s">
        <v>5</v>
      </c>
      <c r="D14964" s="1" t="s">
        <v>11</v>
      </c>
      <c r="E14964" s="1" t="s">
        <v>7</v>
      </c>
    </row>
    <row r="14965">
      <c r="A14965" s="1">
        <v>4.90603689E8</v>
      </c>
      <c r="B14965" s="2">
        <v>14559.0</v>
      </c>
      <c r="C14965" s="1" t="s">
        <v>5</v>
      </c>
      <c r="D14965" s="1" t="s">
        <v>12768</v>
      </c>
      <c r="E14965" s="1" t="s">
        <v>7</v>
      </c>
    </row>
    <row r="14966">
      <c r="A14966" s="1">
        <v>4.90603692E8</v>
      </c>
      <c r="B14966" s="2">
        <v>14568.0</v>
      </c>
      <c r="C14966" s="1" t="s">
        <v>5</v>
      </c>
      <c r="D14966" s="1" t="s">
        <v>12769</v>
      </c>
      <c r="E14966" s="1" t="s">
        <v>11</v>
      </c>
    </row>
    <row r="14967">
      <c r="A14967" s="1">
        <v>4.90603695E8</v>
      </c>
      <c r="B14967" s="2">
        <v>14561.0</v>
      </c>
      <c r="C14967" s="1" t="s">
        <v>5</v>
      </c>
      <c r="D14967" s="1" t="s">
        <v>12770</v>
      </c>
      <c r="E14967" s="1" t="s">
        <v>7</v>
      </c>
    </row>
    <row r="14968">
      <c r="A14968" s="1">
        <v>4.906038E8</v>
      </c>
      <c r="B14968" s="2">
        <v>14638.0</v>
      </c>
      <c r="C14968" s="1" t="s">
        <v>5</v>
      </c>
      <c r="D14968" s="1" t="s">
        <v>12771</v>
      </c>
      <c r="E14968" s="1" t="s">
        <v>7</v>
      </c>
    </row>
    <row r="14969">
      <c r="A14969" s="1">
        <v>4.90603804E8</v>
      </c>
      <c r="B14969" s="2">
        <v>14575.0</v>
      </c>
      <c r="C14969" s="1" t="s">
        <v>5</v>
      </c>
      <c r="D14969" s="1" t="s">
        <v>12772</v>
      </c>
      <c r="E14969" s="1" t="s">
        <v>7</v>
      </c>
    </row>
    <row r="14970">
      <c r="A14970" s="1">
        <v>4.90603809E8</v>
      </c>
      <c r="B14970" s="2">
        <v>14635.0</v>
      </c>
      <c r="C14970" s="1" t="s">
        <v>5</v>
      </c>
      <c r="D14970" s="1" t="s">
        <v>12773</v>
      </c>
      <c r="E14970" s="1" t="s">
        <v>7</v>
      </c>
    </row>
    <row r="14971">
      <c r="A14971" s="1">
        <v>4.90603835E8</v>
      </c>
      <c r="B14971" s="2">
        <v>14567.0</v>
      </c>
      <c r="C14971" s="1" t="s">
        <v>5</v>
      </c>
      <c r="D14971" s="1" t="s">
        <v>12774</v>
      </c>
      <c r="E14971" s="1" t="s">
        <v>7</v>
      </c>
    </row>
    <row r="14972">
      <c r="A14972" s="1">
        <v>4.90603919E8</v>
      </c>
      <c r="B14972" s="2">
        <v>14566.0</v>
      </c>
      <c r="C14972" s="1" t="s">
        <v>5</v>
      </c>
      <c r="D14972" s="1" t="s">
        <v>12775</v>
      </c>
      <c r="E14972" s="1" t="s">
        <v>12776</v>
      </c>
    </row>
    <row r="14973">
      <c r="A14973" s="1">
        <v>4.90603979E8</v>
      </c>
      <c r="B14973" s="2">
        <v>14559.0</v>
      </c>
      <c r="C14973" s="1" t="s">
        <v>5</v>
      </c>
      <c r="D14973" s="1" t="s">
        <v>12777</v>
      </c>
      <c r="E14973" s="1" t="s">
        <v>11</v>
      </c>
    </row>
    <row r="14974">
      <c r="A14974" s="1">
        <v>4.90604015E8</v>
      </c>
      <c r="B14974" s="2">
        <v>14568.0</v>
      </c>
      <c r="C14974" s="1" t="s">
        <v>5</v>
      </c>
      <c r="D14974" s="1" t="s">
        <v>11</v>
      </c>
      <c r="E14974" s="1" t="s">
        <v>7</v>
      </c>
    </row>
    <row r="14975">
      <c r="A14975" s="1">
        <v>4.90604039E8</v>
      </c>
      <c r="B14975" s="2">
        <v>14554.0</v>
      </c>
      <c r="C14975" s="1" t="s">
        <v>5</v>
      </c>
      <c r="D14975" s="1" t="s">
        <v>12778</v>
      </c>
      <c r="E14975" s="1" t="s">
        <v>7</v>
      </c>
    </row>
    <row r="14976">
      <c r="A14976" s="1">
        <v>4.90604092E8</v>
      </c>
      <c r="B14976" s="2">
        <v>14579.0</v>
      </c>
      <c r="C14976" s="1" t="s">
        <v>5</v>
      </c>
      <c r="D14976" s="1" t="s">
        <v>12779</v>
      </c>
      <c r="E14976" s="1" t="s">
        <v>11</v>
      </c>
    </row>
    <row r="14977">
      <c r="A14977" s="1">
        <v>4.9060411E8</v>
      </c>
      <c r="B14977" s="2">
        <v>14628.0</v>
      </c>
      <c r="C14977" s="1" t="s">
        <v>5</v>
      </c>
      <c r="D14977" s="1" t="s">
        <v>12780</v>
      </c>
      <c r="E14977" s="1" t="s">
        <v>7</v>
      </c>
    </row>
    <row r="14978">
      <c r="A14978" s="1">
        <v>4.90604199E8</v>
      </c>
      <c r="B14978" s="2">
        <v>14584.0</v>
      </c>
      <c r="C14978" s="1" t="s">
        <v>5</v>
      </c>
      <c r="D14978" s="1" t="s">
        <v>12781</v>
      </c>
      <c r="E14978" s="1" t="s">
        <v>7</v>
      </c>
    </row>
    <row r="14979">
      <c r="A14979" s="1">
        <v>4.90604229E8</v>
      </c>
      <c r="B14979" s="2">
        <v>14553.0</v>
      </c>
      <c r="C14979" s="1" t="s">
        <v>5</v>
      </c>
      <c r="D14979" s="1" t="s">
        <v>12782</v>
      </c>
      <c r="E14979" s="1" t="s">
        <v>7</v>
      </c>
    </row>
    <row r="14980">
      <c r="A14980" s="1">
        <v>4.90604354E8</v>
      </c>
      <c r="B14980" s="2">
        <v>14633.0</v>
      </c>
      <c r="C14980" s="1" t="s">
        <v>5</v>
      </c>
      <c r="D14980" s="1" t="s">
        <v>12783</v>
      </c>
      <c r="E14980" s="1" t="s">
        <v>11</v>
      </c>
    </row>
    <row r="14981">
      <c r="A14981" s="1">
        <v>4.90604404E8</v>
      </c>
      <c r="B14981" s="2">
        <v>14564.0</v>
      </c>
      <c r="C14981" s="1" t="s">
        <v>5</v>
      </c>
      <c r="D14981" s="1" t="s">
        <v>11</v>
      </c>
      <c r="E14981" s="1" t="s">
        <v>7</v>
      </c>
    </row>
    <row r="14982">
      <c r="A14982" s="1">
        <v>4.90604479E8</v>
      </c>
      <c r="B14982" s="2">
        <v>14632.0</v>
      </c>
      <c r="C14982" s="1" t="s">
        <v>5</v>
      </c>
      <c r="D14982" s="1" t="s">
        <v>12784</v>
      </c>
      <c r="E14982" s="1" t="s">
        <v>11</v>
      </c>
    </row>
    <row r="14983">
      <c r="A14983" s="1">
        <v>4.90604664E8</v>
      </c>
      <c r="B14983" s="2">
        <v>14588.0</v>
      </c>
      <c r="C14983" s="1" t="s">
        <v>5</v>
      </c>
      <c r="D14983" s="1" t="s">
        <v>11</v>
      </c>
      <c r="E14983" s="1" t="s">
        <v>7</v>
      </c>
    </row>
    <row r="14984">
      <c r="A14984" s="1">
        <v>4.90604674E8</v>
      </c>
      <c r="B14984" s="2">
        <v>14634.0</v>
      </c>
      <c r="C14984" s="1" t="s">
        <v>5</v>
      </c>
      <c r="D14984" s="1" t="s">
        <v>12785</v>
      </c>
      <c r="E14984" s="1" t="s">
        <v>7</v>
      </c>
    </row>
    <row r="14985">
      <c r="A14985" s="1">
        <v>4.90604739E8</v>
      </c>
      <c r="B14985" s="2">
        <v>14562.0</v>
      </c>
      <c r="C14985" s="1" t="s">
        <v>5</v>
      </c>
      <c r="D14985" s="1" t="s">
        <v>12786</v>
      </c>
      <c r="E14985" s="1" t="s">
        <v>7</v>
      </c>
    </row>
    <row r="14986">
      <c r="A14986" s="1">
        <v>4.90604767E8</v>
      </c>
      <c r="B14986" s="2">
        <v>14631.0</v>
      </c>
      <c r="C14986" s="1" t="s">
        <v>5</v>
      </c>
      <c r="D14986" s="1" t="s">
        <v>12787</v>
      </c>
      <c r="E14986" s="1" t="s">
        <v>11</v>
      </c>
    </row>
    <row r="14987">
      <c r="A14987" s="1">
        <v>4.90604807E8</v>
      </c>
      <c r="B14987" s="2">
        <v>14633.0</v>
      </c>
      <c r="C14987" s="1" t="s">
        <v>5</v>
      </c>
      <c r="D14987" s="1" t="s">
        <v>11</v>
      </c>
      <c r="E14987" s="1" t="s">
        <v>7</v>
      </c>
    </row>
    <row r="14988">
      <c r="A14988" s="1">
        <v>4.90604815E8</v>
      </c>
      <c r="B14988" s="2">
        <v>14562.0</v>
      </c>
      <c r="C14988" s="1" t="s">
        <v>5</v>
      </c>
      <c r="D14988" s="1" t="s">
        <v>12788</v>
      </c>
      <c r="E14988" s="1" t="s">
        <v>11</v>
      </c>
    </row>
    <row r="14989">
      <c r="A14989" s="1">
        <v>4.90604832E8</v>
      </c>
      <c r="B14989" s="2">
        <v>14561.0</v>
      </c>
      <c r="C14989" s="1" t="s">
        <v>5</v>
      </c>
      <c r="D14989" s="1" t="s">
        <v>12789</v>
      </c>
      <c r="E14989" s="1" t="s">
        <v>11</v>
      </c>
    </row>
    <row r="14990">
      <c r="A14990" s="1">
        <v>4.90604862E8</v>
      </c>
      <c r="B14990" s="2">
        <v>14640.0</v>
      </c>
      <c r="C14990" s="1" t="s">
        <v>5</v>
      </c>
      <c r="D14990" s="1" t="s">
        <v>12790</v>
      </c>
      <c r="E14990" s="1" t="s">
        <v>7</v>
      </c>
    </row>
    <row r="14991">
      <c r="A14991" s="1">
        <v>4.90604867E8</v>
      </c>
      <c r="B14991" s="2">
        <v>14629.0</v>
      </c>
      <c r="C14991" s="1" t="s">
        <v>5</v>
      </c>
      <c r="D14991" s="1" t="s">
        <v>12791</v>
      </c>
      <c r="E14991" s="1" t="s">
        <v>7</v>
      </c>
    </row>
    <row r="14992">
      <c r="A14992" s="1">
        <v>4.90604954E8</v>
      </c>
      <c r="B14992" s="2">
        <v>14640.0</v>
      </c>
      <c r="C14992" s="1" t="s">
        <v>5</v>
      </c>
      <c r="D14992" s="1" t="s">
        <v>12792</v>
      </c>
      <c r="E14992" s="1" t="s">
        <v>12793</v>
      </c>
    </row>
    <row r="14993">
      <c r="A14993" s="1">
        <v>4.9060499E8</v>
      </c>
      <c r="B14993" s="2">
        <v>14633.0</v>
      </c>
      <c r="C14993" s="1" t="s">
        <v>5</v>
      </c>
      <c r="D14993" s="1" t="s">
        <v>12794</v>
      </c>
      <c r="E14993" s="1" t="s">
        <v>11</v>
      </c>
    </row>
    <row r="14994">
      <c r="A14994" s="1">
        <v>4.90605099E8</v>
      </c>
      <c r="B14994" s="2">
        <v>14560.0</v>
      </c>
      <c r="C14994" s="1" t="s">
        <v>5</v>
      </c>
      <c r="D14994" s="1" t="s">
        <v>12795</v>
      </c>
      <c r="E14994" s="1" t="s">
        <v>11</v>
      </c>
    </row>
    <row r="14995">
      <c r="A14995" s="1">
        <v>4.90605136E8</v>
      </c>
      <c r="B14995" s="2">
        <v>14608.0</v>
      </c>
      <c r="C14995" s="1" t="s">
        <v>5</v>
      </c>
      <c r="D14995" s="1" t="s">
        <v>12796</v>
      </c>
      <c r="E14995" s="1" t="s">
        <v>11</v>
      </c>
    </row>
    <row r="14996">
      <c r="A14996" s="1">
        <v>4.9060515E8</v>
      </c>
      <c r="B14996" s="2">
        <v>14608.0</v>
      </c>
      <c r="C14996" s="1" t="s">
        <v>5</v>
      </c>
      <c r="D14996" s="1" t="s">
        <v>12797</v>
      </c>
      <c r="E14996" s="1" t="s">
        <v>11</v>
      </c>
    </row>
    <row r="14997">
      <c r="A14997" s="1">
        <v>4.90605243E8</v>
      </c>
      <c r="B14997" s="2">
        <v>14627.0</v>
      </c>
      <c r="C14997" s="1" t="s">
        <v>5</v>
      </c>
      <c r="D14997" s="1" t="s">
        <v>11</v>
      </c>
      <c r="E14997" s="1" t="s">
        <v>7</v>
      </c>
    </row>
    <row r="14998">
      <c r="A14998" s="1">
        <v>4.90605361E8</v>
      </c>
      <c r="B14998" s="2">
        <v>14580.0</v>
      </c>
      <c r="C14998" s="1" t="s">
        <v>5</v>
      </c>
      <c r="D14998" s="1" t="s">
        <v>11</v>
      </c>
      <c r="E14998" s="1" t="s">
        <v>7</v>
      </c>
    </row>
    <row r="14999">
      <c r="A14999" s="1">
        <v>4.90605367E8</v>
      </c>
      <c r="B14999" s="2">
        <v>14550.0</v>
      </c>
      <c r="C14999" s="1" t="s">
        <v>5</v>
      </c>
      <c r="D14999" s="1" t="s">
        <v>12798</v>
      </c>
      <c r="E14999" s="1" t="s">
        <v>11</v>
      </c>
    </row>
    <row r="15000">
      <c r="A15000" s="1">
        <v>4.90605406E8</v>
      </c>
      <c r="B15000" s="2">
        <v>14637.0</v>
      </c>
      <c r="C15000" s="1" t="s">
        <v>5</v>
      </c>
      <c r="D15000" s="1" t="s">
        <v>12799</v>
      </c>
      <c r="E15000" s="1" t="s">
        <v>11</v>
      </c>
    </row>
    <row r="15001">
      <c r="A15001" s="1">
        <v>4.90605564E8</v>
      </c>
      <c r="B15001" s="2">
        <v>14586.0</v>
      </c>
      <c r="C15001" s="1" t="s">
        <v>5</v>
      </c>
      <c r="D15001" s="1" t="s">
        <v>11</v>
      </c>
      <c r="E15001" s="1" t="s">
        <v>7</v>
      </c>
    </row>
    <row r="15002">
      <c r="A15002" s="1">
        <v>4.90605632E8</v>
      </c>
      <c r="B15002" s="2">
        <v>14605.0</v>
      </c>
      <c r="C15002" s="1" t="s">
        <v>5</v>
      </c>
      <c r="D15002" s="1" t="s">
        <v>12800</v>
      </c>
      <c r="E15002" s="1" t="s">
        <v>7</v>
      </c>
    </row>
    <row r="15003">
      <c r="A15003" s="1">
        <v>4.90605714E8</v>
      </c>
      <c r="B15003" s="2">
        <v>14557.0</v>
      </c>
      <c r="C15003" s="1" t="s">
        <v>5</v>
      </c>
      <c r="D15003" s="1" t="s">
        <v>12801</v>
      </c>
      <c r="E15003" s="1" t="s">
        <v>11</v>
      </c>
    </row>
    <row r="15004">
      <c r="A15004" s="1">
        <v>4.90605736E8</v>
      </c>
      <c r="B15004" s="2">
        <v>14640.0</v>
      </c>
      <c r="C15004" s="1" t="s">
        <v>5</v>
      </c>
      <c r="D15004" s="1" t="s">
        <v>12802</v>
      </c>
      <c r="E15004" s="1" t="s">
        <v>11</v>
      </c>
    </row>
    <row r="15005">
      <c r="A15005" s="1">
        <v>4.90605747E8</v>
      </c>
      <c r="B15005" s="2">
        <v>14628.0</v>
      </c>
      <c r="C15005" s="1" t="s">
        <v>5</v>
      </c>
      <c r="D15005" s="1" t="s">
        <v>12803</v>
      </c>
      <c r="E15005" s="1" t="s">
        <v>7</v>
      </c>
    </row>
    <row r="15006">
      <c r="A15006" s="1">
        <v>4.90605776E8</v>
      </c>
      <c r="B15006" s="2">
        <v>14628.0</v>
      </c>
      <c r="C15006" s="1" t="s">
        <v>5</v>
      </c>
      <c r="D15006" s="1" t="s">
        <v>12804</v>
      </c>
      <c r="E15006" s="1" t="s">
        <v>12805</v>
      </c>
    </row>
    <row r="15007">
      <c r="A15007" s="1">
        <v>4.9060579E8</v>
      </c>
      <c r="B15007" s="2">
        <v>14620.0</v>
      </c>
      <c r="C15007" s="1" t="s">
        <v>5</v>
      </c>
      <c r="D15007" s="1" t="s">
        <v>12806</v>
      </c>
      <c r="E15007" s="1" t="s">
        <v>7</v>
      </c>
    </row>
    <row r="15008">
      <c r="A15008" s="1">
        <v>4.9060591E8</v>
      </c>
      <c r="B15008" s="2">
        <v>14556.0</v>
      </c>
      <c r="C15008" s="1" t="s">
        <v>5</v>
      </c>
      <c r="D15008" s="1" t="s">
        <v>12807</v>
      </c>
      <c r="E15008" s="1" t="s">
        <v>7</v>
      </c>
    </row>
    <row r="15009">
      <c r="A15009" s="1">
        <v>4.90606044E8</v>
      </c>
      <c r="B15009" s="2">
        <v>14561.0</v>
      </c>
      <c r="C15009" s="1" t="s">
        <v>5</v>
      </c>
      <c r="D15009" s="1" t="s">
        <v>12808</v>
      </c>
      <c r="E15009" s="1" t="s">
        <v>11</v>
      </c>
    </row>
    <row r="15010">
      <c r="A15010" s="1">
        <v>4.90606119E8</v>
      </c>
      <c r="B15010" s="2">
        <v>14621.0</v>
      </c>
      <c r="C15010" s="1" t="s">
        <v>5</v>
      </c>
      <c r="D15010" s="1" t="s">
        <v>11</v>
      </c>
      <c r="E15010" s="1" t="s">
        <v>7</v>
      </c>
    </row>
    <row r="15011">
      <c r="A15011" s="1">
        <v>4.90606131E8</v>
      </c>
      <c r="B15011" s="2">
        <v>14569.0</v>
      </c>
      <c r="C15011" s="1" t="s">
        <v>5</v>
      </c>
      <c r="D15011" s="1" t="s">
        <v>12809</v>
      </c>
      <c r="E15011" s="1" t="s">
        <v>12810</v>
      </c>
    </row>
    <row r="15012">
      <c r="A15012" s="1">
        <v>4.90606167E8</v>
      </c>
      <c r="B15012" s="2">
        <v>14601.0</v>
      </c>
      <c r="C15012" s="1" t="s">
        <v>5</v>
      </c>
      <c r="D15012" s="1" t="s">
        <v>12811</v>
      </c>
      <c r="E15012" s="1" t="s">
        <v>7</v>
      </c>
    </row>
    <row r="15013">
      <c r="A15013" s="1">
        <v>4.90606219E8</v>
      </c>
      <c r="B15013" s="2">
        <v>14609.0</v>
      </c>
      <c r="C15013" s="1" t="s">
        <v>5</v>
      </c>
      <c r="D15013" s="1" t="s">
        <v>11</v>
      </c>
      <c r="E15013" s="1" t="s">
        <v>7</v>
      </c>
    </row>
    <row r="15014">
      <c r="A15014" s="1">
        <v>4.9060635E8</v>
      </c>
      <c r="B15014" s="2">
        <v>14616.0</v>
      </c>
      <c r="C15014" s="1" t="s">
        <v>5</v>
      </c>
      <c r="D15014" s="1" t="s">
        <v>12812</v>
      </c>
      <c r="E15014" s="1" t="s">
        <v>11</v>
      </c>
    </row>
    <row r="15015">
      <c r="A15015" s="1">
        <v>4.90606413E8</v>
      </c>
      <c r="B15015" s="2">
        <v>14620.0</v>
      </c>
      <c r="C15015" s="1" t="s">
        <v>5</v>
      </c>
      <c r="D15015" s="1" t="s">
        <v>11</v>
      </c>
      <c r="E15015" s="1" t="s">
        <v>7</v>
      </c>
    </row>
    <row r="15016">
      <c r="A15016" s="1">
        <v>4.90606533E8</v>
      </c>
      <c r="B15016" s="2">
        <v>14615.0</v>
      </c>
      <c r="C15016" s="1" t="s">
        <v>5</v>
      </c>
      <c r="D15016" s="1" t="s">
        <v>11</v>
      </c>
      <c r="E15016" s="1" t="s">
        <v>7</v>
      </c>
    </row>
    <row r="15017">
      <c r="A15017" s="1">
        <v>4.90606564E8</v>
      </c>
      <c r="B15017" s="2">
        <v>14637.0</v>
      </c>
      <c r="C15017" s="1" t="s">
        <v>5</v>
      </c>
      <c r="D15017" s="1" t="s">
        <v>12813</v>
      </c>
      <c r="E15017" s="1" t="s">
        <v>11</v>
      </c>
    </row>
    <row r="15018">
      <c r="A15018" s="1">
        <v>4.90606687E8</v>
      </c>
      <c r="B15018" s="2">
        <v>14597.0</v>
      </c>
      <c r="C15018" s="1" t="s">
        <v>5</v>
      </c>
      <c r="D15018" s="1" t="s">
        <v>11</v>
      </c>
      <c r="E15018" s="1" t="s">
        <v>7</v>
      </c>
    </row>
    <row r="15019">
      <c r="A15019" s="1">
        <v>4.90606726E8</v>
      </c>
      <c r="B15019" s="2">
        <v>14617.0</v>
      </c>
      <c r="C15019" s="1" t="s">
        <v>5</v>
      </c>
      <c r="D15019" s="1" t="s">
        <v>12814</v>
      </c>
      <c r="E15019" s="1" t="s">
        <v>11</v>
      </c>
    </row>
    <row r="15020">
      <c r="A15020" s="1">
        <v>4.9060678E8</v>
      </c>
      <c r="B15020" s="2">
        <v>14618.0</v>
      </c>
      <c r="C15020" s="1" t="s">
        <v>5</v>
      </c>
      <c r="D15020" s="1" t="s">
        <v>11</v>
      </c>
      <c r="E15020" s="1" t="s">
        <v>7</v>
      </c>
    </row>
    <row r="15021">
      <c r="A15021" s="1">
        <v>4.9060679E8</v>
      </c>
      <c r="B15021" s="2">
        <v>14617.0</v>
      </c>
      <c r="C15021" s="1" t="s">
        <v>5</v>
      </c>
      <c r="D15021" s="1" t="s">
        <v>11</v>
      </c>
      <c r="E15021" s="1" t="s">
        <v>7</v>
      </c>
    </row>
    <row r="15022">
      <c r="A15022" s="1">
        <v>4.9060688E8</v>
      </c>
      <c r="B15022" s="2">
        <v>14617.0</v>
      </c>
      <c r="C15022" s="1" t="s">
        <v>5</v>
      </c>
      <c r="D15022" s="1" t="s">
        <v>12815</v>
      </c>
      <c r="E15022" s="1" t="s">
        <v>7</v>
      </c>
    </row>
    <row r="15023">
      <c r="A15023" s="1">
        <v>4.90606884E8</v>
      </c>
      <c r="B15023" s="2">
        <v>14603.0</v>
      </c>
      <c r="C15023" s="1" t="s">
        <v>5</v>
      </c>
      <c r="D15023" s="1" t="s">
        <v>11</v>
      </c>
      <c r="E15023" s="1" t="s">
        <v>7</v>
      </c>
    </row>
    <row r="15024">
      <c r="A15024" s="1">
        <v>4.9060697E8</v>
      </c>
      <c r="B15024" s="2">
        <v>14596.0</v>
      </c>
      <c r="C15024" s="1" t="s">
        <v>5</v>
      </c>
      <c r="D15024" s="1" t="s">
        <v>12816</v>
      </c>
      <c r="E15024" s="1" t="s">
        <v>7</v>
      </c>
    </row>
    <row r="15025">
      <c r="A15025" s="1">
        <v>4.90607013E8</v>
      </c>
      <c r="B15025" s="2">
        <v>14560.0</v>
      </c>
      <c r="C15025" s="1" t="s">
        <v>5</v>
      </c>
      <c r="D15025" s="1" t="s">
        <v>12817</v>
      </c>
      <c r="E15025" s="1" t="s">
        <v>7</v>
      </c>
    </row>
    <row r="15026">
      <c r="A15026" s="1">
        <v>4.90607079E8</v>
      </c>
      <c r="B15026" s="2">
        <v>14596.0</v>
      </c>
      <c r="C15026" s="1" t="s">
        <v>5</v>
      </c>
      <c r="D15026" s="1" t="s">
        <v>12818</v>
      </c>
      <c r="E15026" s="1" t="s">
        <v>7</v>
      </c>
    </row>
    <row r="15027">
      <c r="A15027" s="1">
        <v>4.90607164E8</v>
      </c>
      <c r="B15027" s="2">
        <v>14553.0</v>
      </c>
      <c r="C15027" s="1" t="s">
        <v>5</v>
      </c>
      <c r="D15027" s="1" t="s">
        <v>11</v>
      </c>
      <c r="E15027" s="1" t="s">
        <v>7</v>
      </c>
    </row>
    <row r="15028">
      <c r="A15028" s="1">
        <v>4.90607239E8</v>
      </c>
      <c r="B15028" s="2">
        <v>14615.0</v>
      </c>
      <c r="C15028" s="1" t="s">
        <v>5</v>
      </c>
      <c r="D15028" s="1" t="s">
        <v>12819</v>
      </c>
      <c r="E15028" s="1" t="s">
        <v>11</v>
      </c>
    </row>
    <row r="15029">
      <c r="A15029" s="1">
        <v>4.90607258E8</v>
      </c>
      <c r="B15029" s="2">
        <v>14596.0</v>
      </c>
      <c r="C15029" s="1" t="s">
        <v>5</v>
      </c>
      <c r="D15029" s="1" t="s">
        <v>12820</v>
      </c>
      <c r="E15029" s="1" t="s">
        <v>7</v>
      </c>
    </row>
    <row r="15030">
      <c r="A15030" s="1">
        <v>4.90607283E8</v>
      </c>
      <c r="B15030" s="2">
        <v>14557.0</v>
      </c>
      <c r="C15030" s="1" t="s">
        <v>5</v>
      </c>
      <c r="D15030" s="1" t="s">
        <v>11</v>
      </c>
      <c r="E15030" s="1" t="s">
        <v>7</v>
      </c>
    </row>
    <row r="15031">
      <c r="A15031" s="1">
        <v>4.90607484E8</v>
      </c>
      <c r="B15031" s="2">
        <v>14631.0</v>
      </c>
      <c r="C15031" s="1" t="s">
        <v>5</v>
      </c>
      <c r="D15031" s="1" t="s">
        <v>12821</v>
      </c>
      <c r="E15031" s="1" t="s">
        <v>7</v>
      </c>
    </row>
    <row r="15032">
      <c r="A15032" s="1">
        <v>4.90607519E8</v>
      </c>
      <c r="B15032" s="2">
        <v>14556.0</v>
      </c>
      <c r="C15032" s="1" t="s">
        <v>5</v>
      </c>
      <c r="D15032" s="1" t="s">
        <v>12822</v>
      </c>
      <c r="E15032" s="1" t="s">
        <v>11</v>
      </c>
    </row>
    <row r="15033">
      <c r="A15033" s="1">
        <v>4.90607525E8</v>
      </c>
      <c r="B15033" s="2">
        <v>14555.0</v>
      </c>
      <c r="C15033" s="1" t="s">
        <v>5</v>
      </c>
      <c r="D15033" s="1" t="s">
        <v>12823</v>
      </c>
      <c r="E15033" s="1" t="s">
        <v>11</v>
      </c>
    </row>
    <row r="15034">
      <c r="A15034" s="1">
        <v>4.90607585E8</v>
      </c>
      <c r="B15034" s="2">
        <v>14599.0</v>
      </c>
      <c r="C15034" s="1" t="s">
        <v>5</v>
      </c>
      <c r="D15034" s="1" t="s">
        <v>12824</v>
      </c>
      <c r="E15034" s="1" t="s">
        <v>7</v>
      </c>
    </row>
    <row r="15035">
      <c r="A15035" s="1">
        <v>4.90607591E8</v>
      </c>
      <c r="B15035" s="2">
        <v>14611.0</v>
      </c>
      <c r="C15035" s="1" t="s">
        <v>5</v>
      </c>
      <c r="D15035" s="1" t="s">
        <v>12825</v>
      </c>
      <c r="E15035" s="1" t="s">
        <v>7</v>
      </c>
    </row>
    <row r="15036">
      <c r="A15036" s="1">
        <v>4.90607599E8</v>
      </c>
      <c r="B15036" s="2">
        <v>14670.0</v>
      </c>
      <c r="C15036" s="1" t="s">
        <v>5</v>
      </c>
      <c r="D15036" s="1" t="s">
        <v>12215</v>
      </c>
      <c r="E15036" s="1" t="s">
        <v>7</v>
      </c>
    </row>
    <row r="15037">
      <c r="A15037" s="1">
        <v>4.90607676E8</v>
      </c>
      <c r="B15037" s="2">
        <v>14560.0</v>
      </c>
      <c r="C15037" s="1" t="s">
        <v>5</v>
      </c>
      <c r="D15037" s="1" t="s">
        <v>12826</v>
      </c>
      <c r="E15037" s="1" t="s">
        <v>7</v>
      </c>
    </row>
    <row r="15038">
      <c r="A15038" s="1">
        <v>4.90607727E8</v>
      </c>
      <c r="B15038" s="2">
        <v>14631.0</v>
      </c>
      <c r="C15038" s="1" t="s">
        <v>5</v>
      </c>
      <c r="D15038" s="1" t="s">
        <v>12827</v>
      </c>
      <c r="E15038" s="1" t="s">
        <v>7</v>
      </c>
    </row>
    <row r="15039">
      <c r="A15039" s="1">
        <v>4.90607746E8</v>
      </c>
      <c r="B15039" s="2">
        <v>14600.0</v>
      </c>
      <c r="C15039" s="1" t="s">
        <v>5</v>
      </c>
      <c r="D15039" s="1" t="s">
        <v>12828</v>
      </c>
      <c r="E15039" s="1" t="s">
        <v>11</v>
      </c>
    </row>
    <row r="15040">
      <c r="A15040" s="1">
        <v>4.90607751E8</v>
      </c>
      <c r="B15040" s="2">
        <v>14558.0</v>
      </c>
      <c r="C15040" s="1" t="s">
        <v>5</v>
      </c>
      <c r="D15040" s="1" t="s">
        <v>12829</v>
      </c>
      <c r="E15040" s="1" t="s">
        <v>7</v>
      </c>
    </row>
    <row r="15041">
      <c r="A15041" s="1">
        <v>4.90607761E8</v>
      </c>
      <c r="B15041" s="2">
        <v>14631.0</v>
      </c>
      <c r="C15041" s="1" t="s">
        <v>5</v>
      </c>
      <c r="D15041" s="1" t="s">
        <v>12830</v>
      </c>
      <c r="E15041" s="1" t="s">
        <v>7</v>
      </c>
    </row>
    <row r="15042">
      <c r="A15042" s="1">
        <v>4.90607773E8</v>
      </c>
      <c r="B15042" s="2">
        <v>14610.0</v>
      </c>
      <c r="C15042" s="1" t="s">
        <v>5</v>
      </c>
      <c r="D15042" s="1" t="s">
        <v>12831</v>
      </c>
      <c r="E15042" s="1" t="s">
        <v>7</v>
      </c>
    </row>
    <row r="15043">
      <c r="A15043" s="1">
        <v>4.90607787E8</v>
      </c>
      <c r="B15043" s="2">
        <v>14554.0</v>
      </c>
      <c r="C15043" s="1" t="s">
        <v>5</v>
      </c>
      <c r="D15043" s="1" t="s">
        <v>12832</v>
      </c>
      <c r="E15043" s="1" t="s">
        <v>11</v>
      </c>
    </row>
    <row r="15044">
      <c r="A15044" s="1">
        <v>4.90607801E8</v>
      </c>
      <c r="B15044" s="2">
        <v>14583.0</v>
      </c>
      <c r="C15044" s="1" t="s">
        <v>5</v>
      </c>
      <c r="D15044" s="1" t="s">
        <v>11</v>
      </c>
      <c r="E15044" s="1" t="s">
        <v>7</v>
      </c>
    </row>
    <row r="15045">
      <c r="A15045" s="1">
        <v>4.90607956E8</v>
      </c>
      <c r="B15045" s="2">
        <v>14557.0</v>
      </c>
      <c r="C15045" s="1" t="s">
        <v>5</v>
      </c>
      <c r="D15045" s="1" t="s">
        <v>12833</v>
      </c>
      <c r="E15045" s="1" t="s">
        <v>12834</v>
      </c>
    </row>
    <row r="15046">
      <c r="A15046" s="1">
        <v>4.90608114E8</v>
      </c>
      <c r="B15046" s="2">
        <v>14612.0</v>
      </c>
      <c r="C15046" s="1" t="s">
        <v>5</v>
      </c>
      <c r="D15046" s="1" t="s">
        <v>11</v>
      </c>
      <c r="E15046" s="1" t="s">
        <v>7</v>
      </c>
    </row>
    <row r="15047">
      <c r="A15047" s="1">
        <v>4.90608132E8</v>
      </c>
      <c r="B15047" s="2">
        <v>14629.0</v>
      </c>
      <c r="C15047" s="1" t="s">
        <v>5</v>
      </c>
      <c r="D15047" s="1" t="s">
        <v>11</v>
      </c>
      <c r="E15047" s="1" t="s">
        <v>7</v>
      </c>
    </row>
    <row r="15048">
      <c r="A15048" s="1">
        <v>4.90608159E8</v>
      </c>
      <c r="B15048" s="2">
        <v>14608.0</v>
      </c>
      <c r="C15048" s="1" t="s">
        <v>5</v>
      </c>
      <c r="D15048" s="1" t="s">
        <v>11</v>
      </c>
      <c r="E15048" s="1" t="s">
        <v>7</v>
      </c>
    </row>
    <row r="15049">
      <c r="A15049" s="1">
        <v>4.90608199E8</v>
      </c>
      <c r="B15049" s="2">
        <v>14613.0</v>
      </c>
      <c r="C15049" s="1" t="s">
        <v>5</v>
      </c>
      <c r="D15049" s="1" t="s">
        <v>12835</v>
      </c>
      <c r="E15049" s="1" t="s">
        <v>7</v>
      </c>
    </row>
    <row r="15050">
      <c r="A15050" s="1">
        <v>4.90608256E8</v>
      </c>
      <c r="B15050" s="2">
        <v>14582.0</v>
      </c>
      <c r="C15050" s="1" t="s">
        <v>5</v>
      </c>
      <c r="D15050" s="1" t="s">
        <v>12836</v>
      </c>
      <c r="E15050" s="1" t="s">
        <v>12837</v>
      </c>
    </row>
    <row r="15051">
      <c r="A15051" s="1">
        <v>4.90608279E8</v>
      </c>
      <c r="B15051" s="2">
        <v>14550.0</v>
      </c>
      <c r="C15051" s="1" t="s">
        <v>5</v>
      </c>
      <c r="D15051" s="1" t="s">
        <v>12838</v>
      </c>
      <c r="E15051" s="1" t="s">
        <v>11</v>
      </c>
    </row>
    <row r="15052">
      <c r="A15052" s="1">
        <v>4.90608336E8</v>
      </c>
      <c r="B15052" s="2">
        <v>14612.0</v>
      </c>
      <c r="C15052" s="1" t="s">
        <v>5</v>
      </c>
      <c r="D15052" s="1" t="s">
        <v>12839</v>
      </c>
      <c r="E15052" s="1" t="s">
        <v>7</v>
      </c>
    </row>
    <row r="15053">
      <c r="A15053" s="1">
        <v>4.90608347E8</v>
      </c>
      <c r="B15053" s="2">
        <v>14666.0</v>
      </c>
      <c r="C15053" s="1" t="s">
        <v>5</v>
      </c>
      <c r="D15053" s="1" t="s">
        <v>12840</v>
      </c>
      <c r="E15053" s="1" t="s">
        <v>11</v>
      </c>
    </row>
    <row r="15054">
      <c r="A15054" s="1">
        <v>4.90608394E8</v>
      </c>
      <c r="B15054" s="2">
        <v>14620.0</v>
      </c>
      <c r="C15054" s="1" t="s">
        <v>5</v>
      </c>
      <c r="D15054" s="1" t="s">
        <v>11</v>
      </c>
      <c r="E15054" s="1" t="s">
        <v>7</v>
      </c>
    </row>
    <row r="15055">
      <c r="A15055" s="1">
        <v>4.90608404E8</v>
      </c>
      <c r="B15055" s="2">
        <v>14595.0</v>
      </c>
      <c r="C15055" s="1" t="s">
        <v>5</v>
      </c>
      <c r="D15055" s="1" t="s">
        <v>12841</v>
      </c>
      <c r="E15055" s="1" t="s">
        <v>7</v>
      </c>
    </row>
    <row r="15056">
      <c r="A15056" s="1">
        <v>4.90608439E8</v>
      </c>
      <c r="B15056" s="2">
        <v>14666.0</v>
      </c>
      <c r="C15056" s="1" t="s">
        <v>5</v>
      </c>
      <c r="D15056" s="1" t="s">
        <v>12842</v>
      </c>
      <c r="E15056" s="1" t="s">
        <v>7</v>
      </c>
    </row>
    <row r="15057">
      <c r="A15057" s="1">
        <v>4.9060847E8</v>
      </c>
      <c r="B15057" s="2">
        <v>14603.0</v>
      </c>
      <c r="C15057" s="1" t="s">
        <v>5</v>
      </c>
      <c r="D15057" s="1" t="s">
        <v>12843</v>
      </c>
      <c r="E15057" s="1" t="s">
        <v>11</v>
      </c>
    </row>
    <row r="15058">
      <c r="A15058" s="1">
        <v>4.90608531E8</v>
      </c>
      <c r="B15058" s="2">
        <v>14554.0</v>
      </c>
      <c r="C15058" s="1" t="s">
        <v>5</v>
      </c>
      <c r="D15058" s="1" t="s">
        <v>11</v>
      </c>
      <c r="E15058" s="1" t="s">
        <v>7</v>
      </c>
    </row>
    <row r="15059">
      <c r="A15059" s="1">
        <v>4.90608559E8</v>
      </c>
      <c r="B15059" s="2">
        <v>14664.0</v>
      </c>
      <c r="C15059" s="1" t="s">
        <v>5</v>
      </c>
      <c r="D15059" s="1" t="s">
        <v>12844</v>
      </c>
      <c r="E15059" s="1" t="s">
        <v>11</v>
      </c>
    </row>
    <row r="15060">
      <c r="A15060" s="1">
        <v>4.90608607E8</v>
      </c>
      <c r="B15060" s="2">
        <v>14668.0</v>
      </c>
      <c r="C15060" s="1" t="s">
        <v>5</v>
      </c>
      <c r="D15060" s="1" t="s">
        <v>12845</v>
      </c>
      <c r="E15060" s="1" t="s">
        <v>7</v>
      </c>
    </row>
    <row r="15061">
      <c r="A15061" s="1">
        <v>4.9060863E8</v>
      </c>
      <c r="B15061" s="2">
        <v>14581.0</v>
      </c>
      <c r="C15061" s="1" t="s">
        <v>5</v>
      </c>
      <c r="D15061" s="1" t="s">
        <v>12846</v>
      </c>
      <c r="E15061" s="1" t="s">
        <v>7</v>
      </c>
    </row>
    <row r="15062">
      <c r="A15062" s="1">
        <v>4.90608762E8</v>
      </c>
      <c r="B15062" s="2">
        <v>14609.0</v>
      </c>
      <c r="C15062" s="1" t="s">
        <v>5</v>
      </c>
      <c r="D15062" s="1" t="s">
        <v>12847</v>
      </c>
      <c r="E15062" s="1" t="s">
        <v>7</v>
      </c>
    </row>
    <row r="15063">
      <c r="A15063" s="1">
        <v>4.90608803E8</v>
      </c>
      <c r="B15063" s="2">
        <v>14666.0</v>
      </c>
      <c r="C15063" s="1" t="s">
        <v>5</v>
      </c>
      <c r="D15063" s="1" t="s">
        <v>12848</v>
      </c>
      <c r="E15063" s="1" t="s">
        <v>7</v>
      </c>
    </row>
    <row r="15064">
      <c r="A15064" s="1">
        <v>4.90608808E8</v>
      </c>
      <c r="B15064" s="2">
        <v>14664.0</v>
      </c>
      <c r="C15064" s="1" t="s">
        <v>5</v>
      </c>
      <c r="D15064" s="1" t="s">
        <v>12849</v>
      </c>
      <c r="E15064" s="1" t="s">
        <v>11</v>
      </c>
    </row>
    <row r="15065">
      <c r="A15065" s="1">
        <v>4.90608819E8</v>
      </c>
      <c r="B15065" s="2">
        <v>14617.0</v>
      </c>
      <c r="C15065" s="1" t="s">
        <v>5</v>
      </c>
      <c r="D15065" s="1" t="s">
        <v>12850</v>
      </c>
      <c r="E15065" s="1" t="s">
        <v>11</v>
      </c>
    </row>
    <row r="15066">
      <c r="A15066" s="1">
        <v>4.90608844E8</v>
      </c>
      <c r="B15066" s="2">
        <v>14628.0</v>
      </c>
      <c r="C15066" s="1" t="s">
        <v>5</v>
      </c>
      <c r="D15066" s="1" t="s">
        <v>12851</v>
      </c>
      <c r="E15066" s="1" t="s">
        <v>11</v>
      </c>
    </row>
    <row r="15067">
      <c r="A15067" s="1">
        <v>4.90608888E8</v>
      </c>
      <c r="B15067" s="2">
        <v>14608.0</v>
      </c>
      <c r="C15067" s="1" t="s">
        <v>5</v>
      </c>
      <c r="D15067" s="1" t="s">
        <v>12852</v>
      </c>
      <c r="E15067" s="1" t="s">
        <v>11</v>
      </c>
    </row>
    <row r="15068">
      <c r="A15068" s="1">
        <v>4.90608907E8</v>
      </c>
      <c r="B15068" s="2">
        <v>14660.0</v>
      </c>
      <c r="C15068" s="1" t="s">
        <v>5</v>
      </c>
      <c r="D15068" s="1" t="s">
        <v>12853</v>
      </c>
      <c r="E15068" s="1" t="s">
        <v>7</v>
      </c>
    </row>
    <row r="15069">
      <c r="A15069" s="1">
        <v>4.90608919E8</v>
      </c>
      <c r="B15069" s="2">
        <v>14663.0</v>
      </c>
      <c r="C15069" s="1" t="s">
        <v>5</v>
      </c>
      <c r="D15069" s="1" t="s">
        <v>12854</v>
      </c>
      <c r="E15069" s="1" t="s">
        <v>7</v>
      </c>
    </row>
    <row r="15070">
      <c r="A15070" s="1">
        <v>4.90609127E8</v>
      </c>
      <c r="B15070" s="2">
        <v>14661.0</v>
      </c>
      <c r="C15070" s="1" t="s">
        <v>5</v>
      </c>
      <c r="D15070" s="1" t="s">
        <v>12855</v>
      </c>
      <c r="E15070" s="1" t="s">
        <v>11</v>
      </c>
    </row>
    <row r="15071">
      <c r="A15071" s="1">
        <v>4.90609147E8</v>
      </c>
      <c r="B15071" s="2">
        <v>14625.0</v>
      </c>
      <c r="C15071" s="1" t="s">
        <v>5</v>
      </c>
      <c r="D15071" s="1" t="s">
        <v>12856</v>
      </c>
      <c r="E15071" s="1" t="s">
        <v>7</v>
      </c>
    </row>
    <row r="15072">
      <c r="A15072" s="1">
        <v>4.90609159E8</v>
      </c>
      <c r="B15072" s="2">
        <v>14667.0</v>
      </c>
      <c r="C15072" s="1" t="s">
        <v>5</v>
      </c>
      <c r="D15072" s="1" t="s">
        <v>11</v>
      </c>
      <c r="E15072" s="1" t="s">
        <v>7</v>
      </c>
    </row>
    <row r="15073">
      <c r="A15073" s="1">
        <v>4.90609219E8</v>
      </c>
      <c r="B15073" s="2">
        <v>14614.0</v>
      </c>
      <c r="C15073" s="1" t="s">
        <v>5</v>
      </c>
      <c r="D15073" s="1" t="s">
        <v>12857</v>
      </c>
      <c r="E15073" s="1" t="s">
        <v>7</v>
      </c>
    </row>
    <row r="15074">
      <c r="A15074" s="1">
        <v>4.90609245E8</v>
      </c>
      <c r="B15074" s="2">
        <v>14600.0</v>
      </c>
      <c r="C15074" s="1" t="s">
        <v>5</v>
      </c>
      <c r="D15074" s="1" t="s">
        <v>12858</v>
      </c>
      <c r="E15074" s="1" t="s">
        <v>7</v>
      </c>
    </row>
    <row r="15075">
      <c r="A15075" s="1">
        <v>4.90609325E8</v>
      </c>
      <c r="B15075" s="2">
        <v>14666.0</v>
      </c>
      <c r="C15075" s="1" t="s">
        <v>5</v>
      </c>
      <c r="D15075" s="1" t="s">
        <v>12859</v>
      </c>
      <c r="E15075" s="1" t="s">
        <v>7</v>
      </c>
    </row>
    <row r="15076">
      <c r="A15076" s="1">
        <v>4.90609351E8</v>
      </c>
      <c r="B15076" s="2">
        <v>14603.0</v>
      </c>
      <c r="C15076" s="1" t="s">
        <v>5</v>
      </c>
      <c r="D15076" s="1" t="s">
        <v>12860</v>
      </c>
      <c r="E15076" s="1" t="s">
        <v>7</v>
      </c>
    </row>
    <row r="15077">
      <c r="A15077" s="1">
        <v>4.90609407E8</v>
      </c>
      <c r="B15077" s="2">
        <v>14603.0</v>
      </c>
      <c r="C15077" s="1" t="s">
        <v>5</v>
      </c>
      <c r="D15077" s="1" t="s">
        <v>11</v>
      </c>
      <c r="E15077" s="1" t="s">
        <v>7</v>
      </c>
    </row>
    <row r="15078">
      <c r="A15078" s="1">
        <v>4.90609441E8</v>
      </c>
      <c r="B15078" s="2">
        <v>14655.0</v>
      </c>
      <c r="C15078" s="1" t="s">
        <v>5</v>
      </c>
      <c r="D15078" s="1" t="s">
        <v>12861</v>
      </c>
      <c r="E15078" s="1" t="s">
        <v>7</v>
      </c>
    </row>
    <row r="15079">
      <c r="A15079" s="1">
        <v>4.90609534E8</v>
      </c>
      <c r="B15079" s="2">
        <v>14663.0</v>
      </c>
      <c r="C15079" s="1" t="s">
        <v>5</v>
      </c>
      <c r="D15079" s="1" t="s">
        <v>12862</v>
      </c>
      <c r="E15079" s="1" t="s">
        <v>7</v>
      </c>
    </row>
    <row r="15080">
      <c r="A15080" s="1">
        <v>4.90609645E8</v>
      </c>
      <c r="B15080" s="2">
        <v>14588.0</v>
      </c>
      <c r="C15080" s="1" t="s">
        <v>5</v>
      </c>
      <c r="D15080" s="1" t="s">
        <v>12863</v>
      </c>
      <c r="E15080" s="1" t="s">
        <v>7</v>
      </c>
    </row>
    <row r="15081">
      <c r="A15081" s="1">
        <v>4.90609674E8</v>
      </c>
      <c r="B15081" s="2">
        <v>14614.0</v>
      </c>
      <c r="C15081" s="1" t="s">
        <v>5</v>
      </c>
      <c r="D15081" s="1" t="s">
        <v>12864</v>
      </c>
      <c r="E15081" s="1" t="s">
        <v>11</v>
      </c>
    </row>
    <row r="15082">
      <c r="A15082" s="1">
        <v>4.90609679E8</v>
      </c>
      <c r="B15082" s="2">
        <v>14596.0</v>
      </c>
      <c r="C15082" s="1" t="s">
        <v>5</v>
      </c>
      <c r="D15082" s="1" t="s">
        <v>11</v>
      </c>
      <c r="E15082" s="1" t="s">
        <v>7</v>
      </c>
    </row>
    <row r="15083">
      <c r="A15083" s="1">
        <v>4.90609714E8</v>
      </c>
      <c r="B15083" s="2">
        <v>14659.0</v>
      </c>
      <c r="C15083" s="1" t="s">
        <v>5</v>
      </c>
      <c r="D15083" s="1" t="s">
        <v>11</v>
      </c>
      <c r="E15083" s="1" t="s">
        <v>7</v>
      </c>
    </row>
    <row r="15084">
      <c r="A15084" s="1">
        <v>4.90609729E8</v>
      </c>
      <c r="B15084" s="2">
        <v>14654.0</v>
      </c>
      <c r="C15084" s="1" t="s">
        <v>5</v>
      </c>
      <c r="D15084" s="1" t="s">
        <v>12865</v>
      </c>
      <c r="E15084" s="1" t="s">
        <v>12866</v>
      </c>
    </row>
    <row r="15085">
      <c r="A15085" s="1">
        <v>4.90609733E8</v>
      </c>
      <c r="B15085" s="2">
        <v>14603.0</v>
      </c>
      <c r="C15085" s="1" t="s">
        <v>5</v>
      </c>
      <c r="D15085" s="1" t="s">
        <v>12867</v>
      </c>
      <c r="E15085" s="1" t="s">
        <v>11</v>
      </c>
    </row>
    <row r="15086">
      <c r="A15086" s="1">
        <v>4.90609747E8</v>
      </c>
      <c r="B15086" s="2">
        <v>14654.0</v>
      </c>
      <c r="C15086" s="1" t="s">
        <v>5</v>
      </c>
      <c r="D15086" s="1" t="s">
        <v>12868</v>
      </c>
      <c r="E15086" s="1" t="s">
        <v>11</v>
      </c>
    </row>
    <row r="15087">
      <c r="A15087" s="1">
        <v>4.90609761E8</v>
      </c>
      <c r="B15087" s="2">
        <v>14583.0</v>
      </c>
      <c r="C15087" s="1" t="s">
        <v>5</v>
      </c>
      <c r="D15087" s="1" t="s">
        <v>11</v>
      </c>
      <c r="E15087" s="1" t="s">
        <v>7</v>
      </c>
    </row>
    <row r="15088">
      <c r="A15088" s="1">
        <v>4.90609834E8</v>
      </c>
      <c r="B15088" s="2">
        <v>14601.0</v>
      </c>
      <c r="C15088" s="1" t="s">
        <v>5</v>
      </c>
      <c r="D15088" s="1" t="s">
        <v>12869</v>
      </c>
      <c r="E15088" s="1" t="s">
        <v>7</v>
      </c>
    </row>
    <row r="15089">
      <c r="A15089" s="1">
        <v>4.9060991E8</v>
      </c>
      <c r="B15089" s="2">
        <v>14601.0</v>
      </c>
      <c r="C15089" s="1" t="s">
        <v>5</v>
      </c>
      <c r="D15089" s="1" t="s">
        <v>12870</v>
      </c>
      <c r="E15089" s="1" t="s">
        <v>11</v>
      </c>
    </row>
    <row r="15090">
      <c r="A15090" s="1">
        <v>4.90609934E8</v>
      </c>
      <c r="B15090" s="2">
        <v>14650.0</v>
      </c>
      <c r="C15090" s="1" t="s">
        <v>5</v>
      </c>
      <c r="D15090" s="1" t="s">
        <v>12871</v>
      </c>
      <c r="E15090" s="1" t="s">
        <v>12872</v>
      </c>
    </row>
    <row r="15091">
      <c r="A15091" s="1">
        <v>4.90609974E8</v>
      </c>
      <c r="B15091" s="2">
        <v>14652.0</v>
      </c>
      <c r="C15091" s="1" t="s">
        <v>5</v>
      </c>
      <c r="D15091" s="1" t="s">
        <v>12873</v>
      </c>
      <c r="E15091" s="1" t="s">
        <v>7</v>
      </c>
    </row>
    <row r="15092">
      <c r="A15092" s="1">
        <v>4.90610082E8</v>
      </c>
      <c r="B15092" s="2">
        <v>14615.0</v>
      </c>
      <c r="C15092" s="1" t="s">
        <v>5</v>
      </c>
      <c r="D15092" s="1" t="s">
        <v>11</v>
      </c>
      <c r="E15092" s="1" t="s">
        <v>7</v>
      </c>
    </row>
    <row r="15093">
      <c r="A15093" s="1">
        <v>4.90610387E8</v>
      </c>
      <c r="B15093" s="2">
        <v>14664.0</v>
      </c>
      <c r="C15093" s="1" t="s">
        <v>5</v>
      </c>
      <c r="D15093" s="1" t="s">
        <v>11</v>
      </c>
      <c r="E15093" s="1" t="s">
        <v>7</v>
      </c>
    </row>
    <row r="15094">
      <c r="A15094" s="1">
        <v>4.9061046E8</v>
      </c>
      <c r="B15094" s="2">
        <v>14653.0</v>
      </c>
      <c r="C15094" s="1" t="s">
        <v>5</v>
      </c>
      <c r="D15094" s="1" t="s">
        <v>12874</v>
      </c>
      <c r="E15094" s="1" t="s">
        <v>12875</v>
      </c>
    </row>
    <row r="15095">
      <c r="A15095" s="1">
        <v>4.90610481E8</v>
      </c>
      <c r="B15095" s="2">
        <v>14645.0</v>
      </c>
      <c r="C15095" s="1" t="s">
        <v>5</v>
      </c>
      <c r="D15095" s="1" t="s">
        <v>12876</v>
      </c>
      <c r="E15095" s="1" t="s">
        <v>7</v>
      </c>
    </row>
    <row r="15096">
      <c r="A15096" s="1">
        <v>4.90610496E8</v>
      </c>
      <c r="B15096" s="2">
        <v>14645.0</v>
      </c>
      <c r="C15096" s="1" t="s">
        <v>5</v>
      </c>
      <c r="D15096" s="1" t="s">
        <v>12877</v>
      </c>
      <c r="E15096" s="1" t="s">
        <v>7</v>
      </c>
    </row>
    <row r="15097">
      <c r="A15097" s="1">
        <v>4.90610512E8</v>
      </c>
      <c r="B15097" s="2">
        <v>14611.0</v>
      </c>
      <c r="C15097" s="1" t="s">
        <v>5</v>
      </c>
      <c r="D15097" s="1" t="s">
        <v>12878</v>
      </c>
      <c r="E15097" s="1" t="s">
        <v>11</v>
      </c>
    </row>
    <row r="15098">
      <c r="A15098" s="1">
        <v>4.90610616E8</v>
      </c>
      <c r="B15098" s="2">
        <v>14595.0</v>
      </c>
      <c r="C15098" s="1" t="s">
        <v>5</v>
      </c>
      <c r="D15098" s="1" t="s">
        <v>12879</v>
      </c>
      <c r="E15098" s="1" t="s">
        <v>7</v>
      </c>
    </row>
    <row r="15099">
      <c r="A15099" s="1">
        <v>4.9061062E8</v>
      </c>
      <c r="B15099" s="2">
        <v>14643.0</v>
      </c>
      <c r="C15099" s="1" t="s">
        <v>5</v>
      </c>
      <c r="D15099" s="1" t="s">
        <v>11</v>
      </c>
      <c r="E15099" s="1" t="s">
        <v>7</v>
      </c>
    </row>
    <row r="15100">
      <c r="A15100" s="1">
        <v>4.90610704E8</v>
      </c>
      <c r="B15100" s="2">
        <v>14611.0</v>
      </c>
      <c r="C15100" s="1" t="s">
        <v>5</v>
      </c>
      <c r="D15100" s="1" t="s">
        <v>12880</v>
      </c>
      <c r="E15100" s="1" t="s">
        <v>11</v>
      </c>
    </row>
    <row r="15101">
      <c r="A15101" s="1">
        <v>4.90610712E8</v>
      </c>
      <c r="B15101" s="2">
        <v>14594.0</v>
      </c>
      <c r="C15101" s="1" t="s">
        <v>5</v>
      </c>
      <c r="D15101" s="1" t="s">
        <v>7</v>
      </c>
      <c r="E15101" s="1" t="s">
        <v>7</v>
      </c>
    </row>
    <row r="15102">
      <c r="A15102" s="1">
        <v>4.90610723E8</v>
      </c>
      <c r="B15102" s="2">
        <v>14669.0</v>
      </c>
      <c r="C15102" s="1" t="s">
        <v>5</v>
      </c>
      <c r="D15102" s="1" t="s">
        <v>12881</v>
      </c>
      <c r="E15102" s="1" t="s">
        <v>7</v>
      </c>
    </row>
    <row r="15103">
      <c r="A15103" s="1">
        <v>4.90610733E8</v>
      </c>
      <c r="B15103" s="2">
        <v>14611.0</v>
      </c>
      <c r="C15103" s="1" t="s">
        <v>5</v>
      </c>
      <c r="D15103" s="1" t="s">
        <v>12882</v>
      </c>
      <c r="E15103" s="1" t="s">
        <v>7</v>
      </c>
    </row>
    <row r="15104">
      <c r="A15104" s="1">
        <v>4.90610796E8</v>
      </c>
      <c r="B15104" s="2">
        <v>14648.0</v>
      </c>
      <c r="C15104" s="1" t="s">
        <v>5</v>
      </c>
      <c r="D15104" s="1" t="s">
        <v>12883</v>
      </c>
      <c r="E15104" s="1" t="s">
        <v>7</v>
      </c>
    </row>
    <row r="15105">
      <c r="A15105" s="1">
        <v>4.90610912E8</v>
      </c>
      <c r="B15105" s="2">
        <v>14595.0</v>
      </c>
      <c r="C15105" s="1" t="s">
        <v>5</v>
      </c>
      <c r="D15105" s="1" t="s">
        <v>12884</v>
      </c>
      <c r="E15105" s="1" t="s">
        <v>7</v>
      </c>
    </row>
    <row r="15106">
      <c r="A15106" s="1">
        <v>4.90610932E8</v>
      </c>
      <c r="B15106" s="2">
        <v>14647.0</v>
      </c>
      <c r="C15106" s="1" t="s">
        <v>5</v>
      </c>
      <c r="D15106" s="1" t="s">
        <v>11</v>
      </c>
      <c r="E15106" s="1" t="s">
        <v>7</v>
      </c>
    </row>
    <row r="15107">
      <c r="A15107" s="1">
        <v>4.90611176E8</v>
      </c>
      <c r="B15107" s="2">
        <v>14642.0</v>
      </c>
      <c r="C15107" s="1" t="s">
        <v>5</v>
      </c>
      <c r="D15107" s="1" t="s">
        <v>12885</v>
      </c>
      <c r="E15107" s="1" t="s">
        <v>12886</v>
      </c>
    </row>
    <row r="15108">
      <c r="A15108" s="1">
        <v>4.90611277E8</v>
      </c>
      <c r="B15108" s="2">
        <v>14649.0</v>
      </c>
      <c r="C15108" s="1" t="s">
        <v>5</v>
      </c>
      <c r="D15108" s="1" t="s">
        <v>12887</v>
      </c>
      <c r="E15108" s="1" t="s">
        <v>7</v>
      </c>
    </row>
    <row r="15109">
      <c r="A15109" s="1">
        <v>4.90611284E8</v>
      </c>
      <c r="B15109" s="2">
        <v>14581.0</v>
      </c>
      <c r="C15109" s="1" t="s">
        <v>5</v>
      </c>
      <c r="D15109" s="1" t="s">
        <v>12888</v>
      </c>
      <c r="E15109" s="1" t="s">
        <v>7</v>
      </c>
    </row>
    <row r="15110">
      <c r="A15110" s="1">
        <v>4.90611351E8</v>
      </c>
      <c r="B15110" s="2">
        <v>14656.0</v>
      </c>
      <c r="C15110" s="1" t="s">
        <v>5</v>
      </c>
      <c r="D15110" s="1" t="s">
        <v>12889</v>
      </c>
      <c r="E15110" s="1" t="s">
        <v>11</v>
      </c>
    </row>
    <row r="15111">
      <c r="A15111" s="1">
        <v>4.90611414E8</v>
      </c>
      <c r="B15111" s="2">
        <v>14655.0</v>
      </c>
      <c r="C15111" s="1" t="s">
        <v>5</v>
      </c>
      <c r="D15111" s="1" t="s">
        <v>12890</v>
      </c>
      <c r="E15111" s="1" t="s">
        <v>7</v>
      </c>
    </row>
    <row r="15112">
      <c r="A15112" s="1">
        <v>4.90611416E8</v>
      </c>
      <c r="B15112" s="2">
        <v>14663.0</v>
      </c>
      <c r="C15112" s="1" t="s">
        <v>5</v>
      </c>
      <c r="D15112" s="1" t="s">
        <v>1388</v>
      </c>
      <c r="E15112" s="1" t="s">
        <v>7</v>
      </c>
    </row>
    <row r="15113">
      <c r="A15113" s="1">
        <v>4.90611459E8</v>
      </c>
      <c r="B15113" s="2">
        <v>14700.0</v>
      </c>
      <c r="C15113" s="1" t="s">
        <v>5</v>
      </c>
      <c r="D15113" s="1" t="s">
        <v>12891</v>
      </c>
      <c r="E15113" s="1" t="s">
        <v>7</v>
      </c>
    </row>
    <row r="15114">
      <c r="A15114" s="1">
        <v>4.90611512E8</v>
      </c>
      <c r="B15114" s="2">
        <v>14729.0</v>
      </c>
      <c r="C15114" s="1" t="s">
        <v>5</v>
      </c>
      <c r="D15114" s="1" t="s">
        <v>11</v>
      </c>
      <c r="E15114" s="1" t="s">
        <v>7</v>
      </c>
    </row>
    <row r="15115">
      <c r="A15115" s="1">
        <v>4.90611586E8</v>
      </c>
      <c r="B15115" s="2">
        <v>14646.0</v>
      </c>
      <c r="C15115" s="1" t="s">
        <v>5</v>
      </c>
      <c r="D15115" s="1" t="s">
        <v>12892</v>
      </c>
      <c r="E15115" s="1" t="s">
        <v>11</v>
      </c>
    </row>
    <row r="15116">
      <c r="A15116" s="1">
        <v>4.90611647E8</v>
      </c>
      <c r="B15116" s="2">
        <v>14728.0</v>
      </c>
      <c r="C15116" s="1" t="s">
        <v>5</v>
      </c>
      <c r="D15116" s="1" t="s">
        <v>12893</v>
      </c>
      <c r="E15116" s="1" t="s">
        <v>7</v>
      </c>
    </row>
    <row r="15117">
      <c r="A15117" s="1">
        <v>4.90611687E8</v>
      </c>
      <c r="B15117" s="2">
        <v>14661.0</v>
      </c>
      <c r="C15117" s="1" t="s">
        <v>5</v>
      </c>
      <c r="D15117" s="1" t="s">
        <v>12894</v>
      </c>
      <c r="E15117" s="1" t="s">
        <v>7</v>
      </c>
    </row>
    <row r="15118">
      <c r="A15118" s="1">
        <v>4.90611707E8</v>
      </c>
      <c r="B15118" s="2">
        <v>14729.0</v>
      </c>
      <c r="C15118" s="1" t="s">
        <v>5</v>
      </c>
      <c r="D15118" s="1" t="s">
        <v>12895</v>
      </c>
      <c r="E15118" s="1" t="s">
        <v>7</v>
      </c>
    </row>
    <row r="15119">
      <c r="A15119" s="1">
        <v>4.90611727E8</v>
      </c>
      <c r="B15119" s="2">
        <v>14729.0</v>
      </c>
      <c r="C15119" s="1" t="s">
        <v>5</v>
      </c>
      <c r="D15119" s="1" t="s">
        <v>7</v>
      </c>
      <c r="E15119" s="1" t="s">
        <v>7</v>
      </c>
    </row>
    <row r="15120">
      <c r="A15120" s="1">
        <v>4.90611738E8</v>
      </c>
      <c r="B15120" s="2">
        <v>14691.0</v>
      </c>
      <c r="C15120" s="1" t="s">
        <v>5</v>
      </c>
      <c r="D15120" s="1" t="s">
        <v>12896</v>
      </c>
      <c r="E15120" s="1" t="s">
        <v>12897</v>
      </c>
    </row>
    <row r="15121">
      <c r="A15121" s="1">
        <v>4.9061176E8</v>
      </c>
      <c r="B15121" s="2">
        <v>14729.0</v>
      </c>
      <c r="C15121" s="1" t="s">
        <v>5</v>
      </c>
      <c r="D15121" s="1" t="s">
        <v>12898</v>
      </c>
      <c r="E15121" s="1" t="s">
        <v>11</v>
      </c>
    </row>
    <row r="15122">
      <c r="A15122" s="1">
        <v>4.90611812E8</v>
      </c>
      <c r="B15122" s="2">
        <v>14650.0</v>
      </c>
      <c r="C15122" s="1" t="s">
        <v>5</v>
      </c>
      <c r="D15122" s="1" t="s">
        <v>12899</v>
      </c>
      <c r="E15122" s="1" t="s">
        <v>11</v>
      </c>
    </row>
    <row r="15123">
      <c r="A15123" s="1">
        <v>4.90611881E8</v>
      </c>
      <c r="B15123" s="2">
        <v>14644.0</v>
      </c>
      <c r="C15123" s="1" t="s">
        <v>5</v>
      </c>
      <c r="D15123" s="1" t="s">
        <v>12900</v>
      </c>
      <c r="E15123" s="1" t="s">
        <v>7</v>
      </c>
    </row>
    <row r="15124">
      <c r="A15124" s="1">
        <v>4.90611964E8</v>
      </c>
      <c r="B15124" s="2">
        <v>14694.0</v>
      </c>
      <c r="C15124" s="1" t="s">
        <v>5</v>
      </c>
      <c r="D15124" s="1" t="s">
        <v>12901</v>
      </c>
      <c r="E15124" s="1" t="s">
        <v>11</v>
      </c>
    </row>
    <row r="15125">
      <c r="A15125" s="1">
        <v>4.9061199E8</v>
      </c>
      <c r="B15125" s="2">
        <v>14718.0</v>
      </c>
      <c r="C15125" s="1" t="s">
        <v>5</v>
      </c>
      <c r="D15125" s="1" t="s">
        <v>11</v>
      </c>
      <c r="E15125" s="1" t="s">
        <v>7</v>
      </c>
    </row>
    <row r="15126">
      <c r="A15126" s="1">
        <v>4.90612014E8</v>
      </c>
      <c r="B15126" s="2">
        <v>14694.0</v>
      </c>
      <c r="C15126" s="1" t="s">
        <v>5</v>
      </c>
      <c r="D15126" s="1" t="s">
        <v>11</v>
      </c>
      <c r="E15126" s="1" t="s">
        <v>7</v>
      </c>
    </row>
    <row r="15127">
      <c r="A15127" s="1">
        <v>4.90612067E8</v>
      </c>
      <c r="B15127" s="2">
        <v>14659.0</v>
      </c>
      <c r="C15127" s="1" t="s">
        <v>5</v>
      </c>
      <c r="D15127" s="1" t="s">
        <v>12902</v>
      </c>
      <c r="E15127" s="1" t="s">
        <v>11</v>
      </c>
    </row>
    <row r="15128">
      <c r="A15128" s="1">
        <v>4.90612169E8</v>
      </c>
      <c r="B15128" s="2">
        <v>14697.0</v>
      </c>
      <c r="C15128" s="1" t="s">
        <v>5</v>
      </c>
      <c r="D15128" s="1" t="s">
        <v>12903</v>
      </c>
      <c r="E15128" s="1" t="s">
        <v>7</v>
      </c>
    </row>
    <row r="15129">
      <c r="A15129" s="1">
        <v>4.9061224E8</v>
      </c>
      <c r="B15129" s="2">
        <v>14717.0</v>
      </c>
      <c r="C15129" s="1" t="s">
        <v>5</v>
      </c>
      <c r="D15129" s="1" t="s">
        <v>12904</v>
      </c>
      <c r="E15129" s="1" t="s">
        <v>7</v>
      </c>
    </row>
    <row r="15130">
      <c r="A15130" s="1">
        <v>4.90612276E8</v>
      </c>
      <c r="B15130" s="2">
        <v>14715.0</v>
      </c>
      <c r="C15130" s="1" t="s">
        <v>5</v>
      </c>
      <c r="D15130" s="1" t="s">
        <v>11</v>
      </c>
      <c r="E15130" s="1" t="s">
        <v>7</v>
      </c>
    </row>
    <row r="15131">
      <c r="A15131" s="1">
        <v>4.90612296E8</v>
      </c>
      <c r="B15131" s="2">
        <v>14672.0</v>
      </c>
      <c r="C15131" s="1" t="s">
        <v>5</v>
      </c>
      <c r="D15131" s="1" t="s">
        <v>12905</v>
      </c>
      <c r="E15131" s="1" t="s">
        <v>12906</v>
      </c>
    </row>
    <row r="15132">
      <c r="A15132" s="1">
        <v>4.90612391E8</v>
      </c>
      <c r="B15132" s="2">
        <v>14673.0</v>
      </c>
      <c r="C15132" s="1" t="s">
        <v>5</v>
      </c>
      <c r="D15132" s="1" t="s">
        <v>11</v>
      </c>
      <c r="E15132" s="1" t="s">
        <v>7</v>
      </c>
    </row>
    <row r="15133">
      <c r="A15133" s="1">
        <v>4.90612412E8</v>
      </c>
      <c r="B15133" s="2">
        <v>14696.0</v>
      </c>
      <c r="C15133" s="1" t="s">
        <v>5</v>
      </c>
      <c r="D15133" s="1" t="s">
        <v>11</v>
      </c>
      <c r="E15133" s="1" t="s">
        <v>7</v>
      </c>
    </row>
    <row r="15134">
      <c r="A15134" s="1">
        <v>4.90612426E8</v>
      </c>
      <c r="B15134" s="2">
        <v>14651.0</v>
      </c>
      <c r="C15134" s="1" t="s">
        <v>5</v>
      </c>
      <c r="D15134" s="1" t="s">
        <v>12907</v>
      </c>
      <c r="E15134" s="1" t="s">
        <v>7</v>
      </c>
    </row>
    <row r="15135">
      <c r="A15135" s="1">
        <v>4.90612447E8</v>
      </c>
      <c r="B15135" s="2">
        <v>14651.0</v>
      </c>
      <c r="C15135" s="1" t="s">
        <v>5</v>
      </c>
      <c r="D15135" s="1" t="s">
        <v>11</v>
      </c>
      <c r="E15135" s="1" t="s">
        <v>7</v>
      </c>
    </row>
    <row r="15136">
      <c r="A15136" s="1">
        <v>4.90612452E8</v>
      </c>
      <c r="B15136" s="2">
        <v>14698.0</v>
      </c>
      <c r="C15136" s="1" t="s">
        <v>5</v>
      </c>
      <c r="D15136" s="1" t="s">
        <v>11</v>
      </c>
      <c r="E15136" s="1" t="s">
        <v>7</v>
      </c>
    </row>
    <row r="15137">
      <c r="A15137" s="1">
        <v>4.906126E8</v>
      </c>
      <c r="B15137" s="2">
        <v>14728.0</v>
      </c>
      <c r="C15137" s="1" t="s">
        <v>5</v>
      </c>
      <c r="D15137" s="1" t="s">
        <v>12908</v>
      </c>
      <c r="E15137" s="1" t="s">
        <v>11</v>
      </c>
    </row>
    <row r="15138">
      <c r="A15138" s="1">
        <v>4.90612653E8</v>
      </c>
      <c r="B15138" s="2">
        <v>14655.0</v>
      </c>
      <c r="C15138" s="1" t="s">
        <v>5</v>
      </c>
      <c r="D15138" s="1" t="s">
        <v>12909</v>
      </c>
      <c r="E15138" s="1" t="s">
        <v>11</v>
      </c>
    </row>
    <row r="15139">
      <c r="A15139" s="1">
        <v>4.90612689E8</v>
      </c>
      <c r="B15139" s="2">
        <v>14692.0</v>
      </c>
      <c r="C15139" s="1" t="s">
        <v>5</v>
      </c>
      <c r="D15139" s="1" t="s">
        <v>12910</v>
      </c>
      <c r="E15139" s="1" t="s">
        <v>7</v>
      </c>
    </row>
    <row r="15140">
      <c r="A15140" s="1">
        <v>4.90612711E8</v>
      </c>
      <c r="B15140" s="2">
        <v>14697.0</v>
      </c>
      <c r="C15140" s="1" t="s">
        <v>5</v>
      </c>
      <c r="D15140" s="1" t="s">
        <v>11</v>
      </c>
      <c r="E15140" s="1" t="s">
        <v>7</v>
      </c>
    </row>
    <row r="15141">
      <c r="A15141" s="1">
        <v>4.90612746E8</v>
      </c>
      <c r="B15141" s="2">
        <v>14718.0</v>
      </c>
      <c r="C15141" s="1" t="s">
        <v>5</v>
      </c>
      <c r="D15141" s="1" t="s">
        <v>11</v>
      </c>
      <c r="E15141" s="1" t="s">
        <v>7</v>
      </c>
    </row>
    <row r="15142">
      <c r="A15142" s="1">
        <v>4.90612756E8</v>
      </c>
      <c r="B15142" s="2">
        <v>14712.0</v>
      </c>
      <c r="C15142" s="1" t="s">
        <v>5</v>
      </c>
      <c r="D15142" s="1" t="s">
        <v>12911</v>
      </c>
      <c r="E15142" s="1" t="s">
        <v>7</v>
      </c>
    </row>
    <row r="15143">
      <c r="A15143" s="1">
        <v>4.90612767E8</v>
      </c>
      <c r="B15143" s="2">
        <v>14648.0</v>
      </c>
      <c r="C15143" s="1" t="s">
        <v>5</v>
      </c>
      <c r="D15143" s="1" t="s">
        <v>12912</v>
      </c>
      <c r="E15143" s="1" t="s">
        <v>7</v>
      </c>
    </row>
    <row r="15144">
      <c r="A15144" s="1">
        <v>4.9061291E8</v>
      </c>
      <c r="B15144" s="2">
        <v>14683.0</v>
      </c>
      <c r="C15144" s="1" t="s">
        <v>5</v>
      </c>
      <c r="D15144" s="1" t="s">
        <v>11</v>
      </c>
      <c r="E15144" s="1" t="s">
        <v>7</v>
      </c>
    </row>
    <row r="15145">
      <c r="A15145" s="1">
        <v>4.90612923E8</v>
      </c>
      <c r="B15145" s="2">
        <v>14647.0</v>
      </c>
      <c r="C15145" s="1" t="s">
        <v>5</v>
      </c>
      <c r="D15145" s="1" t="s">
        <v>12913</v>
      </c>
      <c r="E15145" s="1" t="s">
        <v>11</v>
      </c>
    </row>
    <row r="15146">
      <c r="A15146" s="1">
        <v>4.90612926E8</v>
      </c>
      <c r="B15146" s="2">
        <v>14654.0</v>
      </c>
      <c r="C15146" s="1" t="s">
        <v>5</v>
      </c>
      <c r="D15146" s="1" t="s">
        <v>12914</v>
      </c>
      <c r="E15146" s="1" t="s">
        <v>7</v>
      </c>
    </row>
    <row r="15147">
      <c r="A15147" s="1">
        <v>4.90612934E8</v>
      </c>
      <c r="B15147" s="2">
        <v>14695.0</v>
      </c>
      <c r="C15147" s="1" t="s">
        <v>5</v>
      </c>
      <c r="D15147" s="1" t="s">
        <v>11</v>
      </c>
      <c r="E15147" s="1" t="s">
        <v>7</v>
      </c>
    </row>
    <row r="15148">
      <c r="A15148" s="1">
        <v>4.90612983E8</v>
      </c>
      <c r="B15148" s="2">
        <v>14647.0</v>
      </c>
      <c r="C15148" s="1" t="s">
        <v>5</v>
      </c>
      <c r="D15148" s="1" t="s">
        <v>11</v>
      </c>
      <c r="E15148" s="1" t="s">
        <v>7</v>
      </c>
    </row>
    <row r="15149">
      <c r="A15149" s="1">
        <v>4.90613007E8</v>
      </c>
      <c r="B15149" s="2">
        <v>14692.0</v>
      </c>
      <c r="C15149" s="1" t="s">
        <v>5</v>
      </c>
      <c r="D15149" s="1" t="s">
        <v>12915</v>
      </c>
      <c r="E15149" s="1" t="s">
        <v>11</v>
      </c>
    </row>
    <row r="15150">
      <c r="A15150" s="1">
        <v>4.90613054E8</v>
      </c>
      <c r="B15150" s="2">
        <v>14697.0</v>
      </c>
      <c r="C15150" s="1" t="s">
        <v>5</v>
      </c>
      <c r="D15150" s="1" t="s">
        <v>11</v>
      </c>
      <c r="E15150" s="1" t="s">
        <v>7</v>
      </c>
    </row>
    <row r="15151">
      <c r="A15151" s="1">
        <v>4.906131E8</v>
      </c>
      <c r="B15151" s="2">
        <v>14645.0</v>
      </c>
      <c r="C15151" s="1" t="s">
        <v>5</v>
      </c>
      <c r="D15151" s="1" t="s">
        <v>11</v>
      </c>
      <c r="E15151" s="1" t="s">
        <v>7</v>
      </c>
    </row>
    <row r="15152">
      <c r="A15152" s="1">
        <v>4.90613124E8</v>
      </c>
      <c r="B15152" s="2">
        <v>14710.0</v>
      </c>
      <c r="C15152" s="1" t="s">
        <v>5</v>
      </c>
      <c r="D15152" s="1" t="s">
        <v>11</v>
      </c>
      <c r="E15152" s="1" t="s">
        <v>7</v>
      </c>
    </row>
    <row r="15153">
      <c r="A15153" s="1">
        <v>4.90613172E8</v>
      </c>
      <c r="B15153" s="2">
        <v>14715.0</v>
      </c>
      <c r="C15153" s="1" t="s">
        <v>5</v>
      </c>
      <c r="D15153" s="1" t="s">
        <v>12916</v>
      </c>
      <c r="E15153" s="1" t="s">
        <v>11</v>
      </c>
    </row>
    <row r="15154">
      <c r="A15154" s="1">
        <v>4.90613187E8</v>
      </c>
      <c r="B15154" s="2">
        <v>14720.0</v>
      </c>
      <c r="C15154" s="1" t="s">
        <v>5</v>
      </c>
      <c r="D15154" s="1" t="s">
        <v>11</v>
      </c>
      <c r="E15154" s="1" t="s">
        <v>7</v>
      </c>
    </row>
    <row r="15155">
      <c r="A15155" s="1">
        <v>4.90613242E8</v>
      </c>
      <c r="B15155" s="2">
        <v>14718.0</v>
      </c>
      <c r="C15155" s="1" t="s">
        <v>5</v>
      </c>
      <c r="D15155" s="1" t="s">
        <v>12917</v>
      </c>
      <c r="E15155" s="1" t="s">
        <v>11</v>
      </c>
    </row>
    <row r="15156">
      <c r="A15156" s="1">
        <v>4.90613266E8</v>
      </c>
      <c r="B15156" s="2">
        <v>14685.0</v>
      </c>
      <c r="C15156" s="1" t="s">
        <v>5</v>
      </c>
      <c r="D15156" s="1" t="s">
        <v>12918</v>
      </c>
      <c r="E15156" s="1" t="s">
        <v>7</v>
      </c>
    </row>
    <row r="15157">
      <c r="A15157" s="1">
        <v>4.90613292E8</v>
      </c>
      <c r="B15157" s="2">
        <v>14717.0</v>
      </c>
      <c r="C15157" s="1" t="s">
        <v>5</v>
      </c>
      <c r="D15157" s="1" t="s">
        <v>12919</v>
      </c>
      <c r="E15157" s="1" t="s">
        <v>7</v>
      </c>
    </row>
    <row r="15158">
      <c r="A15158" s="1">
        <v>4.90613294E8</v>
      </c>
      <c r="B15158" s="2">
        <v>14711.0</v>
      </c>
      <c r="C15158" s="1" t="s">
        <v>5</v>
      </c>
      <c r="D15158" s="1" t="s">
        <v>12920</v>
      </c>
      <c r="E15158" s="1" t="s">
        <v>12921</v>
      </c>
    </row>
    <row r="15159">
      <c r="A15159" s="1">
        <v>4.90613412E8</v>
      </c>
      <c r="B15159" s="2">
        <v>14685.0</v>
      </c>
      <c r="C15159" s="1" t="s">
        <v>5</v>
      </c>
      <c r="D15159" s="1" t="s">
        <v>12922</v>
      </c>
      <c r="E15159" s="1" t="s">
        <v>7</v>
      </c>
    </row>
    <row r="15160">
      <c r="A15160" s="1">
        <v>4.90613492E8</v>
      </c>
      <c r="B15160" s="2">
        <v>14700.0</v>
      </c>
      <c r="C15160" s="1" t="s">
        <v>5</v>
      </c>
      <c r="D15160" s="1" t="s">
        <v>12923</v>
      </c>
      <c r="E15160" s="1" t="s">
        <v>7</v>
      </c>
    </row>
    <row r="15161">
      <c r="A15161" s="1">
        <v>4.90613506E8</v>
      </c>
      <c r="B15161" s="2">
        <v>14709.0</v>
      </c>
      <c r="C15161" s="1" t="s">
        <v>5</v>
      </c>
      <c r="D15161" s="1" t="s">
        <v>11</v>
      </c>
      <c r="E15161" s="1" t="s">
        <v>7</v>
      </c>
    </row>
    <row r="15162">
      <c r="A15162" s="1">
        <v>4.90613527E8</v>
      </c>
      <c r="B15162" s="2">
        <v>14673.0</v>
      </c>
      <c r="C15162" s="1" t="s">
        <v>5</v>
      </c>
      <c r="D15162" s="1" t="s">
        <v>12924</v>
      </c>
      <c r="E15162" s="1" t="s">
        <v>11</v>
      </c>
    </row>
    <row r="15163">
      <c r="A15163" s="1">
        <v>4.90613633E8</v>
      </c>
      <c r="B15163" s="2">
        <v>14643.0</v>
      </c>
      <c r="C15163" s="1" t="s">
        <v>5</v>
      </c>
      <c r="D15163" s="1" t="s">
        <v>12925</v>
      </c>
      <c r="E15163" s="1" t="s">
        <v>7</v>
      </c>
    </row>
    <row r="15164">
      <c r="A15164" s="1">
        <v>4.90613693E8</v>
      </c>
      <c r="B15164" s="2">
        <v>14715.0</v>
      </c>
      <c r="C15164" s="1" t="s">
        <v>5</v>
      </c>
      <c r="D15164" s="1" t="s">
        <v>12926</v>
      </c>
      <c r="E15164" s="1" t="s">
        <v>7</v>
      </c>
    </row>
    <row r="15165">
      <c r="A15165" s="1">
        <v>4.90613732E8</v>
      </c>
      <c r="B15165" s="2">
        <v>14645.0</v>
      </c>
      <c r="C15165" s="1" t="s">
        <v>5</v>
      </c>
      <c r="D15165" s="1" t="s">
        <v>12927</v>
      </c>
      <c r="E15165" s="1" t="s">
        <v>7</v>
      </c>
    </row>
    <row r="15166">
      <c r="A15166" s="1">
        <v>4.90613799E8</v>
      </c>
      <c r="B15166" s="2">
        <v>14728.0</v>
      </c>
      <c r="C15166" s="1" t="s">
        <v>5</v>
      </c>
      <c r="D15166" s="1" t="s">
        <v>12928</v>
      </c>
      <c r="E15166" s="1" t="s">
        <v>7</v>
      </c>
    </row>
    <row r="15167">
      <c r="A15167" s="1">
        <v>4.9061388E8</v>
      </c>
      <c r="B15167" s="2">
        <v>14681.0</v>
      </c>
      <c r="C15167" s="1" t="s">
        <v>5</v>
      </c>
      <c r="D15167" s="1" t="s">
        <v>11</v>
      </c>
      <c r="E15167" s="1" t="s">
        <v>7</v>
      </c>
    </row>
    <row r="15168">
      <c r="A15168" s="1">
        <v>4.90613968E8</v>
      </c>
      <c r="B15168" s="2">
        <v>14714.0</v>
      </c>
      <c r="C15168" s="1" t="s">
        <v>5</v>
      </c>
      <c r="D15168" s="1" t="s">
        <v>12929</v>
      </c>
      <c r="E15168" s="1" t="s">
        <v>12930</v>
      </c>
    </row>
    <row r="15169">
      <c r="A15169" s="1">
        <v>4.90614047E8</v>
      </c>
      <c r="B15169" s="2">
        <v>14706.0</v>
      </c>
      <c r="C15169" s="1" t="s">
        <v>5</v>
      </c>
      <c r="D15169" s="1" t="s">
        <v>11</v>
      </c>
      <c r="E15169" s="1" t="s">
        <v>7</v>
      </c>
    </row>
    <row r="15170">
      <c r="A15170" s="1">
        <v>4.90614089E8</v>
      </c>
      <c r="B15170" s="2">
        <v>14700.0</v>
      </c>
      <c r="C15170" s="1" t="s">
        <v>5</v>
      </c>
      <c r="D15170" s="1" t="s">
        <v>12931</v>
      </c>
      <c r="E15170" s="1" t="s">
        <v>12932</v>
      </c>
    </row>
    <row r="15171">
      <c r="A15171" s="1">
        <v>4.90614161E8</v>
      </c>
      <c r="B15171" s="2">
        <v>14712.0</v>
      </c>
      <c r="C15171" s="1" t="s">
        <v>5</v>
      </c>
      <c r="D15171" s="1" t="s">
        <v>12933</v>
      </c>
      <c r="E15171" s="1" t="s">
        <v>11</v>
      </c>
    </row>
    <row r="15172">
      <c r="A15172" s="1">
        <v>4.90614169E8</v>
      </c>
      <c r="B15172" s="2">
        <v>14705.0</v>
      </c>
      <c r="C15172" s="1" t="s">
        <v>5</v>
      </c>
      <c r="D15172" s="1" t="s">
        <v>12934</v>
      </c>
      <c r="E15172" s="1" t="s">
        <v>11</v>
      </c>
    </row>
    <row r="15173">
      <c r="A15173" s="1">
        <v>4.90614201E8</v>
      </c>
      <c r="B15173" s="2">
        <v>14711.0</v>
      </c>
      <c r="C15173" s="1" t="s">
        <v>5</v>
      </c>
      <c r="D15173" s="1" t="s">
        <v>12935</v>
      </c>
      <c r="E15173" s="1" t="s">
        <v>11</v>
      </c>
    </row>
    <row r="15174">
      <c r="A15174" s="1">
        <v>4.90614216E8</v>
      </c>
      <c r="B15174" s="2">
        <v>14709.0</v>
      </c>
      <c r="C15174" s="1" t="s">
        <v>5</v>
      </c>
      <c r="D15174" s="1" t="s">
        <v>12936</v>
      </c>
      <c r="E15174" s="1" t="s">
        <v>11</v>
      </c>
    </row>
    <row r="15175">
      <c r="A15175" s="1">
        <v>4.90614227E8</v>
      </c>
      <c r="B15175" s="2">
        <v>14677.0</v>
      </c>
      <c r="C15175" s="1" t="s">
        <v>5</v>
      </c>
      <c r="D15175" s="1" t="s">
        <v>12937</v>
      </c>
      <c r="E15175" s="1" t="s">
        <v>11</v>
      </c>
    </row>
    <row r="15176">
      <c r="A15176" s="1">
        <v>4.90614328E8</v>
      </c>
      <c r="B15176" s="2">
        <v>14699.0</v>
      </c>
      <c r="C15176" s="1" t="s">
        <v>5</v>
      </c>
      <c r="D15176" s="1" t="s">
        <v>12938</v>
      </c>
      <c r="E15176" s="1" t="s">
        <v>11</v>
      </c>
    </row>
    <row r="15177">
      <c r="A15177" s="1">
        <v>4.90614329E8</v>
      </c>
      <c r="B15177" s="2">
        <v>14712.0</v>
      </c>
      <c r="C15177" s="1" t="s">
        <v>5</v>
      </c>
      <c r="D15177" s="1" t="s">
        <v>12939</v>
      </c>
      <c r="E15177" s="1" t="s">
        <v>7</v>
      </c>
    </row>
    <row r="15178">
      <c r="A15178" s="1">
        <v>4.90614331E8</v>
      </c>
      <c r="B15178" s="2">
        <v>14711.0</v>
      </c>
      <c r="C15178" s="1" t="s">
        <v>5</v>
      </c>
      <c r="D15178" s="1" t="s">
        <v>12940</v>
      </c>
      <c r="E15178" s="1" t="s">
        <v>7</v>
      </c>
    </row>
    <row r="15179">
      <c r="A15179" s="1">
        <v>4.90614362E8</v>
      </c>
      <c r="B15179" s="2">
        <v>14704.0</v>
      </c>
      <c r="C15179" s="1" t="s">
        <v>5</v>
      </c>
      <c r="D15179" s="1" t="s">
        <v>12941</v>
      </c>
      <c r="E15179" s="1" t="s">
        <v>7</v>
      </c>
    </row>
    <row r="15180">
      <c r="A15180" s="1">
        <v>4.90614387E8</v>
      </c>
      <c r="B15180" s="2">
        <v>14707.0</v>
      </c>
      <c r="C15180" s="1" t="s">
        <v>5</v>
      </c>
      <c r="D15180" s="1" t="s">
        <v>12942</v>
      </c>
      <c r="E15180" s="1" t="s">
        <v>7</v>
      </c>
    </row>
    <row r="15181">
      <c r="A15181" s="1">
        <v>4.90614441E8</v>
      </c>
      <c r="B15181" s="2">
        <v>14675.0</v>
      </c>
      <c r="C15181" s="1" t="s">
        <v>5</v>
      </c>
      <c r="D15181" s="1" t="s">
        <v>12943</v>
      </c>
      <c r="E15181" s="1" t="s">
        <v>7</v>
      </c>
    </row>
    <row r="15182">
      <c r="A15182" s="1">
        <v>4.90614442E8</v>
      </c>
      <c r="B15182" s="2">
        <v>14686.0</v>
      </c>
      <c r="C15182" s="1" t="s">
        <v>5</v>
      </c>
      <c r="D15182" s="1" t="s">
        <v>12944</v>
      </c>
      <c r="E15182" s="1" t="s">
        <v>7</v>
      </c>
    </row>
    <row r="15183">
      <c r="A15183" s="1">
        <v>4.90614507E8</v>
      </c>
      <c r="B15183" s="2">
        <v>14708.0</v>
      </c>
      <c r="C15183" s="1" t="s">
        <v>5</v>
      </c>
      <c r="D15183" s="1" t="s">
        <v>12945</v>
      </c>
      <c r="E15183" s="1" t="s">
        <v>7</v>
      </c>
    </row>
    <row r="15184">
      <c r="A15184" s="1">
        <v>4.90614613E8</v>
      </c>
      <c r="B15184" s="2">
        <v>14708.0</v>
      </c>
      <c r="C15184" s="1" t="s">
        <v>5</v>
      </c>
      <c r="D15184" s="1" t="s">
        <v>12946</v>
      </c>
      <c r="E15184" s="1" t="s">
        <v>11</v>
      </c>
    </row>
    <row r="15185">
      <c r="A15185" s="1">
        <v>4.90614685E8</v>
      </c>
      <c r="B15185" s="2">
        <v>14707.0</v>
      </c>
      <c r="C15185" s="1" t="s">
        <v>5</v>
      </c>
      <c r="D15185" s="1" t="s">
        <v>12947</v>
      </c>
      <c r="E15185" s="1" t="s">
        <v>11</v>
      </c>
    </row>
    <row r="15186">
      <c r="A15186" s="1">
        <v>4.90614722E8</v>
      </c>
      <c r="B15186" s="2">
        <v>14682.0</v>
      </c>
      <c r="C15186" s="1" t="s">
        <v>5</v>
      </c>
      <c r="D15186" s="1" t="s">
        <v>12948</v>
      </c>
      <c r="E15186" s="1" t="s">
        <v>11</v>
      </c>
    </row>
    <row r="15187">
      <c r="A15187" s="1">
        <v>4.90614733E8</v>
      </c>
      <c r="B15187" s="2">
        <v>14717.0</v>
      </c>
      <c r="C15187" s="1" t="s">
        <v>5</v>
      </c>
      <c r="D15187" s="1" t="s">
        <v>11</v>
      </c>
      <c r="E15187" s="1" t="s">
        <v>7</v>
      </c>
    </row>
    <row r="15188">
      <c r="A15188" s="1">
        <v>4.9061478E8</v>
      </c>
      <c r="B15188" s="2">
        <v>14691.0</v>
      </c>
      <c r="C15188" s="1" t="s">
        <v>5</v>
      </c>
      <c r="D15188" s="1" t="s">
        <v>12949</v>
      </c>
      <c r="E15188" s="1" t="s">
        <v>7</v>
      </c>
    </row>
    <row r="15189">
      <c r="A15189" s="1">
        <v>4.9061483E8</v>
      </c>
      <c r="B15189" s="2">
        <v>14716.0</v>
      </c>
      <c r="C15189" s="1" t="s">
        <v>5</v>
      </c>
      <c r="D15189" s="1" t="s">
        <v>12950</v>
      </c>
      <c r="E15189" s="1" t="s">
        <v>12951</v>
      </c>
    </row>
    <row r="15190">
      <c r="A15190" s="1">
        <v>4.90614853E8</v>
      </c>
      <c r="B15190" s="2">
        <v>14694.0</v>
      </c>
      <c r="C15190" s="1" t="s">
        <v>5</v>
      </c>
      <c r="D15190" s="1" t="s">
        <v>12952</v>
      </c>
      <c r="E15190" s="1" t="s">
        <v>11</v>
      </c>
    </row>
    <row r="15191">
      <c r="A15191" s="1">
        <v>4.90614957E8</v>
      </c>
      <c r="B15191" s="2">
        <v>14703.0</v>
      </c>
      <c r="C15191" s="1" t="s">
        <v>5</v>
      </c>
      <c r="D15191" s="1" t="s">
        <v>12953</v>
      </c>
      <c r="E15191" s="1" t="s">
        <v>7</v>
      </c>
    </row>
    <row r="15192">
      <c r="A15192" s="1">
        <v>4.90614996E8</v>
      </c>
      <c r="B15192" s="2">
        <v>14678.0</v>
      </c>
      <c r="C15192" s="1" t="s">
        <v>5</v>
      </c>
      <c r="D15192" s="1" t="s">
        <v>12954</v>
      </c>
      <c r="E15192" s="1" t="s">
        <v>11</v>
      </c>
    </row>
    <row r="15193">
      <c r="A15193" s="1">
        <v>4.90615013E8</v>
      </c>
      <c r="B15193" s="2">
        <v>14728.0</v>
      </c>
      <c r="C15193" s="1" t="s">
        <v>5</v>
      </c>
      <c r="D15193" s="1" t="s">
        <v>12955</v>
      </c>
      <c r="E15193" s="1" t="s">
        <v>11</v>
      </c>
    </row>
    <row r="15194">
      <c r="A15194" s="1">
        <v>4.90615075E8</v>
      </c>
      <c r="B15194" s="2">
        <v>14727.0</v>
      </c>
      <c r="C15194" s="1" t="s">
        <v>5</v>
      </c>
      <c r="D15194" s="1" t="s">
        <v>12956</v>
      </c>
      <c r="E15194" s="1" t="s">
        <v>7</v>
      </c>
    </row>
    <row r="15195">
      <c r="A15195" s="1">
        <v>4.9061511E8</v>
      </c>
      <c r="B15195" s="3">
        <v>14760.0</v>
      </c>
      <c r="C15195" s="1" t="s">
        <v>5</v>
      </c>
      <c r="D15195" s="1" t="s">
        <v>12957</v>
      </c>
      <c r="E15195" s="1" t="s">
        <v>7</v>
      </c>
    </row>
    <row r="15196">
      <c r="A15196" s="1">
        <v>4.90615168E8</v>
      </c>
      <c r="B15196" s="3">
        <v>14761.0</v>
      </c>
      <c r="C15196" s="1" t="s">
        <v>5</v>
      </c>
      <c r="D15196" s="1" t="s">
        <v>11</v>
      </c>
      <c r="E15196" s="1" t="s">
        <v>7</v>
      </c>
    </row>
    <row r="15197">
      <c r="A15197" s="1">
        <v>4.90615206E8</v>
      </c>
      <c r="B15197" s="2">
        <v>14682.0</v>
      </c>
      <c r="C15197" s="1" t="s">
        <v>5</v>
      </c>
      <c r="D15197" s="1" t="s">
        <v>12958</v>
      </c>
      <c r="E15197" s="1" t="s">
        <v>12959</v>
      </c>
    </row>
    <row r="15198">
      <c r="A15198" s="1">
        <v>4.90615465E8</v>
      </c>
      <c r="B15198" s="3">
        <v>14755.0</v>
      </c>
      <c r="C15198" s="1" t="s">
        <v>5</v>
      </c>
      <c r="D15198" s="1" t="s">
        <v>12960</v>
      </c>
      <c r="E15198" s="1" t="s">
        <v>12961</v>
      </c>
    </row>
    <row r="15199">
      <c r="A15199" s="1">
        <v>4.90615506E8</v>
      </c>
      <c r="B15199" s="2">
        <v>14675.0</v>
      </c>
      <c r="C15199" s="1" t="s">
        <v>5</v>
      </c>
      <c r="D15199" s="1" t="s">
        <v>12962</v>
      </c>
      <c r="E15199" s="1" t="s">
        <v>12963</v>
      </c>
    </row>
    <row r="15200">
      <c r="A15200" s="1">
        <v>4.90615533E8</v>
      </c>
      <c r="B15200" s="3">
        <v>14760.0</v>
      </c>
      <c r="C15200" s="1" t="s">
        <v>5</v>
      </c>
      <c r="D15200" s="1" t="s">
        <v>11</v>
      </c>
      <c r="E15200" s="1" t="s">
        <v>7</v>
      </c>
    </row>
    <row r="15201">
      <c r="A15201" s="1">
        <v>4.90615538E8</v>
      </c>
      <c r="B15201" s="2">
        <v>14711.0</v>
      </c>
      <c r="C15201" s="1" t="s">
        <v>5</v>
      </c>
      <c r="D15201" s="1" t="s">
        <v>11</v>
      </c>
      <c r="E15201" s="1" t="s">
        <v>7</v>
      </c>
    </row>
    <row r="15202">
      <c r="A15202" s="1">
        <v>4.90615645E8</v>
      </c>
      <c r="B15202" s="2">
        <v>14691.0</v>
      </c>
      <c r="C15202" s="1" t="s">
        <v>5</v>
      </c>
      <c r="D15202" s="1" t="s">
        <v>12964</v>
      </c>
      <c r="E15202" s="1" t="s">
        <v>11</v>
      </c>
    </row>
    <row r="15203">
      <c r="A15203" s="1">
        <v>4.90615721E8</v>
      </c>
      <c r="B15203" s="3">
        <v>14762.0</v>
      </c>
      <c r="C15203" s="1" t="s">
        <v>5</v>
      </c>
      <c r="D15203" s="1" t="s">
        <v>11</v>
      </c>
      <c r="E15203" s="1" t="s">
        <v>7</v>
      </c>
    </row>
    <row r="15204">
      <c r="A15204" s="1">
        <v>4.90615758E8</v>
      </c>
      <c r="B15204" s="2">
        <v>14703.0</v>
      </c>
      <c r="C15204" s="1" t="s">
        <v>5</v>
      </c>
      <c r="D15204" s="1" t="s">
        <v>12965</v>
      </c>
      <c r="E15204" s="1" t="s">
        <v>12966</v>
      </c>
    </row>
    <row r="15205">
      <c r="A15205" s="1">
        <v>4.9061576E8</v>
      </c>
      <c r="B15205" s="3">
        <v>14754.0</v>
      </c>
      <c r="C15205" s="1" t="s">
        <v>5</v>
      </c>
      <c r="D15205" s="1" t="s">
        <v>11</v>
      </c>
      <c r="E15205" s="1" t="s">
        <v>7</v>
      </c>
    </row>
    <row r="15206">
      <c r="A15206" s="1">
        <v>4.90615841E8</v>
      </c>
      <c r="B15206" s="3">
        <v>14761.0</v>
      </c>
      <c r="C15206" s="1" t="s">
        <v>5</v>
      </c>
      <c r="D15206" s="1" t="s">
        <v>12967</v>
      </c>
      <c r="E15206" s="1" t="s">
        <v>7</v>
      </c>
    </row>
    <row r="15207">
      <c r="A15207" s="1">
        <v>4.9061588E8</v>
      </c>
      <c r="B15207" s="2">
        <v>14690.0</v>
      </c>
      <c r="C15207" s="1" t="s">
        <v>5</v>
      </c>
      <c r="D15207" s="1" t="s">
        <v>12968</v>
      </c>
      <c r="E15207" s="1" t="s">
        <v>7</v>
      </c>
    </row>
    <row r="15208">
      <c r="A15208" s="1">
        <v>4.90615937E8</v>
      </c>
      <c r="B15208" s="3">
        <v>14758.0</v>
      </c>
      <c r="C15208" s="1" t="s">
        <v>5</v>
      </c>
      <c r="D15208" s="1" t="s">
        <v>12969</v>
      </c>
      <c r="E15208" s="1" t="s">
        <v>7</v>
      </c>
    </row>
    <row r="15209">
      <c r="A15209" s="1">
        <v>4.90616E8</v>
      </c>
      <c r="B15209" s="2">
        <v>14686.0</v>
      </c>
      <c r="C15209" s="1" t="s">
        <v>5</v>
      </c>
      <c r="D15209" s="1" t="s">
        <v>11</v>
      </c>
      <c r="E15209" s="1" t="s">
        <v>7</v>
      </c>
    </row>
    <row r="15210">
      <c r="A15210" s="1">
        <v>4.90616128E8</v>
      </c>
      <c r="B15210" s="3">
        <v>14762.0</v>
      </c>
      <c r="C15210" s="1" t="s">
        <v>5</v>
      </c>
      <c r="D15210" s="1" t="s">
        <v>12970</v>
      </c>
      <c r="E15210" s="1" t="s">
        <v>7</v>
      </c>
    </row>
    <row r="15211">
      <c r="A15211" s="1">
        <v>4.90616172E8</v>
      </c>
      <c r="B15211" s="3">
        <v>14760.0</v>
      </c>
      <c r="C15211" s="1" t="s">
        <v>5</v>
      </c>
      <c r="D15211" s="1" t="s">
        <v>12971</v>
      </c>
      <c r="E15211" s="1" t="s">
        <v>7</v>
      </c>
    </row>
    <row r="15212">
      <c r="A15212" s="1">
        <v>4.90616248E8</v>
      </c>
      <c r="B15212" s="3">
        <v>14757.0</v>
      </c>
      <c r="C15212" s="1" t="s">
        <v>5</v>
      </c>
      <c r="D15212" s="1" t="s">
        <v>11</v>
      </c>
      <c r="E15212" s="1" t="s">
        <v>7</v>
      </c>
    </row>
    <row r="15213">
      <c r="A15213" s="1">
        <v>4.90616249E8</v>
      </c>
      <c r="B15213" s="2">
        <v>14685.0</v>
      </c>
      <c r="C15213" s="1" t="s">
        <v>5</v>
      </c>
      <c r="D15213" s="1" t="s">
        <v>11</v>
      </c>
      <c r="E15213" s="1" t="s">
        <v>7</v>
      </c>
    </row>
    <row r="15214">
      <c r="A15214" s="1">
        <v>4.90616272E8</v>
      </c>
      <c r="B15214" s="2">
        <v>14731.0</v>
      </c>
      <c r="C15214" s="1" t="s">
        <v>5</v>
      </c>
      <c r="D15214" s="1" t="s">
        <v>12972</v>
      </c>
      <c r="E15214" s="1" t="s">
        <v>7</v>
      </c>
    </row>
    <row r="15215">
      <c r="A15215" s="1">
        <v>4.90616387E8</v>
      </c>
      <c r="B15215" s="3">
        <v>14754.0</v>
      </c>
      <c r="C15215" s="1" t="s">
        <v>5</v>
      </c>
      <c r="D15215" s="1" t="s">
        <v>12973</v>
      </c>
      <c r="E15215" s="1" t="s">
        <v>11</v>
      </c>
    </row>
    <row r="15216">
      <c r="A15216" s="1">
        <v>4.90616453E8</v>
      </c>
      <c r="B15216" s="2">
        <v>14706.0</v>
      </c>
      <c r="C15216" s="1" t="s">
        <v>5</v>
      </c>
      <c r="D15216" s="1" t="s">
        <v>12974</v>
      </c>
      <c r="E15216" s="1" t="s">
        <v>7</v>
      </c>
    </row>
    <row r="15217">
      <c r="A15217" s="1">
        <v>4.90616486E8</v>
      </c>
      <c r="B15217" s="3">
        <v>14757.0</v>
      </c>
      <c r="C15217" s="1" t="s">
        <v>5</v>
      </c>
      <c r="D15217" s="1" t="s">
        <v>12975</v>
      </c>
      <c r="E15217" s="1" t="s">
        <v>7</v>
      </c>
    </row>
    <row r="15218">
      <c r="A15218" s="1">
        <v>4.90616495E8</v>
      </c>
      <c r="B15218" s="2">
        <v>14724.0</v>
      </c>
      <c r="C15218" s="1" t="s">
        <v>5</v>
      </c>
      <c r="D15218" s="1" t="s">
        <v>11</v>
      </c>
      <c r="E15218" s="1" t="s">
        <v>7</v>
      </c>
    </row>
    <row r="15219">
      <c r="A15219" s="1">
        <v>4.90616524E8</v>
      </c>
      <c r="B15219" s="2">
        <v>14683.0</v>
      </c>
      <c r="C15219" s="1" t="s">
        <v>5</v>
      </c>
      <c r="D15219" s="1" t="s">
        <v>12976</v>
      </c>
      <c r="E15219" s="1" t="s">
        <v>12977</v>
      </c>
    </row>
    <row r="15220">
      <c r="A15220" s="1">
        <v>4.90616533E8</v>
      </c>
      <c r="B15220" s="2">
        <v>14727.0</v>
      </c>
      <c r="C15220" s="1" t="s">
        <v>5</v>
      </c>
      <c r="D15220" s="1" t="s">
        <v>12978</v>
      </c>
      <c r="E15220" s="1" t="s">
        <v>12979</v>
      </c>
    </row>
    <row r="15221">
      <c r="A15221" s="1">
        <v>4.90616641E8</v>
      </c>
      <c r="B15221" s="3">
        <v>14756.0</v>
      </c>
      <c r="C15221" s="1" t="s">
        <v>5</v>
      </c>
      <c r="D15221" s="1" t="s">
        <v>12980</v>
      </c>
      <c r="E15221" s="1" t="s">
        <v>11</v>
      </c>
    </row>
    <row r="15222">
      <c r="A15222" s="1">
        <v>4.9061686E8</v>
      </c>
      <c r="B15222" s="3">
        <v>14754.0</v>
      </c>
      <c r="C15222" s="1" t="s">
        <v>5</v>
      </c>
      <c r="D15222" s="1" t="s">
        <v>12981</v>
      </c>
      <c r="E15222" s="1" t="s">
        <v>11</v>
      </c>
    </row>
    <row r="15223">
      <c r="A15223" s="1">
        <v>4.90616877E8</v>
      </c>
      <c r="B15223" s="3">
        <v>14754.0</v>
      </c>
      <c r="C15223" s="1" t="s">
        <v>5</v>
      </c>
      <c r="D15223" s="1" t="s">
        <v>12982</v>
      </c>
      <c r="E15223" s="1" t="s">
        <v>7</v>
      </c>
    </row>
    <row r="15224">
      <c r="A15224" s="1">
        <v>4.90616933E8</v>
      </c>
      <c r="B15224" s="2">
        <v>14677.0</v>
      </c>
      <c r="C15224" s="1" t="s">
        <v>5</v>
      </c>
      <c r="D15224" s="1" t="s">
        <v>11</v>
      </c>
      <c r="E15224" s="1" t="s">
        <v>7</v>
      </c>
    </row>
    <row r="15225">
      <c r="A15225" s="1">
        <v>4.90617029E8</v>
      </c>
      <c r="B15225" s="2">
        <v>14690.0</v>
      </c>
      <c r="C15225" s="1" t="s">
        <v>5</v>
      </c>
      <c r="D15225" s="1" t="s">
        <v>12983</v>
      </c>
      <c r="E15225" s="1" t="s">
        <v>7</v>
      </c>
    </row>
    <row r="15226">
      <c r="A15226" s="1">
        <v>4.90617089E8</v>
      </c>
      <c r="B15226" s="3">
        <v>14751.0</v>
      </c>
      <c r="C15226" s="1" t="s">
        <v>5</v>
      </c>
      <c r="D15226" s="1" t="s">
        <v>12984</v>
      </c>
      <c r="E15226" s="1" t="s">
        <v>11</v>
      </c>
    </row>
    <row r="15227">
      <c r="A15227" s="1">
        <v>4.90617114E8</v>
      </c>
      <c r="B15227" s="3">
        <v>14753.0</v>
      </c>
      <c r="C15227" s="1" t="s">
        <v>5</v>
      </c>
      <c r="D15227" s="1" t="s">
        <v>12985</v>
      </c>
      <c r="E15227" s="1" t="s">
        <v>7</v>
      </c>
    </row>
    <row r="15228">
      <c r="A15228" s="1">
        <v>4.90617158E8</v>
      </c>
      <c r="B15228" s="3">
        <v>14752.0</v>
      </c>
      <c r="C15228" s="1" t="s">
        <v>5</v>
      </c>
      <c r="D15228" s="1" t="s">
        <v>12986</v>
      </c>
      <c r="E15228" s="1" t="s">
        <v>11</v>
      </c>
    </row>
    <row r="15229">
      <c r="A15229" s="1">
        <v>4.9061719E8</v>
      </c>
      <c r="B15229" s="2">
        <v>14677.0</v>
      </c>
      <c r="C15229" s="1" t="s">
        <v>5</v>
      </c>
      <c r="D15229" s="1" t="s">
        <v>12987</v>
      </c>
      <c r="E15229" s="1" t="s">
        <v>7</v>
      </c>
    </row>
    <row r="15230">
      <c r="A15230" s="1">
        <v>4.90617198E8</v>
      </c>
      <c r="B15230" s="2">
        <v>14689.0</v>
      </c>
      <c r="C15230" s="1" t="s">
        <v>5</v>
      </c>
      <c r="D15230" s="1" t="s">
        <v>12988</v>
      </c>
      <c r="E15230" s="1" t="s">
        <v>11</v>
      </c>
    </row>
    <row r="15231">
      <c r="A15231" s="1">
        <v>4.9061722E8</v>
      </c>
      <c r="B15231" s="3">
        <v>14752.0</v>
      </c>
      <c r="C15231" s="1" t="s">
        <v>5</v>
      </c>
      <c r="D15231" s="1" t="s">
        <v>12989</v>
      </c>
      <c r="E15231" s="1" t="s">
        <v>7</v>
      </c>
    </row>
    <row r="15232">
      <c r="A15232" s="1">
        <v>4.90617248E8</v>
      </c>
      <c r="B15232" s="3">
        <v>14750.0</v>
      </c>
      <c r="C15232" s="1" t="s">
        <v>5</v>
      </c>
      <c r="D15232" s="1" t="s">
        <v>12990</v>
      </c>
      <c r="E15232" s="1" t="s">
        <v>11</v>
      </c>
    </row>
    <row r="15233">
      <c r="A15233" s="1">
        <v>4.90617345E8</v>
      </c>
      <c r="B15233" s="3">
        <v>14752.0</v>
      </c>
      <c r="C15233" s="1" t="s">
        <v>5</v>
      </c>
      <c r="D15233" s="1" t="s">
        <v>12991</v>
      </c>
      <c r="E15233" s="1" t="s">
        <v>7</v>
      </c>
    </row>
    <row r="15234">
      <c r="A15234" s="1">
        <v>4.90617383E8</v>
      </c>
      <c r="B15234" s="3">
        <v>14745.0</v>
      </c>
      <c r="C15234" s="1" t="s">
        <v>5</v>
      </c>
      <c r="D15234" s="1" t="s">
        <v>11</v>
      </c>
      <c r="E15234" s="1" t="s">
        <v>7</v>
      </c>
    </row>
    <row r="15235">
      <c r="A15235" s="1">
        <v>4.9061744E8</v>
      </c>
      <c r="B15235" s="3">
        <v>14747.0</v>
      </c>
      <c r="C15235" s="1" t="s">
        <v>5</v>
      </c>
      <c r="D15235" s="1" t="s">
        <v>11</v>
      </c>
      <c r="E15235" s="1" t="s">
        <v>7</v>
      </c>
    </row>
    <row r="15236">
      <c r="A15236" s="1">
        <v>4.9061748E8</v>
      </c>
      <c r="B15236" s="2">
        <v>14728.0</v>
      </c>
      <c r="C15236" s="1" t="s">
        <v>5</v>
      </c>
      <c r="D15236" s="1" t="s">
        <v>11</v>
      </c>
      <c r="E15236" s="1" t="s">
        <v>7</v>
      </c>
    </row>
    <row r="15237">
      <c r="A15237" s="1">
        <v>4.90617734E8</v>
      </c>
      <c r="B15237" s="2">
        <v>14731.0</v>
      </c>
      <c r="C15237" s="1" t="s">
        <v>5</v>
      </c>
      <c r="D15237" s="1" t="s">
        <v>12992</v>
      </c>
      <c r="E15237" s="1" t="s">
        <v>11</v>
      </c>
    </row>
    <row r="15238">
      <c r="A15238" s="1">
        <v>4.90617737E8</v>
      </c>
      <c r="B15238" s="3">
        <v>14741.0</v>
      </c>
      <c r="C15238" s="1" t="s">
        <v>5</v>
      </c>
      <c r="D15238" s="1" t="s">
        <v>12993</v>
      </c>
      <c r="E15238" s="1" t="s">
        <v>12994</v>
      </c>
    </row>
    <row r="15239">
      <c r="A15239" s="1">
        <v>4.9061777E8</v>
      </c>
      <c r="B15239" s="3">
        <v>14757.0</v>
      </c>
      <c r="C15239" s="1" t="s">
        <v>5</v>
      </c>
      <c r="D15239" s="1" t="s">
        <v>12995</v>
      </c>
      <c r="E15239" s="1" t="s">
        <v>7</v>
      </c>
    </row>
    <row r="15240">
      <c r="A15240" s="1">
        <v>4.90617773E8</v>
      </c>
      <c r="B15240" s="3">
        <v>14750.0</v>
      </c>
      <c r="C15240" s="1" t="s">
        <v>5</v>
      </c>
      <c r="D15240" s="1" t="s">
        <v>12996</v>
      </c>
      <c r="E15240" s="1" t="s">
        <v>11</v>
      </c>
    </row>
    <row r="15241">
      <c r="A15241" s="1">
        <v>4.90617781E8</v>
      </c>
      <c r="B15241" s="2">
        <v>14685.0</v>
      </c>
      <c r="C15241" s="1" t="s">
        <v>5</v>
      </c>
      <c r="D15241" s="1" t="s">
        <v>12997</v>
      </c>
      <c r="E15241" s="1" t="s">
        <v>7</v>
      </c>
    </row>
    <row r="15242">
      <c r="A15242" s="1">
        <v>4.9061782E8</v>
      </c>
      <c r="B15242" s="2">
        <v>14680.0</v>
      </c>
      <c r="C15242" s="1" t="s">
        <v>5</v>
      </c>
      <c r="D15242" s="1" t="s">
        <v>12998</v>
      </c>
      <c r="E15242" s="1" t="s">
        <v>11</v>
      </c>
    </row>
    <row r="15243">
      <c r="A15243" s="1">
        <v>4.9061783E8</v>
      </c>
      <c r="B15243" s="3">
        <v>14741.0</v>
      </c>
      <c r="C15243" s="1" t="s">
        <v>5</v>
      </c>
      <c r="D15243" s="1" t="s">
        <v>12999</v>
      </c>
      <c r="E15243" s="1" t="s">
        <v>11</v>
      </c>
    </row>
    <row r="15244">
      <c r="A15244" s="1">
        <v>4.90617924E8</v>
      </c>
      <c r="B15244" s="3">
        <v>14743.0</v>
      </c>
      <c r="C15244" s="1" t="s">
        <v>5</v>
      </c>
      <c r="D15244" s="1" t="s">
        <v>13000</v>
      </c>
      <c r="E15244" s="1" t="s">
        <v>11</v>
      </c>
    </row>
    <row r="15245">
      <c r="A15245" s="1">
        <v>4.90617985E8</v>
      </c>
      <c r="B15245" s="2">
        <v>14723.0</v>
      </c>
      <c r="C15245" s="1" t="s">
        <v>5</v>
      </c>
      <c r="D15245" s="1" t="s">
        <v>11</v>
      </c>
      <c r="E15245" s="1" t="s">
        <v>7</v>
      </c>
    </row>
    <row r="15246">
      <c r="A15246" s="1">
        <v>4.90618094E8</v>
      </c>
      <c r="B15246" s="3">
        <v>14752.0</v>
      </c>
      <c r="C15246" s="1" t="s">
        <v>5</v>
      </c>
      <c r="D15246" s="1" t="s">
        <v>13001</v>
      </c>
      <c r="E15246" s="1" t="s">
        <v>13002</v>
      </c>
    </row>
    <row r="15247">
      <c r="A15247" s="1">
        <v>4.90618181E8</v>
      </c>
      <c r="B15247" s="3">
        <v>14754.0</v>
      </c>
      <c r="C15247" s="1" t="s">
        <v>5</v>
      </c>
      <c r="D15247" s="1" t="s">
        <v>13003</v>
      </c>
      <c r="E15247" s="1" t="s">
        <v>7</v>
      </c>
    </row>
    <row r="15248">
      <c r="A15248" s="1">
        <v>4.90618186E8</v>
      </c>
      <c r="B15248" s="3">
        <v>14742.0</v>
      </c>
      <c r="C15248" s="1" t="s">
        <v>5</v>
      </c>
      <c r="D15248" s="1" t="s">
        <v>11</v>
      </c>
      <c r="E15248" s="1" t="s">
        <v>7</v>
      </c>
    </row>
    <row r="15249">
      <c r="A15249" s="1">
        <v>4.9061819E8</v>
      </c>
      <c r="B15249" s="2">
        <v>14718.0</v>
      </c>
      <c r="C15249" s="1" t="s">
        <v>5</v>
      </c>
      <c r="D15249" s="1" t="s">
        <v>13004</v>
      </c>
      <c r="E15249" s="1" t="s">
        <v>7</v>
      </c>
    </row>
    <row r="15250">
      <c r="A15250" s="1">
        <v>4.90618201E8</v>
      </c>
      <c r="B15250" s="2">
        <v>14674.0</v>
      </c>
      <c r="C15250" s="1" t="s">
        <v>5</v>
      </c>
      <c r="D15250" s="1" t="s">
        <v>13005</v>
      </c>
      <c r="E15250" s="1" t="s">
        <v>11</v>
      </c>
    </row>
    <row r="15251">
      <c r="A15251" s="1">
        <v>4.90618209E8</v>
      </c>
      <c r="B15251" s="3">
        <v>14745.0</v>
      </c>
      <c r="C15251" s="1" t="s">
        <v>5</v>
      </c>
      <c r="D15251" s="1" t="s">
        <v>13006</v>
      </c>
      <c r="E15251" s="1" t="s">
        <v>7</v>
      </c>
    </row>
    <row r="15252">
      <c r="A15252" s="1">
        <v>4.90618276E8</v>
      </c>
      <c r="B15252" s="3">
        <v>14742.0</v>
      </c>
      <c r="C15252" s="1" t="s">
        <v>5</v>
      </c>
      <c r="D15252" s="1" t="s">
        <v>13007</v>
      </c>
      <c r="E15252" s="1" t="s">
        <v>11</v>
      </c>
    </row>
    <row r="15253">
      <c r="A15253" s="1">
        <v>4.90618358E8</v>
      </c>
      <c r="B15253" s="3">
        <v>14736.0</v>
      </c>
      <c r="C15253" s="1" t="s">
        <v>5</v>
      </c>
      <c r="D15253" s="1" t="s">
        <v>13008</v>
      </c>
      <c r="E15253" s="1" t="s">
        <v>7</v>
      </c>
    </row>
    <row r="15254">
      <c r="A15254" s="1">
        <v>4.90618395E8</v>
      </c>
      <c r="B15254" s="3">
        <v>14743.0</v>
      </c>
      <c r="C15254" s="1" t="s">
        <v>5</v>
      </c>
      <c r="D15254" s="1" t="s">
        <v>13009</v>
      </c>
      <c r="E15254" s="1" t="s">
        <v>11</v>
      </c>
    </row>
    <row r="15255">
      <c r="A15255" s="1">
        <v>4.90618402E8</v>
      </c>
      <c r="B15255" s="3">
        <v>14741.0</v>
      </c>
      <c r="C15255" s="1" t="s">
        <v>5</v>
      </c>
      <c r="D15255" s="1" t="s">
        <v>13010</v>
      </c>
      <c r="E15255" s="1" t="s">
        <v>7</v>
      </c>
    </row>
    <row r="15256">
      <c r="A15256" s="1">
        <v>4.90618438E8</v>
      </c>
      <c r="B15256" s="3">
        <v>14743.0</v>
      </c>
      <c r="C15256" s="1" t="s">
        <v>5</v>
      </c>
      <c r="D15256" s="1" t="s">
        <v>13011</v>
      </c>
      <c r="E15256" s="1" t="s">
        <v>11</v>
      </c>
    </row>
    <row r="15257">
      <c r="A15257" s="1">
        <v>4.90618496E8</v>
      </c>
      <c r="B15257" s="2">
        <v>14677.0</v>
      </c>
      <c r="C15257" s="1" t="s">
        <v>5</v>
      </c>
      <c r="D15257" s="1" t="s">
        <v>13012</v>
      </c>
      <c r="E15257" s="1" t="s">
        <v>11</v>
      </c>
    </row>
    <row r="15258">
      <c r="A15258" s="1">
        <v>4.90618544E8</v>
      </c>
      <c r="B15258" s="3">
        <v>14742.0</v>
      </c>
      <c r="C15258" s="1" t="s">
        <v>5</v>
      </c>
      <c r="D15258" s="1" t="s">
        <v>13013</v>
      </c>
      <c r="E15258" s="1" t="s">
        <v>11</v>
      </c>
    </row>
    <row r="15259">
      <c r="A15259" s="1">
        <v>4.9061863E8</v>
      </c>
      <c r="B15259" s="3">
        <v>14738.0</v>
      </c>
      <c r="C15259" s="1" t="s">
        <v>5</v>
      </c>
      <c r="D15259" s="1" t="s">
        <v>13014</v>
      </c>
      <c r="E15259" s="1" t="s">
        <v>7</v>
      </c>
    </row>
    <row r="15260">
      <c r="A15260" s="1">
        <v>4.90618665E8</v>
      </c>
      <c r="B15260" s="2">
        <v>14718.0</v>
      </c>
      <c r="C15260" s="1" t="s">
        <v>5</v>
      </c>
      <c r="D15260" s="1" t="s">
        <v>13015</v>
      </c>
      <c r="E15260" s="1" t="s">
        <v>7</v>
      </c>
    </row>
    <row r="15261">
      <c r="A15261" s="1">
        <v>4.90618714E8</v>
      </c>
      <c r="B15261" s="3">
        <v>14740.0</v>
      </c>
      <c r="C15261" s="1" t="s">
        <v>5</v>
      </c>
      <c r="D15261" s="1" t="s">
        <v>13016</v>
      </c>
      <c r="E15261" s="1" t="s">
        <v>11</v>
      </c>
    </row>
    <row r="15262">
      <c r="A15262" s="1">
        <v>4.90618778E8</v>
      </c>
      <c r="B15262" s="3">
        <v>14739.0</v>
      </c>
      <c r="C15262" s="1" t="s">
        <v>5</v>
      </c>
      <c r="D15262" s="1" t="s">
        <v>13017</v>
      </c>
      <c r="E15262" s="1" t="s">
        <v>7</v>
      </c>
    </row>
    <row r="15263">
      <c r="A15263" s="1">
        <v>4.90618798E8</v>
      </c>
      <c r="B15263" s="3">
        <v>14739.0</v>
      </c>
      <c r="C15263" s="1" t="s">
        <v>5</v>
      </c>
      <c r="D15263" s="1" t="s">
        <v>11</v>
      </c>
      <c r="E15263" s="1" t="s">
        <v>7</v>
      </c>
    </row>
    <row r="15264">
      <c r="A15264" s="1">
        <v>4.90618854E8</v>
      </c>
      <c r="B15264" s="3">
        <v>14737.0</v>
      </c>
      <c r="C15264" s="1" t="s">
        <v>5</v>
      </c>
      <c r="D15264" s="1" t="s">
        <v>13018</v>
      </c>
      <c r="E15264" s="1" t="s">
        <v>7</v>
      </c>
    </row>
    <row r="15265">
      <c r="A15265" s="1">
        <v>4.90618867E8</v>
      </c>
      <c r="B15265" s="3">
        <v>14740.0</v>
      </c>
      <c r="C15265" s="1" t="s">
        <v>5</v>
      </c>
      <c r="D15265" s="1" t="s">
        <v>13019</v>
      </c>
      <c r="E15265" s="1" t="s">
        <v>7</v>
      </c>
    </row>
    <row r="15266">
      <c r="A15266" s="1">
        <v>4.90618893E8</v>
      </c>
      <c r="B15266" s="2">
        <v>14674.0</v>
      </c>
      <c r="C15266" s="1" t="s">
        <v>5</v>
      </c>
      <c r="D15266" s="1" t="s">
        <v>13020</v>
      </c>
      <c r="E15266" s="1" t="s">
        <v>13021</v>
      </c>
    </row>
    <row r="15267">
      <c r="A15267" s="1">
        <v>4.90618897E8</v>
      </c>
      <c r="B15267" s="3">
        <v>14736.0</v>
      </c>
      <c r="C15267" s="1" t="s">
        <v>5</v>
      </c>
      <c r="D15267" s="1" t="s">
        <v>13022</v>
      </c>
      <c r="E15267" s="1" t="s">
        <v>11</v>
      </c>
    </row>
    <row r="15268">
      <c r="A15268" s="1">
        <v>4.90619016E8</v>
      </c>
      <c r="B15268" s="3">
        <v>14738.0</v>
      </c>
      <c r="C15268" s="1" t="s">
        <v>5</v>
      </c>
      <c r="D15268" s="1" t="s">
        <v>13023</v>
      </c>
      <c r="E15268" s="1" t="s">
        <v>7</v>
      </c>
    </row>
    <row r="15269">
      <c r="A15269" s="1">
        <v>4.90619025E8</v>
      </c>
      <c r="B15269" s="3">
        <v>14747.0</v>
      </c>
      <c r="C15269" s="1" t="s">
        <v>5</v>
      </c>
      <c r="D15269" s="1" t="s">
        <v>13024</v>
      </c>
      <c r="E15269" s="1" t="s">
        <v>7</v>
      </c>
    </row>
    <row r="15270">
      <c r="A15270" s="1">
        <v>4.90619105E8</v>
      </c>
      <c r="B15270" s="3">
        <v>14734.0</v>
      </c>
      <c r="C15270" s="1" t="s">
        <v>5</v>
      </c>
      <c r="D15270" s="1" t="s">
        <v>11</v>
      </c>
      <c r="E15270" s="1" t="s">
        <v>7</v>
      </c>
    </row>
    <row r="15271">
      <c r="A15271" s="1">
        <v>4.90619194E8</v>
      </c>
      <c r="B15271" s="3">
        <v>14737.0</v>
      </c>
      <c r="C15271" s="1" t="s">
        <v>5</v>
      </c>
      <c r="D15271" s="1" t="s">
        <v>13025</v>
      </c>
      <c r="E15271" s="1" t="s">
        <v>11</v>
      </c>
    </row>
    <row r="15272">
      <c r="A15272" s="1">
        <v>4.90619341E8</v>
      </c>
      <c r="B15272" s="2">
        <v>14787.0</v>
      </c>
      <c r="C15272" s="1" t="s">
        <v>5</v>
      </c>
      <c r="D15272" s="1" t="s">
        <v>11</v>
      </c>
      <c r="E15272" s="1" t="s">
        <v>7</v>
      </c>
    </row>
    <row r="15273">
      <c r="A15273" s="1">
        <v>4.90619343E8</v>
      </c>
      <c r="B15273" s="2">
        <v>14678.0</v>
      </c>
      <c r="C15273" s="1" t="s">
        <v>5</v>
      </c>
      <c r="D15273" s="1" t="s">
        <v>13026</v>
      </c>
      <c r="E15273" s="1" t="s">
        <v>7</v>
      </c>
    </row>
    <row r="15274">
      <c r="A15274" s="1">
        <v>4.9061935E8</v>
      </c>
      <c r="B15274" s="3">
        <v>14738.0</v>
      </c>
      <c r="C15274" s="1" t="s">
        <v>5</v>
      </c>
      <c r="D15274" s="1" t="s">
        <v>13027</v>
      </c>
      <c r="E15274" s="1" t="s">
        <v>11</v>
      </c>
    </row>
    <row r="15275">
      <c r="A15275" s="1">
        <v>4.90619369E8</v>
      </c>
      <c r="B15275" s="3">
        <v>14735.0</v>
      </c>
      <c r="C15275" s="1" t="s">
        <v>5</v>
      </c>
      <c r="D15275" s="1" t="s">
        <v>13028</v>
      </c>
      <c r="E15275" s="1" t="s">
        <v>7</v>
      </c>
    </row>
    <row r="15276">
      <c r="A15276" s="1">
        <v>4.90619404E8</v>
      </c>
      <c r="B15276" s="2">
        <v>14792.0</v>
      </c>
      <c r="C15276" s="1" t="s">
        <v>5</v>
      </c>
      <c r="D15276" s="1" t="s">
        <v>13029</v>
      </c>
      <c r="E15276" s="1" t="s">
        <v>7</v>
      </c>
    </row>
    <row r="15277">
      <c r="A15277" s="1">
        <v>4.90619417E8</v>
      </c>
      <c r="B15277" s="3">
        <v>14734.0</v>
      </c>
      <c r="C15277" s="1" t="s">
        <v>5</v>
      </c>
      <c r="D15277" s="1" t="s">
        <v>13030</v>
      </c>
      <c r="E15277" s="1" t="s">
        <v>7</v>
      </c>
    </row>
    <row r="15278">
      <c r="A15278" s="1">
        <v>4.90619461E8</v>
      </c>
      <c r="B15278" s="3">
        <v>14734.0</v>
      </c>
      <c r="C15278" s="1" t="s">
        <v>5</v>
      </c>
      <c r="D15278" s="1" t="s">
        <v>13031</v>
      </c>
      <c r="E15278" s="1" t="s">
        <v>11</v>
      </c>
    </row>
    <row r="15279">
      <c r="A15279" s="1">
        <v>4.90619551E8</v>
      </c>
      <c r="B15279" s="2">
        <v>14789.0</v>
      </c>
      <c r="C15279" s="1" t="s">
        <v>5</v>
      </c>
      <c r="D15279" s="1" t="s">
        <v>13032</v>
      </c>
      <c r="E15279" s="1" t="s">
        <v>7</v>
      </c>
    </row>
    <row r="15280">
      <c r="A15280" s="1">
        <v>4.90619625E8</v>
      </c>
      <c r="B15280" s="3">
        <v>14742.0</v>
      </c>
      <c r="C15280" s="1" t="s">
        <v>5</v>
      </c>
      <c r="D15280" s="1" t="s">
        <v>12215</v>
      </c>
      <c r="E15280" s="1" t="s">
        <v>7</v>
      </c>
    </row>
    <row r="15281">
      <c r="A15281" s="1">
        <v>4.90619696E8</v>
      </c>
      <c r="B15281" s="2">
        <v>14793.0</v>
      </c>
      <c r="C15281" s="1" t="s">
        <v>5</v>
      </c>
      <c r="D15281" s="1" t="s">
        <v>13033</v>
      </c>
      <c r="E15281" s="1" t="s">
        <v>7</v>
      </c>
    </row>
    <row r="15282">
      <c r="A15282" s="1">
        <v>4.90619712E8</v>
      </c>
      <c r="B15282" s="3">
        <v>14741.0</v>
      </c>
      <c r="C15282" s="1" t="s">
        <v>5</v>
      </c>
      <c r="D15282" s="1" t="s">
        <v>13034</v>
      </c>
      <c r="E15282" s="1" t="s">
        <v>7</v>
      </c>
    </row>
    <row r="15283">
      <c r="A15283" s="1">
        <v>4.90619724E8</v>
      </c>
      <c r="B15283" s="3">
        <v>14732.0</v>
      </c>
      <c r="C15283" s="1" t="s">
        <v>5</v>
      </c>
      <c r="D15283" s="1" t="s">
        <v>12215</v>
      </c>
      <c r="E15283" s="1" t="s">
        <v>7</v>
      </c>
    </row>
    <row r="15284">
      <c r="A15284" s="1">
        <v>4.90619764E8</v>
      </c>
      <c r="B15284" s="2">
        <v>14783.0</v>
      </c>
      <c r="C15284" s="1" t="s">
        <v>5</v>
      </c>
      <c r="D15284" s="1" t="s">
        <v>13035</v>
      </c>
      <c r="E15284" s="1" t="s">
        <v>11</v>
      </c>
    </row>
    <row r="15285">
      <c r="A15285" s="1">
        <v>4.90619834E8</v>
      </c>
      <c r="B15285" s="2">
        <v>14788.0</v>
      </c>
      <c r="C15285" s="1" t="s">
        <v>5</v>
      </c>
      <c r="D15285" s="1" t="s">
        <v>13036</v>
      </c>
      <c r="E15285" s="1" t="s">
        <v>7</v>
      </c>
    </row>
    <row r="15286">
      <c r="A15286" s="1">
        <v>4.90620023E8</v>
      </c>
      <c r="B15286" s="2">
        <v>14796.0</v>
      </c>
      <c r="C15286" s="1" t="s">
        <v>5</v>
      </c>
      <c r="D15286" s="1" t="s">
        <v>13037</v>
      </c>
      <c r="E15286" s="1" t="s">
        <v>11</v>
      </c>
    </row>
    <row r="15287">
      <c r="A15287" s="1">
        <v>4.9062008E8</v>
      </c>
      <c r="B15287" s="2">
        <v>14786.0</v>
      </c>
      <c r="C15287" s="1" t="s">
        <v>5</v>
      </c>
      <c r="D15287" s="1" t="s">
        <v>13038</v>
      </c>
      <c r="E15287" s="1" t="s">
        <v>7</v>
      </c>
    </row>
    <row r="15288">
      <c r="A15288" s="1">
        <v>4.90620114E8</v>
      </c>
      <c r="B15288" s="2">
        <v>14782.0</v>
      </c>
      <c r="C15288" s="1" t="s">
        <v>5</v>
      </c>
      <c r="D15288" s="1" t="s">
        <v>13039</v>
      </c>
      <c r="E15288" s="1" t="s">
        <v>7</v>
      </c>
    </row>
    <row r="15289">
      <c r="A15289" s="1">
        <v>4.90620181E8</v>
      </c>
      <c r="B15289" s="2">
        <v>14780.0</v>
      </c>
      <c r="C15289" s="1" t="s">
        <v>5</v>
      </c>
      <c r="D15289" s="1" t="s">
        <v>11</v>
      </c>
      <c r="E15289" s="1" t="s">
        <v>7</v>
      </c>
    </row>
    <row r="15290">
      <c r="A15290" s="1">
        <v>4.90620192E8</v>
      </c>
      <c r="B15290" s="2">
        <v>14674.0</v>
      </c>
      <c r="C15290" s="1" t="s">
        <v>5</v>
      </c>
      <c r="D15290" s="1" t="s">
        <v>11</v>
      </c>
      <c r="E15290" s="1" t="s">
        <v>7</v>
      </c>
    </row>
    <row r="15291">
      <c r="A15291" s="1">
        <v>4.90620201E8</v>
      </c>
      <c r="B15291" s="2">
        <v>14850.0</v>
      </c>
      <c r="C15291" s="1" t="s">
        <v>5</v>
      </c>
      <c r="D15291" s="1" t="s">
        <v>13040</v>
      </c>
      <c r="E15291" s="1" t="s">
        <v>11</v>
      </c>
    </row>
    <row r="15292">
      <c r="A15292" s="1">
        <v>4.90620244E8</v>
      </c>
      <c r="B15292" s="2">
        <v>14802.0</v>
      </c>
      <c r="C15292" s="1" t="s">
        <v>5</v>
      </c>
      <c r="D15292" s="1" t="s">
        <v>13041</v>
      </c>
      <c r="E15292" s="1" t="s">
        <v>7</v>
      </c>
    </row>
    <row r="15293">
      <c r="A15293" s="1">
        <v>4.90620256E8</v>
      </c>
      <c r="B15293" s="2">
        <v>14785.0</v>
      </c>
      <c r="C15293" s="1" t="s">
        <v>5</v>
      </c>
      <c r="D15293" s="1" t="s">
        <v>13042</v>
      </c>
      <c r="E15293" s="1" t="s">
        <v>13043</v>
      </c>
    </row>
    <row r="15294">
      <c r="A15294" s="1">
        <v>4.9062026E8</v>
      </c>
      <c r="B15294" s="2">
        <v>14781.0</v>
      </c>
      <c r="C15294" s="1" t="s">
        <v>5</v>
      </c>
      <c r="D15294" s="1" t="s">
        <v>11</v>
      </c>
      <c r="E15294" s="1" t="s">
        <v>7</v>
      </c>
    </row>
    <row r="15295">
      <c r="A15295" s="1">
        <v>4.90620286E8</v>
      </c>
      <c r="B15295" s="2">
        <v>14797.0</v>
      </c>
      <c r="C15295" s="1" t="s">
        <v>5</v>
      </c>
      <c r="D15295" s="1" t="s">
        <v>13044</v>
      </c>
      <c r="E15295" s="1" t="s">
        <v>11</v>
      </c>
    </row>
    <row r="15296">
      <c r="A15296" s="1">
        <v>4.90620393E8</v>
      </c>
      <c r="B15296" s="2">
        <v>14782.0</v>
      </c>
      <c r="C15296" s="1" t="s">
        <v>5</v>
      </c>
      <c r="D15296" s="1" t="s">
        <v>13045</v>
      </c>
      <c r="E15296" s="1" t="s">
        <v>7</v>
      </c>
    </row>
    <row r="15297">
      <c r="A15297" s="1">
        <v>4.90620407E8</v>
      </c>
      <c r="B15297" s="2">
        <v>14786.0</v>
      </c>
      <c r="C15297" s="1" t="s">
        <v>5</v>
      </c>
      <c r="D15297" s="1" t="s">
        <v>13046</v>
      </c>
      <c r="E15297" s="1" t="s">
        <v>13047</v>
      </c>
    </row>
    <row r="15298">
      <c r="A15298" s="1">
        <v>4.90620478E8</v>
      </c>
      <c r="B15298" s="2">
        <v>14794.0</v>
      </c>
      <c r="C15298" s="1" t="s">
        <v>5</v>
      </c>
      <c r="D15298" s="1" t="s">
        <v>11</v>
      </c>
      <c r="E15298" s="1" t="s">
        <v>7</v>
      </c>
    </row>
    <row r="15299">
      <c r="A15299" s="1">
        <v>4.90620537E8</v>
      </c>
      <c r="B15299" s="2">
        <v>14789.0</v>
      </c>
      <c r="C15299" s="1" t="s">
        <v>5</v>
      </c>
      <c r="D15299" s="1" t="s">
        <v>13048</v>
      </c>
      <c r="E15299" s="1" t="s">
        <v>7</v>
      </c>
    </row>
    <row r="15300">
      <c r="A15300" s="1">
        <v>4.90620592E8</v>
      </c>
      <c r="B15300" s="2">
        <v>14784.0</v>
      </c>
      <c r="C15300" s="1" t="s">
        <v>5</v>
      </c>
      <c r="D15300" s="1" t="s">
        <v>11</v>
      </c>
      <c r="E15300" s="1" t="s">
        <v>7</v>
      </c>
    </row>
    <row r="15301">
      <c r="A15301" s="1">
        <v>4.90620692E8</v>
      </c>
      <c r="B15301" s="2">
        <v>14781.0</v>
      </c>
      <c r="C15301" s="1" t="s">
        <v>5</v>
      </c>
      <c r="D15301" s="1" t="s">
        <v>13049</v>
      </c>
      <c r="E15301" s="1" t="s">
        <v>7</v>
      </c>
    </row>
    <row r="15302">
      <c r="A15302" s="1">
        <v>4.90620705E8</v>
      </c>
      <c r="B15302" s="2">
        <v>14781.0</v>
      </c>
      <c r="C15302" s="1" t="s">
        <v>5</v>
      </c>
      <c r="D15302" s="1" t="s">
        <v>13050</v>
      </c>
      <c r="E15302" s="1" t="s">
        <v>11</v>
      </c>
    </row>
    <row r="15303">
      <c r="A15303" s="1">
        <v>4.90620713E8</v>
      </c>
      <c r="B15303" s="2">
        <v>14717.0</v>
      </c>
      <c r="C15303" s="1" t="s">
        <v>5</v>
      </c>
      <c r="D15303" s="1" t="s">
        <v>13051</v>
      </c>
      <c r="E15303" s="1" t="s">
        <v>7</v>
      </c>
    </row>
    <row r="15304">
      <c r="A15304" s="1">
        <v>4.90620737E8</v>
      </c>
      <c r="B15304" s="2">
        <v>14852.0</v>
      </c>
      <c r="C15304" s="1" t="s">
        <v>5</v>
      </c>
      <c r="D15304" s="1" t="s">
        <v>13052</v>
      </c>
      <c r="E15304" s="1" t="s">
        <v>7</v>
      </c>
    </row>
    <row r="15305">
      <c r="A15305" s="1">
        <v>4.90620776E8</v>
      </c>
      <c r="B15305" s="2">
        <v>14793.0</v>
      </c>
      <c r="C15305" s="1" t="s">
        <v>5</v>
      </c>
      <c r="D15305" s="1" t="s">
        <v>13053</v>
      </c>
      <c r="E15305" s="1" t="s">
        <v>11</v>
      </c>
    </row>
    <row r="15306">
      <c r="A15306" s="1">
        <v>4.90620812E8</v>
      </c>
      <c r="B15306" s="2">
        <v>14780.0</v>
      </c>
      <c r="C15306" s="1" t="s">
        <v>5</v>
      </c>
      <c r="D15306" s="1" t="s">
        <v>11</v>
      </c>
      <c r="E15306" s="1" t="s">
        <v>7</v>
      </c>
    </row>
    <row r="15307">
      <c r="A15307" s="1">
        <v>4.90620933E8</v>
      </c>
      <c r="B15307" s="3">
        <v>14732.0</v>
      </c>
      <c r="C15307" s="1" t="s">
        <v>5</v>
      </c>
      <c r="D15307" s="1" t="s">
        <v>11</v>
      </c>
      <c r="E15307" s="1" t="s">
        <v>7</v>
      </c>
    </row>
    <row r="15308">
      <c r="A15308" s="1">
        <v>4.90620945E8</v>
      </c>
      <c r="B15308" s="2">
        <v>14671.0</v>
      </c>
      <c r="C15308" s="1" t="s">
        <v>5</v>
      </c>
      <c r="D15308" s="1" t="s">
        <v>13054</v>
      </c>
      <c r="E15308" s="1" t="s">
        <v>7</v>
      </c>
    </row>
    <row r="15309">
      <c r="A15309" s="1">
        <v>4.90620987E8</v>
      </c>
      <c r="B15309" s="2">
        <v>14773.0</v>
      </c>
      <c r="C15309" s="1" t="s">
        <v>5</v>
      </c>
      <c r="D15309" s="1" t="s">
        <v>13055</v>
      </c>
      <c r="E15309" s="1" t="s">
        <v>11</v>
      </c>
    </row>
    <row r="15310">
      <c r="A15310" s="1">
        <v>4.90620988E8</v>
      </c>
      <c r="B15310" s="2">
        <v>14792.0</v>
      </c>
      <c r="C15310" s="1" t="s">
        <v>5</v>
      </c>
      <c r="D15310" s="1" t="s">
        <v>13056</v>
      </c>
      <c r="E15310" s="1" t="s">
        <v>7</v>
      </c>
    </row>
    <row r="15311">
      <c r="A15311" s="1">
        <v>4.90621049E8</v>
      </c>
      <c r="B15311" s="2">
        <v>14779.0</v>
      </c>
      <c r="C15311" s="1" t="s">
        <v>5</v>
      </c>
      <c r="D15311" s="1" t="s">
        <v>12311</v>
      </c>
      <c r="E15311" s="1" t="s">
        <v>7</v>
      </c>
    </row>
    <row r="15312">
      <c r="A15312" s="1">
        <v>4.90621253E8</v>
      </c>
      <c r="B15312" s="2">
        <v>14842.0</v>
      </c>
      <c r="C15312" s="1" t="s">
        <v>5</v>
      </c>
      <c r="D15312" s="1" t="s">
        <v>13057</v>
      </c>
      <c r="E15312" s="1" t="s">
        <v>13058</v>
      </c>
    </row>
    <row r="15313">
      <c r="A15313" s="1">
        <v>4.90621255E8</v>
      </c>
      <c r="B15313" s="2">
        <v>14800.0</v>
      </c>
      <c r="C15313" s="1" t="s">
        <v>5</v>
      </c>
      <c r="D15313" s="1" t="s">
        <v>11</v>
      </c>
      <c r="E15313" s="1" t="s">
        <v>7</v>
      </c>
    </row>
    <row r="15314">
      <c r="A15314" s="1">
        <v>4.9062127E8</v>
      </c>
      <c r="B15314" s="2">
        <v>14777.0</v>
      </c>
      <c r="C15314" s="1" t="s">
        <v>5</v>
      </c>
      <c r="D15314" s="1" t="s">
        <v>12311</v>
      </c>
      <c r="E15314" s="1" t="s">
        <v>7</v>
      </c>
    </row>
    <row r="15315">
      <c r="A15315" s="1">
        <v>4.90621402E8</v>
      </c>
      <c r="B15315" s="2">
        <v>14771.0</v>
      </c>
      <c r="C15315" s="1" t="s">
        <v>5</v>
      </c>
      <c r="D15315" s="1" t="s">
        <v>13059</v>
      </c>
      <c r="E15315" s="1" t="s">
        <v>11</v>
      </c>
    </row>
    <row r="15316">
      <c r="A15316" s="1">
        <v>4.90621431E8</v>
      </c>
      <c r="B15316" s="2">
        <v>14798.0</v>
      </c>
      <c r="C15316" s="1" t="s">
        <v>5</v>
      </c>
      <c r="D15316" s="1" t="s">
        <v>13060</v>
      </c>
      <c r="E15316" s="1" t="s">
        <v>11</v>
      </c>
    </row>
    <row r="15317">
      <c r="A15317" s="1">
        <v>4.90621514E8</v>
      </c>
      <c r="B15317" s="2">
        <v>14770.0</v>
      </c>
      <c r="C15317" s="1" t="s">
        <v>5</v>
      </c>
      <c r="D15317" s="1" t="s">
        <v>13061</v>
      </c>
      <c r="E15317" s="1" t="s">
        <v>7</v>
      </c>
    </row>
    <row r="15318">
      <c r="A15318" s="1">
        <v>4.90621556E8</v>
      </c>
      <c r="B15318" s="2">
        <v>14843.0</v>
      </c>
      <c r="C15318" s="1" t="s">
        <v>5</v>
      </c>
      <c r="D15318" s="1" t="s">
        <v>13062</v>
      </c>
      <c r="E15318" s="1" t="s">
        <v>7</v>
      </c>
    </row>
    <row r="15319">
      <c r="A15319" s="1">
        <v>4.90621829E8</v>
      </c>
      <c r="B15319" s="2">
        <v>14769.0</v>
      </c>
      <c r="C15319" s="1" t="s">
        <v>5</v>
      </c>
      <c r="D15319" s="1" t="s">
        <v>13063</v>
      </c>
      <c r="E15319" s="1" t="s">
        <v>11</v>
      </c>
    </row>
    <row r="15320">
      <c r="A15320" s="1">
        <v>4.9062186E8</v>
      </c>
      <c r="B15320" s="2">
        <v>14775.0</v>
      </c>
      <c r="C15320" s="1" t="s">
        <v>5</v>
      </c>
      <c r="D15320" s="1" t="s">
        <v>11</v>
      </c>
      <c r="E15320" s="1" t="s">
        <v>7</v>
      </c>
    </row>
    <row r="15321">
      <c r="A15321" s="1">
        <v>4.90621969E8</v>
      </c>
      <c r="B15321" s="2">
        <v>14852.0</v>
      </c>
      <c r="C15321" s="1" t="s">
        <v>5</v>
      </c>
      <c r="D15321" s="1" t="s">
        <v>11</v>
      </c>
      <c r="E15321" s="1" t="s">
        <v>7</v>
      </c>
    </row>
    <row r="15322">
      <c r="A15322" s="1">
        <v>4.90622094E8</v>
      </c>
      <c r="B15322" s="2">
        <v>14853.0</v>
      </c>
      <c r="C15322" s="1" t="s">
        <v>5</v>
      </c>
      <c r="D15322" s="1" t="s">
        <v>13064</v>
      </c>
      <c r="E15322" s="1" t="s">
        <v>7</v>
      </c>
    </row>
    <row r="15323">
      <c r="A15323" s="1">
        <v>4.90622134E8</v>
      </c>
      <c r="B15323" s="2">
        <v>14772.0</v>
      </c>
      <c r="C15323" s="1" t="s">
        <v>5</v>
      </c>
      <c r="D15323" s="1" t="s">
        <v>13065</v>
      </c>
      <c r="E15323" s="1" t="s">
        <v>13066</v>
      </c>
    </row>
    <row r="15324">
      <c r="A15324" s="1">
        <v>4.90622141E8</v>
      </c>
      <c r="B15324" s="2">
        <v>14776.0</v>
      </c>
      <c r="C15324" s="1" t="s">
        <v>5</v>
      </c>
      <c r="D15324" s="1" t="s">
        <v>13067</v>
      </c>
      <c r="E15324" s="1" t="s">
        <v>7</v>
      </c>
    </row>
    <row r="15325">
      <c r="A15325" s="1">
        <v>4.90622149E8</v>
      </c>
      <c r="B15325" s="2">
        <v>14772.0</v>
      </c>
      <c r="C15325" s="1" t="s">
        <v>5</v>
      </c>
      <c r="D15325" s="1" t="s">
        <v>13068</v>
      </c>
      <c r="E15325" s="1" t="s">
        <v>7</v>
      </c>
    </row>
    <row r="15326">
      <c r="A15326" s="1">
        <v>4.90622169E8</v>
      </c>
      <c r="B15326" s="2">
        <v>14718.0</v>
      </c>
      <c r="C15326" s="1" t="s">
        <v>5</v>
      </c>
      <c r="D15326" s="1" t="s">
        <v>13069</v>
      </c>
      <c r="E15326" s="1" t="s">
        <v>7</v>
      </c>
    </row>
    <row r="15327">
      <c r="A15327" s="1">
        <v>4.90622185E8</v>
      </c>
      <c r="B15327" s="2">
        <v>14850.0</v>
      </c>
      <c r="C15327" s="1" t="s">
        <v>5</v>
      </c>
      <c r="D15327" s="1" t="s">
        <v>13070</v>
      </c>
      <c r="E15327" s="1" t="s">
        <v>7</v>
      </c>
    </row>
    <row r="15328">
      <c r="A15328" s="1">
        <v>4.90622188E8</v>
      </c>
      <c r="B15328" s="2">
        <v>14846.0</v>
      </c>
      <c r="C15328" s="1" t="s">
        <v>5</v>
      </c>
      <c r="D15328" s="1" t="s">
        <v>11</v>
      </c>
      <c r="E15328" s="1" t="s">
        <v>7</v>
      </c>
    </row>
    <row r="15329">
      <c r="A15329" s="1">
        <v>4.90622194E8</v>
      </c>
      <c r="B15329" s="2">
        <v>14776.0</v>
      </c>
      <c r="C15329" s="1" t="s">
        <v>5</v>
      </c>
      <c r="D15329" s="1" t="s">
        <v>11</v>
      </c>
      <c r="E15329" s="1" t="s">
        <v>7</v>
      </c>
    </row>
    <row r="15330">
      <c r="A15330" s="1">
        <v>4.90622305E8</v>
      </c>
      <c r="B15330" s="2">
        <v>14771.0</v>
      </c>
      <c r="C15330" s="1" t="s">
        <v>5</v>
      </c>
      <c r="D15330" s="1" t="s">
        <v>13071</v>
      </c>
      <c r="E15330" s="1" t="s">
        <v>7</v>
      </c>
    </row>
    <row r="15331">
      <c r="A15331" s="1">
        <v>4.90622315E8</v>
      </c>
      <c r="B15331" s="2">
        <v>14785.0</v>
      </c>
      <c r="C15331" s="1" t="s">
        <v>5</v>
      </c>
      <c r="D15331" s="1" t="s">
        <v>11</v>
      </c>
      <c r="E15331" s="1" t="s">
        <v>7</v>
      </c>
    </row>
    <row r="15332">
      <c r="A15332" s="1">
        <v>4.90622335E8</v>
      </c>
      <c r="B15332" s="2">
        <v>14773.0</v>
      </c>
      <c r="C15332" s="1" t="s">
        <v>5</v>
      </c>
      <c r="D15332" s="1" t="s">
        <v>11</v>
      </c>
      <c r="E15332" s="1" t="s">
        <v>7</v>
      </c>
    </row>
    <row r="15333">
      <c r="A15333" s="1">
        <v>4.90622449E8</v>
      </c>
      <c r="B15333" s="2">
        <v>14851.0</v>
      </c>
      <c r="C15333" s="1" t="s">
        <v>5</v>
      </c>
      <c r="D15333" s="1" t="s">
        <v>13072</v>
      </c>
      <c r="E15333" s="1" t="s">
        <v>7</v>
      </c>
    </row>
    <row r="15334">
      <c r="A15334" s="1">
        <v>4.90622489E8</v>
      </c>
      <c r="B15334" s="2">
        <v>14769.0</v>
      </c>
      <c r="C15334" s="1" t="s">
        <v>5</v>
      </c>
      <c r="D15334" s="1" t="s">
        <v>13073</v>
      </c>
      <c r="E15334" s="1" t="s">
        <v>7</v>
      </c>
    </row>
    <row r="15335">
      <c r="A15335" s="1">
        <v>4.90622621E8</v>
      </c>
      <c r="B15335" s="2">
        <v>14770.0</v>
      </c>
      <c r="C15335" s="1" t="s">
        <v>5</v>
      </c>
      <c r="D15335" s="1" t="s">
        <v>13074</v>
      </c>
      <c r="E15335" s="1" t="s">
        <v>7</v>
      </c>
    </row>
    <row r="15336">
      <c r="A15336" s="1">
        <v>4.90622661E8</v>
      </c>
      <c r="B15336" s="2">
        <v>14768.0</v>
      </c>
      <c r="C15336" s="1" t="s">
        <v>5</v>
      </c>
      <c r="D15336" s="1" t="s">
        <v>13075</v>
      </c>
      <c r="E15336" s="1" t="s">
        <v>11</v>
      </c>
    </row>
    <row r="15337">
      <c r="A15337" s="1">
        <v>4.90622663E8</v>
      </c>
      <c r="B15337" s="2">
        <v>14841.0</v>
      </c>
      <c r="C15337" s="1" t="s">
        <v>5</v>
      </c>
      <c r="D15337" s="1" t="s">
        <v>11</v>
      </c>
      <c r="E15337" s="1" t="s">
        <v>7</v>
      </c>
    </row>
    <row r="15338">
      <c r="A15338" s="1">
        <v>4.9062267E8</v>
      </c>
      <c r="B15338" s="2">
        <v>14771.0</v>
      </c>
      <c r="C15338" s="1" t="s">
        <v>5</v>
      </c>
      <c r="D15338" s="1" t="s">
        <v>13076</v>
      </c>
      <c r="E15338" s="1" t="s">
        <v>7</v>
      </c>
    </row>
    <row r="15339">
      <c r="A15339" s="1">
        <v>4.90622694E8</v>
      </c>
      <c r="B15339" s="2">
        <v>14772.0</v>
      </c>
      <c r="C15339" s="1" t="s">
        <v>5</v>
      </c>
      <c r="D15339" s="1" t="s">
        <v>13077</v>
      </c>
      <c r="E15339" s="1" t="s">
        <v>11</v>
      </c>
    </row>
    <row r="15340">
      <c r="A15340" s="1">
        <v>4.9062271E8</v>
      </c>
      <c r="B15340" s="2">
        <v>14763.0</v>
      </c>
      <c r="C15340" s="1" t="s">
        <v>5</v>
      </c>
      <c r="D15340" s="1" t="s">
        <v>13078</v>
      </c>
      <c r="E15340" s="1" t="s">
        <v>11</v>
      </c>
    </row>
    <row r="15341">
      <c r="A15341" s="1">
        <v>4.90622777E8</v>
      </c>
      <c r="B15341" s="2">
        <v>14796.0</v>
      </c>
      <c r="C15341" s="1" t="s">
        <v>5</v>
      </c>
      <c r="D15341" s="1" t="s">
        <v>13079</v>
      </c>
      <c r="E15341" s="1" t="s">
        <v>7</v>
      </c>
    </row>
    <row r="15342">
      <c r="A15342" s="1">
        <v>4.9062287E8</v>
      </c>
      <c r="B15342" s="2">
        <v>14769.0</v>
      </c>
      <c r="C15342" s="1" t="s">
        <v>5</v>
      </c>
      <c r="D15342" s="1" t="s">
        <v>13080</v>
      </c>
      <c r="E15342" s="1" t="s">
        <v>7</v>
      </c>
    </row>
    <row r="15343">
      <c r="A15343" s="1">
        <v>4.9062288E8</v>
      </c>
      <c r="B15343" s="2">
        <v>14848.0</v>
      </c>
      <c r="C15343" s="1" t="s">
        <v>5</v>
      </c>
      <c r="D15343" s="1" t="s">
        <v>13081</v>
      </c>
      <c r="E15343" s="1" t="s">
        <v>7</v>
      </c>
    </row>
    <row r="15344">
      <c r="A15344" s="1">
        <v>4.90622895E8</v>
      </c>
      <c r="B15344" s="2">
        <v>14770.0</v>
      </c>
      <c r="C15344" s="1" t="s">
        <v>5</v>
      </c>
      <c r="D15344" s="1" t="s">
        <v>13082</v>
      </c>
      <c r="E15344" s="1" t="s">
        <v>11</v>
      </c>
    </row>
    <row r="15345">
      <c r="A15345" s="1">
        <v>4.90622983E8</v>
      </c>
      <c r="B15345" s="2">
        <v>14769.0</v>
      </c>
      <c r="C15345" s="1" t="s">
        <v>5</v>
      </c>
      <c r="D15345" s="1" t="s">
        <v>11</v>
      </c>
      <c r="E15345" s="1" t="s">
        <v>7</v>
      </c>
    </row>
    <row r="15346">
      <c r="A15346" s="1">
        <v>4.90623058E8</v>
      </c>
      <c r="B15346" s="2">
        <v>14822.0</v>
      </c>
      <c r="C15346" s="1" t="s">
        <v>5</v>
      </c>
      <c r="D15346" s="1" t="s">
        <v>13083</v>
      </c>
      <c r="E15346" s="1" t="s">
        <v>7</v>
      </c>
    </row>
    <row r="15347">
      <c r="A15347" s="1">
        <v>4.90623089E8</v>
      </c>
      <c r="B15347" s="2">
        <v>14835.0</v>
      </c>
      <c r="C15347" s="1" t="s">
        <v>5</v>
      </c>
      <c r="D15347" s="1" t="s">
        <v>13084</v>
      </c>
      <c r="E15347" s="1" t="s">
        <v>7</v>
      </c>
    </row>
    <row r="15348">
      <c r="A15348" s="1">
        <v>4.90623095E8</v>
      </c>
      <c r="B15348" s="2">
        <v>14766.0</v>
      </c>
      <c r="C15348" s="1" t="s">
        <v>5</v>
      </c>
      <c r="D15348" s="1" t="s">
        <v>13085</v>
      </c>
      <c r="E15348" s="1" t="s">
        <v>7</v>
      </c>
    </row>
    <row r="15349">
      <c r="A15349" s="1">
        <v>4.90623217E8</v>
      </c>
      <c r="B15349" s="2">
        <v>14767.0</v>
      </c>
      <c r="C15349" s="1" t="s">
        <v>5</v>
      </c>
      <c r="D15349" s="1" t="s">
        <v>11</v>
      </c>
      <c r="E15349" s="1" t="s">
        <v>7</v>
      </c>
    </row>
    <row r="15350">
      <c r="A15350" s="1">
        <v>4.90623226E8</v>
      </c>
      <c r="B15350" s="2">
        <v>14767.0</v>
      </c>
      <c r="C15350" s="1" t="s">
        <v>5</v>
      </c>
      <c r="D15350" s="1" t="s">
        <v>13086</v>
      </c>
      <c r="E15350" s="1" t="s">
        <v>7</v>
      </c>
    </row>
    <row r="15351">
      <c r="A15351" s="1">
        <v>4.90623271E8</v>
      </c>
      <c r="B15351" s="2">
        <v>14766.0</v>
      </c>
      <c r="C15351" s="1" t="s">
        <v>5</v>
      </c>
      <c r="D15351" s="1" t="s">
        <v>13087</v>
      </c>
      <c r="E15351" s="1" t="s">
        <v>11</v>
      </c>
    </row>
    <row r="15352">
      <c r="A15352" s="1">
        <v>4.9062333E8</v>
      </c>
      <c r="B15352" s="2">
        <v>14766.0</v>
      </c>
      <c r="C15352" s="1" t="s">
        <v>5</v>
      </c>
      <c r="D15352" s="1" t="s">
        <v>13088</v>
      </c>
      <c r="E15352" s="1" t="s">
        <v>13089</v>
      </c>
    </row>
    <row r="15353">
      <c r="A15353" s="1">
        <v>4.906234E8</v>
      </c>
      <c r="B15353" s="2">
        <v>14768.0</v>
      </c>
      <c r="C15353" s="1" t="s">
        <v>5</v>
      </c>
      <c r="D15353" s="1" t="s">
        <v>13090</v>
      </c>
      <c r="E15353" s="1" t="s">
        <v>7</v>
      </c>
    </row>
    <row r="15354">
      <c r="A15354" s="1">
        <v>4.90623432E8</v>
      </c>
      <c r="B15354" s="2">
        <v>14838.0</v>
      </c>
      <c r="C15354" s="1" t="s">
        <v>5</v>
      </c>
      <c r="D15354" s="1" t="s">
        <v>13091</v>
      </c>
      <c r="E15354" s="1" t="s">
        <v>7</v>
      </c>
    </row>
    <row r="15355">
      <c r="A15355" s="1">
        <v>4.90623488E8</v>
      </c>
      <c r="B15355" s="2">
        <v>14765.0</v>
      </c>
      <c r="C15355" s="1" t="s">
        <v>5</v>
      </c>
      <c r="D15355" s="1" t="s">
        <v>13092</v>
      </c>
      <c r="E15355" s="1" t="s">
        <v>7</v>
      </c>
    </row>
    <row r="15356">
      <c r="A15356" s="1">
        <v>4.90623562E8</v>
      </c>
      <c r="B15356" s="2">
        <v>14777.0</v>
      </c>
      <c r="C15356" s="1" t="s">
        <v>5</v>
      </c>
      <c r="D15356" s="1" t="s">
        <v>13093</v>
      </c>
      <c r="E15356" s="1" t="s">
        <v>7</v>
      </c>
    </row>
    <row r="15357">
      <c r="A15357" s="1">
        <v>4.90623668E8</v>
      </c>
      <c r="B15357" s="2">
        <v>14836.0</v>
      </c>
      <c r="C15357" s="1" t="s">
        <v>5</v>
      </c>
      <c r="D15357" s="1" t="s">
        <v>13094</v>
      </c>
      <c r="E15357" s="1" t="s">
        <v>11</v>
      </c>
    </row>
    <row r="15358">
      <c r="A15358" s="1">
        <v>4.90623734E8</v>
      </c>
      <c r="B15358" s="2">
        <v>14831.0</v>
      </c>
      <c r="C15358" s="1" t="s">
        <v>5</v>
      </c>
      <c r="D15358" s="1" t="s">
        <v>11</v>
      </c>
      <c r="E15358" s="1" t="s">
        <v>7</v>
      </c>
    </row>
    <row r="15359">
      <c r="A15359" s="1">
        <v>4.90623813E8</v>
      </c>
      <c r="B15359" s="2">
        <v>14764.0</v>
      </c>
      <c r="C15359" s="1" t="s">
        <v>5</v>
      </c>
      <c r="D15359" s="1" t="s">
        <v>13095</v>
      </c>
      <c r="E15359" s="1" t="s">
        <v>7</v>
      </c>
    </row>
    <row r="15360">
      <c r="A15360" s="1">
        <v>4.90623817E8</v>
      </c>
      <c r="B15360" s="2">
        <v>14851.0</v>
      </c>
      <c r="C15360" s="1" t="s">
        <v>5</v>
      </c>
      <c r="D15360" s="1" t="s">
        <v>13096</v>
      </c>
      <c r="E15360" s="1" t="s">
        <v>11</v>
      </c>
    </row>
    <row r="15361">
      <c r="A15361" s="1">
        <v>4.90623821E8</v>
      </c>
      <c r="B15361" s="2">
        <v>14849.0</v>
      </c>
      <c r="C15361" s="1" t="s">
        <v>5</v>
      </c>
      <c r="D15361" s="1" t="s">
        <v>11</v>
      </c>
      <c r="E15361" s="1" t="s">
        <v>7</v>
      </c>
    </row>
    <row r="15362">
      <c r="A15362" s="1">
        <v>4.90623837E8</v>
      </c>
      <c r="B15362" s="2">
        <v>14851.0</v>
      </c>
      <c r="C15362" s="1" t="s">
        <v>5</v>
      </c>
      <c r="D15362" s="1" t="s">
        <v>13097</v>
      </c>
      <c r="E15362" s="1" t="s">
        <v>7</v>
      </c>
    </row>
    <row r="15363">
      <c r="A15363" s="1">
        <v>4.90623977E8</v>
      </c>
      <c r="B15363" s="2">
        <v>14823.0</v>
      </c>
      <c r="C15363" s="1" t="s">
        <v>5</v>
      </c>
      <c r="D15363" s="1" t="s">
        <v>13098</v>
      </c>
      <c r="E15363" s="1" t="s">
        <v>7</v>
      </c>
    </row>
    <row r="15364">
      <c r="A15364" s="1">
        <v>4.90623993E8</v>
      </c>
      <c r="B15364" s="2">
        <v>14815.0</v>
      </c>
      <c r="C15364" s="1" t="s">
        <v>5</v>
      </c>
      <c r="D15364" s="1" t="s">
        <v>13099</v>
      </c>
      <c r="E15364" s="1" t="s">
        <v>7</v>
      </c>
    </row>
    <row r="15365">
      <c r="A15365" s="1">
        <v>4.90624047E8</v>
      </c>
      <c r="B15365" s="2">
        <v>14841.0</v>
      </c>
      <c r="C15365" s="1" t="s">
        <v>5</v>
      </c>
      <c r="D15365" s="1" t="s">
        <v>11</v>
      </c>
      <c r="E15365" s="1" t="s">
        <v>7</v>
      </c>
    </row>
    <row r="15366">
      <c r="A15366" s="1">
        <v>4.90624101E8</v>
      </c>
      <c r="B15366" s="2">
        <v>14763.0</v>
      </c>
      <c r="C15366" s="1" t="s">
        <v>5</v>
      </c>
      <c r="D15366" s="1" t="s">
        <v>13100</v>
      </c>
      <c r="E15366" s="1" t="s">
        <v>7</v>
      </c>
    </row>
    <row r="15367">
      <c r="A15367" s="1">
        <v>4.90624286E8</v>
      </c>
      <c r="B15367" s="2">
        <v>14814.0</v>
      </c>
      <c r="C15367" s="1" t="s">
        <v>5</v>
      </c>
      <c r="D15367" s="1" t="s">
        <v>11</v>
      </c>
      <c r="E15367" s="1" t="s">
        <v>7</v>
      </c>
    </row>
    <row r="15368">
      <c r="A15368" s="1">
        <v>4.90624336E8</v>
      </c>
      <c r="B15368" s="2">
        <v>14823.0</v>
      </c>
      <c r="C15368" s="1" t="s">
        <v>5</v>
      </c>
      <c r="D15368" s="1" t="s">
        <v>11</v>
      </c>
      <c r="E15368" s="1" t="s">
        <v>7</v>
      </c>
    </row>
    <row r="15369">
      <c r="A15369" s="1">
        <v>4.90624375E8</v>
      </c>
      <c r="B15369" s="2">
        <v>14826.0</v>
      </c>
      <c r="C15369" s="1" t="s">
        <v>5</v>
      </c>
      <c r="D15369" s="1" t="s">
        <v>13101</v>
      </c>
      <c r="E15369" s="1" t="s">
        <v>13102</v>
      </c>
    </row>
    <row r="15370">
      <c r="A15370" s="1">
        <v>4.90624385E8</v>
      </c>
      <c r="B15370" s="2">
        <v>14818.0</v>
      </c>
      <c r="C15370" s="1" t="s">
        <v>5</v>
      </c>
      <c r="D15370" s="1" t="s">
        <v>13103</v>
      </c>
      <c r="E15370" s="1" t="s">
        <v>7</v>
      </c>
    </row>
    <row r="15371">
      <c r="A15371" s="1">
        <v>4.90624415E8</v>
      </c>
      <c r="B15371" s="2">
        <v>14884.0</v>
      </c>
      <c r="C15371" s="1" t="s">
        <v>5</v>
      </c>
      <c r="D15371" s="1" t="s">
        <v>13104</v>
      </c>
      <c r="E15371" s="1" t="s">
        <v>7</v>
      </c>
    </row>
    <row r="15372">
      <c r="A15372" s="1">
        <v>4.90624455E8</v>
      </c>
      <c r="B15372" s="2">
        <v>14844.0</v>
      </c>
      <c r="C15372" s="1" t="s">
        <v>5</v>
      </c>
      <c r="D15372" s="1" t="s">
        <v>13105</v>
      </c>
      <c r="E15372" s="1" t="s">
        <v>7</v>
      </c>
    </row>
    <row r="15373">
      <c r="A15373" s="1">
        <v>4.90624539E8</v>
      </c>
      <c r="B15373" s="2">
        <v>14819.0</v>
      </c>
      <c r="C15373" s="1" t="s">
        <v>5</v>
      </c>
      <c r="D15373" s="1" t="s">
        <v>13106</v>
      </c>
      <c r="E15373" s="1" t="s">
        <v>13107</v>
      </c>
    </row>
    <row r="15374">
      <c r="A15374" s="1">
        <v>4.90624585E8</v>
      </c>
      <c r="B15374" s="2">
        <v>14830.0</v>
      </c>
      <c r="C15374" s="1" t="s">
        <v>5</v>
      </c>
      <c r="D15374" s="1" t="s">
        <v>11</v>
      </c>
      <c r="E15374" s="1" t="s">
        <v>7</v>
      </c>
    </row>
    <row r="15375">
      <c r="A15375" s="1">
        <v>4.90624601E8</v>
      </c>
      <c r="B15375" s="2">
        <v>14831.0</v>
      </c>
      <c r="C15375" s="1" t="s">
        <v>5</v>
      </c>
      <c r="D15375" s="1" t="s">
        <v>13108</v>
      </c>
      <c r="E15375" s="1" t="s">
        <v>11</v>
      </c>
    </row>
    <row r="15376">
      <c r="A15376" s="1">
        <v>4.90624625E8</v>
      </c>
      <c r="B15376" s="2">
        <v>14821.0</v>
      </c>
      <c r="C15376" s="1" t="s">
        <v>5</v>
      </c>
      <c r="D15376" s="1" t="s">
        <v>13109</v>
      </c>
      <c r="E15376" s="1" t="s">
        <v>11</v>
      </c>
    </row>
    <row r="15377">
      <c r="A15377" s="1">
        <v>4.90624629E8</v>
      </c>
      <c r="B15377" s="2">
        <v>14838.0</v>
      </c>
      <c r="C15377" s="1" t="s">
        <v>5</v>
      </c>
      <c r="D15377" s="1" t="s">
        <v>11</v>
      </c>
      <c r="E15377" s="1" t="s">
        <v>7</v>
      </c>
    </row>
    <row r="15378">
      <c r="A15378" s="1">
        <v>4.90624647E8</v>
      </c>
      <c r="B15378" s="2">
        <v>14820.0</v>
      </c>
      <c r="C15378" s="1" t="s">
        <v>5</v>
      </c>
      <c r="D15378" s="1" t="s">
        <v>13110</v>
      </c>
      <c r="E15378" s="1" t="s">
        <v>11</v>
      </c>
    </row>
    <row r="15379">
      <c r="A15379" s="1">
        <v>4.90624649E8</v>
      </c>
      <c r="B15379" s="2">
        <v>14818.0</v>
      </c>
      <c r="C15379" s="1" t="s">
        <v>5</v>
      </c>
      <c r="D15379" s="1" t="s">
        <v>11</v>
      </c>
      <c r="E15379" s="1" t="s">
        <v>7</v>
      </c>
    </row>
    <row r="15380">
      <c r="A15380" s="1">
        <v>4.9062472E8</v>
      </c>
      <c r="B15380" s="2">
        <v>14830.0</v>
      </c>
      <c r="C15380" s="1" t="s">
        <v>5</v>
      </c>
      <c r="D15380" s="1" t="s">
        <v>13111</v>
      </c>
      <c r="E15380" s="1" t="s">
        <v>7</v>
      </c>
    </row>
    <row r="15381">
      <c r="A15381" s="1">
        <v>4.90624764E8</v>
      </c>
      <c r="B15381" s="2">
        <v>14810.0</v>
      </c>
      <c r="C15381" s="1" t="s">
        <v>5</v>
      </c>
      <c r="D15381" s="1" t="s">
        <v>13112</v>
      </c>
      <c r="E15381" s="1" t="s">
        <v>11</v>
      </c>
    </row>
    <row r="15382">
      <c r="A15382" s="1">
        <v>4.90624773E8</v>
      </c>
      <c r="B15382" s="2">
        <v>14817.0</v>
      </c>
      <c r="C15382" s="1" t="s">
        <v>5</v>
      </c>
      <c r="D15382" s="1" t="s">
        <v>13113</v>
      </c>
      <c r="E15382" s="1" t="s">
        <v>7</v>
      </c>
    </row>
    <row r="15383">
      <c r="A15383" s="1">
        <v>4.90624785E8</v>
      </c>
      <c r="B15383" s="2">
        <v>14837.0</v>
      </c>
      <c r="C15383" s="1" t="s">
        <v>5</v>
      </c>
      <c r="D15383" s="1" t="s">
        <v>13114</v>
      </c>
      <c r="E15383" s="1" t="s">
        <v>7</v>
      </c>
    </row>
    <row r="15384">
      <c r="A15384" s="1">
        <v>4.9062488E8</v>
      </c>
      <c r="B15384" s="2">
        <v>14836.0</v>
      </c>
      <c r="C15384" s="1" t="s">
        <v>5</v>
      </c>
      <c r="D15384" s="1" t="s">
        <v>11</v>
      </c>
      <c r="E15384" s="1" t="s">
        <v>7</v>
      </c>
    </row>
    <row r="15385">
      <c r="A15385" s="1">
        <v>4.9062495E8</v>
      </c>
      <c r="B15385" s="2">
        <v>14769.0</v>
      </c>
      <c r="C15385" s="1" t="s">
        <v>5</v>
      </c>
      <c r="D15385" s="1" t="s">
        <v>11</v>
      </c>
      <c r="E15385" s="1" t="s">
        <v>7</v>
      </c>
    </row>
    <row r="15386">
      <c r="A15386" s="1">
        <v>4.90624972E8</v>
      </c>
      <c r="B15386" s="2">
        <v>14809.0</v>
      </c>
      <c r="C15386" s="1" t="s">
        <v>5</v>
      </c>
      <c r="D15386" s="1" t="s">
        <v>13115</v>
      </c>
      <c r="E15386" s="1" t="s">
        <v>13116</v>
      </c>
    </row>
    <row r="15387">
      <c r="A15387" s="1">
        <v>4.90624992E8</v>
      </c>
      <c r="B15387" s="2">
        <v>14836.0</v>
      </c>
      <c r="C15387" s="1" t="s">
        <v>5</v>
      </c>
      <c r="D15387" s="1" t="s">
        <v>13117</v>
      </c>
      <c r="E15387" s="1" t="s">
        <v>11</v>
      </c>
    </row>
    <row r="15388">
      <c r="A15388" s="1">
        <v>4.90625019E8</v>
      </c>
      <c r="B15388" s="2">
        <v>14808.0</v>
      </c>
      <c r="C15388" s="1" t="s">
        <v>5</v>
      </c>
      <c r="D15388" s="1" t="s">
        <v>13118</v>
      </c>
      <c r="E15388" s="1" t="s">
        <v>7</v>
      </c>
    </row>
    <row r="15389">
      <c r="A15389" s="1">
        <v>4.9062504E8</v>
      </c>
      <c r="B15389" s="2">
        <v>14880.0</v>
      </c>
      <c r="C15389" s="1" t="s">
        <v>5</v>
      </c>
      <c r="D15389" s="1" t="s">
        <v>11</v>
      </c>
      <c r="E15389" s="1" t="s">
        <v>7</v>
      </c>
    </row>
    <row r="15390">
      <c r="A15390" s="1">
        <v>4.90625056E8</v>
      </c>
      <c r="B15390" s="2">
        <v>14883.0</v>
      </c>
      <c r="C15390" s="1" t="s">
        <v>5</v>
      </c>
      <c r="D15390" s="1" t="s">
        <v>13119</v>
      </c>
      <c r="E15390" s="1" t="s">
        <v>7</v>
      </c>
    </row>
    <row r="15391">
      <c r="A15391" s="1">
        <v>4.90625095E8</v>
      </c>
      <c r="B15391" s="2">
        <v>14882.0</v>
      </c>
      <c r="C15391" s="1" t="s">
        <v>5</v>
      </c>
      <c r="D15391" s="1" t="s">
        <v>13120</v>
      </c>
      <c r="E15391" s="1" t="s">
        <v>7</v>
      </c>
    </row>
    <row r="15392">
      <c r="A15392" s="1">
        <v>4.90625145E8</v>
      </c>
      <c r="B15392" s="2">
        <v>14808.0</v>
      </c>
      <c r="C15392" s="1" t="s">
        <v>5</v>
      </c>
      <c r="D15392" s="1" t="s">
        <v>13121</v>
      </c>
      <c r="E15392" s="1" t="s">
        <v>11</v>
      </c>
    </row>
    <row r="15393">
      <c r="A15393" s="1">
        <v>4.90625268E8</v>
      </c>
      <c r="B15393" s="2">
        <v>14840.0</v>
      </c>
      <c r="C15393" s="1" t="s">
        <v>5</v>
      </c>
      <c r="D15393" s="1" t="s">
        <v>12215</v>
      </c>
      <c r="E15393" s="1" t="s">
        <v>7</v>
      </c>
    </row>
    <row r="15394">
      <c r="A15394" s="1">
        <v>4.90625276E8</v>
      </c>
      <c r="B15394" s="2">
        <v>14834.0</v>
      </c>
      <c r="C15394" s="1" t="s">
        <v>5</v>
      </c>
      <c r="D15394" s="1" t="s">
        <v>11</v>
      </c>
      <c r="E15394" s="1" t="s">
        <v>7</v>
      </c>
    </row>
    <row r="15395">
      <c r="A15395" s="1">
        <v>4.90625341E8</v>
      </c>
      <c r="B15395" s="2">
        <v>14813.0</v>
      </c>
      <c r="C15395" s="1" t="s">
        <v>5</v>
      </c>
      <c r="D15395" s="1" t="s">
        <v>13122</v>
      </c>
      <c r="E15395" s="1" t="s">
        <v>11</v>
      </c>
    </row>
    <row r="15396">
      <c r="A15396" s="1">
        <v>4.90625425E8</v>
      </c>
      <c r="B15396" s="2">
        <v>14832.0</v>
      </c>
      <c r="C15396" s="1" t="s">
        <v>5</v>
      </c>
      <c r="D15396" s="1" t="s">
        <v>13123</v>
      </c>
      <c r="E15396" s="1" t="s">
        <v>7</v>
      </c>
    </row>
    <row r="15397">
      <c r="A15397" s="1">
        <v>4.90625589E8</v>
      </c>
      <c r="B15397" s="2">
        <v>14815.0</v>
      </c>
      <c r="C15397" s="1" t="s">
        <v>5</v>
      </c>
      <c r="D15397" s="1" t="s">
        <v>13124</v>
      </c>
      <c r="E15397" s="1" t="s">
        <v>7</v>
      </c>
    </row>
    <row r="15398">
      <c r="A15398" s="1">
        <v>4.90625593E8</v>
      </c>
      <c r="B15398" s="2">
        <v>14831.0</v>
      </c>
      <c r="C15398" s="1" t="s">
        <v>5</v>
      </c>
      <c r="D15398" s="1" t="s">
        <v>13125</v>
      </c>
      <c r="E15398" s="1" t="s">
        <v>7</v>
      </c>
    </row>
    <row r="15399">
      <c r="A15399" s="1">
        <v>4.90625624E8</v>
      </c>
      <c r="B15399" s="2">
        <v>14826.0</v>
      </c>
      <c r="C15399" s="1" t="s">
        <v>5</v>
      </c>
      <c r="D15399" s="1" t="s">
        <v>13126</v>
      </c>
      <c r="E15399" s="1" t="s">
        <v>11</v>
      </c>
    </row>
    <row r="15400">
      <c r="A15400" s="1">
        <v>4.90625625E8</v>
      </c>
      <c r="B15400" s="2">
        <v>14880.0</v>
      </c>
      <c r="C15400" s="1" t="s">
        <v>5</v>
      </c>
      <c r="D15400" s="1" t="s">
        <v>13127</v>
      </c>
      <c r="E15400" s="1" t="s">
        <v>7</v>
      </c>
    </row>
    <row r="15401">
      <c r="A15401" s="1">
        <v>4.90625652E8</v>
      </c>
      <c r="B15401" s="2">
        <v>14806.0</v>
      </c>
      <c r="C15401" s="1" t="s">
        <v>5</v>
      </c>
      <c r="D15401" s="1" t="s">
        <v>11</v>
      </c>
      <c r="E15401" s="1" t="s">
        <v>7</v>
      </c>
    </row>
    <row r="15402">
      <c r="A15402" s="1">
        <v>4.90625665E8</v>
      </c>
      <c r="B15402" s="2">
        <v>14840.0</v>
      </c>
      <c r="C15402" s="1" t="s">
        <v>5</v>
      </c>
      <c r="D15402" s="1" t="s">
        <v>13128</v>
      </c>
      <c r="E15402" s="1" t="s">
        <v>7</v>
      </c>
    </row>
    <row r="15403">
      <c r="A15403" s="1">
        <v>4.90625746E8</v>
      </c>
      <c r="B15403" s="2">
        <v>14813.0</v>
      </c>
      <c r="C15403" s="1" t="s">
        <v>5</v>
      </c>
      <c r="D15403" s="1" t="s">
        <v>11</v>
      </c>
      <c r="E15403" s="1" t="s">
        <v>7</v>
      </c>
    </row>
    <row r="15404">
      <c r="A15404" s="1">
        <v>4.90625758E8</v>
      </c>
      <c r="B15404" s="2">
        <v>14879.0</v>
      </c>
      <c r="C15404" s="1" t="s">
        <v>5</v>
      </c>
      <c r="D15404" s="1" t="s">
        <v>13129</v>
      </c>
      <c r="E15404" s="1" t="s">
        <v>7</v>
      </c>
    </row>
    <row r="15405">
      <c r="A15405" s="1">
        <v>4.90625785E8</v>
      </c>
      <c r="B15405" s="2">
        <v>14882.0</v>
      </c>
      <c r="C15405" s="1" t="s">
        <v>5</v>
      </c>
      <c r="D15405" s="1" t="s">
        <v>13130</v>
      </c>
      <c r="E15405" s="1" t="s">
        <v>7</v>
      </c>
    </row>
    <row r="15406">
      <c r="A15406" s="1">
        <v>4.90625856E8</v>
      </c>
      <c r="B15406" s="2">
        <v>14827.0</v>
      </c>
      <c r="C15406" s="1" t="s">
        <v>5</v>
      </c>
      <c r="D15406" s="1" t="s">
        <v>13131</v>
      </c>
      <c r="E15406" s="1" t="s">
        <v>11</v>
      </c>
    </row>
    <row r="15407">
      <c r="A15407" s="1">
        <v>4.90625889E8</v>
      </c>
      <c r="B15407" s="2">
        <v>14814.0</v>
      </c>
      <c r="C15407" s="1" t="s">
        <v>5</v>
      </c>
      <c r="D15407" s="1" t="s">
        <v>13132</v>
      </c>
      <c r="E15407" s="1" t="s">
        <v>7</v>
      </c>
    </row>
    <row r="15408">
      <c r="A15408" s="1">
        <v>4.9062592E8</v>
      </c>
      <c r="B15408" s="2">
        <v>14810.0</v>
      </c>
      <c r="C15408" s="1" t="s">
        <v>5</v>
      </c>
      <c r="D15408" s="1" t="s">
        <v>13133</v>
      </c>
      <c r="E15408" s="1" t="s">
        <v>7</v>
      </c>
    </row>
    <row r="15409">
      <c r="A15409" s="1">
        <v>4.9062606E8</v>
      </c>
      <c r="B15409" s="2">
        <v>14812.0</v>
      </c>
      <c r="C15409" s="1" t="s">
        <v>5</v>
      </c>
      <c r="D15409" s="1" t="s">
        <v>13134</v>
      </c>
      <c r="E15409" s="1" t="s">
        <v>13135</v>
      </c>
    </row>
    <row r="15410">
      <c r="A15410" s="1">
        <v>4.90626112E8</v>
      </c>
      <c r="B15410" s="2">
        <v>14823.0</v>
      </c>
      <c r="C15410" s="1" t="s">
        <v>5</v>
      </c>
      <c r="D15410" s="1" t="s">
        <v>13136</v>
      </c>
      <c r="E15410" s="1" t="s">
        <v>7</v>
      </c>
    </row>
    <row r="15411">
      <c r="A15411" s="1">
        <v>4.90626121E8</v>
      </c>
      <c r="B15411" s="2">
        <v>14812.0</v>
      </c>
      <c r="C15411" s="1" t="s">
        <v>5</v>
      </c>
      <c r="D15411" s="1" t="s">
        <v>11</v>
      </c>
      <c r="E15411" s="1" t="s">
        <v>7</v>
      </c>
    </row>
    <row r="15412">
      <c r="A15412" s="1">
        <v>4.90626151E8</v>
      </c>
      <c r="B15412" s="2">
        <v>14802.0</v>
      </c>
      <c r="C15412" s="1" t="s">
        <v>5</v>
      </c>
      <c r="D15412" s="1" t="s">
        <v>13137</v>
      </c>
      <c r="E15412" s="1" t="s">
        <v>7</v>
      </c>
    </row>
    <row r="15413">
      <c r="A15413" s="1">
        <v>4.9062616E8</v>
      </c>
      <c r="B15413" s="2">
        <v>14882.0</v>
      </c>
      <c r="C15413" s="1" t="s">
        <v>5</v>
      </c>
      <c r="D15413" s="1" t="s">
        <v>13138</v>
      </c>
      <c r="E15413" s="1" t="s">
        <v>7</v>
      </c>
    </row>
    <row r="15414">
      <c r="A15414" s="1">
        <v>4.90626185E8</v>
      </c>
      <c r="B15414" s="2">
        <v>14825.0</v>
      </c>
      <c r="C15414" s="1" t="s">
        <v>5</v>
      </c>
      <c r="D15414" s="1" t="s">
        <v>11</v>
      </c>
      <c r="E15414" s="1" t="s">
        <v>7</v>
      </c>
    </row>
    <row r="15415">
      <c r="A15415" s="1">
        <v>4.90626225E8</v>
      </c>
      <c r="B15415" s="2">
        <v>14836.0</v>
      </c>
      <c r="C15415" s="1" t="s">
        <v>5</v>
      </c>
      <c r="D15415" s="1" t="s">
        <v>13139</v>
      </c>
      <c r="E15415" s="1" t="s">
        <v>7</v>
      </c>
    </row>
    <row r="15416">
      <c r="A15416" s="1">
        <v>4.90626306E8</v>
      </c>
      <c r="B15416" s="2">
        <v>14881.0</v>
      </c>
      <c r="C15416" s="1" t="s">
        <v>5</v>
      </c>
      <c r="D15416" s="1" t="s">
        <v>11</v>
      </c>
      <c r="E15416" s="1" t="s">
        <v>7</v>
      </c>
    </row>
    <row r="15417">
      <c r="A15417" s="1">
        <v>4.90626404E8</v>
      </c>
      <c r="B15417" s="2">
        <v>14810.0</v>
      </c>
      <c r="C15417" s="1" t="s">
        <v>5</v>
      </c>
      <c r="D15417" s="1" t="s">
        <v>13140</v>
      </c>
      <c r="E15417" s="1" t="s">
        <v>7</v>
      </c>
    </row>
    <row r="15418">
      <c r="A15418" s="1">
        <v>4.90626529E8</v>
      </c>
      <c r="B15418" s="2">
        <v>14883.0</v>
      </c>
      <c r="C15418" s="1" t="s">
        <v>5</v>
      </c>
      <c r="D15418" s="1" t="s">
        <v>13141</v>
      </c>
      <c r="E15418" s="1" t="s">
        <v>7</v>
      </c>
    </row>
    <row r="15419">
      <c r="A15419" s="1">
        <v>4.90626533E8</v>
      </c>
      <c r="B15419" s="2">
        <v>14827.0</v>
      </c>
      <c r="C15419" s="1" t="s">
        <v>5</v>
      </c>
      <c r="D15419" s="1" t="s">
        <v>13142</v>
      </c>
      <c r="E15419" s="1" t="s">
        <v>7</v>
      </c>
    </row>
    <row r="15420">
      <c r="A15420" s="1">
        <v>4.90626545E8</v>
      </c>
      <c r="B15420" s="2">
        <v>14883.0</v>
      </c>
      <c r="C15420" s="1" t="s">
        <v>5</v>
      </c>
      <c r="D15420" s="1" t="s">
        <v>13143</v>
      </c>
      <c r="E15420" s="1" t="s">
        <v>7</v>
      </c>
    </row>
    <row r="15421">
      <c r="A15421" s="1">
        <v>4.90626558E8</v>
      </c>
      <c r="B15421" s="2">
        <v>14879.0</v>
      </c>
      <c r="C15421" s="1" t="s">
        <v>5</v>
      </c>
      <c r="D15421" s="1" t="s">
        <v>13144</v>
      </c>
      <c r="E15421" s="1" t="s">
        <v>7</v>
      </c>
    </row>
    <row r="15422">
      <c r="A15422" s="1">
        <v>4.90626641E8</v>
      </c>
      <c r="B15422" s="2">
        <v>14796.0</v>
      </c>
      <c r="C15422" s="1" t="s">
        <v>5</v>
      </c>
      <c r="D15422" s="1" t="s">
        <v>13145</v>
      </c>
      <c r="E15422" s="1" t="s">
        <v>7</v>
      </c>
    </row>
    <row r="15423">
      <c r="A15423" s="1">
        <v>4.90626665E8</v>
      </c>
      <c r="B15423" s="2">
        <v>14796.0</v>
      </c>
      <c r="C15423" s="1" t="s">
        <v>5</v>
      </c>
      <c r="D15423" s="1" t="s">
        <v>11</v>
      </c>
      <c r="E15423" s="1" t="s">
        <v>7</v>
      </c>
    </row>
    <row r="15424">
      <c r="A15424" s="1">
        <v>4.90626781E8</v>
      </c>
      <c r="B15424" s="2">
        <v>14819.0</v>
      </c>
      <c r="C15424" s="1" t="s">
        <v>5</v>
      </c>
      <c r="D15424" s="1" t="s">
        <v>13146</v>
      </c>
      <c r="E15424" s="1" t="s">
        <v>7</v>
      </c>
    </row>
    <row r="15425">
      <c r="A15425" s="1">
        <v>4.90626886E8</v>
      </c>
      <c r="B15425" s="2">
        <v>14873.0</v>
      </c>
      <c r="C15425" s="1" t="s">
        <v>5</v>
      </c>
      <c r="D15425" s="1" t="s">
        <v>13147</v>
      </c>
      <c r="E15425" s="1" t="s">
        <v>13148</v>
      </c>
    </row>
    <row r="15426">
      <c r="A15426" s="1">
        <v>4.90626956E8</v>
      </c>
      <c r="B15426" s="2">
        <v>14824.0</v>
      </c>
      <c r="C15426" s="1" t="s">
        <v>5</v>
      </c>
      <c r="D15426" s="1" t="s">
        <v>11</v>
      </c>
      <c r="E15426" s="1" t="s">
        <v>7</v>
      </c>
    </row>
    <row r="15427">
      <c r="A15427" s="1">
        <v>4.90626988E8</v>
      </c>
      <c r="B15427" s="2">
        <v>14824.0</v>
      </c>
      <c r="C15427" s="1" t="s">
        <v>5</v>
      </c>
      <c r="D15427" s="1" t="s">
        <v>13149</v>
      </c>
      <c r="E15427" s="1" t="s">
        <v>13150</v>
      </c>
    </row>
    <row r="15428">
      <c r="A15428" s="1">
        <v>4.90627015E8</v>
      </c>
      <c r="B15428" s="2">
        <v>14802.0</v>
      </c>
      <c r="C15428" s="1" t="s">
        <v>5</v>
      </c>
      <c r="D15428" s="1" t="s">
        <v>13151</v>
      </c>
      <c r="E15428" s="1" t="s">
        <v>7</v>
      </c>
    </row>
    <row r="15429">
      <c r="A15429" s="1">
        <v>4.90627016E8</v>
      </c>
      <c r="B15429" s="2">
        <v>14830.0</v>
      </c>
      <c r="C15429" s="1" t="s">
        <v>5</v>
      </c>
      <c r="D15429" s="1" t="s">
        <v>11</v>
      </c>
      <c r="E15429" s="1" t="s">
        <v>7</v>
      </c>
    </row>
    <row r="15430">
      <c r="A15430" s="1">
        <v>4.90627017E8</v>
      </c>
      <c r="B15430" s="2">
        <v>14873.0</v>
      </c>
      <c r="C15430" s="1" t="s">
        <v>5</v>
      </c>
      <c r="D15430" s="1" t="s">
        <v>11</v>
      </c>
      <c r="E15430" s="1" t="s">
        <v>7</v>
      </c>
    </row>
    <row r="15431">
      <c r="A15431" s="1">
        <v>4.9062704E8</v>
      </c>
      <c r="B15431" s="2">
        <v>14829.0</v>
      </c>
      <c r="C15431" s="1" t="s">
        <v>5</v>
      </c>
      <c r="D15431" s="1" t="s">
        <v>13152</v>
      </c>
      <c r="E15431" s="1" t="s">
        <v>7</v>
      </c>
    </row>
    <row r="15432">
      <c r="A15432" s="1">
        <v>4.9062708E8</v>
      </c>
      <c r="B15432" s="2">
        <v>14802.0</v>
      </c>
      <c r="C15432" s="1" t="s">
        <v>5</v>
      </c>
      <c r="D15432" s="1" t="s">
        <v>13153</v>
      </c>
      <c r="E15432" s="1" t="s">
        <v>7</v>
      </c>
    </row>
    <row r="15433">
      <c r="A15433" s="1">
        <v>4.90627101E8</v>
      </c>
      <c r="B15433" s="2">
        <v>14876.0</v>
      </c>
      <c r="C15433" s="1" t="s">
        <v>5</v>
      </c>
      <c r="D15433" s="1" t="s">
        <v>13154</v>
      </c>
      <c r="E15433" s="1" t="s">
        <v>7</v>
      </c>
    </row>
    <row r="15434">
      <c r="A15434" s="1">
        <v>4.90627151E8</v>
      </c>
      <c r="B15434" s="2">
        <v>14826.0</v>
      </c>
      <c r="C15434" s="1" t="s">
        <v>5</v>
      </c>
      <c r="D15434" s="1" t="s">
        <v>13155</v>
      </c>
      <c r="E15434" s="1" t="s">
        <v>7</v>
      </c>
    </row>
    <row r="15435">
      <c r="A15435" s="1">
        <v>4.90627156E8</v>
      </c>
      <c r="B15435" s="2">
        <v>14829.0</v>
      </c>
      <c r="C15435" s="1" t="s">
        <v>5</v>
      </c>
      <c r="D15435" s="1" t="s">
        <v>13156</v>
      </c>
      <c r="E15435" s="1" t="s">
        <v>11</v>
      </c>
    </row>
    <row r="15436">
      <c r="A15436" s="1">
        <v>4.90627219E8</v>
      </c>
      <c r="B15436" s="2">
        <v>14829.0</v>
      </c>
      <c r="C15436" s="1" t="s">
        <v>5</v>
      </c>
      <c r="D15436" s="1" t="s">
        <v>13157</v>
      </c>
      <c r="E15436" s="1" t="s">
        <v>7</v>
      </c>
    </row>
    <row r="15437">
      <c r="A15437" s="1">
        <v>4.90627224E8</v>
      </c>
      <c r="B15437" s="2">
        <v>14804.0</v>
      </c>
      <c r="C15437" s="1" t="s">
        <v>5</v>
      </c>
      <c r="D15437" s="1" t="s">
        <v>13158</v>
      </c>
      <c r="E15437" s="1" t="s">
        <v>7</v>
      </c>
    </row>
    <row r="15438">
      <c r="A15438" s="1">
        <v>4.90627233E8</v>
      </c>
      <c r="B15438" s="2">
        <v>14799.0</v>
      </c>
      <c r="C15438" s="1" t="s">
        <v>5</v>
      </c>
      <c r="D15438" s="1" t="s">
        <v>13159</v>
      </c>
      <c r="E15438" s="1" t="s">
        <v>7</v>
      </c>
    </row>
    <row r="15439">
      <c r="A15439" s="1">
        <v>4.90627256E8</v>
      </c>
      <c r="B15439" s="2">
        <v>14883.0</v>
      </c>
      <c r="C15439" s="1" t="s">
        <v>5</v>
      </c>
      <c r="D15439" s="1" t="s">
        <v>13160</v>
      </c>
      <c r="E15439" s="1" t="s">
        <v>7</v>
      </c>
    </row>
    <row r="15440">
      <c r="A15440" s="1">
        <v>4.9062734E8</v>
      </c>
      <c r="B15440" s="2">
        <v>14825.0</v>
      </c>
      <c r="C15440" s="1" t="s">
        <v>5</v>
      </c>
      <c r="D15440" s="1" t="s">
        <v>13161</v>
      </c>
      <c r="E15440" s="1" t="s">
        <v>7</v>
      </c>
    </row>
    <row r="15441">
      <c r="A15441" s="1">
        <v>4.9062753E8</v>
      </c>
      <c r="B15441" s="2">
        <v>14880.0</v>
      </c>
      <c r="C15441" s="1" t="s">
        <v>5</v>
      </c>
      <c r="D15441" s="1" t="s">
        <v>11</v>
      </c>
      <c r="E15441" s="1" t="s">
        <v>7</v>
      </c>
    </row>
    <row r="15442">
      <c r="A15442" s="1">
        <v>4.90627582E8</v>
      </c>
      <c r="B15442" s="2">
        <v>14801.0</v>
      </c>
      <c r="C15442" s="1" t="s">
        <v>5</v>
      </c>
      <c r="D15442" s="1" t="s">
        <v>13162</v>
      </c>
      <c r="E15442" s="1" t="s">
        <v>7</v>
      </c>
    </row>
    <row r="15443">
      <c r="A15443" s="1">
        <v>4.90627583E8</v>
      </c>
      <c r="B15443" s="2">
        <v>14873.0</v>
      </c>
      <c r="C15443" s="1" t="s">
        <v>5</v>
      </c>
      <c r="D15443" s="1" t="s">
        <v>13163</v>
      </c>
      <c r="E15443" s="1" t="s">
        <v>7</v>
      </c>
    </row>
    <row r="15444">
      <c r="A15444" s="1">
        <v>4.90627585E8</v>
      </c>
      <c r="B15444" s="2">
        <v>14865.0</v>
      </c>
      <c r="C15444" s="1" t="s">
        <v>5</v>
      </c>
      <c r="D15444" s="1" t="s">
        <v>11</v>
      </c>
      <c r="E15444" s="1" t="s">
        <v>7</v>
      </c>
    </row>
    <row r="15445">
      <c r="A15445" s="1">
        <v>4.90627648E8</v>
      </c>
      <c r="B15445" s="2">
        <v>14891.0</v>
      </c>
      <c r="C15445" s="1" t="s">
        <v>5</v>
      </c>
      <c r="D15445" s="1" t="s">
        <v>13164</v>
      </c>
      <c r="E15445" s="1" t="s">
        <v>7</v>
      </c>
    </row>
    <row r="15446">
      <c r="A15446" s="1">
        <v>4.90627745E8</v>
      </c>
      <c r="B15446" s="2">
        <v>14891.0</v>
      </c>
      <c r="C15446" s="1" t="s">
        <v>5</v>
      </c>
      <c r="D15446" s="1" t="s">
        <v>13165</v>
      </c>
      <c r="E15446" s="1" t="s">
        <v>7</v>
      </c>
    </row>
    <row r="15447">
      <c r="A15447" s="1">
        <v>4.90627746E8</v>
      </c>
      <c r="B15447" s="2">
        <v>14813.0</v>
      </c>
      <c r="C15447" s="1" t="s">
        <v>5</v>
      </c>
      <c r="D15447" s="1" t="s">
        <v>13166</v>
      </c>
      <c r="E15447" s="1" t="s">
        <v>11</v>
      </c>
    </row>
    <row r="15448">
      <c r="A15448" s="1">
        <v>4.90627814E8</v>
      </c>
      <c r="B15448" s="2">
        <v>14891.0</v>
      </c>
      <c r="C15448" s="1" t="s">
        <v>5</v>
      </c>
      <c r="D15448" s="1" t="s">
        <v>13167</v>
      </c>
      <c r="E15448" s="1" t="s">
        <v>7</v>
      </c>
    </row>
    <row r="15449">
      <c r="A15449" s="1">
        <v>4.90627835E8</v>
      </c>
      <c r="B15449" s="2">
        <v>14868.0</v>
      </c>
      <c r="C15449" s="1" t="s">
        <v>5</v>
      </c>
      <c r="D15449" s="1" t="s">
        <v>11</v>
      </c>
      <c r="E15449" s="1" t="s">
        <v>7</v>
      </c>
    </row>
    <row r="15450">
      <c r="A15450" s="1">
        <v>4.90627843E8</v>
      </c>
      <c r="B15450" s="2">
        <v>14813.0</v>
      </c>
      <c r="C15450" s="1" t="s">
        <v>5</v>
      </c>
      <c r="D15450" s="1" t="s">
        <v>13168</v>
      </c>
      <c r="E15450" s="1" t="s">
        <v>7</v>
      </c>
    </row>
    <row r="15451">
      <c r="A15451" s="1">
        <v>4.90627892E8</v>
      </c>
      <c r="B15451" s="2">
        <v>14878.0</v>
      </c>
      <c r="C15451" s="1" t="s">
        <v>5</v>
      </c>
      <c r="D15451" s="1" t="s">
        <v>13169</v>
      </c>
      <c r="E15451" s="1" t="s">
        <v>11</v>
      </c>
    </row>
    <row r="15452">
      <c r="A15452" s="1">
        <v>4.90627935E8</v>
      </c>
      <c r="B15452" s="2">
        <v>14874.0</v>
      </c>
      <c r="C15452" s="1" t="s">
        <v>5</v>
      </c>
      <c r="D15452" s="1" t="s">
        <v>11</v>
      </c>
      <c r="E15452" s="1" t="s">
        <v>7</v>
      </c>
    </row>
    <row r="15453">
      <c r="A15453" s="1">
        <v>4.9062809E8</v>
      </c>
      <c r="B15453" s="2">
        <v>14798.0</v>
      </c>
      <c r="C15453" s="1" t="s">
        <v>5</v>
      </c>
      <c r="D15453" s="1" t="s">
        <v>11</v>
      </c>
      <c r="E15453" s="1" t="s">
        <v>7</v>
      </c>
    </row>
    <row r="15454">
      <c r="A15454" s="1">
        <v>4.90628156E8</v>
      </c>
      <c r="B15454" s="2">
        <v>14943.0</v>
      </c>
      <c r="C15454" s="1" t="s">
        <v>5</v>
      </c>
      <c r="D15454" s="1" t="s">
        <v>13170</v>
      </c>
      <c r="E15454" s="1" t="s">
        <v>7</v>
      </c>
    </row>
    <row r="15455">
      <c r="A15455" s="1">
        <v>4.90628236E8</v>
      </c>
      <c r="B15455" s="2">
        <v>14872.0</v>
      </c>
      <c r="C15455" s="1" t="s">
        <v>5</v>
      </c>
      <c r="D15455" s="1" t="s">
        <v>13171</v>
      </c>
      <c r="E15455" s="1" t="s">
        <v>7</v>
      </c>
    </row>
    <row r="15456">
      <c r="A15456" s="1">
        <v>4.90628345E8</v>
      </c>
      <c r="B15456" s="2">
        <v>14934.0</v>
      </c>
      <c r="C15456" s="1" t="s">
        <v>5</v>
      </c>
      <c r="D15456" s="1" t="s">
        <v>13172</v>
      </c>
      <c r="E15456" s="1" t="s">
        <v>7</v>
      </c>
    </row>
    <row r="15457">
      <c r="A15457" s="1">
        <v>4.90628449E8</v>
      </c>
      <c r="B15457" s="2">
        <v>14940.0</v>
      </c>
      <c r="C15457" s="1" t="s">
        <v>5</v>
      </c>
      <c r="D15457" s="1" t="s">
        <v>13173</v>
      </c>
      <c r="E15457" s="1" t="s">
        <v>7</v>
      </c>
    </row>
    <row r="15458">
      <c r="A15458" s="1">
        <v>4.90628472E8</v>
      </c>
      <c r="B15458" s="2">
        <v>14882.0</v>
      </c>
      <c r="C15458" s="1" t="s">
        <v>5</v>
      </c>
      <c r="D15458" s="1" t="s">
        <v>13174</v>
      </c>
      <c r="E15458" s="1" t="s">
        <v>7</v>
      </c>
    </row>
    <row r="15459">
      <c r="A15459" s="1">
        <v>4.90628482E8</v>
      </c>
      <c r="B15459" s="2">
        <v>14890.0</v>
      </c>
      <c r="C15459" s="1" t="s">
        <v>5</v>
      </c>
      <c r="D15459" s="1" t="s">
        <v>11</v>
      </c>
      <c r="E15459" s="1" t="s">
        <v>7</v>
      </c>
    </row>
    <row r="15460">
      <c r="A15460" s="1">
        <v>4.906285E8</v>
      </c>
      <c r="B15460" s="2">
        <v>14934.0</v>
      </c>
      <c r="C15460" s="1" t="s">
        <v>5</v>
      </c>
      <c r="D15460" s="1" t="s">
        <v>13175</v>
      </c>
      <c r="E15460" s="1" t="s">
        <v>7</v>
      </c>
    </row>
    <row r="15461">
      <c r="A15461" s="1">
        <v>4.90628516E8</v>
      </c>
      <c r="B15461" s="2">
        <v>14934.0</v>
      </c>
      <c r="C15461" s="1" t="s">
        <v>5</v>
      </c>
      <c r="D15461" s="1" t="s">
        <v>11</v>
      </c>
      <c r="E15461" s="1" t="s">
        <v>7</v>
      </c>
    </row>
    <row r="15462">
      <c r="A15462" s="1">
        <v>4.90628569E8</v>
      </c>
      <c r="B15462" s="2">
        <v>14876.0</v>
      </c>
      <c r="C15462" s="1" t="s">
        <v>5</v>
      </c>
      <c r="D15462" s="1" t="s">
        <v>13176</v>
      </c>
      <c r="E15462" s="1" t="s">
        <v>11</v>
      </c>
    </row>
    <row r="15463">
      <c r="A15463" s="1">
        <v>4.9062869E8</v>
      </c>
      <c r="B15463" s="2">
        <v>14876.0</v>
      </c>
      <c r="C15463" s="1" t="s">
        <v>5</v>
      </c>
      <c r="D15463" s="1" t="s">
        <v>11</v>
      </c>
      <c r="E15463" s="1" t="s">
        <v>7</v>
      </c>
    </row>
    <row r="15464">
      <c r="A15464" s="1">
        <v>4.90628694E8</v>
      </c>
      <c r="B15464" s="2">
        <v>14933.0</v>
      </c>
      <c r="C15464" s="1" t="s">
        <v>5</v>
      </c>
      <c r="D15464" s="1" t="s">
        <v>11</v>
      </c>
      <c r="E15464" s="1" t="s">
        <v>7</v>
      </c>
    </row>
    <row r="15465">
      <c r="A15465" s="1">
        <v>4.90628722E8</v>
      </c>
      <c r="B15465" s="2">
        <v>14925.0</v>
      </c>
      <c r="C15465" s="1" t="s">
        <v>5</v>
      </c>
      <c r="D15465" s="1" t="s">
        <v>13177</v>
      </c>
      <c r="E15465" s="1" t="s">
        <v>11</v>
      </c>
    </row>
    <row r="15466">
      <c r="A15466" s="1">
        <v>4.90628822E8</v>
      </c>
      <c r="B15466" s="2">
        <v>14880.0</v>
      </c>
      <c r="C15466" s="1" t="s">
        <v>5</v>
      </c>
      <c r="D15466" s="1" t="s">
        <v>13178</v>
      </c>
      <c r="E15466" s="1" t="s">
        <v>11</v>
      </c>
    </row>
    <row r="15467">
      <c r="A15467" s="1">
        <v>4.90628989E8</v>
      </c>
      <c r="B15467" s="2">
        <v>14940.0</v>
      </c>
      <c r="C15467" s="1" t="s">
        <v>5</v>
      </c>
      <c r="D15467" s="1" t="s">
        <v>11</v>
      </c>
      <c r="E15467" s="1" t="s">
        <v>7</v>
      </c>
    </row>
    <row r="15468">
      <c r="A15468" s="1">
        <v>4.90629011E8</v>
      </c>
      <c r="B15468" s="2">
        <v>14871.0</v>
      </c>
      <c r="C15468" s="1" t="s">
        <v>5</v>
      </c>
      <c r="D15468" s="1" t="s">
        <v>13179</v>
      </c>
      <c r="E15468" s="1" t="s">
        <v>11</v>
      </c>
    </row>
    <row r="15469">
      <c r="A15469" s="1">
        <v>4.90629014E8</v>
      </c>
      <c r="B15469" s="2">
        <v>14860.0</v>
      </c>
      <c r="C15469" s="1" t="s">
        <v>5</v>
      </c>
      <c r="D15469" s="1" t="s">
        <v>13180</v>
      </c>
      <c r="E15469" s="1" t="s">
        <v>7</v>
      </c>
    </row>
    <row r="15470">
      <c r="A15470" s="1">
        <v>4.90629024E8</v>
      </c>
      <c r="B15470" s="2">
        <v>14931.0</v>
      </c>
      <c r="C15470" s="1" t="s">
        <v>5</v>
      </c>
      <c r="D15470" s="1" t="s">
        <v>12215</v>
      </c>
      <c r="E15470" s="1" t="s">
        <v>7</v>
      </c>
    </row>
    <row r="15471">
      <c r="A15471" s="1">
        <v>4.90629154E8</v>
      </c>
      <c r="B15471" s="2">
        <v>14927.0</v>
      </c>
      <c r="C15471" s="1" t="s">
        <v>5</v>
      </c>
      <c r="D15471" s="1" t="s">
        <v>13181</v>
      </c>
      <c r="E15471" s="1" t="s">
        <v>7</v>
      </c>
    </row>
    <row r="15472">
      <c r="A15472" s="1">
        <v>4.90629164E8</v>
      </c>
      <c r="B15472" s="2">
        <v>14878.0</v>
      </c>
      <c r="C15472" s="1" t="s">
        <v>5</v>
      </c>
      <c r="D15472" s="1" t="s">
        <v>13182</v>
      </c>
      <c r="E15472" s="1" t="s">
        <v>11</v>
      </c>
    </row>
    <row r="15473">
      <c r="A15473" s="1">
        <v>4.90629196E8</v>
      </c>
      <c r="B15473" s="2">
        <v>14859.0</v>
      </c>
      <c r="C15473" s="1" t="s">
        <v>5</v>
      </c>
      <c r="D15473" s="1" t="s">
        <v>13183</v>
      </c>
      <c r="E15473" s="1" t="s">
        <v>11</v>
      </c>
    </row>
    <row r="15474">
      <c r="A15474" s="1">
        <v>4.90629215E8</v>
      </c>
      <c r="B15474" s="2">
        <v>14921.0</v>
      </c>
      <c r="C15474" s="1" t="s">
        <v>5</v>
      </c>
      <c r="D15474" s="1" t="s">
        <v>11</v>
      </c>
      <c r="E15474" s="1" t="s">
        <v>7</v>
      </c>
    </row>
    <row r="15475">
      <c r="A15475" s="1">
        <v>4.90629276E8</v>
      </c>
      <c r="B15475" s="2">
        <v>14870.0</v>
      </c>
      <c r="C15475" s="1" t="s">
        <v>5</v>
      </c>
      <c r="D15475" s="1" t="s">
        <v>13184</v>
      </c>
      <c r="E15475" s="1" t="s">
        <v>11</v>
      </c>
    </row>
    <row r="15476">
      <c r="A15476" s="1">
        <v>4.90629338E8</v>
      </c>
      <c r="B15476" s="2">
        <v>14871.0</v>
      </c>
      <c r="C15476" s="1" t="s">
        <v>5</v>
      </c>
      <c r="D15476" s="1" t="s">
        <v>13185</v>
      </c>
      <c r="E15476" s="1" t="s">
        <v>7</v>
      </c>
    </row>
    <row r="15477">
      <c r="A15477" s="1">
        <v>4.90629396E8</v>
      </c>
      <c r="B15477" s="2">
        <v>14871.0</v>
      </c>
      <c r="C15477" s="1" t="s">
        <v>5</v>
      </c>
      <c r="D15477" s="1" t="s">
        <v>13186</v>
      </c>
      <c r="E15477" s="1" t="s">
        <v>7</v>
      </c>
    </row>
    <row r="15478">
      <c r="A15478" s="1">
        <v>4.90629436E8</v>
      </c>
      <c r="B15478" s="2">
        <v>14924.0</v>
      </c>
      <c r="C15478" s="1" t="s">
        <v>5</v>
      </c>
      <c r="D15478" s="1" t="s">
        <v>13187</v>
      </c>
      <c r="E15478" s="1" t="s">
        <v>7</v>
      </c>
    </row>
    <row r="15479">
      <c r="A15479" s="1">
        <v>4.9062944E8</v>
      </c>
      <c r="B15479" s="2">
        <v>14931.0</v>
      </c>
      <c r="C15479" s="1" t="s">
        <v>5</v>
      </c>
      <c r="D15479" s="1" t="s">
        <v>13188</v>
      </c>
      <c r="E15479" s="1" t="s">
        <v>7</v>
      </c>
    </row>
    <row r="15480">
      <c r="A15480" s="1">
        <v>4.90629488E8</v>
      </c>
      <c r="B15480" s="2">
        <v>14922.0</v>
      </c>
      <c r="C15480" s="1" t="s">
        <v>5</v>
      </c>
      <c r="D15480" s="1" t="s">
        <v>13189</v>
      </c>
      <c r="E15480" s="1" t="s">
        <v>11</v>
      </c>
    </row>
    <row r="15481">
      <c r="A15481" s="1">
        <v>4.90629499E8</v>
      </c>
      <c r="B15481" s="2">
        <v>14799.0</v>
      </c>
      <c r="C15481" s="1" t="s">
        <v>5</v>
      </c>
      <c r="D15481" s="1" t="s">
        <v>11</v>
      </c>
      <c r="E15481" s="1" t="s">
        <v>7</v>
      </c>
    </row>
    <row r="15482">
      <c r="A15482" s="1">
        <v>4.90629556E8</v>
      </c>
      <c r="B15482" s="2">
        <v>14921.0</v>
      </c>
      <c r="C15482" s="1" t="s">
        <v>5</v>
      </c>
      <c r="D15482" s="1" t="s">
        <v>13190</v>
      </c>
      <c r="E15482" s="1" t="s">
        <v>7</v>
      </c>
    </row>
    <row r="15483">
      <c r="A15483" s="1">
        <v>4.90629569E8</v>
      </c>
      <c r="B15483" s="2">
        <v>14918.0</v>
      </c>
      <c r="C15483" s="1" t="s">
        <v>5</v>
      </c>
      <c r="D15483" s="1" t="s">
        <v>13191</v>
      </c>
      <c r="E15483" s="1" t="s">
        <v>11</v>
      </c>
    </row>
    <row r="15484">
      <c r="A15484" s="1">
        <v>4.90629574E8</v>
      </c>
      <c r="B15484" s="2">
        <v>14925.0</v>
      </c>
      <c r="C15484" s="1" t="s">
        <v>5</v>
      </c>
      <c r="D15484" s="1" t="s">
        <v>13192</v>
      </c>
      <c r="E15484" s="1" t="s">
        <v>11</v>
      </c>
    </row>
    <row r="15485">
      <c r="A15485" s="1">
        <v>4.9062961E8</v>
      </c>
      <c r="B15485" s="2">
        <v>14867.0</v>
      </c>
      <c r="C15485" s="1" t="s">
        <v>5</v>
      </c>
      <c r="D15485" s="1" t="s">
        <v>13193</v>
      </c>
      <c r="E15485" s="1" t="s">
        <v>7</v>
      </c>
    </row>
    <row r="15486">
      <c r="A15486" s="1">
        <v>4.9062964E8</v>
      </c>
      <c r="B15486" s="2">
        <v>14918.0</v>
      </c>
      <c r="C15486" s="1" t="s">
        <v>5</v>
      </c>
      <c r="D15486" s="1" t="s">
        <v>13194</v>
      </c>
      <c r="E15486" s="1" t="s">
        <v>7</v>
      </c>
    </row>
    <row r="15487">
      <c r="A15487" s="1">
        <v>4.90629727E8</v>
      </c>
      <c r="B15487" s="2">
        <v>14925.0</v>
      </c>
      <c r="C15487" s="1" t="s">
        <v>5</v>
      </c>
      <c r="D15487" s="1" t="s">
        <v>11</v>
      </c>
      <c r="E15487" s="1" t="s">
        <v>7</v>
      </c>
    </row>
    <row r="15488">
      <c r="A15488" s="1">
        <v>4.90629774E8</v>
      </c>
      <c r="B15488" s="2">
        <v>14875.0</v>
      </c>
      <c r="C15488" s="1" t="s">
        <v>5</v>
      </c>
      <c r="D15488" s="1" t="s">
        <v>13195</v>
      </c>
      <c r="E15488" s="1" t="s">
        <v>7</v>
      </c>
    </row>
    <row r="15489">
      <c r="A15489" s="1">
        <v>4.90629798E8</v>
      </c>
      <c r="B15489" s="2">
        <v>14863.0</v>
      </c>
      <c r="C15489" s="1" t="s">
        <v>5</v>
      </c>
      <c r="D15489" s="1" t="s">
        <v>13196</v>
      </c>
      <c r="E15489" s="1" t="s">
        <v>13197</v>
      </c>
    </row>
    <row r="15490">
      <c r="A15490" s="1">
        <v>4.90629815E8</v>
      </c>
      <c r="B15490" s="2">
        <v>14863.0</v>
      </c>
      <c r="C15490" s="1" t="s">
        <v>5</v>
      </c>
      <c r="D15490" s="1" t="s">
        <v>13198</v>
      </c>
      <c r="E15490" s="1" t="s">
        <v>7</v>
      </c>
    </row>
    <row r="15491">
      <c r="A15491" s="1">
        <v>4.90629835E8</v>
      </c>
      <c r="B15491" s="2">
        <v>14866.0</v>
      </c>
      <c r="C15491" s="1" t="s">
        <v>5</v>
      </c>
      <c r="D15491" s="1" t="s">
        <v>13199</v>
      </c>
      <c r="E15491" s="1" t="s">
        <v>7</v>
      </c>
    </row>
    <row r="15492">
      <c r="A15492" s="1">
        <v>4.90629855E8</v>
      </c>
      <c r="B15492" s="2">
        <v>14868.0</v>
      </c>
      <c r="C15492" s="1" t="s">
        <v>5</v>
      </c>
      <c r="D15492" s="1" t="s">
        <v>13200</v>
      </c>
      <c r="E15492" s="1" t="s">
        <v>7</v>
      </c>
    </row>
    <row r="15493">
      <c r="A15493" s="1">
        <v>4.90629881E8</v>
      </c>
      <c r="B15493" s="2">
        <v>14926.0</v>
      </c>
      <c r="C15493" s="1" t="s">
        <v>5</v>
      </c>
      <c r="D15493" s="1" t="s">
        <v>13201</v>
      </c>
      <c r="E15493" s="1" t="s">
        <v>7</v>
      </c>
    </row>
    <row r="15494">
      <c r="A15494" s="1">
        <v>4.90629882E8</v>
      </c>
      <c r="B15494" s="2">
        <v>14855.0</v>
      </c>
      <c r="C15494" s="1" t="s">
        <v>5</v>
      </c>
      <c r="D15494" s="1" t="s">
        <v>11</v>
      </c>
      <c r="E15494" s="1" t="s">
        <v>7</v>
      </c>
    </row>
    <row r="15495">
      <c r="A15495" s="1">
        <v>4.90629884E8</v>
      </c>
      <c r="B15495" s="2">
        <v>14866.0</v>
      </c>
      <c r="C15495" s="1" t="s">
        <v>5</v>
      </c>
      <c r="D15495" s="1" t="s">
        <v>13202</v>
      </c>
      <c r="E15495" s="1" t="s">
        <v>11</v>
      </c>
    </row>
    <row r="15496">
      <c r="A15496" s="1">
        <v>4.90629887E8</v>
      </c>
      <c r="B15496" s="2">
        <v>14921.0</v>
      </c>
      <c r="C15496" s="1" t="s">
        <v>5</v>
      </c>
      <c r="D15496" s="1" t="s">
        <v>13203</v>
      </c>
      <c r="E15496" s="1" t="s">
        <v>11</v>
      </c>
    </row>
    <row r="15497">
      <c r="A15497" s="1">
        <v>4.90629915E8</v>
      </c>
      <c r="B15497" s="2">
        <v>14921.0</v>
      </c>
      <c r="C15497" s="1" t="s">
        <v>5</v>
      </c>
      <c r="D15497" s="1" t="s">
        <v>11</v>
      </c>
      <c r="E15497" s="1" t="s">
        <v>7</v>
      </c>
    </row>
    <row r="15498">
      <c r="A15498" s="1">
        <v>4.90630212E8</v>
      </c>
      <c r="B15498" s="2">
        <v>14918.0</v>
      </c>
      <c r="C15498" s="1" t="s">
        <v>5</v>
      </c>
      <c r="D15498" s="1" t="s">
        <v>13204</v>
      </c>
      <c r="E15498" s="1" t="s">
        <v>11</v>
      </c>
    </row>
    <row r="15499">
      <c r="A15499" s="1">
        <v>4.90630286E8</v>
      </c>
      <c r="B15499" s="2">
        <v>14973.0</v>
      </c>
      <c r="C15499" s="1" t="s">
        <v>5</v>
      </c>
      <c r="D15499" s="1" t="s">
        <v>13205</v>
      </c>
      <c r="E15499" s="1" t="s">
        <v>13206</v>
      </c>
    </row>
    <row r="15500">
      <c r="A15500" s="1">
        <v>4.906303E8</v>
      </c>
      <c r="B15500" s="2">
        <v>14934.0</v>
      </c>
      <c r="C15500" s="1" t="s">
        <v>5</v>
      </c>
      <c r="D15500" s="1" t="s">
        <v>11</v>
      </c>
      <c r="E15500" s="1" t="s">
        <v>7</v>
      </c>
    </row>
    <row r="15501">
      <c r="A15501" s="1">
        <v>4.90630342E8</v>
      </c>
      <c r="B15501" s="2">
        <v>14864.0</v>
      </c>
      <c r="C15501" s="1" t="s">
        <v>5</v>
      </c>
      <c r="D15501" s="1" t="s">
        <v>13207</v>
      </c>
      <c r="E15501" s="1" t="s">
        <v>7</v>
      </c>
    </row>
    <row r="15502">
      <c r="A15502" s="1">
        <v>4.90630394E8</v>
      </c>
      <c r="B15502" s="2">
        <v>14863.0</v>
      </c>
      <c r="C15502" s="1" t="s">
        <v>5</v>
      </c>
      <c r="D15502" s="1" t="s">
        <v>11</v>
      </c>
      <c r="E15502" s="1" t="s">
        <v>7</v>
      </c>
    </row>
    <row r="15503">
      <c r="A15503" s="1">
        <v>4.90630476E8</v>
      </c>
      <c r="B15503" s="2">
        <v>14859.0</v>
      </c>
      <c r="C15503" s="1" t="s">
        <v>5</v>
      </c>
      <c r="D15503" s="1" t="s">
        <v>13208</v>
      </c>
      <c r="E15503" s="1" t="s">
        <v>7</v>
      </c>
    </row>
    <row r="15504">
      <c r="A15504" s="1">
        <v>4.90630489E8</v>
      </c>
      <c r="B15504" s="2">
        <v>14910.0</v>
      </c>
      <c r="C15504" s="1" t="s">
        <v>5</v>
      </c>
      <c r="D15504" s="1" t="s">
        <v>13209</v>
      </c>
      <c r="E15504" s="1" t="s">
        <v>7</v>
      </c>
    </row>
    <row r="15505">
      <c r="A15505" s="1">
        <v>4.9063049E8</v>
      </c>
      <c r="B15505" s="2">
        <v>14859.0</v>
      </c>
      <c r="C15505" s="1" t="s">
        <v>5</v>
      </c>
      <c r="D15505" s="1" t="s">
        <v>13210</v>
      </c>
      <c r="E15505" s="1" t="s">
        <v>7</v>
      </c>
    </row>
    <row r="15506">
      <c r="A15506" s="1">
        <v>4.90630545E8</v>
      </c>
      <c r="B15506" s="2">
        <v>14907.0</v>
      </c>
      <c r="C15506" s="1" t="s">
        <v>5</v>
      </c>
      <c r="D15506" s="1" t="s">
        <v>13211</v>
      </c>
      <c r="E15506" s="1" t="s">
        <v>7</v>
      </c>
    </row>
    <row r="15507">
      <c r="A15507" s="1">
        <v>4.9063069E8</v>
      </c>
      <c r="B15507" s="2">
        <v>14870.0</v>
      </c>
      <c r="C15507" s="1" t="s">
        <v>5</v>
      </c>
      <c r="D15507" s="1" t="s">
        <v>13212</v>
      </c>
      <c r="E15507" s="1" t="s">
        <v>11</v>
      </c>
    </row>
    <row r="15508">
      <c r="A15508" s="1">
        <v>4.90630735E8</v>
      </c>
      <c r="B15508" s="2">
        <v>14907.0</v>
      </c>
      <c r="C15508" s="1" t="s">
        <v>5</v>
      </c>
      <c r="D15508" s="1" t="s">
        <v>7</v>
      </c>
      <c r="E15508" s="1" t="s">
        <v>7</v>
      </c>
    </row>
    <row r="15509">
      <c r="A15509" s="1">
        <v>4.90630788E8</v>
      </c>
      <c r="B15509" s="2">
        <v>14870.0</v>
      </c>
      <c r="C15509" s="1" t="s">
        <v>5</v>
      </c>
      <c r="D15509" s="1" t="s">
        <v>13213</v>
      </c>
      <c r="E15509" s="1" t="s">
        <v>7</v>
      </c>
    </row>
    <row r="15510">
      <c r="A15510" s="1">
        <v>4.90630828E8</v>
      </c>
      <c r="B15510" s="2">
        <v>14928.0</v>
      </c>
      <c r="C15510" s="1" t="s">
        <v>5</v>
      </c>
      <c r="D15510" s="1" t="s">
        <v>13214</v>
      </c>
      <c r="E15510" s="1" t="s">
        <v>11</v>
      </c>
    </row>
    <row r="15511">
      <c r="A15511" s="1">
        <v>4.9063084E8</v>
      </c>
      <c r="B15511" s="2">
        <v>14927.0</v>
      </c>
      <c r="C15511" s="1" t="s">
        <v>5</v>
      </c>
      <c r="D15511" s="1" t="s">
        <v>13215</v>
      </c>
      <c r="E15511" s="1" t="s">
        <v>11</v>
      </c>
    </row>
    <row r="15512">
      <c r="A15512" s="1">
        <v>4.90630928E8</v>
      </c>
      <c r="B15512" s="2">
        <v>14927.0</v>
      </c>
      <c r="C15512" s="1" t="s">
        <v>5</v>
      </c>
      <c r="D15512" s="1" t="s">
        <v>13216</v>
      </c>
      <c r="E15512" s="1" t="s">
        <v>7</v>
      </c>
    </row>
    <row r="15513">
      <c r="A15513" s="1">
        <v>4.9063102E8</v>
      </c>
      <c r="B15513" s="2">
        <v>14943.0</v>
      </c>
      <c r="C15513" s="1" t="s">
        <v>5</v>
      </c>
      <c r="D15513" s="1" t="s">
        <v>11</v>
      </c>
      <c r="E15513" s="1" t="s">
        <v>7</v>
      </c>
    </row>
    <row r="15514">
      <c r="A15514" s="1">
        <v>4.9063104E8</v>
      </c>
      <c r="B15514" s="2">
        <v>14898.0</v>
      </c>
      <c r="C15514" s="1" t="s">
        <v>5</v>
      </c>
      <c r="D15514" s="1" t="s">
        <v>13217</v>
      </c>
      <c r="E15514" s="1" t="s">
        <v>7</v>
      </c>
    </row>
    <row r="15515">
      <c r="A15515" s="1">
        <v>4.90631068E8</v>
      </c>
      <c r="B15515" s="2">
        <v>14974.0</v>
      </c>
      <c r="C15515" s="1" t="s">
        <v>5</v>
      </c>
      <c r="D15515" s="1" t="s">
        <v>13218</v>
      </c>
      <c r="E15515" s="1" t="s">
        <v>7</v>
      </c>
    </row>
    <row r="15516">
      <c r="A15516" s="1">
        <v>4.9063112E8</v>
      </c>
      <c r="B15516" s="2">
        <v>14926.0</v>
      </c>
      <c r="C15516" s="1" t="s">
        <v>5</v>
      </c>
      <c r="D15516" s="1" t="s">
        <v>11</v>
      </c>
      <c r="E15516" s="1" t="s">
        <v>7</v>
      </c>
    </row>
    <row r="15517">
      <c r="A15517" s="1">
        <v>4.90631273E8</v>
      </c>
      <c r="B15517" s="2">
        <v>14930.0</v>
      </c>
      <c r="C15517" s="1" t="s">
        <v>5</v>
      </c>
      <c r="D15517" s="1" t="s">
        <v>11</v>
      </c>
      <c r="E15517" s="1" t="s">
        <v>7</v>
      </c>
    </row>
    <row r="15518">
      <c r="A15518" s="1">
        <v>4.90631494E8</v>
      </c>
      <c r="B15518" s="2">
        <v>14922.0</v>
      </c>
      <c r="C15518" s="1" t="s">
        <v>5</v>
      </c>
      <c r="D15518" s="1" t="s">
        <v>13219</v>
      </c>
      <c r="E15518" s="1" t="s">
        <v>7</v>
      </c>
    </row>
    <row r="15519">
      <c r="A15519" s="1">
        <v>4.906315E8</v>
      </c>
      <c r="B15519" s="2">
        <v>14916.0</v>
      </c>
      <c r="C15519" s="1" t="s">
        <v>5</v>
      </c>
      <c r="D15519" s="1" t="s">
        <v>13220</v>
      </c>
      <c r="E15519" s="1" t="s">
        <v>7</v>
      </c>
    </row>
    <row r="15520">
      <c r="A15520" s="1">
        <v>4.90631602E8</v>
      </c>
      <c r="B15520" s="2">
        <v>14912.0</v>
      </c>
      <c r="C15520" s="1" t="s">
        <v>5</v>
      </c>
      <c r="D15520" s="1" t="s">
        <v>13221</v>
      </c>
      <c r="E15520" s="1" t="s">
        <v>7</v>
      </c>
    </row>
    <row r="15521">
      <c r="A15521" s="1">
        <v>4.90631609E8</v>
      </c>
      <c r="B15521" s="2">
        <v>14911.0</v>
      </c>
      <c r="C15521" s="1" t="s">
        <v>5</v>
      </c>
      <c r="D15521" s="1" t="s">
        <v>13222</v>
      </c>
      <c r="E15521" s="1" t="s">
        <v>7</v>
      </c>
    </row>
    <row r="15522">
      <c r="A15522" s="1">
        <v>4.90631612E8</v>
      </c>
      <c r="B15522" s="2">
        <v>14919.0</v>
      </c>
      <c r="C15522" s="1" t="s">
        <v>5</v>
      </c>
      <c r="D15522" s="1" t="s">
        <v>13223</v>
      </c>
      <c r="E15522" s="1" t="s">
        <v>13224</v>
      </c>
    </row>
    <row r="15523">
      <c r="A15523" s="1">
        <v>4.90631716E8</v>
      </c>
      <c r="B15523" s="2">
        <v>14969.0</v>
      </c>
      <c r="C15523" s="1" t="s">
        <v>5</v>
      </c>
      <c r="D15523" s="1" t="s">
        <v>11</v>
      </c>
      <c r="E15523" s="1" t="s">
        <v>7</v>
      </c>
    </row>
    <row r="15524">
      <c r="A15524" s="1">
        <v>4.90631824E8</v>
      </c>
      <c r="B15524" s="2">
        <v>14970.0</v>
      </c>
      <c r="C15524" s="1" t="s">
        <v>5</v>
      </c>
      <c r="D15524" s="1" t="s">
        <v>13225</v>
      </c>
      <c r="E15524" s="1" t="s">
        <v>7</v>
      </c>
    </row>
    <row r="15525">
      <c r="A15525" s="1">
        <v>4.906319E8</v>
      </c>
      <c r="B15525" s="2">
        <v>14916.0</v>
      </c>
      <c r="C15525" s="1" t="s">
        <v>5</v>
      </c>
      <c r="D15525" s="1" t="s">
        <v>11</v>
      </c>
      <c r="E15525" s="1" t="s">
        <v>7</v>
      </c>
    </row>
    <row r="15526">
      <c r="A15526" s="1">
        <v>4.90631904E8</v>
      </c>
      <c r="B15526" s="2">
        <v>14964.0</v>
      </c>
      <c r="C15526" s="1" t="s">
        <v>5</v>
      </c>
      <c r="D15526" s="1" t="s">
        <v>13226</v>
      </c>
      <c r="E15526" s="1" t="s">
        <v>7</v>
      </c>
    </row>
    <row r="15527">
      <c r="A15527" s="1">
        <v>4.90631916E8</v>
      </c>
      <c r="B15527" s="2">
        <v>14969.0</v>
      </c>
      <c r="C15527" s="1" t="s">
        <v>5</v>
      </c>
      <c r="D15527" s="1" t="s">
        <v>13227</v>
      </c>
      <c r="E15527" s="1" t="s">
        <v>11</v>
      </c>
    </row>
    <row r="15528">
      <c r="A15528" s="1">
        <v>4.90631919E8</v>
      </c>
      <c r="B15528" s="2">
        <v>14924.0</v>
      </c>
      <c r="C15528" s="1" t="s">
        <v>5</v>
      </c>
      <c r="D15528" s="1" t="s">
        <v>13228</v>
      </c>
      <c r="E15528" s="1" t="s">
        <v>7</v>
      </c>
    </row>
    <row r="15529">
      <c r="A15529" s="1">
        <v>4.90631938E8</v>
      </c>
      <c r="B15529" s="2">
        <v>14970.0</v>
      </c>
      <c r="C15529" s="1" t="s">
        <v>5</v>
      </c>
      <c r="D15529" s="1" t="s">
        <v>11</v>
      </c>
      <c r="E15529" s="1" t="s">
        <v>7</v>
      </c>
    </row>
    <row r="15530">
      <c r="A15530" s="1">
        <v>4.9063201E8</v>
      </c>
      <c r="B15530" s="2">
        <v>14916.0</v>
      </c>
      <c r="C15530" s="1" t="s">
        <v>5</v>
      </c>
      <c r="D15530" s="1" t="s">
        <v>11</v>
      </c>
      <c r="E15530" s="1" t="s">
        <v>7</v>
      </c>
    </row>
    <row r="15531">
      <c r="A15531" s="1">
        <v>4.90632074E8</v>
      </c>
      <c r="B15531" s="2">
        <v>14862.0</v>
      </c>
      <c r="C15531" s="1" t="s">
        <v>5</v>
      </c>
      <c r="D15531" s="1" t="s">
        <v>13229</v>
      </c>
      <c r="E15531" s="1" t="s">
        <v>7</v>
      </c>
    </row>
    <row r="15532">
      <c r="A15532" s="1">
        <v>4.90632096E8</v>
      </c>
      <c r="B15532" s="2">
        <v>14913.0</v>
      </c>
      <c r="C15532" s="1" t="s">
        <v>5</v>
      </c>
      <c r="D15532" s="1" t="s">
        <v>13230</v>
      </c>
      <c r="E15532" s="1" t="s">
        <v>7</v>
      </c>
    </row>
    <row r="15533">
      <c r="A15533" s="1">
        <v>4.90632115E8</v>
      </c>
      <c r="B15533" s="2">
        <v>14912.0</v>
      </c>
      <c r="C15533" s="1" t="s">
        <v>5</v>
      </c>
      <c r="D15533" s="1" t="s">
        <v>13231</v>
      </c>
      <c r="E15533" s="1" t="s">
        <v>7</v>
      </c>
    </row>
    <row r="15534">
      <c r="A15534" s="1">
        <v>4.90632174E8</v>
      </c>
      <c r="B15534" s="2">
        <v>14906.0</v>
      </c>
      <c r="C15534" s="1" t="s">
        <v>5</v>
      </c>
      <c r="D15534" s="1" t="s">
        <v>11</v>
      </c>
      <c r="E15534" s="1" t="s">
        <v>7</v>
      </c>
    </row>
    <row r="15535">
      <c r="A15535" s="1">
        <v>4.90632345E8</v>
      </c>
      <c r="B15535" s="2">
        <v>14916.0</v>
      </c>
      <c r="C15535" s="1" t="s">
        <v>5</v>
      </c>
      <c r="D15535" s="1" t="s">
        <v>13232</v>
      </c>
      <c r="E15535" s="1" t="s">
        <v>11</v>
      </c>
    </row>
    <row r="15536">
      <c r="A15536" s="1">
        <v>4.9063253E8</v>
      </c>
      <c r="B15536" s="2">
        <v>14902.0</v>
      </c>
      <c r="C15536" s="1" t="s">
        <v>5</v>
      </c>
      <c r="D15536" s="1" t="s">
        <v>13233</v>
      </c>
      <c r="E15536" s="1" t="s">
        <v>7</v>
      </c>
    </row>
    <row r="15537">
      <c r="A15537" s="1">
        <v>4.90632662E8</v>
      </c>
      <c r="B15537" s="2">
        <v>14962.0</v>
      </c>
      <c r="C15537" s="1" t="s">
        <v>5</v>
      </c>
      <c r="D15537" s="1" t="s">
        <v>13234</v>
      </c>
      <c r="E15537" s="1" t="s">
        <v>7</v>
      </c>
    </row>
    <row r="15538">
      <c r="A15538" s="1">
        <v>4.9063269E8</v>
      </c>
      <c r="B15538" s="2">
        <v>14900.0</v>
      </c>
      <c r="C15538" s="1" t="s">
        <v>5</v>
      </c>
      <c r="D15538" s="1" t="s">
        <v>11</v>
      </c>
      <c r="E15538" s="1" t="s">
        <v>7</v>
      </c>
    </row>
    <row r="15539">
      <c r="A15539" s="1">
        <v>4.90632715E8</v>
      </c>
      <c r="B15539" s="2">
        <v>14860.0</v>
      </c>
      <c r="C15539" s="1" t="s">
        <v>5</v>
      </c>
      <c r="D15539" s="1" t="s">
        <v>13235</v>
      </c>
      <c r="E15539" s="1" t="s">
        <v>11</v>
      </c>
    </row>
    <row r="15540">
      <c r="A15540" s="1">
        <v>4.90632763E8</v>
      </c>
      <c r="B15540" s="2">
        <v>14901.0</v>
      </c>
      <c r="C15540" s="1" t="s">
        <v>5</v>
      </c>
      <c r="D15540" s="1" t="s">
        <v>13236</v>
      </c>
      <c r="E15540" s="1" t="s">
        <v>7</v>
      </c>
    </row>
    <row r="15541">
      <c r="A15541" s="1">
        <v>4.9063281E8</v>
      </c>
      <c r="B15541" s="2">
        <v>14859.0</v>
      </c>
      <c r="C15541" s="1" t="s">
        <v>5</v>
      </c>
      <c r="D15541" s="1" t="s">
        <v>11</v>
      </c>
      <c r="E15541" s="4" t="s">
        <v>13237</v>
      </c>
    </row>
    <row r="15542">
      <c r="A15542" s="1">
        <v>4.90632895E8</v>
      </c>
      <c r="B15542" s="2">
        <v>14902.0</v>
      </c>
      <c r="C15542" s="1" t="s">
        <v>5</v>
      </c>
      <c r="D15542" s="1" t="s">
        <v>13238</v>
      </c>
      <c r="E15542" s="1" t="s">
        <v>7</v>
      </c>
    </row>
    <row r="15543">
      <c r="A15543" s="1">
        <v>4.9063298E8</v>
      </c>
      <c r="B15543" s="2">
        <v>14965.0</v>
      </c>
      <c r="C15543" s="1" t="s">
        <v>5</v>
      </c>
      <c r="D15543" s="1" t="s">
        <v>13239</v>
      </c>
      <c r="E15543" s="1" t="s">
        <v>7</v>
      </c>
    </row>
    <row r="15544">
      <c r="A15544" s="1">
        <v>4.90632995E8</v>
      </c>
      <c r="B15544" s="2">
        <v>14888.0</v>
      </c>
      <c r="C15544" s="1" t="s">
        <v>5</v>
      </c>
      <c r="D15544" s="1" t="s">
        <v>13240</v>
      </c>
      <c r="E15544" s="1" t="s">
        <v>7</v>
      </c>
    </row>
    <row r="15545">
      <c r="A15545" s="1">
        <v>4.90633033E8</v>
      </c>
      <c r="B15545" s="2">
        <v>14892.0</v>
      </c>
      <c r="C15545" s="1" t="s">
        <v>5</v>
      </c>
      <c r="D15545" s="1" t="s">
        <v>11</v>
      </c>
      <c r="E15545" s="1" t="s">
        <v>7</v>
      </c>
    </row>
    <row r="15546">
      <c r="A15546" s="1">
        <v>4.90633041E8</v>
      </c>
      <c r="B15546" s="2">
        <v>14911.0</v>
      </c>
      <c r="C15546" s="1" t="s">
        <v>5</v>
      </c>
      <c r="D15546" s="1" t="s">
        <v>13241</v>
      </c>
      <c r="E15546" s="1" t="s">
        <v>11</v>
      </c>
    </row>
    <row r="15547">
      <c r="A15547" s="1">
        <v>4.90633111E8</v>
      </c>
      <c r="B15547" s="2">
        <v>14906.0</v>
      </c>
      <c r="C15547" s="1" t="s">
        <v>5</v>
      </c>
      <c r="D15547" s="1" t="s">
        <v>13242</v>
      </c>
      <c r="E15547" s="1" t="s">
        <v>7</v>
      </c>
    </row>
    <row r="15548">
      <c r="A15548" s="1">
        <v>4.90633116E8</v>
      </c>
      <c r="B15548" s="2">
        <v>14900.0</v>
      </c>
      <c r="C15548" s="1" t="s">
        <v>5</v>
      </c>
      <c r="D15548" s="1" t="s">
        <v>13243</v>
      </c>
      <c r="E15548" s="1" t="s">
        <v>7</v>
      </c>
    </row>
    <row r="15549">
      <c r="A15549" s="1">
        <v>4.9063312E8</v>
      </c>
      <c r="B15549" s="2">
        <v>14921.0</v>
      </c>
      <c r="C15549" s="1" t="s">
        <v>5</v>
      </c>
      <c r="D15549" s="1" t="s">
        <v>13244</v>
      </c>
      <c r="E15549" s="1" t="s">
        <v>13245</v>
      </c>
    </row>
    <row r="15550">
      <c r="A15550" s="1">
        <v>4.9063314E8</v>
      </c>
      <c r="B15550" s="2">
        <v>14961.0</v>
      </c>
      <c r="C15550" s="1" t="s">
        <v>5</v>
      </c>
      <c r="D15550" s="1" t="s">
        <v>13246</v>
      </c>
      <c r="E15550" s="1" t="s">
        <v>13247</v>
      </c>
    </row>
    <row r="15551">
      <c r="A15551" s="1">
        <v>4.906332E8</v>
      </c>
      <c r="B15551" s="2">
        <v>14970.0</v>
      </c>
      <c r="C15551" s="1" t="s">
        <v>5</v>
      </c>
      <c r="D15551" s="1" t="s">
        <v>13248</v>
      </c>
      <c r="E15551" s="1" t="s">
        <v>11</v>
      </c>
    </row>
    <row r="15552">
      <c r="A15552" s="1">
        <v>4.906333E8</v>
      </c>
      <c r="B15552" s="2">
        <v>14963.0</v>
      </c>
      <c r="C15552" s="1" t="s">
        <v>5</v>
      </c>
      <c r="D15552" s="1" t="s">
        <v>13249</v>
      </c>
      <c r="E15552" s="1" t="s">
        <v>13250</v>
      </c>
    </row>
    <row r="15553">
      <c r="A15553" s="1">
        <v>4.90633354E8</v>
      </c>
      <c r="B15553" s="2">
        <v>14905.0</v>
      </c>
      <c r="C15553" s="1" t="s">
        <v>5</v>
      </c>
      <c r="D15553" s="1" t="s">
        <v>13251</v>
      </c>
      <c r="E15553" s="1" t="s">
        <v>7</v>
      </c>
    </row>
    <row r="15554">
      <c r="A15554" s="1">
        <v>4.90633355E8</v>
      </c>
      <c r="B15554" s="2">
        <v>14889.0</v>
      </c>
      <c r="C15554" s="1" t="s">
        <v>5</v>
      </c>
      <c r="D15554" s="1" t="s">
        <v>13252</v>
      </c>
      <c r="E15554" s="1" t="s">
        <v>7</v>
      </c>
    </row>
    <row r="15555">
      <c r="A15555" s="1">
        <v>4.90633384E8</v>
      </c>
      <c r="B15555" s="2">
        <v>14955.0</v>
      </c>
      <c r="C15555" s="1" t="s">
        <v>5</v>
      </c>
      <c r="D15555" s="1" t="s">
        <v>13253</v>
      </c>
      <c r="E15555" s="1" t="s">
        <v>7</v>
      </c>
    </row>
    <row r="15556">
      <c r="A15556" s="1">
        <v>4.9063342E8</v>
      </c>
      <c r="B15556" s="2">
        <v>14855.0</v>
      </c>
      <c r="C15556" s="1" t="s">
        <v>5</v>
      </c>
      <c r="D15556" s="1" t="s">
        <v>13254</v>
      </c>
      <c r="E15556" s="1" t="s">
        <v>7</v>
      </c>
    </row>
    <row r="15557">
      <c r="A15557" s="1">
        <v>4.90633459E8</v>
      </c>
      <c r="B15557" s="2">
        <v>14885.0</v>
      </c>
      <c r="C15557" s="1" t="s">
        <v>5</v>
      </c>
      <c r="D15557" s="1" t="s">
        <v>13255</v>
      </c>
      <c r="E15557" s="1" t="s">
        <v>13256</v>
      </c>
    </row>
    <row r="15558">
      <c r="A15558" s="1">
        <v>4.90633574E8</v>
      </c>
      <c r="B15558" s="2">
        <v>14970.0</v>
      </c>
      <c r="C15558" s="1" t="s">
        <v>5</v>
      </c>
      <c r="D15558" s="1" t="s">
        <v>13257</v>
      </c>
      <c r="E15558" s="1" t="s">
        <v>7</v>
      </c>
    </row>
    <row r="15559">
      <c r="A15559" s="1">
        <v>4.90633639E8</v>
      </c>
      <c r="B15559" s="2">
        <v>14973.0</v>
      </c>
      <c r="C15559" s="1" t="s">
        <v>5</v>
      </c>
      <c r="D15559" s="1" t="s">
        <v>13258</v>
      </c>
      <c r="E15559" s="1" t="s">
        <v>7</v>
      </c>
    </row>
    <row r="15560">
      <c r="A15560" s="1">
        <v>4.90633653E8</v>
      </c>
      <c r="B15560" s="2">
        <v>14969.0</v>
      </c>
      <c r="C15560" s="1" t="s">
        <v>5</v>
      </c>
      <c r="D15560" s="1" t="s">
        <v>11</v>
      </c>
      <c r="E15560" s="1" t="s">
        <v>7</v>
      </c>
    </row>
    <row r="15561">
      <c r="A15561" s="1">
        <v>4.90633657E8</v>
      </c>
      <c r="B15561" s="2">
        <v>14900.0</v>
      </c>
      <c r="C15561" s="1" t="s">
        <v>5</v>
      </c>
      <c r="D15561" s="1" t="s">
        <v>13259</v>
      </c>
      <c r="E15561" s="1" t="s">
        <v>13260</v>
      </c>
    </row>
    <row r="15562">
      <c r="A15562" s="1">
        <v>4.90633678E8</v>
      </c>
      <c r="B15562" s="2">
        <v>14903.0</v>
      </c>
      <c r="C15562" s="1" t="s">
        <v>5</v>
      </c>
      <c r="D15562" s="1" t="s">
        <v>11</v>
      </c>
      <c r="E15562" s="1" t="s">
        <v>7</v>
      </c>
    </row>
    <row r="15563">
      <c r="A15563" s="1">
        <v>4.90633712E8</v>
      </c>
      <c r="B15563" s="2">
        <v>14896.0</v>
      </c>
      <c r="C15563" s="1" t="s">
        <v>5</v>
      </c>
      <c r="D15563" s="1" t="s">
        <v>13261</v>
      </c>
      <c r="E15563" s="1" t="s">
        <v>7</v>
      </c>
    </row>
    <row r="15564">
      <c r="A15564" s="1">
        <v>4.90633739E8</v>
      </c>
      <c r="B15564" s="2">
        <v>14973.0</v>
      </c>
      <c r="C15564" s="1" t="s">
        <v>5</v>
      </c>
      <c r="D15564" s="1" t="s">
        <v>11</v>
      </c>
      <c r="E15564" s="1" t="s">
        <v>7</v>
      </c>
    </row>
    <row r="15565">
      <c r="A15565" s="1">
        <v>4.90633835E8</v>
      </c>
      <c r="B15565" s="2">
        <v>14911.0</v>
      </c>
      <c r="C15565" s="1" t="s">
        <v>5</v>
      </c>
      <c r="D15565" s="1" t="s">
        <v>13262</v>
      </c>
      <c r="E15565" s="1" t="s">
        <v>7</v>
      </c>
    </row>
    <row r="15566">
      <c r="A15566" s="1">
        <v>4.90633872E8</v>
      </c>
      <c r="B15566" s="2">
        <v>14887.0</v>
      </c>
      <c r="C15566" s="1" t="s">
        <v>5</v>
      </c>
      <c r="D15566" s="1" t="s">
        <v>13263</v>
      </c>
      <c r="E15566" s="1" t="s">
        <v>7</v>
      </c>
    </row>
    <row r="15567">
      <c r="A15567" s="1">
        <v>4.90633933E8</v>
      </c>
      <c r="B15567" s="2">
        <v>14958.0</v>
      </c>
      <c r="C15567" s="1" t="s">
        <v>5</v>
      </c>
      <c r="D15567" s="1" t="s">
        <v>13264</v>
      </c>
      <c r="E15567" s="1" t="s">
        <v>7</v>
      </c>
    </row>
    <row r="15568">
      <c r="A15568" s="1">
        <v>4.90633956E8</v>
      </c>
      <c r="B15568" s="2">
        <v>14896.0</v>
      </c>
      <c r="C15568" s="1" t="s">
        <v>5</v>
      </c>
      <c r="D15568" s="1" t="s">
        <v>13265</v>
      </c>
      <c r="E15568" s="1" t="s">
        <v>11</v>
      </c>
    </row>
    <row r="15569">
      <c r="A15569" s="1">
        <v>4.90634051E8</v>
      </c>
      <c r="B15569" s="2">
        <v>14968.0</v>
      </c>
      <c r="C15569" s="1" t="s">
        <v>5</v>
      </c>
      <c r="D15569" s="1" t="s">
        <v>11</v>
      </c>
      <c r="E15569" s="1" t="s">
        <v>7</v>
      </c>
    </row>
    <row r="15570">
      <c r="A15570" s="1">
        <v>4.90634074E8</v>
      </c>
      <c r="B15570" s="2">
        <v>14967.0</v>
      </c>
      <c r="C15570" s="1" t="s">
        <v>5</v>
      </c>
      <c r="D15570" s="1" t="s">
        <v>11</v>
      </c>
      <c r="E15570" s="1" t="s">
        <v>7</v>
      </c>
    </row>
    <row r="15571">
      <c r="A15571" s="1">
        <v>4.90634134E8</v>
      </c>
      <c r="B15571" s="2">
        <v>14965.0</v>
      </c>
      <c r="C15571" s="1" t="s">
        <v>5</v>
      </c>
      <c r="D15571" s="1" t="s">
        <v>13266</v>
      </c>
      <c r="E15571" s="1" t="s">
        <v>7</v>
      </c>
    </row>
    <row r="15572">
      <c r="A15572" s="1">
        <v>4.9063415E8</v>
      </c>
      <c r="B15572" s="2">
        <v>14898.0</v>
      </c>
      <c r="C15572" s="1" t="s">
        <v>5</v>
      </c>
      <c r="D15572" s="1" t="s">
        <v>13267</v>
      </c>
      <c r="E15572" s="1" t="s">
        <v>11</v>
      </c>
    </row>
    <row r="15573">
      <c r="A15573" s="1">
        <v>4.90634212E8</v>
      </c>
      <c r="B15573" s="2">
        <v>14970.0</v>
      </c>
      <c r="C15573" s="1" t="s">
        <v>5</v>
      </c>
      <c r="D15573" s="1" t="s">
        <v>11</v>
      </c>
      <c r="E15573" s="1" t="s">
        <v>7</v>
      </c>
    </row>
    <row r="15574">
      <c r="A15574" s="1">
        <v>4.90634279E8</v>
      </c>
      <c r="B15574" s="2">
        <v>14957.0</v>
      </c>
      <c r="C15574" s="1" t="s">
        <v>5</v>
      </c>
      <c r="D15574" s="1" t="s">
        <v>13268</v>
      </c>
      <c r="E15574" s="1" t="s">
        <v>7</v>
      </c>
    </row>
    <row r="15575">
      <c r="A15575" s="1">
        <v>4.90634338E8</v>
      </c>
      <c r="B15575" s="2">
        <v>14938.0</v>
      </c>
      <c r="C15575" s="1" t="s">
        <v>5</v>
      </c>
      <c r="D15575" s="1" t="s">
        <v>13269</v>
      </c>
      <c r="E15575" s="1" t="s">
        <v>7</v>
      </c>
    </row>
    <row r="15576">
      <c r="A15576" s="1">
        <v>4.90634386E8</v>
      </c>
      <c r="B15576" s="2">
        <v>14953.0</v>
      </c>
      <c r="C15576" s="1" t="s">
        <v>5</v>
      </c>
      <c r="D15576" s="1" t="s">
        <v>13270</v>
      </c>
      <c r="E15576" s="1" t="s">
        <v>7</v>
      </c>
    </row>
    <row r="15577">
      <c r="A15577" s="1">
        <v>4.9063441E8</v>
      </c>
      <c r="B15577" s="2">
        <v>14951.0</v>
      </c>
      <c r="C15577" s="1" t="s">
        <v>5</v>
      </c>
      <c r="D15577" s="1" t="s">
        <v>11</v>
      </c>
      <c r="E15577" s="1" t="s">
        <v>7</v>
      </c>
    </row>
    <row r="15578">
      <c r="A15578" s="1">
        <v>4.90634432E8</v>
      </c>
      <c r="B15578" s="2">
        <v>14898.0</v>
      </c>
      <c r="C15578" s="1" t="s">
        <v>5</v>
      </c>
      <c r="D15578" s="1" t="s">
        <v>13271</v>
      </c>
      <c r="E15578" s="1" t="s">
        <v>11</v>
      </c>
    </row>
    <row r="15579">
      <c r="A15579" s="1">
        <v>4.9063454E8</v>
      </c>
      <c r="B15579" s="2">
        <v>14960.0</v>
      </c>
      <c r="C15579" s="1" t="s">
        <v>5</v>
      </c>
      <c r="D15579" s="1" t="s">
        <v>11</v>
      </c>
      <c r="E15579" s="1" t="s">
        <v>7</v>
      </c>
    </row>
    <row r="15580">
      <c r="A15580" s="1">
        <v>4.90634624E8</v>
      </c>
      <c r="B15580" s="2">
        <v>14892.0</v>
      </c>
      <c r="C15580" s="1" t="s">
        <v>5</v>
      </c>
      <c r="D15580" s="1" t="s">
        <v>13272</v>
      </c>
      <c r="E15580" s="1" t="s">
        <v>11</v>
      </c>
    </row>
    <row r="15581">
      <c r="A15581" s="1">
        <v>4.90634695E8</v>
      </c>
      <c r="B15581" s="2">
        <v>14909.0</v>
      </c>
      <c r="C15581" s="1" t="s">
        <v>5</v>
      </c>
      <c r="D15581" s="1" t="s">
        <v>13273</v>
      </c>
      <c r="E15581" s="1" t="s">
        <v>7</v>
      </c>
    </row>
    <row r="15582">
      <c r="A15582" s="1">
        <v>4.9063474E8</v>
      </c>
      <c r="B15582" s="2">
        <v>14935.0</v>
      </c>
      <c r="C15582" s="1" t="s">
        <v>5</v>
      </c>
      <c r="D15582" s="1" t="s">
        <v>11</v>
      </c>
      <c r="E15582" s="1" t="s">
        <v>7</v>
      </c>
    </row>
    <row r="15583">
      <c r="A15583" s="1">
        <v>4.906349E8</v>
      </c>
      <c r="B15583" s="2">
        <v>14959.0</v>
      </c>
      <c r="C15583" s="1" t="s">
        <v>5</v>
      </c>
      <c r="D15583" s="1" t="s">
        <v>13274</v>
      </c>
      <c r="E15583" s="1" t="s">
        <v>7</v>
      </c>
    </row>
    <row r="15584">
      <c r="A15584" s="1">
        <v>4.90634937E8</v>
      </c>
      <c r="B15584" s="2">
        <v>14947.0</v>
      </c>
      <c r="C15584" s="1" t="s">
        <v>5</v>
      </c>
      <c r="D15584" s="1" t="s">
        <v>13275</v>
      </c>
      <c r="E15584" s="1" t="s">
        <v>11</v>
      </c>
    </row>
    <row r="15585">
      <c r="A15585" s="1">
        <v>4.90635019E8</v>
      </c>
      <c r="B15585" s="2">
        <v>14966.0</v>
      </c>
      <c r="C15585" s="1" t="s">
        <v>5</v>
      </c>
      <c r="D15585" s="1" t="s">
        <v>13276</v>
      </c>
      <c r="E15585" s="1" t="s">
        <v>7</v>
      </c>
    </row>
    <row r="15586">
      <c r="A15586" s="1">
        <v>4.90635116E8</v>
      </c>
      <c r="B15586" s="2">
        <v>14894.0</v>
      </c>
      <c r="C15586" s="1" t="s">
        <v>5</v>
      </c>
      <c r="D15586" s="1" t="s">
        <v>13277</v>
      </c>
      <c r="E15586" s="1" t="s">
        <v>7</v>
      </c>
    </row>
    <row r="15587">
      <c r="A15587" s="1">
        <v>4.90635151E8</v>
      </c>
      <c r="B15587" s="2">
        <v>14944.0</v>
      </c>
      <c r="C15587" s="1" t="s">
        <v>5</v>
      </c>
      <c r="D15587" s="1" t="s">
        <v>13278</v>
      </c>
      <c r="E15587" s="1" t="s">
        <v>7</v>
      </c>
    </row>
    <row r="15588">
      <c r="A15588" s="1">
        <v>4.90635241E8</v>
      </c>
      <c r="B15588" s="2">
        <v>14947.0</v>
      </c>
      <c r="C15588" s="1" t="s">
        <v>5</v>
      </c>
      <c r="D15588" s="1" t="s">
        <v>13279</v>
      </c>
      <c r="E15588" s="1" t="s">
        <v>11</v>
      </c>
    </row>
    <row r="15589">
      <c r="A15589" s="1">
        <v>4.90635297E8</v>
      </c>
      <c r="B15589" s="2">
        <v>14950.0</v>
      </c>
      <c r="C15589" s="1" t="s">
        <v>5</v>
      </c>
      <c r="D15589" s="1" t="s">
        <v>13280</v>
      </c>
      <c r="E15589" s="1" t="s">
        <v>7</v>
      </c>
    </row>
    <row r="15590">
      <c r="A15590" s="1">
        <v>4.90635342E8</v>
      </c>
      <c r="B15590" s="2">
        <v>14905.0</v>
      </c>
      <c r="C15590" s="1" t="s">
        <v>5</v>
      </c>
      <c r="D15590" s="1" t="s">
        <v>13281</v>
      </c>
      <c r="E15590" s="1" t="s">
        <v>11</v>
      </c>
    </row>
    <row r="15591">
      <c r="A15591" s="1">
        <v>4.90635357E8</v>
      </c>
      <c r="B15591" s="2">
        <v>14936.0</v>
      </c>
      <c r="C15591" s="1" t="s">
        <v>5</v>
      </c>
      <c r="D15591" s="1" t="s">
        <v>13282</v>
      </c>
      <c r="E15591" s="1" t="s">
        <v>7</v>
      </c>
    </row>
    <row r="15592">
      <c r="A15592" s="1">
        <v>4.90635386E8</v>
      </c>
      <c r="B15592" s="2">
        <v>14949.0</v>
      </c>
      <c r="C15592" s="1" t="s">
        <v>5</v>
      </c>
      <c r="D15592" s="1" t="s">
        <v>13283</v>
      </c>
      <c r="E15592" s="1" t="s">
        <v>7</v>
      </c>
    </row>
    <row r="15593">
      <c r="A15593" s="1">
        <v>4.90635426E8</v>
      </c>
      <c r="B15593" s="2">
        <v>14935.0</v>
      </c>
      <c r="C15593" s="1" t="s">
        <v>5</v>
      </c>
      <c r="D15593" s="1" t="s">
        <v>13284</v>
      </c>
      <c r="E15593" s="1" t="s">
        <v>7</v>
      </c>
    </row>
    <row r="15594">
      <c r="A15594" s="1">
        <v>4.90635478E8</v>
      </c>
      <c r="B15594" s="2">
        <v>14951.0</v>
      </c>
      <c r="C15594" s="1" t="s">
        <v>5</v>
      </c>
      <c r="D15594" s="1" t="s">
        <v>13285</v>
      </c>
      <c r="E15594" s="1" t="s">
        <v>7</v>
      </c>
    </row>
    <row r="15595">
      <c r="A15595" s="1">
        <v>4.90635506E8</v>
      </c>
      <c r="B15595" s="2">
        <v>14932.0</v>
      </c>
      <c r="C15595" s="1" t="s">
        <v>5</v>
      </c>
      <c r="D15595" s="1" t="s">
        <v>13286</v>
      </c>
      <c r="E15595" s="1" t="s">
        <v>7</v>
      </c>
    </row>
    <row r="15596">
      <c r="A15596" s="1">
        <v>4.90635545E8</v>
      </c>
      <c r="B15596" s="2">
        <v>15006.0</v>
      </c>
      <c r="C15596" s="1" t="s">
        <v>5</v>
      </c>
      <c r="D15596" s="1" t="s">
        <v>13287</v>
      </c>
      <c r="E15596" s="1" t="s">
        <v>7</v>
      </c>
    </row>
    <row r="15597">
      <c r="A15597" s="1">
        <v>4.90635596E8</v>
      </c>
      <c r="B15597" s="2">
        <v>14902.0</v>
      </c>
      <c r="C15597" s="1" t="s">
        <v>5</v>
      </c>
      <c r="D15597" s="1" t="s">
        <v>13288</v>
      </c>
      <c r="E15597" s="1" t="s">
        <v>11</v>
      </c>
    </row>
    <row r="15598">
      <c r="A15598" s="1">
        <v>4.90635599E8</v>
      </c>
      <c r="B15598" s="2">
        <v>14935.0</v>
      </c>
      <c r="C15598" s="1" t="s">
        <v>5</v>
      </c>
      <c r="D15598" s="1" t="s">
        <v>13289</v>
      </c>
      <c r="E15598" s="1" t="s">
        <v>7</v>
      </c>
    </row>
    <row r="15599">
      <c r="A15599" s="1">
        <v>4.90635633E8</v>
      </c>
      <c r="B15599" s="2">
        <v>14902.0</v>
      </c>
      <c r="C15599" s="1" t="s">
        <v>5</v>
      </c>
      <c r="D15599" s="1" t="s">
        <v>13290</v>
      </c>
      <c r="E15599" s="1" t="s">
        <v>7</v>
      </c>
    </row>
    <row r="15600">
      <c r="A15600" s="1">
        <v>4.90635637E8</v>
      </c>
      <c r="B15600" s="2">
        <v>14937.0</v>
      </c>
      <c r="C15600" s="1" t="s">
        <v>5</v>
      </c>
      <c r="D15600" s="1" t="s">
        <v>13291</v>
      </c>
      <c r="E15600" s="1" t="s">
        <v>7</v>
      </c>
    </row>
    <row r="15601">
      <c r="A15601" s="1">
        <v>4.90635656E8</v>
      </c>
      <c r="B15601" s="2">
        <v>14970.0</v>
      </c>
      <c r="C15601" s="1" t="s">
        <v>5</v>
      </c>
      <c r="D15601" s="1" t="s">
        <v>13292</v>
      </c>
      <c r="E15601" s="1" t="s">
        <v>11</v>
      </c>
    </row>
    <row r="15602">
      <c r="A15602" s="1">
        <v>4.90635685E8</v>
      </c>
      <c r="B15602" s="2">
        <v>15005.0</v>
      </c>
      <c r="C15602" s="1" t="s">
        <v>5</v>
      </c>
      <c r="D15602" s="1" t="s">
        <v>13293</v>
      </c>
      <c r="E15602" s="1" t="s">
        <v>7</v>
      </c>
    </row>
    <row r="15603">
      <c r="A15603" s="1">
        <v>4.90635717E8</v>
      </c>
      <c r="B15603" s="2">
        <v>14957.0</v>
      </c>
      <c r="C15603" s="1" t="s">
        <v>5</v>
      </c>
      <c r="D15603" s="1" t="s">
        <v>13294</v>
      </c>
      <c r="E15603" s="1" t="s">
        <v>7</v>
      </c>
    </row>
    <row r="15604">
      <c r="A15604" s="1">
        <v>4.90635738E8</v>
      </c>
      <c r="B15604" s="2">
        <v>14967.0</v>
      </c>
      <c r="C15604" s="1" t="s">
        <v>5</v>
      </c>
      <c r="D15604" s="1" t="s">
        <v>13295</v>
      </c>
      <c r="E15604" s="1" t="s">
        <v>7</v>
      </c>
    </row>
    <row r="15605">
      <c r="A15605" s="1">
        <v>4.90635755E8</v>
      </c>
      <c r="B15605" s="2">
        <v>14956.0</v>
      </c>
      <c r="C15605" s="1" t="s">
        <v>5</v>
      </c>
      <c r="D15605" s="1" t="s">
        <v>13296</v>
      </c>
      <c r="E15605" s="1" t="s">
        <v>7</v>
      </c>
    </row>
    <row r="15606">
      <c r="A15606" s="1">
        <v>4.90635756E8</v>
      </c>
      <c r="B15606" s="2">
        <v>14940.0</v>
      </c>
      <c r="C15606" s="1" t="s">
        <v>5</v>
      </c>
      <c r="D15606" s="1" t="s">
        <v>13297</v>
      </c>
      <c r="E15606" s="1" t="s">
        <v>11</v>
      </c>
    </row>
    <row r="15607">
      <c r="A15607" s="1">
        <v>4.90635805E8</v>
      </c>
      <c r="B15607" s="2">
        <v>14906.0</v>
      </c>
      <c r="C15607" s="1" t="s">
        <v>5</v>
      </c>
      <c r="D15607" s="1" t="s">
        <v>13298</v>
      </c>
      <c r="E15607" s="1" t="s">
        <v>7</v>
      </c>
    </row>
    <row r="15608">
      <c r="A15608" s="1">
        <v>4.90635835E8</v>
      </c>
      <c r="B15608" s="2">
        <v>14951.0</v>
      </c>
      <c r="C15608" s="1" t="s">
        <v>5</v>
      </c>
      <c r="D15608" s="1" t="s">
        <v>11</v>
      </c>
      <c r="E15608" s="1" t="s">
        <v>7</v>
      </c>
    </row>
    <row r="15609">
      <c r="A15609" s="1">
        <v>4.9063585E8</v>
      </c>
      <c r="B15609" s="2">
        <v>14905.0</v>
      </c>
      <c r="C15609" s="1" t="s">
        <v>5</v>
      </c>
      <c r="D15609" s="1" t="s">
        <v>13299</v>
      </c>
      <c r="E15609" s="1" t="s">
        <v>7</v>
      </c>
    </row>
    <row r="15610">
      <c r="A15610" s="1">
        <v>4.90635853E8</v>
      </c>
      <c r="B15610" s="2">
        <v>14932.0</v>
      </c>
      <c r="C15610" s="1" t="s">
        <v>5</v>
      </c>
      <c r="D15610" s="1" t="s">
        <v>11</v>
      </c>
      <c r="E15610" s="1" t="s">
        <v>7</v>
      </c>
    </row>
    <row r="15611">
      <c r="A15611" s="1">
        <v>4.90635877E8</v>
      </c>
      <c r="B15611" s="2">
        <v>14935.0</v>
      </c>
      <c r="C15611" s="1" t="s">
        <v>5</v>
      </c>
      <c r="D15611" s="1" t="s">
        <v>13300</v>
      </c>
      <c r="E15611" s="1" t="s">
        <v>7</v>
      </c>
    </row>
    <row r="15612">
      <c r="A15612" s="1">
        <v>4.90635903E8</v>
      </c>
      <c r="B15612" s="2">
        <v>14905.0</v>
      </c>
      <c r="C15612" s="1" t="s">
        <v>5</v>
      </c>
      <c r="D15612" s="1" t="s">
        <v>11</v>
      </c>
      <c r="E15612" s="1" t="s">
        <v>7</v>
      </c>
    </row>
    <row r="15613">
      <c r="A15613" s="1">
        <v>4.90635958E8</v>
      </c>
      <c r="B15613" s="2">
        <v>14955.0</v>
      </c>
      <c r="C15613" s="1" t="s">
        <v>5</v>
      </c>
      <c r="D15613" s="1" t="s">
        <v>11</v>
      </c>
      <c r="E15613" s="1" t="s">
        <v>7</v>
      </c>
    </row>
    <row r="15614">
      <c r="A15614" s="1">
        <v>4.90635971E8</v>
      </c>
      <c r="B15614" s="2">
        <v>14899.0</v>
      </c>
      <c r="C15614" s="1" t="s">
        <v>5</v>
      </c>
      <c r="D15614" s="1" t="s">
        <v>13301</v>
      </c>
      <c r="E15614" s="1" t="s">
        <v>11</v>
      </c>
    </row>
    <row r="15615">
      <c r="A15615" s="1">
        <v>4.90635991E8</v>
      </c>
      <c r="B15615" s="2">
        <v>15005.0</v>
      </c>
      <c r="C15615" s="1" t="s">
        <v>5</v>
      </c>
      <c r="D15615" s="1" t="s">
        <v>13302</v>
      </c>
      <c r="E15615" s="1" t="s">
        <v>11</v>
      </c>
    </row>
    <row r="15616">
      <c r="A15616" s="1">
        <v>4.90636036E8</v>
      </c>
      <c r="B15616" s="2">
        <v>15003.0</v>
      </c>
      <c r="C15616" s="1" t="s">
        <v>5</v>
      </c>
      <c r="D15616" s="1" t="s">
        <v>13303</v>
      </c>
      <c r="E15616" s="1" t="s">
        <v>11</v>
      </c>
    </row>
    <row r="15617">
      <c r="A15617" s="1">
        <v>4.90636062E8</v>
      </c>
      <c r="B15617" s="2">
        <v>14959.0</v>
      </c>
      <c r="C15617" s="1" t="s">
        <v>5</v>
      </c>
      <c r="D15617" s="1" t="s">
        <v>13304</v>
      </c>
      <c r="E15617" s="1" t="s">
        <v>13305</v>
      </c>
    </row>
    <row r="15618">
      <c r="A15618" s="1">
        <v>4.90636118E8</v>
      </c>
      <c r="B15618" s="2">
        <v>14898.0</v>
      </c>
      <c r="C15618" s="1" t="s">
        <v>5</v>
      </c>
      <c r="D15618" s="1" t="s">
        <v>13306</v>
      </c>
      <c r="E15618" s="1" t="s">
        <v>7</v>
      </c>
    </row>
    <row r="15619">
      <c r="A15619" s="1">
        <v>4.90636214E8</v>
      </c>
      <c r="B15619" s="2">
        <v>14946.0</v>
      </c>
      <c r="C15619" s="1" t="s">
        <v>5</v>
      </c>
      <c r="D15619" s="1" t="s">
        <v>13307</v>
      </c>
      <c r="E15619" s="1" t="s">
        <v>11</v>
      </c>
    </row>
    <row r="15620">
      <c r="A15620" s="1">
        <v>4.90636241E8</v>
      </c>
      <c r="B15620" s="2">
        <v>14942.0</v>
      </c>
      <c r="C15620" s="1" t="s">
        <v>5</v>
      </c>
      <c r="D15620" s="1" t="s">
        <v>13308</v>
      </c>
      <c r="E15620" s="1" t="s">
        <v>11</v>
      </c>
    </row>
    <row r="15621">
      <c r="A15621" s="1">
        <v>4.9063634E8</v>
      </c>
      <c r="B15621" s="2">
        <v>15007.0</v>
      </c>
      <c r="C15621" s="1" t="s">
        <v>5</v>
      </c>
      <c r="D15621" s="1" t="s">
        <v>13309</v>
      </c>
      <c r="E15621" s="1" t="s">
        <v>11</v>
      </c>
    </row>
    <row r="15622">
      <c r="A15622" s="1">
        <v>4.90636344E8</v>
      </c>
      <c r="B15622" s="2">
        <v>14951.0</v>
      </c>
      <c r="C15622" s="1" t="s">
        <v>5</v>
      </c>
      <c r="D15622" s="1" t="s">
        <v>13310</v>
      </c>
      <c r="E15622" s="1" t="s">
        <v>11</v>
      </c>
    </row>
    <row r="15623">
      <c r="A15623" s="1">
        <v>4.90636357E8</v>
      </c>
      <c r="B15623" s="2">
        <v>15000.0</v>
      </c>
      <c r="C15623" s="1" t="s">
        <v>5</v>
      </c>
      <c r="D15623" s="1" t="s">
        <v>13311</v>
      </c>
      <c r="E15623" s="1" t="s">
        <v>11</v>
      </c>
    </row>
    <row r="15624">
      <c r="A15624" s="1">
        <v>4.90636478E8</v>
      </c>
      <c r="B15624" s="2">
        <v>14962.0</v>
      </c>
      <c r="C15624" s="1" t="s">
        <v>5</v>
      </c>
      <c r="D15624" s="1" t="s">
        <v>13312</v>
      </c>
      <c r="E15624" s="1" t="s">
        <v>7</v>
      </c>
    </row>
    <row r="15625">
      <c r="A15625" s="1">
        <v>4.90636485E8</v>
      </c>
      <c r="B15625" s="2">
        <v>14966.0</v>
      </c>
      <c r="C15625" s="1" t="s">
        <v>5</v>
      </c>
      <c r="D15625" s="1" t="s">
        <v>13313</v>
      </c>
      <c r="E15625" s="1" t="s">
        <v>7</v>
      </c>
    </row>
    <row r="15626">
      <c r="A15626" s="1">
        <v>4.90636523E8</v>
      </c>
      <c r="B15626" s="2">
        <v>14952.0</v>
      </c>
      <c r="C15626" s="1" t="s">
        <v>5</v>
      </c>
      <c r="D15626" s="1" t="s">
        <v>13314</v>
      </c>
      <c r="E15626" s="1" t="s">
        <v>11</v>
      </c>
    </row>
    <row r="15627">
      <c r="A15627" s="1">
        <v>4.90636555E8</v>
      </c>
      <c r="B15627" s="2">
        <v>15001.0</v>
      </c>
      <c r="C15627" s="1" t="s">
        <v>5</v>
      </c>
      <c r="D15627" s="1" t="s">
        <v>13315</v>
      </c>
      <c r="E15627" s="1" t="s">
        <v>11</v>
      </c>
    </row>
    <row r="15628">
      <c r="A15628" s="1">
        <v>4.9063658E8</v>
      </c>
      <c r="B15628" s="2">
        <v>14949.0</v>
      </c>
      <c r="C15628" s="1" t="s">
        <v>5</v>
      </c>
      <c r="D15628" s="1" t="s">
        <v>11</v>
      </c>
      <c r="E15628" s="1" t="s">
        <v>7</v>
      </c>
    </row>
    <row r="15629">
      <c r="A15629" s="1">
        <v>4.90636598E8</v>
      </c>
      <c r="B15629" s="2">
        <v>14950.0</v>
      </c>
      <c r="C15629" s="1" t="s">
        <v>5</v>
      </c>
      <c r="D15629" s="1" t="s">
        <v>13316</v>
      </c>
      <c r="E15629" s="1" t="s">
        <v>11</v>
      </c>
    </row>
    <row r="15630">
      <c r="A15630" s="1">
        <v>4.90636636E8</v>
      </c>
      <c r="B15630" s="2">
        <v>15003.0</v>
      </c>
      <c r="C15630" s="1" t="s">
        <v>5</v>
      </c>
      <c r="D15630" s="1" t="s">
        <v>13317</v>
      </c>
      <c r="E15630" s="1" t="s">
        <v>7</v>
      </c>
    </row>
    <row r="15631">
      <c r="A15631" s="1">
        <v>4.90636637E8</v>
      </c>
      <c r="B15631" s="2">
        <v>15000.0</v>
      </c>
      <c r="C15631" s="1" t="s">
        <v>5</v>
      </c>
      <c r="D15631" s="1" t="s">
        <v>11</v>
      </c>
      <c r="E15631" s="1" t="s">
        <v>7</v>
      </c>
    </row>
    <row r="15632">
      <c r="A15632" s="1">
        <v>4.90636655E8</v>
      </c>
      <c r="B15632" s="2">
        <v>14951.0</v>
      </c>
      <c r="C15632" s="1" t="s">
        <v>5</v>
      </c>
      <c r="D15632" s="1" t="s">
        <v>13318</v>
      </c>
      <c r="E15632" s="1" t="s">
        <v>11</v>
      </c>
    </row>
    <row r="15633">
      <c r="A15633" s="1">
        <v>4.90636663E8</v>
      </c>
      <c r="B15633" s="2">
        <v>14935.0</v>
      </c>
      <c r="C15633" s="1" t="s">
        <v>5</v>
      </c>
      <c r="D15633" s="1" t="s">
        <v>13319</v>
      </c>
      <c r="E15633" s="1" t="s">
        <v>7</v>
      </c>
    </row>
    <row r="15634">
      <c r="A15634" s="1">
        <v>4.90636665E8</v>
      </c>
      <c r="B15634" s="2">
        <v>14961.0</v>
      </c>
      <c r="C15634" s="1" t="s">
        <v>5</v>
      </c>
      <c r="D15634" s="1" t="s">
        <v>13320</v>
      </c>
      <c r="E15634" s="1" t="s">
        <v>7</v>
      </c>
    </row>
    <row r="15635">
      <c r="A15635" s="1">
        <v>4.906367E8</v>
      </c>
      <c r="B15635" s="2">
        <v>14953.0</v>
      </c>
      <c r="C15635" s="1" t="s">
        <v>5</v>
      </c>
      <c r="D15635" s="1" t="s">
        <v>13321</v>
      </c>
      <c r="E15635" s="1" t="s">
        <v>7</v>
      </c>
    </row>
    <row r="15636">
      <c r="A15636" s="1">
        <v>4.9063678E8</v>
      </c>
      <c r="B15636" s="2">
        <v>15004.0</v>
      </c>
      <c r="C15636" s="1" t="s">
        <v>5</v>
      </c>
      <c r="D15636" s="1" t="s">
        <v>11</v>
      </c>
      <c r="E15636" s="1" t="s">
        <v>7</v>
      </c>
    </row>
    <row r="15637">
      <c r="A15637" s="1">
        <v>4.90636787E8</v>
      </c>
      <c r="B15637" s="2">
        <v>14904.0</v>
      </c>
      <c r="C15637" s="1" t="s">
        <v>5</v>
      </c>
      <c r="D15637" s="1" t="s">
        <v>11</v>
      </c>
      <c r="E15637" s="1" t="s">
        <v>7</v>
      </c>
    </row>
    <row r="15638">
      <c r="A15638" s="1">
        <v>4.90636796E8</v>
      </c>
      <c r="B15638" s="2">
        <v>15004.0</v>
      </c>
      <c r="C15638" s="1" t="s">
        <v>5</v>
      </c>
      <c r="D15638" s="1" t="s">
        <v>13322</v>
      </c>
      <c r="E15638" s="1" t="s">
        <v>7</v>
      </c>
    </row>
    <row r="15639">
      <c r="A15639" s="1">
        <v>4.90636857E8</v>
      </c>
      <c r="B15639" s="2">
        <v>14963.0</v>
      </c>
      <c r="C15639" s="1" t="s">
        <v>5</v>
      </c>
      <c r="D15639" s="1" t="s">
        <v>13323</v>
      </c>
      <c r="E15639" s="1" t="s">
        <v>7</v>
      </c>
    </row>
    <row r="15640">
      <c r="A15640" s="1">
        <v>4.9063689E8</v>
      </c>
      <c r="B15640" s="2">
        <v>14952.0</v>
      </c>
      <c r="C15640" s="1" t="s">
        <v>5</v>
      </c>
      <c r="D15640" s="1" t="s">
        <v>13324</v>
      </c>
      <c r="E15640" s="1" t="s">
        <v>7</v>
      </c>
    </row>
    <row r="15641">
      <c r="A15641" s="1">
        <v>4.90636982E8</v>
      </c>
      <c r="B15641" s="2">
        <v>15004.0</v>
      </c>
      <c r="C15641" s="1" t="s">
        <v>5</v>
      </c>
      <c r="D15641" s="1" t="s">
        <v>13325</v>
      </c>
      <c r="E15641" s="1" t="s">
        <v>7</v>
      </c>
    </row>
    <row r="15642">
      <c r="A15642" s="1">
        <v>4.90637015E8</v>
      </c>
      <c r="B15642" s="2">
        <v>14947.0</v>
      </c>
      <c r="C15642" s="1" t="s">
        <v>5</v>
      </c>
      <c r="D15642" s="1" t="s">
        <v>13326</v>
      </c>
      <c r="E15642" s="1" t="s">
        <v>7</v>
      </c>
    </row>
    <row r="15643">
      <c r="A15643" s="1">
        <v>4.90637198E8</v>
      </c>
      <c r="B15643" s="2">
        <v>14993.0</v>
      </c>
      <c r="C15643" s="1" t="s">
        <v>5</v>
      </c>
      <c r="D15643" s="1" t="s">
        <v>13327</v>
      </c>
      <c r="E15643" s="1" t="s">
        <v>11</v>
      </c>
    </row>
    <row r="15644">
      <c r="A15644" s="1">
        <v>4.90637201E8</v>
      </c>
      <c r="B15644" s="2">
        <v>14938.0</v>
      </c>
      <c r="C15644" s="1" t="s">
        <v>5</v>
      </c>
      <c r="D15644" s="1" t="s">
        <v>13328</v>
      </c>
      <c r="E15644" s="1" t="s">
        <v>13329</v>
      </c>
    </row>
    <row r="15645">
      <c r="A15645" s="1">
        <v>4.90637307E8</v>
      </c>
      <c r="B15645" s="2">
        <v>14946.0</v>
      </c>
      <c r="C15645" s="1" t="s">
        <v>5</v>
      </c>
      <c r="D15645" s="1" t="s">
        <v>13330</v>
      </c>
      <c r="E15645" s="1" t="s">
        <v>11</v>
      </c>
    </row>
    <row r="15646">
      <c r="A15646" s="1">
        <v>4.90637429E8</v>
      </c>
      <c r="B15646" s="2">
        <v>14997.0</v>
      </c>
      <c r="C15646" s="1" t="s">
        <v>5</v>
      </c>
      <c r="D15646" s="1" t="s">
        <v>13331</v>
      </c>
      <c r="E15646" s="1" t="s">
        <v>7</v>
      </c>
    </row>
    <row r="15647">
      <c r="A15647" s="1">
        <v>4.90637431E8</v>
      </c>
      <c r="B15647" s="2">
        <v>14999.0</v>
      </c>
      <c r="C15647" s="1" t="s">
        <v>5</v>
      </c>
      <c r="D15647" s="1" t="s">
        <v>13332</v>
      </c>
      <c r="E15647" s="1" t="s">
        <v>7</v>
      </c>
    </row>
    <row r="15648">
      <c r="A15648" s="1">
        <v>4.90637453E8</v>
      </c>
      <c r="B15648" s="2">
        <v>14929.0</v>
      </c>
      <c r="C15648" s="1" t="s">
        <v>5</v>
      </c>
      <c r="D15648" s="1" t="s">
        <v>13333</v>
      </c>
      <c r="E15648" s="1" t="s">
        <v>11</v>
      </c>
    </row>
    <row r="15649">
      <c r="A15649" s="1">
        <v>4.90637455E8</v>
      </c>
      <c r="B15649" s="2">
        <v>14888.0</v>
      </c>
      <c r="C15649" s="1" t="s">
        <v>5</v>
      </c>
      <c r="D15649" s="1" t="s">
        <v>11</v>
      </c>
      <c r="E15649" s="1" t="s">
        <v>7</v>
      </c>
    </row>
    <row r="15650">
      <c r="A15650" s="1">
        <v>4.9063749E8</v>
      </c>
      <c r="B15650" s="2">
        <v>15007.0</v>
      </c>
      <c r="C15650" s="1" t="s">
        <v>5</v>
      </c>
      <c r="D15650" s="1" t="s">
        <v>13334</v>
      </c>
      <c r="E15650" s="1" t="s">
        <v>7</v>
      </c>
    </row>
    <row r="15651">
      <c r="A15651" s="1">
        <v>4.90637534E8</v>
      </c>
      <c r="B15651" s="2">
        <v>14904.0</v>
      </c>
      <c r="C15651" s="1" t="s">
        <v>5</v>
      </c>
      <c r="D15651" s="1" t="s">
        <v>13335</v>
      </c>
      <c r="E15651" s="1" t="s">
        <v>7</v>
      </c>
    </row>
    <row r="15652">
      <c r="A15652" s="1">
        <v>4.9063754E8</v>
      </c>
      <c r="B15652" s="2">
        <v>14888.0</v>
      </c>
      <c r="C15652" s="1" t="s">
        <v>5</v>
      </c>
      <c r="D15652" s="1" t="s">
        <v>13336</v>
      </c>
      <c r="E15652" s="1" t="s">
        <v>11</v>
      </c>
    </row>
    <row r="15653">
      <c r="A15653" s="1">
        <v>4.90637637E8</v>
      </c>
      <c r="B15653" s="2">
        <v>14997.0</v>
      </c>
      <c r="C15653" s="1" t="s">
        <v>5</v>
      </c>
      <c r="D15653" s="1" t="s">
        <v>11</v>
      </c>
      <c r="E15653" s="1" t="s">
        <v>7</v>
      </c>
    </row>
    <row r="15654">
      <c r="A15654" s="1">
        <v>4.90637711E8</v>
      </c>
      <c r="B15654" s="2">
        <v>14886.0</v>
      </c>
      <c r="C15654" s="1" t="s">
        <v>5</v>
      </c>
      <c r="D15654" s="1" t="s">
        <v>13337</v>
      </c>
      <c r="E15654" s="1" t="s">
        <v>11</v>
      </c>
    </row>
    <row r="15655">
      <c r="A15655" s="1">
        <v>4.90637795E8</v>
      </c>
      <c r="B15655" s="2">
        <v>15001.0</v>
      </c>
      <c r="C15655" s="1" t="s">
        <v>5</v>
      </c>
      <c r="D15655" s="1" t="s">
        <v>13338</v>
      </c>
      <c r="E15655" s="1" t="s">
        <v>7</v>
      </c>
    </row>
    <row r="15656">
      <c r="A15656" s="1">
        <v>4.90637998E8</v>
      </c>
      <c r="B15656" s="2">
        <v>14944.0</v>
      </c>
      <c r="C15656" s="1" t="s">
        <v>5</v>
      </c>
      <c r="D15656" s="1" t="s">
        <v>11</v>
      </c>
      <c r="E15656" s="1" t="s">
        <v>7</v>
      </c>
    </row>
    <row r="15657">
      <c r="A15657" s="1">
        <v>4.9063809E8</v>
      </c>
      <c r="B15657" s="2">
        <v>14901.0</v>
      </c>
      <c r="C15657" s="1" t="s">
        <v>5</v>
      </c>
      <c r="D15657" s="1" t="s">
        <v>13339</v>
      </c>
      <c r="E15657" s="1" t="s">
        <v>7</v>
      </c>
    </row>
    <row r="15658">
      <c r="A15658" s="1">
        <v>4.90638172E8</v>
      </c>
      <c r="B15658" s="2">
        <v>14992.0</v>
      </c>
      <c r="C15658" s="1" t="s">
        <v>5</v>
      </c>
      <c r="D15658" s="1" t="s">
        <v>13340</v>
      </c>
      <c r="E15658" s="1" t="s">
        <v>11</v>
      </c>
    </row>
    <row r="15659">
      <c r="A15659" s="1">
        <v>4.90638214E8</v>
      </c>
      <c r="B15659" s="2">
        <v>14998.0</v>
      </c>
      <c r="C15659" s="1" t="s">
        <v>5</v>
      </c>
      <c r="D15659" s="1" t="s">
        <v>13341</v>
      </c>
      <c r="E15659" s="1" t="s">
        <v>7</v>
      </c>
    </row>
    <row r="15660">
      <c r="A15660" s="1">
        <v>4.90638225E8</v>
      </c>
      <c r="B15660" s="2">
        <v>14948.0</v>
      </c>
      <c r="C15660" s="1" t="s">
        <v>5</v>
      </c>
      <c r="D15660" s="1" t="s">
        <v>13342</v>
      </c>
      <c r="E15660" s="1" t="s">
        <v>7</v>
      </c>
    </row>
    <row r="15661">
      <c r="A15661" s="1">
        <v>4.90638474E8</v>
      </c>
      <c r="B15661" s="2">
        <v>15001.0</v>
      </c>
      <c r="C15661" s="1" t="s">
        <v>5</v>
      </c>
      <c r="D15661" s="1" t="s">
        <v>13343</v>
      </c>
      <c r="E15661" s="1" t="s">
        <v>11</v>
      </c>
    </row>
    <row r="15662">
      <c r="A15662" s="1">
        <v>4.90638503E8</v>
      </c>
      <c r="B15662" s="2">
        <v>14988.0</v>
      </c>
      <c r="C15662" s="1" t="s">
        <v>5</v>
      </c>
      <c r="D15662" s="1" t="s">
        <v>13344</v>
      </c>
      <c r="E15662" s="1" t="s">
        <v>7</v>
      </c>
    </row>
    <row r="15663">
      <c r="A15663" s="1">
        <v>4.9063865E8</v>
      </c>
      <c r="B15663" s="2">
        <v>15000.0</v>
      </c>
      <c r="C15663" s="1" t="s">
        <v>5</v>
      </c>
      <c r="D15663" s="1" t="s">
        <v>11</v>
      </c>
      <c r="E15663" s="1" t="s">
        <v>7</v>
      </c>
    </row>
    <row r="15664">
      <c r="A15664" s="1">
        <v>4.90638671E8</v>
      </c>
      <c r="B15664" s="2">
        <v>14994.0</v>
      </c>
      <c r="C15664" s="1" t="s">
        <v>5</v>
      </c>
      <c r="D15664" s="1" t="s">
        <v>13345</v>
      </c>
      <c r="E15664" s="1" t="s">
        <v>11</v>
      </c>
    </row>
    <row r="15665">
      <c r="A15665" s="1">
        <v>4.90638684E8</v>
      </c>
      <c r="B15665" s="2">
        <v>14997.0</v>
      </c>
      <c r="C15665" s="1" t="s">
        <v>5</v>
      </c>
      <c r="D15665" s="1" t="s">
        <v>11</v>
      </c>
      <c r="E15665" s="1" t="s">
        <v>7</v>
      </c>
    </row>
    <row r="15666">
      <c r="A15666" s="1">
        <v>4.9063876E8</v>
      </c>
      <c r="B15666" s="2">
        <v>15066.0</v>
      </c>
      <c r="C15666" s="1" t="s">
        <v>5</v>
      </c>
      <c r="D15666" s="1" t="s">
        <v>13346</v>
      </c>
      <c r="E15666" s="1" t="s">
        <v>11</v>
      </c>
    </row>
    <row r="15667">
      <c r="A15667" s="1">
        <v>4.90638894E8</v>
      </c>
      <c r="B15667" s="2">
        <v>14998.0</v>
      </c>
      <c r="C15667" s="1" t="s">
        <v>5</v>
      </c>
      <c r="D15667" s="1" t="s">
        <v>11</v>
      </c>
      <c r="E15667" s="1" t="s">
        <v>7</v>
      </c>
    </row>
    <row r="15668">
      <c r="A15668" s="1">
        <v>4.90638935E8</v>
      </c>
      <c r="B15668" s="2">
        <v>14986.0</v>
      </c>
      <c r="C15668" s="1" t="s">
        <v>5</v>
      </c>
      <c r="D15668" s="1" t="s">
        <v>13347</v>
      </c>
      <c r="E15668" s="1" t="s">
        <v>7</v>
      </c>
    </row>
    <row r="15669">
      <c r="A15669" s="1">
        <v>4.90639027E8</v>
      </c>
      <c r="B15669" s="2">
        <v>14980.0</v>
      </c>
      <c r="C15669" s="1" t="s">
        <v>5</v>
      </c>
      <c r="D15669" s="1" t="s">
        <v>13348</v>
      </c>
      <c r="E15669" s="1" t="s">
        <v>11</v>
      </c>
    </row>
    <row r="15670">
      <c r="A15670" s="1">
        <v>4.90639095E8</v>
      </c>
      <c r="B15670" s="2">
        <v>14978.0</v>
      </c>
      <c r="C15670" s="1" t="s">
        <v>5</v>
      </c>
      <c r="D15670" s="1" t="s">
        <v>13349</v>
      </c>
      <c r="E15670" s="1" t="s">
        <v>13350</v>
      </c>
    </row>
    <row r="15671">
      <c r="A15671" s="1">
        <v>4.9063913E8</v>
      </c>
      <c r="B15671" s="2">
        <v>15035.0</v>
      </c>
      <c r="C15671" s="1" t="s">
        <v>5</v>
      </c>
      <c r="D15671" s="1" t="s">
        <v>13351</v>
      </c>
      <c r="E15671" s="1" t="s">
        <v>11</v>
      </c>
    </row>
    <row r="15672">
      <c r="A15672" s="1">
        <v>4.90639145E8</v>
      </c>
      <c r="B15672" s="2">
        <v>15035.0</v>
      </c>
      <c r="C15672" s="1" t="s">
        <v>5</v>
      </c>
      <c r="D15672" s="1" t="s">
        <v>13352</v>
      </c>
      <c r="E15672" s="1" t="s">
        <v>7</v>
      </c>
    </row>
    <row r="15673">
      <c r="A15673" s="1">
        <v>4.90639183E8</v>
      </c>
      <c r="B15673" s="2">
        <v>15002.0</v>
      </c>
      <c r="C15673" s="1" t="s">
        <v>5</v>
      </c>
      <c r="D15673" s="1" t="s">
        <v>11</v>
      </c>
      <c r="E15673" s="1" t="s">
        <v>7</v>
      </c>
    </row>
    <row r="15674">
      <c r="A15674" s="1">
        <v>4.90639195E8</v>
      </c>
      <c r="B15674" s="2">
        <v>15002.0</v>
      </c>
      <c r="C15674" s="1" t="s">
        <v>5</v>
      </c>
      <c r="D15674" s="1" t="s">
        <v>11</v>
      </c>
      <c r="E15674" s="1" t="s">
        <v>7</v>
      </c>
    </row>
    <row r="15675">
      <c r="A15675" s="1">
        <v>4.90639205E8</v>
      </c>
      <c r="B15675" s="2">
        <v>15034.0</v>
      </c>
      <c r="C15675" s="1" t="s">
        <v>5</v>
      </c>
      <c r="D15675" s="1" t="s">
        <v>11</v>
      </c>
      <c r="E15675" s="1" t="s">
        <v>7</v>
      </c>
    </row>
    <row r="15676">
      <c r="A15676" s="1">
        <v>4.90639322E8</v>
      </c>
      <c r="B15676" s="2">
        <v>14988.0</v>
      </c>
      <c r="C15676" s="1" t="s">
        <v>5</v>
      </c>
      <c r="D15676" s="1" t="s">
        <v>13353</v>
      </c>
      <c r="E15676" s="1" t="s">
        <v>7</v>
      </c>
    </row>
    <row r="15677">
      <c r="A15677" s="1">
        <v>4.90639386E8</v>
      </c>
      <c r="B15677" s="2">
        <v>15004.0</v>
      </c>
      <c r="C15677" s="1" t="s">
        <v>5</v>
      </c>
      <c r="D15677" s="1" t="s">
        <v>13354</v>
      </c>
      <c r="E15677" s="1" t="s">
        <v>11</v>
      </c>
    </row>
    <row r="15678">
      <c r="A15678" s="1">
        <v>4.90639468E8</v>
      </c>
      <c r="B15678" s="2">
        <v>15028.0</v>
      </c>
      <c r="C15678" s="1" t="s">
        <v>5</v>
      </c>
      <c r="D15678" s="1" t="s">
        <v>13355</v>
      </c>
      <c r="E15678" s="1" t="s">
        <v>7</v>
      </c>
    </row>
    <row r="15679">
      <c r="A15679" s="1">
        <v>4.906395E8</v>
      </c>
      <c r="B15679" s="2">
        <v>15060.0</v>
      </c>
      <c r="C15679" s="1" t="s">
        <v>5</v>
      </c>
      <c r="D15679" s="1" t="s">
        <v>13356</v>
      </c>
      <c r="E15679" s="1" t="s">
        <v>11</v>
      </c>
    </row>
    <row r="15680">
      <c r="A15680" s="1">
        <v>4.90639545E8</v>
      </c>
      <c r="B15680" s="2">
        <v>15013.0</v>
      </c>
      <c r="C15680" s="1" t="s">
        <v>5</v>
      </c>
      <c r="D15680" s="1" t="s">
        <v>11</v>
      </c>
      <c r="E15680" s="1" t="s">
        <v>7</v>
      </c>
    </row>
    <row r="15681">
      <c r="A15681" s="1">
        <v>4.9063962E8</v>
      </c>
      <c r="B15681" s="2">
        <v>14986.0</v>
      </c>
      <c r="C15681" s="1" t="s">
        <v>5</v>
      </c>
      <c r="D15681" s="1" t="s">
        <v>13357</v>
      </c>
      <c r="E15681" s="1" t="s">
        <v>11</v>
      </c>
    </row>
    <row r="15682">
      <c r="A15682" s="1">
        <v>4.9063965E8</v>
      </c>
      <c r="B15682" s="2">
        <v>15059.0</v>
      </c>
      <c r="C15682" s="1" t="s">
        <v>5</v>
      </c>
      <c r="D15682" s="1" t="s">
        <v>13358</v>
      </c>
      <c r="E15682" s="1" t="s">
        <v>13359</v>
      </c>
    </row>
    <row r="15683">
      <c r="A15683" s="1">
        <v>4.9063982E8</v>
      </c>
      <c r="B15683" s="2">
        <v>15058.0</v>
      </c>
      <c r="C15683" s="1" t="s">
        <v>5</v>
      </c>
      <c r="D15683" s="1" t="s">
        <v>13360</v>
      </c>
      <c r="E15683" s="1" t="s">
        <v>7</v>
      </c>
    </row>
    <row r="15684">
      <c r="A15684" s="1">
        <v>4.90639826E8</v>
      </c>
      <c r="B15684" s="2">
        <v>14979.0</v>
      </c>
      <c r="C15684" s="1" t="s">
        <v>5</v>
      </c>
      <c r="D15684" s="1" t="s">
        <v>13361</v>
      </c>
      <c r="E15684" s="1" t="s">
        <v>11</v>
      </c>
    </row>
    <row r="15685">
      <c r="A15685" s="1">
        <v>4.9063986E8</v>
      </c>
      <c r="B15685" s="2">
        <v>15010.0</v>
      </c>
      <c r="C15685" s="1" t="s">
        <v>5</v>
      </c>
      <c r="D15685" s="1" t="s">
        <v>13362</v>
      </c>
      <c r="E15685" s="1" t="s">
        <v>13363</v>
      </c>
    </row>
    <row r="15686">
      <c r="A15686" s="1">
        <v>4.90639922E8</v>
      </c>
      <c r="B15686" s="2">
        <v>14978.0</v>
      </c>
      <c r="C15686" s="1" t="s">
        <v>5</v>
      </c>
      <c r="D15686" s="1" t="s">
        <v>13364</v>
      </c>
      <c r="E15686" s="1" t="s">
        <v>7</v>
      </c>
    </row>
    <row r="15687">
      <c r="A15687" s="1">
        <v>4.90639987E8</v>
      </c>
      <c r="B15687" s="2">
        <v>15035.0</v>
      </c>
      <c r="C15687" s="1" t="s">
        <v>5</v>
      </c>
      <c r="D15687" s="1" t="s">
        <v>13365</v>
      </c>
      <c r="E15687" s="1" t="s">
        <v>11</v>
      </c>
    </row>
    <row r="15688">
      <c r="A15688" s="1">
        <v>4.90640017E8</v>
      </c>
      <c r="B15688" s="2">
        <v>15029.0</v>
      </c>
      <c r="C15688" s="1" t="s">
        <v>5</v>
      </c>
      <c r="D15688" s="1" t="s">
        <v>13366</v>
      </c>
      <c r="E15688" s="1" t="s">
        <v>11</v>
      </c>
    </row>
    <row r="15689">
      <c r="A15689" s="1">
        <v>4.90640067E8</v>
      </c>
      <c r="B15689" s="2">
        <v>15009.0</v>
      </c>
      <c r="C15689" s="1" t="s">
        <v>5</v>
      </c>
      <c r="D15689" s="1" t="s">
        <v>11</v>
      </c>
      <c r="E15689" s="1" t="s">
        <v>7</v>
      </c>
    </row>
    <row r="15690">
      <c r="A15690" s="1">
        <v>4.90640175E8</v>
      </c>
      <c r="B15690" s="2">
        <v>14995.0</v>
      </c>
      <c r="C15690" s="1" t="s">
        <v>5</v>
      </c>
      <c r="D15690" s="1" t="s">
        <v>13367</v>
      </c>
      <c r="E15690" s="1" t="s">
        <v>11</v>
      </c>
    </row>
    <row r="15691">
      <c r="A15691" s="1">
        <v>4.90640275E8</v>
      </c>
      <c r="B15691" s="2">
        <v>15056.0</v>
      </c>
      <c r="C15691" s="1" t="s">
        <v>5</v>
      </c>
      <c r="D15691" s="1" t="s">
        <v>13368</v>
      </c>
      <c r="E15691" s="1" t="s">
        <v>13369</v>
      </c>
    </row>
    <row r="15692">
      <c r="A15692" s="1">
        <v>4.90640335E8</v>
      </c>
      <c r="B15692" s="2">
        <v>14993.0</v>
      </c>
      <c r="C15692" s="1" t="s">
        <v>5</v>
      </c>
      <c r="D15692" s="1" t="s">
        <v>13370</v>
      </c>
      <c r="E15692" s="1" t="s">
        <v>7</v>
      </c>
    </row>
    <row r="15693">
      <c r="A15693" s="1">
        <v>4.90640357E8</v>
      </c>
      <c r="B15693" s="2">
        <v>15034.0</v>
      </c>
      <c r="C15693" s="1" t="s">
        <v>5</v>
      </c>
      <c r="D15693" s="1" t="s">
        <v>11</v>
      </c>
      <c r="E15693" s="1" t="s">
        <v>7</v>
      </c>
    </row>
    <row r="15694">
      <c r="A15694" s="1">
        <v>4.90640373E8</v>
      </c>
      <c r="B15694" s="2">
        <v>15008.0</v>
      </c>
      <c r="C15694" s="1" t="s">
        <v>5</v>
      </c>
      <c r="D15694" s="1" t="s">
        <v>13371</v>
      </c>
      <c r="E15694" s="1" t="s">
        <v>11</v>
      </c>
    </row>
    <row r="15695">
      <c r="A15695" s="1">
        <v>4.90640375E8</v>
      </c>
      <c r="B15695" s="2">
        <v>15027.0</v>
      </c>
      <c r="C15695" s="1" t="s">
        <v>5</v>
      </c>
      <c r="D15695" s="1" t="s">
        <v>13372</v>
      </c>
      <c r="E15695" s="1" t="s">
        <v>7</v>
      </c>
    </row>
    <row r="15696">
      <c r="A15696" s="1">
        <v>4.90640454E8</v>
      </c>
      <c r="B15696" s="2">
        <v>15055.0</v>
      </c>
      <c r="C15696" s="1" t="s">
        <v>5</v>
      </c>
      <c r="D15696" s="1" t="s">
        <v>11</v>
      </c>
      <c r="E15696" s="1" t="s">
        <v>7</v>
      </c>
    </row>
    <row r="15697">
      <c r="A15697" s="1">
        <v>4.90640525E8</v>
      </c>
      <c r="B15697" s="2">
        <v>14981.0</v>
      </c>
      <c r="C15697" s="1" t="s">
        <v>5</v>
      </c>
      <c r="D15697" s="1" t="s">
        <v>11</v>
      </c>
      <c r="E15697" s="1" t="s">
        <v>7</v>
      </c>
    </row>
    <row r="15698">
      <c r="A15698" s="1">
        <v>4.9064058E8</v>
      </c>
      <c r="B15698" s="2">
        <v>15010.0</v>
      </c>
      <c r="C15698" s="1" t="s">
        <v>5</v>
      </c>
      <c r="D15698" s="1" t="s">
        <v>13373</v>
      </c>
      <c r="E15698" s="1" t="s">
        <v>7</v>
      </c>
    </row>
    <row r="15699">
      <c r="A15699" s="1">
        <v>4.90640622E8</v>
      </c>
      <c r="B15699" s="2">
        <v>15010.0</v>
      </c>
      <c r="C15699" s="1" t="s">
        <v>5</v>
      </c>
      <c r="D15699" s="1" t="s">
        <v>13374</v>
      </c>
      <c r="E15699" s="1" t="s">
        <v>11</v>
      </c>
    </row>
    <row r="15700">
      <c r="A15700" s="1">
        <v>4.90640631E8</v>
      </c>
      <c r="B15700" s="2">
        <v>15032.0</v>
      </c>
      <c r="C15700" s="1" t="s">
        <v>5</v>
      </c>
      <c r="D15700" s="1" t="s">
        <v>13375</v>
      </c>
      <c r="E15700" s="1" t="s">
        <v>7</v>
      </c>
    </row>
    <row r="15701">
      <c r="A15701" s="1">
        <v>4.90640711E8</v>
      </c>
      <c r="B15701" s="2">
        <v>15028.0</v>
      </c>
      <c r="C15701" s="1" t="s">
        <v>5</v>
      </c>
      <c r="D15701" s="1" t="s">
        <v>13376</v>
      </c>
      <c r="E15701" s="1" t="s">
        <v>7</v>
      </c>
    </row>
    <row r="15702">
      <c r="A15702" s="1">
        <v>4.9064073E8</v>
      </c>
      <c r="B15702" s="2">
        <v>15064.0</v>
      </c>
      <c r="C15702" s="1" t="s">
        <v>5</v>
      </c>
      <c r="D15702" s="1" t="s">
        <v>13377</v>
      </c>
      <c r="E15702" s="1" t="s">
        <v>11</v>
      </c>
    </row>
    <row r="15703">
      <c r="A15703" s="1">
        <v>4.90640769E8</v>
      </c>
      <c r="B15703" s="2">
        <v>14979.0</v>
      </c>
      <c r="C15703" s="1" t="s">
        <v>5</v>
      </c>
      <c r="D15703" s="1" t="s">
        <v>13378</v>
      </c>
      <c r="E15703" s="1" t="s">
        <v>7</v>
      </c>
    </row>
    <row r="15704">
      <c r="A15704" s="1">
        <v>4.90640801E8</v>
      </c>
      <c r="B15704" s="2">
        <v>15008.0</v>
      </c>
      <c r="C15704" s="1" t="s">
        <v>5</v>
      </c>
      <c r="D15704" s="1" t="s">
        <v>13379</v>
      </c>
      <c r="E15704" s="1" t="s">
        <v>7</v>
      </c>
    </row>
    <row r="15705">
      <c r="A15705" s="1">
        <v>4.90640871E8</v>
      </c>
      <c r="B15705" s="2">
        <v>14936.0</v>
      </c>
      <c r="C15705" s="1" t="s">
        <v>5</v>
      </c>
      <c r="D15705" s="1" t="s">
        <v>13380</v>
      </c>
      <c r="E15705" s="1" t="s">
        <v>7</v>
      </c>
    </row>
    <row r="15706">
      <c r="A15706" s="1">
        <v>4.90640895E8</v>
      </c>
      <c r="B15706" s="2">
        <v>14979.0</v>
      </c>
      <c r="C15706" s="1" t="s">
        <v>5</v>
      </c>
      <c r="D15706" s="1" t="s">
        <v>13381</v>
      </c>
      <c r="E15706" s="1" t="s">
        <v>7</v>
      </c>
    </row>
    <row r="15707">
      <c r="A15707" s="1">
        <v>4.90640909E8</v>
      </c>
      <c r="B15707" s="2">
        <v>15061.0</v>
      </c>
      <c r="C15707" s="1" t="s">
        <v>5</v>
      </c>
      <c r="D15707" s="1" t="s">
        <v>13382</v>
      </c>
      <c r="E15707" s="1" t="s">
        <v>13383</v>
      </c>
    </row>
    <row r="15708">
      <c r="A15708" s="1">
        <v>4.90640946E8</v>
      </c>
      <c r="B15708" s="2">
        <v>15009.0</v>
      </c>
      <c r="C15708" s="1" t="s">
        <v>5</v>
      </c>
      <c r="D15708" s="1" t="s">
        <v>13384</v>
      </c>
      <c r="E15708" s="1" t="s">
        <v>11</v>
      </c>
    </row>
    <row r="15709">
      <c r="A15709" s="1">
        <v>4.90641022E8</v>
      </c>
      <c r="B15709" s="2">
        <v>14991.0</v>
      </c>
      <c r="C15709" s="1" t="s">
        <v>5</v>
      </c>
      <c r="D15709" s="1" t="s">
        <v>13385</v>
      </c>
      <c r="E15709" s="1" t="s">
        <v>11</v>
      </c>
    </row>
    <row r="15710">
      <c r="A15710" s="1">
        <v>4.90641027E8</v>
      </c>
      <c r="B15710" s="2">
        <v>15063.0</v>
      </c>
      <c r="C15710" s="1" t="s">
        <v>5</v>
      </c>
      <c r="D15710" s="1" t="s">
        <v>13386</v>
      </c>
      <c r="E15710" s="1" t="s">
        <v>7</v>
      </c>
    </row>
    <row r="15711">
      <c r="A15711" s="1">
        <v>4.9064106E8</v>
      </c>
      <c r="B15711" s="2">
        <v>14989.0</v>
      </c>
      <c r="C15711" s="1" t="s">
        <v>5</v>
      </c>
      <c r="D15711" s="1" t="s">
        <v>13387</v>
      </c>
      <c r="E15711" s="1" t="s">
        <v>11</v>
      </c>
    </row>
    <row r="15712">
      <c r="A15712" s="1">
        <v>4.90641069E8</v>
      </c>
      <c r="B15712" s="2">
        <v>14978.0</v>
      </c>
      <c r="C15712" s="1" t="s">
        <v>5</v>
      </c>
      <c r="D15712" s="1" t="s">
        <v>13388</v>
      </c>
      <c r="E15712" s="1" t="s">
        <v>7</v>
      </c>
    </row>
    <row r="15713">
      <c r="A15713" s="1">
        <v>4.90641179E8</v>
      </c>
      <c r="B15713" s="2">
        <v>15025.0</v>
      </c>
      <c r="C15713" s="1" t="s">
        <v>5</v>
      </c>
      <c r="D15713" s="1" t="s">
        <v>13389</v>
      </c>
      <c r="E15713" s="1" t="s">
        <v>7</v>
      </c>
    </row>
    <row r="15714">
      <c r="A15714" s="1">
        <v>4.90641255E8</v>
      </c>
      <c r="B15714" s="2">
        <v>15064.0</v>
      </c>
      <c r="C15714" s="1" t="s">
        <v>5</v>
      </c>
      <c r="D15714" s="1" t="s">
        <v>13390</v>
      </c>
      <c r="E15714" s="1" t="s">
        <v>7</v>
      </c>
    </row>
    <row r="15715">
      <c r="A15715" s="1">
        <v>4.90641307E8</v>
      </c>
      <c r="B15715" s="2">
        <v>15065.0</v>
      </c>
      <c r="C15715" s="1" t="s">
        <v>5</v>
      </c>
      <c r="D15715" s="1" t="s">
        <v>13391</v>
      </c>
      <c r="E15715" s="1" t="s">
        <v>7</v>
      </c>
    </row>
    <row r="15716">
      <c r="A15716" s="1">
        <v>4.9064134E8</v>
      </c>
      <c r="B15716" s="2">
        <v>15024.0</v>
      </c>
      <c r="C15716" s="1" t="s">
        <v>5</v>
      </c>
      <c r="D15716" s="1" t="s">
        <v>13392</v>
      </c>
      <c r="E15716" s="1" t="s">
        <v>7</v>
      </c>
    </row>
    <row r="15717">
      <c r="A15717" s="1">
        <v>4.90641378E8</v>
      </c>
      <c r="B15717" s="2">
        <v>15064.0</v>
      </c>
      <c r="C15717" s="1" t="s">
        <v>5</v>
      </c>
      <c r="D15717" s="1" t="s">
        <v>13393</v>
      </c>
      <c r="E15717" s="1" t="s">
        <v>11</v>
      </c>
    </row>
    <row r="15718">
      <c r="A15718" s="1">
        <v>4.90641507E8</v>
      </c>
      <c r="B15718" s="2">
        <v>15035.0</v>
      </c>
      <c r="C15718" s="1" t="s">
        <v>5</v>
      </c>
      <c r="D15718" s="1" t="s">
        <v>13394</v>
      </c>
      <c r="E15718" s="1" t="s">
        <v>11</v>
      </c>
    </row>
    <row r="15719">
      <c r="A15719" s="1">
        <v>4.90641586E8</v>
      </c>
      <c r="B15719" s="2">
        <v>15016.0</v>
      </c>
      <c r="C15719" s="1" t="s">
        <v>5</v>
      </c>
      <c r="D15719" s="1" t="s">
        <v>13395</v>
      </c>
      <c r="E15719" s="1" t="s">
        <v>13396</v>
      </c>
    </row>
    <row r="15720">
      <c r="A15720" s="1">
        <v>4.90641587E8</v>
      </c>
      <c r="B15720" s="2">
        <v>15015.0</v>
      </c>
      <c r="C15720" s="1" t="s">
        <v>5</v>
      </c>
      <c r="D15720" s="1" t="s">
        <v>13397</v>
      </c>
      <c r="E15720" s="1" t="s">
        <v>7</v>
      </c>
    </row>
    <row r="15721">
      <c r="A15721" s="1">
        <v>4.90641715E8</v>
      </c>
      <c r="B15721" s="2">
        <v>15015.0</v>
      </c>
      <c r="C15721" s="1" t="s">
        <v>5</v>
      </c>
      <c r="D15721" s="1" t="s">
        <v>13398</v>
      </c>
      <c r="E15721" s="1" t="s">
        <v>11</v>
      </c>
    </row>
    <row r="15722">
      <c r="A15722" s="1">
        <v>4.90641758E8</v>
      </c>
      <c r="B15722" s="2">
        <v>14979.0</v>
      </c>
      <c r="C15722" s="1" t="s">
        <v>5</v>
      </c>
      <c r="D15722" s="1" t="s">
        <v>13399</v>
      </c>
      <c r="E15722" s="1" t="s">
        <v>11</v>
      </c>
    </row>
    <row r="15723">
      <c r="A15723" s="1">
        <v>4.90641871E8</v>
      </c>
      <c r="B15723" s="2">
        <v>15009.0</v>
      </c>
      <c r="C15723" s="1" t="s">
        <v>5</v>
      </c>
      <c r="D15723" s="1" t="s">
        <v>13400</v>
      </c>
      <c r="E15723" s="1" t="s">
        <v>7</v>
      </c>
    </row>
    <row r="15724">
      <c r="A15724" s="1">
        <v>4.90641895E8</v>
      </c>
      <c r="B15724" s="2">
        <v>15014.0</v>
      </c>
      <c r="C15724" s="1" t="s">
        <v>5</v>
      </c>
      <c r="D15724" s="1" t="s">
        <v>13401</v>
      </c>
      <c r="E15724" s="1" t="s">
        <v>7</v>
      </c>
    </row>
    <row r="15725">
      <c r="A15725" s="1">
        <v>4.90642017E8</v>
      </c>
      <c r="B15725" s="2">
        <v>15008.0</v>
      </c>
      <c r="C15725" s="1" t="s">
        <v>5</v>
      </c>
      <c r="D15725" s="1" t="s">
        <v>11</v>
      </c>
      <c r="E15725" s="1" t="s">
        <v>7</v>
      </c>
    </row>
    <row r="15726">
      <c r="A15726" s="1">
        <v>4.90642045E8</v>
      </c>
      <c r="B15726" s="2">
        <v>15066.0</v>
      </c>
      <c r="C15726" s="1" t="s">
        <v>5</v>
      </c>
      <c r="D15726" s="1" t="s">
        <v>13402</v>
      </c>
      <c r="E15726" s="1" t="s">
        <v>7</v>
      </c>
    </row>
    <row r="15727">
      <c r="A15727" s="1">
        <v>4.90642079E8</v>
      </c>
      <c r="B15727" s="2">
        <v>15029.0</v>
      </c>
      <c r="C15727" s="1" t="s">
        <v>5</v>
      </c>
      <c r="D15727" s="1" t="s">
        <v>13403</v>
      </c>
      <c r="E15727" s="1" t="s">
        <v>7</v>
      </c>
    </row>
    <row r="15728">
      <c r="A15728" s="1">
        <v>4.90642292E8</v>
      </c>
      <c r="B15728" s="2">
        <v>15028.0</v>
      </c>
      <c r="C15728" s="1" t="s">
        <v>5</v>
      </c>
      <c r="D15728" s="1" t="s">
        <v>13404</v>
      </c>
      <c r="E15728" s="1" t="s">
        <v>11</v>
      </c>
    </row>
    <row r="15729">
      <c r="A15729" s="1">
        <v>4.90642387E8</v>
      </c>
      <c r="B15729" s="2">
        <v>15056.0</v>
      </c>
      <c r="C15729" s="1" t="s">
        <v>5</v>
      </c>
      <c r="D15729" s="1" t="s">
        <v>13405</v>
      </c>
      <c r="E15729" s="1" t="s">
        <v>7</v>
      </c>
    </row>
    <row r="15730">
      <c r="A15730" s="1">
        <v>4.90642396E8</v>
      </c>
      <c r="B15730" s="2">
        <v>15055.0</v>
      </c>
      <c r="C15730" s="1" t="s">
        <v>5</v>
      </c>
      <c r="D15730" s="1" t="s">
        <v>13406</v>
      </c>
      <c r="E15730" s="1" t="s">
        <v>7</v>
      </c>
    </row>
    <row r="15731">
      <c r="A15731" s="1">
        <v>4.90642471E8</v>
      </c>
      <c r="B15731" s="2">
        <v>15033.0</v>
      </c>
      <c r="C15731" s="1" t="s">
        <v>5</v>
      </c>
      <c r="D15731" s="1" t="s">
        <v>13407</v>
      </c>
      <c r="E15731" s="1" t="s">
        <v>7</v>
      </c>
    </row>
    <row r="15732">
      <c r="A15732" s="1">
        <v>4.90642548E8</v>
      </c>
      <c r="B15732" s="2">
        <v>15033.0</v>
      </c>
      <c r="C15732" s="1" t="s">
        <v>5</v>
      </c>
      <c r="D15732" s="1" t="s">
        <v>13408</v>
      </c>
      <c r="E15732" s="1" t="s">
        <v>7</v>
      </c>
    </row>
    <row r="15733">
      <c r="A15733" s="1">
        <v>4.90642733E8</v>
      </c>
      <c r="B15733" s="2">
        <v>15027.0</v>
      </c>
      <c r="C15733" s="1" t="s">
        <v>5</v>
      </c>
      <c r="D15733" s="1" t="s">
        <v>13409</v>
      </c>
      <c r="E15733" s="1" t="s">
        <v>11</v>
      </c>
    </row>
    <row r="15734">
      <c r="A15734" s="1">
        <v>4.90642766E8</v>
      </c>
      <c r="B15734" s="2">
        <v>14977.0</v>
      </c>
      <c r="C15734" s="1" t="s">
        <v>5</v>
      </c>
      <c r="D15734" s="1" t="s">
        <v>13410</v>
      </c>
      <c r="E15734" s="1" t="s">
        <v>7</v>
      </c>
    </row>
    <row r="15735">
      <c r="A15735" s="1">
        <v>4.90642867E8</v>
      </c>
      <c r="B15735" s="2">
        <v>15054.0</v>
      </c>
      <c r="C15735" s="1" t="s">
        <v>5</v>
      </c>
      <c r="D15735" s="1" t="s">
        <v>13411</v>
      </c>
      <c r="E15735" s="1" t="s">
        <v>7</v>
      </c>
    </row>
    <row r="15736">
      <c r="A15736" s="1">
        <v>4.90642916E8</v>
      </c>
      <c r="B15736" s="2">
        <v>15053.0</v>
      </c>
      <c r="C15736" s="1" t="s">
        <v>5</v>
      </c>
      <c r="D15736" s="1" t="s">
        <v>13412</v>
      </c>
      <c r="E15736" s="1" t="s">
        <v>11</v>
      </c>
    </row>
    <row r="15737">
      <c r="A15737" s="1">
        <v>4.90642924E8</v>
      </c>
      <c r="B15737" s="2">
        <v>15054.0</v>
      </c>
      <c r="C15737" s="1" t="s">
        <v>5</v>
      </c>
      <c r="D15737" s="1" t="s">
        <v>13413</v>
      </c>
      <c r="E15737" s="1" t="s">
        <v>11</v>
      </c>
    </row>
    <row r="15738">
      <c r="A15738" s="1">
        <v>4.90642951E8</v>
      </c>
      <c r="B15738" s="2">
        <v>15054.0</v>
      </c>
      <c r="C15738" s="1" t="s">
        <v>5</v>
      </c>
      <c r="D15738" s="1" t="s">
        <v>11</v>
      </c>
      <c r="E15738" s="1" t="s">
        <v>7</v>
      </c>
    </row>
    <row r="15739">
      <c r="A15739" s="1">
        <v>4.90642993E8</v>
      </c>
      <c r="B15739" s="2">
        <v>15034.0</v>
      </c>
      <c r="C15739" s="1" t="s">
        <v>5</v>
      </c>
      <c r="D15739" s="1" t="s">
        <v>13414</v>
      </c>
      <c r="E15739" s="1" t="s">
        <v>11</v>
      </c>
    </row>
    <row r="15740">
      <c r="A15740" s="1">
        <v>4.90643002E8</v>
      </c>
      <c r="B15740" s="2">
        <v>15051.0</v>
      </c>
      <c r="C15740" s="1" t="s">
        <v>5</v>
      </c>
      <c r="D15740" s="1" t="s">
        <v>11</v>
      </c>
      <c r="E15740" s="1" t="s">
        <v>7</v>
      </c>
    </row>
    <row r="15741">
      <c r="A15741" s="1">
        <v>4.90643054E8</v>
      </c>
      <c r="B15741" s="2">
        <v>15060.0</v>
      </c>
      <c r="C15741" s="1" t="s">
        <v>5</v>
      </c>
      <c r="D15741" s="1" t="s">
        <v>13415</v>
      </c>
      <c r="E15741" s="1" t="s">
        <v>7</v>
      </c>
    </row>
    <row r="15742">
      <c r="A15742" s="1">
        <v>4.90643183E8</v>
      </c>
      <c r="B15742" s="2">
        <v>15052.0</v>
      </c>
      <c r="C15742" s="1" t="s">
        <v>5</v>
      </c>
      <c r="D15742" s="1" t="s">
        <v>13416</v>
      </c>
      <c r="E15742" s="1" t="s">
        <v>11</v>
      </c>
    </row>
    <row r="15743">
      <c r="A15743" s="1">
        <v>4.90643235E8</v>
      </c>
      <c r="B15743" s="2">
        <v>15051.0</v>
      </c>
      <c r="C15743" s="1" t="s">
        <v>5</v>
      </c>
      <c r="D15743" s="1" t="s">
        <v>13417</v>
      </c>
      <c r="E15743" s="1" t="s">
        <v>11</v>
      </c>
    </row>
    <row r="15744">
      <c r="A15744" s="1">
        <v>4.90643383E8</v>
      </c>
      <c r="B15744" s="2">
        <v>15046.0</v>
      </c>
      <c r="C15744" s="1" t="s">
        <v>5</v>
      </c>
      <c r="D15744" s="1" t="s">
        <v>13418</v>
      </c>
      <c r="E15744" s="1" t="s">
        <v>11</v>
      </c>
    </row>
    <row r="15745">
      <c r="A15745" s="1">
        <v>4.90643408E8</v>
      </c>
      <c r="B15745" s="2">
        <v>15022.0</v>
      </c>
      <c r="C15745" s="1" t="s">
        <v>5</v>
      </c>
      <c r="D15745" s="1" t="s">
        <v>11</v>
      </c>
      <c r="E15745" s="1" t="s">
        <v>7</v>
      </c>
    </row>
    <row r="15746">
      <c r="A15746" s="1">
        <v>4.90643506E8</v>
      </c>
      <c r="B15746" s="2">
        <v>15045.0</v>
      </c>
      <c r="C15746" s="1" t="s">
        <v>5</v>
      </c>
      <c r="D15746" s="1" t="s">
        <v>11</v>
      </c>
      <c r="E15746" s="1" t="s">
        <v>7</v>
      </c>
    </row>
    <row r="15747">
      <c r="A15747" s="1">
        <v>4.90643666E8</v>
      </c>
      <c r="B15747" s="2">
        <v>15044.0</v>
      </c>
      <c r="C15747" s="1" t="s">
        <v>5</v>
      </c>
      <c r="D15747" s="1" t="s">
        <v>13419</v>
      </c>
      <c r="E15747" s="1" t="s">
        <v>7</v>
      </c>
    </row>
    <row r="15748">
      <c r="A15748" s="1">
        <v>4.90643714E8</v>
      </c>
      <c r="B15748" s="2">
        <v>15046.0</v>
      </c>
      <c r="C15748" s="1" t="s">
        <v>5</v>
      </c>
      <c r="D15748" s="1" t="s">
        <v>13420</v>
      </c>
      <c r="E15748" s="1" t="s">
        <v>13421</v>
      </c>
    </row>
    <row r="15749">
      <c r="A15749" s="1">
        <v>4.90643757E8</v>
      </c>
      <c r="B15749" s="2">
        <v>15057.0</v>
      </c>
      <c r="C15749" s="1" t="s">
        <v>5</v>
      </c>
      <c r="D15749" s="1" t="s">
        <v>13422</v>
      </c>
      <c r="E15749" s="1" t="s">
        <v>11</v>
      </c>
    </row>
    <row r="15750">
      <c r="A15750" s="1">
        <v>4.90643783E8</v>
      </c>
      <c r="B15750" s="2">
        <v>15054.0</v>
      </c>
      <c r="C15750" s="1" t="s">
        <v>5</v>
      </c>
      <c r="D15750" s="1" t="s">
        <v>13423</v>
      </c>
      <c r="E15750" s="1" t="s">
        <v>7</v>
      </c>
    </row>
    <row r="15751">
      <c r="A15751" s="1">
        <v>4.90643835E8</v>
      </c>
      <c r="B15751" s="2">
        <v>15047.0</v>
      </c>
      <c r="C15751" s="1" t="s">
        <v>5</v>
      </c>
      <c r="D15751" s="1" t="s">
        <v>13424</v>
      </c>
      <c r="E15751" s="1" t="s">
        <v>11</v>
      </c>
    </row>
    <row r="15752">
      <c r="A15752" s="1">
        <v>4.90643845E8</v>
      </c>
      <c r="B15752" s="2">
        <v>15045.0</v>
      </c>
      <c r="C15752" s="1" t="s">
        <v>5</v>
      </c>
      <c r="D15752" s="1" t="s">
        <v>13425</v>
      </c>
      <c r="E15752" s="1" t="s">
        <v>11</v>
      </c>
    </row>
    <row r="15753">
      <c r="A15753" s="1">
        <v>4.90643876E8</v>
      </c>
      <c r="B15753" s="2">
        <v>15044.0</v>
      </c>
      <c r="C15753" s="1" t="s">
        <v>5</v>
      </c>
      <c r="D15753" s="1" t="s">
        <v>13426</v>
      </c>
      <c r="E15753" s="1" t="s">
        <v>7</v>
      </c>
    </row>
    <row r="15754">
      <c r="A15754" s="1">
        <v>4.9064403E8</v>
      </c>
      <c r="B15754" s="2">
        <v>15016.0</v>
      </c>
      <c r="C15754" s="1" t="s">
        <v>5</v>
      </c>
      <c r="D15754" s="1" t="s">
        <v>13427</v>
      </c>
      <c r="E15754" s="1" t="s">
        <v>7</v>
      </c>
    </row>
    <row r="15755">
      <c r="A15755" s="1">
        <v>4.90644077E8</v>
      </c>
      <c r="B15755" s="2">
        <v>15048.0</v>
      </c>
      <c r="C15755" s="1" t="s">
        <v>5</v>
      </c>
      <c r="D15755" s="1" t="s">
        <v>13428</v>
      </c>
      <c r="E15755" s="1" t="s">
        <v>7</v>
      </c>
    </row>
    <row r="15756">
      <c r="A15756" s="1">
        <v>4.9064409E8</v>
      </c>
      <c r="B15756" s="2">
        <v>15015.0</v>
      </c>
      <c r="C15756" s="1" t="s">
        <v>5</v>
      </c>
      <c r="D15756" s="1" t="s">
        <v>13429</v>
      </c>
      <c r="E15756" s="1" t="s">
        <v>11</v>
      </c>
    </row>
    <row r="15757">
      <c r="A15757" s="1">
        <v>4.90644294E8</v>
      </c>
      <c r="B15757" s="2">
        <v>15051.0</v>
      </c>
      <c r="C15757" s="1" t="s">
        <v>5</v>
      </c>
      <c r="D15757" s="1" t="s">
        <v>13430</v>
      </c>
      <c r="E15757" s="1" t="s">
        <v>7</v>
      </c>
    </row>
    <row r="15758">
      <c r="A15758" s="1">
        <v>4.90644295E8</v>
      </c>
      <c r="B15758" s="2">
        <v>15014.0</v>
      </c>
      <c r="C15758" s="1" t="s">
        <v>5</v>
      </c>
      <c r="D15758" s="1" t="s">
        <v>13431</v>
      </c>
      <c r="E15758" s="1" t="s">
        <v>7</v>
      </c>
    </row>
    <row r="15759">
      <c r="A15759" s="1">
        <v>4.9064446E8</v>
      </c>
      <c r="B15759" s="2">
        <v>15038.0</v>
      </c>
      <c r="C15759" s="1" t="s">
        <v>5</v>
      </c>
      <c r="D15759" s="1" t="s">
        <v>13432</v>
      </c>
      <c r="E15759" s="1" t="s">
        <v>7</v>
      </c>
    </row>
    <row r="15760">
      <c r="A15760" s="1">
        <v>4.90644509E8</v>
      </c>
      <c r="B15760" s="2">
        <v>15088.0</v>
      </c>
      <c r="C15760" s="1" t="s">
        <v>5</v>
      </c>
      <c r="D15760" s="1" t="s">
        <v>11</v>
      </c>
      <c r="E15760" s="1" t="s">
        <v>7</v>
      </c>
    </row>
    <row r="15761">
      <c r="A15761" s="1">
        <v>4.90644604E8</v>
      </c>
      <c r="B15761" s="2">
        <v>15037.0</v>
      </c>
      <c r="C15761" s="1" t="s">
        <v>5</v>
      </c>
      <c r="D15761" s="1" t="s">
        <v>13433</v>
      </c>
      <c r="E15761" s="1" t="s">
        <v>7</v>
      </c>
    </row>
    <row r="15762">
      <c r="A15762" s="1">
        <v>4.9064465E8</v>
      </c>
      <c r="B15762" s="2">
        <v>15093.0</v>
      </c>
      <c r="C15762" s="1" t="s">
        <v>5</v>
      </c>
      <c r="D15762" s="1" t="s">
        <v>11</v>
      </c>
      <c r="E15762" s="1" t="s">
        <v>7</v>
      </c>
    </row>
    <row r="15763">
      <c r="A15763" s="1">
        <v>4.90644703E8</v>
      </c>
      <c r="B15763" s="2">
        <v>15036.0</v>
      </c>
      <c r="C15763" s="1" t="s">
        <v>5</v>
      </c>
      <c r="D15763" s="1" t="s">
        <v>13434</v>
      </c>
      <c r="E15763" s="1" t="s">
        <v>7</v>
      </c>
    </row>
    <row r="15764">
      <c r="A15764" s="1">
        <v>4.90644733E8</v>
      </c>
      <c r="B15764" s="2">
        <v>15037.0</v>
      </c>
      <c r="C15764" s="1" t="s">
        <v>5</v>
      </c>
      <c r="D15764" s="1" t="s">
        <v>13435</v>
      </c>
      <c r="E15764" s="1" t="s">
        <v>13436</v>
      </c>
    </row>
    <row r="15765">
      <c r="A15765" s="1">
        <v>4.90644734E8</v>
      </c>
      <c r="B15765" s="2">
        <v>15038.0</v>
      </c>
      <c r="C15765" s="1" t="s">
        <v>5</v>
      </c>
      <c r="D15765" s="1" t="s">
        <v>13437</v>
      </c>
      <c r="E15765" s="1" t="s">
        <v>13438</v>
      </c>
    </row>
    <row r="15766">
      <c r="A15766" s="1">
        <v>4.90644764E8</v>
      </c>
      <c r="B15766" s="2">
        <v>15046.0</v>
      </c>
      <c r="C15766" s="1" t="s">
        <v>5</v>
      </c>
      <c r="D15766" s="1" t="s">
        <v>13439</v>
      </c>
      <c r="E15766" s="1" t="s">
        <v>7</v>
      </c>
    </row>
    <row r="15767">
      <c r="A15767" s="1">
        <v>4.90644793E8</v>
      </c>
      <c r="B15767" s="2">
        <v>15036.0</v>
      </c>
      <c r="C15767" s="1" t="s">
        <v>5</v>
      </c>
      <c r="D15767" s="1" t="s">
        <v>13440</v>
      </c>
      <c r="E15767" s="1" t="s">
        <v>7</v>
      </c>
    </row>
    <row r="15768">
      <c r="A15768" s="1">
        <v>4.90644831E8</v>
      </c>
      <c r="B15768" s="2">
        <v>15036.0</v>
      </c>
      <c r="C15768" s="1" t="s">
        <v>5</v>
      </c>
      <c r="D15768" s="1" t="s">
        <v>13441</v>
      </c>
      <c r="E15768" s="1" t="s">
        <v>13442</v>
      </c>
    </row>
    <row r="15769">
      <c r="A15769" s="1">
        <v>4.90644926E8</v>
      </c>
      <c r="B15769" s="2">
        <v>15037.0</v>
      </c>
      <c r="C15769" s="1" t="s">
        <v>5</v>
      </c>
      <c r="D15769" s="1" t="s">
        <v>13443</v>
      </c>
      <c r="E15769" s="1" t="s">
        <v>7</v>
      </c>
    </row>
    <row r="15770">
      <c r="A15770" s="1">
        <v>4.90644933E8</v>
      </c>
      <c r="B15770" s="2">
        <v>15041.0</v>
      </c>
      <c r="C15770" s="1" t="s">
        <v>5</v>
      </c>
      <c r="D15770" s="1" t="s">
        <v>11</v>
      </c>
      <c r="E15770" s="1" t="s">
        <v>7</v>
      </c>
    </row>
    <row r="15771">
      <c r="A15771" s="1">
        <v>4.90644934E8</v>
      </c>
      <c r="B15771" s="2">
        <v>15096.0</v>
      </c>
      <c r="C15771" s="1" t="s">
        <v>5</v>
      </c>
      <c r="D15771" s="1" t="s">
        <v>13444</v>
      </c>
      <c r="E15771" s="1" t="s">
        <v>7</v>
      </c>
    </row>
    <row r="15772">
      <c r="A15772" s="1">
        <v>4.90645006E8</v>
      </c>
      <c r="B15772" s="2">
        <v>15093.0</v>
      </c>
      <c r="C15772" s="1" t="s">
        <v>5</v>
      </c>
      <c r="D15772" s="1" t="s">
        <v>13445</v>
      </c>
      <c r="E15772" s="1" t="s">
        <v>7</v>
      </c>
    </row>
    <row r="15773">
      <c r="A15773" s="1">
        <v>4.90645063E8</v>
      </c>
      <c r="B15773" s="2">
        <v>15043.0</v>
      </c>
      <c r="C15773" s="1" t="s">
        <v>5</v>
      </c>
      <c r="D15773" s="1" t="s">
        <v>13446</v>
      </c>
      <c r="E15773" s="1" t="s">
        <v>13447</v>
      </c>
    </row>
    <row r="15774">
      <c r="A15774" s="1">
        <v>4.90645106E8</v>
      </c>
      <c r="B15774" s="2">
        <v>15094.0</v>
      </c>
      <c r="C15774" s="1" t="s">
        <v>5</v>
      </c>
      <c r="D15774" s="1" t="s">
        <v>13448</v>
      </c>
      <c r="E15774" s="1" t="s">
        <v>7</v>
      </c>
    </row>
    <row r="15775">
      <c r="A15775" s="1">
        <v>4.90645115E8</v>
      </c>
      <c r="B15775" s="2">
        <v>15083.0</v>
      </c>
      <c r="C15775" s="1" t="s">
        <v>5</v>
      </c>
      <c r="D15775" s="1" t="s">
        <v>13449</v>
      </c>
      <c r="E15775" s="1" t="s">
        <v>11</v>
      </c>
    </row>
    <row r="15776">
      <c r="A15776" s="1">
        <v>4.90645128E8</v>
      </c>
      <c r="B15776" s="2">
        <v>15095.0</v>
      </c>
      <c r="C15776" s="1" t="s">
        <v>5</v>
      </c>
      <c r="D15776" s="1" t="s">
        <v>13450</v>
      </c>
      <c r="E15776" s="1" t="s">
        <v>7</v>
      </c>
    </row>
    <row r="15777">
      <c r="A15777" s="1">
        <v>4.90645211E8</v>
      </c>
      <c r="B15777" s="2">
        <v>15093.0</v>
      </c>
      <c r="C15777" s="1" t="s">
        <v>5</v>
      </c>
      <c r="D15777" s="1" t="s">
        <v>13451</v>
      </c>
      <c r="E15777" s="1" t="s">
        <v>11</v>
      </c>
    </row>
    <row r="15778">
      <c r="A15778" s="1">
        <v>4.90645267E8</v>
      </c>
      <c r="B15778" s="2">
        <v>15037.0</v>
      </c>
      <c r="C15778" s="1" t="s">
        <v>5</v>
      </c>
      <c r="D15778" s="1" t="s">
        <v>13452</v>
      </c>
      <c r="E15778" s="1" t="s">
        <v>11</v>
      </c>
    </row>
    <row r="15779">
      <c r="A15779" s="1">
        <v>4.90645446E8</v>
      </c>
      <c r="B15779" s="3">
        <v>15105.0</v>
      </c>
      <c r="C15779" s="1" t="s">
        <v>5</v>
      </c>
      <c r="D15779" s="1" t="s">
        <v>13453</v>
      </c>
      <c r="E15779" s="1" t="s">
        <v>7</v>
      </c>
    </row>
    <row r="15780">
      <c r="A15780" s="1">
        <v>4.90645477E8</v>
      </c>
      <c r="B15780" s="2">
        <v>15091.0</v>
      </c>
      <c r="C15780" s="1" t="s">
        <v>5</v>
      </c>
      <c r="D15780" s="1" t="s">
        <v>13454</v>
      </c>
      <c r="E15780" s="1" t="s">
        <v>7</v>
      </c>
    </row>
    <row r="15781">
      <c r="A15781" s="1">
        <v>4.90645535E8</v>
      </c>
      <c r="B15781" s="2">
        <v>15089.0</v>
      </c>
      <c r="C15781" s="1" t="s">
        <v>5</v>
      </c>
      <c r="D15781" s="1" t="s">
        <v>13455</v>
      </c>
      <c r="E15781" s="1" t="s">
        <v>11</v>
      </c>
    </row>
    <row r="15782">
      <c r="A15782" s="1">
        <v>4.90645583E8</v>
      </c>
      <c r="B15782" s="2">
        <v>15089.0</v>
      </c>
      <c r="C15782" s="1" t="s">
        <v>5</v>
      </c>
      <c r="D15782" s="1" t="s">
        <v>13456</v>
      </c>
      <c r="E15782" s="1" t="s">
        <v>11</v>
      </c>
    </row>
    <row r="15783">
      <c r="A15783" s="1">
        <v>4.90645586E8</v>
      </c>
      <c r="B15783" s="3">
        <v>15100.0</v>
      </c>
      <c r="C15783" s="1" t="s">
        <v>5</v>
      </c>
      <c r="D15783" s="1" t="s">
        <v>13457</v>
      </c>
      <c r="E15783" s="1" t="s">
        <v>11</v>
      </c>
    </row>
    <row r="15784">
      <c r="A15784" s="1">
        <v>4.90645646E8</v>
      </c>
      <c r="B15784" s="3">
        <v>15105.0</v>
      </c>
      <c r="C15784" s="1" t="s">
        <v>5</v>
      </c>
      <c r="D15784" s="1" t="s">
        <v>11</v>
      </c>
      <c r="E15784" s="1" t="s">
        <v>7</v>
      </c>
    </row>
    <row r="15785">
      <c r="A15785" s="1">
        <v>4.90645667E8</v>
      </c>
      <c r="B15785" s="2">
        <v>15084.0</v>
      </c>
      <c r="C15785" s="1" t="s">
        <v>5</v>
      </c>
      <c r="D15785" s="1" t="s">
        <v>11</v>
      </c>
      <c r="E15785" s="1" t="s">
        <v>7</v>
      </c>
    </row>
    <row r="15786">
      <c r="A15786" s="1">
        <v>4.90645689E8</v>
      </c>
      <c r="B15786" s="2">
        <v>15075.0</v>
      </c>
      <c r="C15786" s="1" t="s">
        <v>5</v>
      </c>
      <c r="D15786" s="1" t="s">
        <v>13458</v>
      </c>
      <c r="E15786" s="1" t="s">
        <v>7</v>
      </c>
    </row>
    <row r="15787">
      <c r="A15787" s="1">
        <v>4.90645773E8</v>
      </c>
      <c r="B15787" s="3">
        <v>15101.0</v>
      </c>
      <c r="C15787" s="1" t="s">
        <v>5</v>
      </c>
      <c r="D15787" s="1" t="s">
        <v>13459</v>
      </c>
      <c r="E15787" s="1" t="s">
        <v>7</v>
      </c>
    </row>
    <row r="15788">
      <c r="A15788" s="1">
        <v>4.90645825E8</v>
      </c>
      <c r="B15788" s="2">
        <v>15151.0</v>
      </c>
      <c r="C15788" s="1" t="s">
        <v>5</v>
      </c>
      <c r="D15788" s="1" t="s">
        <v>13460</v>
      </c>
      <c r="E15788" s="1" t="s">
        <v>7</v>
      </c>
    </row>
    <row r="15789">
      <c r="A15789" s="1">
        <v>4.90645863E8</v>
      </c>
      <c r="B15789" s="3">
        <v>15099.0</v>
      </c>
      <c r="C15789" s="1" t="s">
        <v>5</v>
      </c>
      <c r="D15789" s="1" t="s">
        <v>13461</v>
      </c>
      <c r="E15789" s="1" t="s">
        <v>7</v>
      </c>
    </row>
    <row r="15790">
      <c r="A15790" s="1">
        <v>4.90645885E8</v>
      </c>
      <c r="B15790" s="2">
        <v>15082.0</v>
      </c>
      <c r="C15790" s="1" t="s">
        <v>5</v>
      </c>
      <c r="D15790" s="1" t="s">
        <v>13462</v>
      </c>
      <c r="E15790" s="1" t="s">
        <v>7</v>
      </c>
    </row>
    <row r="15791">
      <c r="A15791" s="1">
        <v>4.90645933E8</v>
      </c>
      <c r="B15791" s="2">
        <v>15086.0</v>
      </c>
      <c r="C15791" s="1" t="s">
        <v>5</v>
      </c>
      <c r="D15791" s="1" t="s">
        <v>11</v>
      </c>
      <c r="E15791" s="1" t="s">
        <v>7</v>
      </c>
    </row>
    <row r="15792">
      <c r="A15792" s="1">
        <v>4.90645943E8</v>
      </c>
      <c r="B15792" s="2">
        <v>15086.0</v>
      </c>
      <c r="C15792" s="1" t="s">
        <v>5</v>
      </c>
      <c r="D15792" s="1" t="s">
        <v>11</v>
      </c>
      <c r="E15792" s="1" t="s">
        <v>7</v>
      </c>
    </row>
    <row r="15793">
      <c r="A15793" s="1">
        <v>4.90645955E8</v>
      </c>
      <c r="B15793" s="2">
        <v>15092.0</v>
      </c>
      <c r="C15793" s="1" t="s">
        <v>5</v>
      </c>
      <c r="D15793" s="1" t="s">
        <v>11</v>
      </c>
      <c r="E15793" s="1" t="s">
        <v>7</v>
      </c>
    </row>
    <row r="15794">
      <c r="A15794" s="1">
        <v>4.90645983E8</v>
      </c>
      <c r="B15794" s="2">
        <v>15085.0</v>
      </c>
      <c r="C15794" s="1" t="s">
        <v>5</v>
      </c>
      <c r="D15794" s="1" t="s">
        <v>13463</v>
      </c>
      <c r="E15794" s="1" t="s">
        <v>7</v>
      </c>
    </row>
    <row r="15795">
      <c r="A15795" s="1">
        <v>4.9064615E8</v>
      </c>
      <c r="B15795" s="3">
        <v>15105.0</v>
      </c>
      <c r="C15795" s="1" t="s">
        <v>5</v>
      </c>
      <c r="D15795" s="1" t="s">
        <v>13464</v>
      </c>
      <c r="E15795" s="1" t="s">
        <v>7</v>
      </c>
    </row>
    <row r="15796">
      <c r="A15796" s="1">
        <v>4.90646176E8</v>
      </c>
      <c r="B15796" s="2">
        <v>15083.0</v>
      </c>
      <c r="C15796" s="1" t="s">
        <v>5</v>
      </c>
      <c r="D15796" s="1" t="s">
        <v>13465</v>
      </c>
      <c r="E15796" s="1" t="s">
        <v>7</v>
      </c>
    </row>
    <row r="15797">
      <c r="A15797" s="1">
        <v>4.90646343E8</v>
      </c>
      <c r="B15797" s="2">
        <v>15090.0</v>
      </c>
      <c r="C15797" s="1" t="s">
        <v>5</v>
      </c>
      <c r="D15797" s="1" t="s">
        <v>13466</v>
      </c>
      <c r="E15797" s="1" t="s">
        <v>11</v>
      </c>
    </row>
    <row r="15798">
      <c r="A15798" s="1">
        <v>4.90646386E8</v>
      </c>
      <c r="B15798" s="2">
        <v>15139.0</v>
      </c>
      <c r="C15798" s="1" t="s">
        <v>5</v>
      </c>
      <c r="D15798" s="1" t="s">
        <v>13467</v>
      </c>
      <c r="E15798" s="1" t="s">
        <v>7</v>
      </c>
    </row>
    <row r="15799">
      <c r="A15799" s="1">
        <v>4.9064649E8</v>
      </c>
      <c r="B15799" s="2">
        <v>15140.0</v>
      </c>
      <c r="C15799" s="1" t="s">
        <v>5</v>
      </c>
      <c r="D15799" s="1" t="s">
        <v>13468</v>
      </c>
      <c r="E15799" s="1" t="s">
        <v>7</v>
      </c>
    </row>
    <row r="15800">
      <c r="A15800" s="1">
        <v>4.90646508E8</v>
      </c>
      <c r="B15800" s="2">
        <v>15140.0</v>
      </c>
      <c r="C15800" s="1" t="s">
        <v>5</v>
      </c>
      <c r="D15800" s="1" t="s">
        <v>13469</v>
      </c>
      <c r="E15800" s="1" t="s">
        <v>7</v>
      </c>
    </row>
    <row r="15801">
      <c r="A15801" s="1">
        <v>4.90646511E8</v>
      </c>
      <c r="B15801" s="2">
        <v>15080.0</v>
      </c>
      <c r="C15801" s="1" t="s">
        <v>5</v>
      </c>
      <c r="D15801" s="1" t="s">
        <v>13470</v>
      </c>
      <c r="E15801" s="1" t="s">
        <v>7</v>
      </c>
    </row>
    <row r="15802">
      <c r="A15802" s="1">
        <v>4.9064654E8</v>
      </c>
      <c r="B15802" s="2">
        <v>15089.0</v>
      </c>
      <c r="C15802" s="1" t="s">
        <v>5</v>
      </c>
      <c r="D15802" s="1" t="s">
        <v>13471</v>
      </c>
      <c r="E15802" s="1" t="s">
        <v>11</v>
      </c>
    </row>
    <row r="15803">
      <c r="A15803" s="1">
        <v>4.90646623E8</v>
      </c>
      <c r="B15803" s="2">
        <v>15080.0</v>
      </c>
      <c r="C15803" s="1" t="s">
        <v>5</v>
      </c>
      <c r="D15803" s="1" t="s">
        <v>13472</v>
      </c>
      <c r="E15803" s="1" t="s">
        <v>7</v>
      </c>
    </row>
    <row r="15804">
      <c r="A15804" s="1">
        <v>4.90646683E8</v>
      </c>
      <c r="B15804" s="2">
        <v>15149.0</v>
      </c>
      <c r="C15804" s="1" t="s">
        <v>5</v>
      </c>
      <c r="D15804" s="1" t="s">
        <v>13473</v>
      </c>
      <c r="E15804" s="1" t="s">
        <v>7</v>
      </c>
    </row>
    <row r="15805">
      <c r="A15805" s="1">
        <v>4.90646711E8</v>
      </c>
      <c r="B15805" s="2">
        <v>15139.0</v>
      </c>
      <c r="C15805" s="1" t="s">
        <v>5</v>
      </c>
      <c r="D15805" s="1" t="s">
        <v>13474</v>
      </c>
      <c r="E15805" s="1" t="s">
        <v>7</v>
      </c>
    </row>
    <row r="15806">
      <c r="A15806" s="1">
        <v>4.90646752E8</v>
      </c>
      <c r="B15806" s="2">
        <v>15090.0</v>
      </c>
      <c r="C15806" s="1" t="s">
        <v>5</v>
      </c>
      <c r="D15806" s="1" t="s">
        <v>13475</v>
      </c>
      <c r="E15806" s="1" t="s">
        <v>7</v>
      </c>
    </row>
    <row r="15807">
      <c r="A15807" s="1">
        <v>4.90646755E8</v>
      </c>
      <c r="B15807" s="2">
        <v>15079.0</v>
      </c>
      <c r="C15807" s="1" t="s">
        <v>5</v>
      </c>
      <c r="D15807" s="1" t="s">
        <v>13476</v>
      </c>
      <c r="E15807" s="1" t="s">
        <v>11</v>
      </c>
    </row>
    <row r="15808">
      <c r="A15808" s="1">
        <v>4.90646783E8</v>
      </c>
      <c r="B15808" s="2">
        <v>15137.0</v>
      </c>
      <c r="C15808" s="1" t="s">
        <v>5</v>
      </c>
      <c r="D15808" s="1" t="s">
        <v>13477</v>
      </c>
      <c r="E15808" s="1" t="s">
        <v>11</v>
      </c>
    </row>
    <row r="15809">
      <c r="A15809" s="1">
        <v>4.90646795E8</v>
      </c>
      <c r="B15809" s="2">
        <v>15138.0</v>
      </c>
      <c r="C15809" s="1" t="s">
        <v>5</v>
      </c>
      <c r="D15809" s="1" t="s">
        <v>13478</v>
      </c>
      <c r="E15809" s="1" t="s">
        <v>7</v>
      </c>
    </row>
    <row r="15810">
      <c r="A15810" s="1">
        <v>4.90646806E8</v>
      </c>
      <c r="B15810" s="2">
        <v>15079.0</v>
      </c>
      <c r="C15810" s="1" t="s">
        <v>5</v>
      </c>
      <c r="D15810" s="1" t="s">
        <v>13479</v>
      </c>
      <c r="E15810" s="1" t="s">
        <v>7</v>
      </c>
    </row>
    <row r="15811">
      <c r="A15811" s="1">
        <v>4.90646863E8</v>
      </c>
      <c r="B15811" s="2">
        <v>15149.0</v>
      </c>
      <c r="C15811" s="1" t="s">
        <v>5</v>
      </c>
      <c r="D15811" s="1" t="s">
        <v>13480</v>
      </c>
      <c r="E15811" s="1" t="s">
        <v>11</v>
      </c>
    </row>
    <row r="15812">
      <c r="A15812" s="1">
        <v>4.90646867E8</v>
      </c>
      <c r="B15812" s="2">
        <v>15078.0</v>
      </c>
      <c r="C15812" s="1" t="s">
        <v>5</v>
      </c>
      <c r="D15812" s="1" t="s">
        <v>11</v>
      </c>
      <c r="E15812" s="1" t="s">
        <v>7</v>
      </c>
    </row>
    <row r="15813">
      <c r="A15813" s="1">
        <v>4.90646913E8</v>
      </c>
      <c r="B15813" s="2">
        <v>15136.0</v>
      </c>
      <c r="C15813" s="1" t="s">
        <v>5</v>
      </c>
      <c r="D15813" s="1" t="s">
        <v>11</v>
      </c>
      <c r="E15813" s="1" t="s">
        <v>7</v>
      </c>
    </row>
    <row r="15814">
      <c r="A15814" s="1">
        <v>4.90646986E8</v>
      </c>
      <c r="B15814" s="2">
        <v>15072.0</v>
      </c>
      <c r="C15814" s="1" t="s">
        <v>5</v>
      </c>
      <c r="D15814" s="1" t="s">
        <v>13481</v>
      </c>
      <c r="E15814" s="1" t="s">
        <v>11</v>
      </c>
    </row>
    <row r="15815">
      <c r="A15815" s="1">
        <v>4.90647101E8</v>
      </c>
      <c r="B15815" s="2">
        <v>15086.0</v>
      </c>
      <c r="C15815" s="1" t="s">
        <v>5</v>
      </c>
      <c r="D15815" s="1" t="s">
        <v>13482</v>
      </c>
      <c r="E15815" s="1" t="s">
        <v>11</v>
      </c>
    </row>
    <row r="15816">
      <c r="A15816" s="1">
        <v>4.90647141E8</v>
      </c>
      <c r="B15816" s="3">
        <v>15125.0</v>
      </c>
      <c r="C15816" s="1" t="s">
        <v>5</v>
      </c>
      <c r="D15816" s="1" t="s">
        <v>11</v>
      </c>
      <c r="E15816" s="1" t="s">
        <v>7</v>
      </c>
    </row>
    <row r="15817">
      <c r="A15817" s="1">
        <v>4.90647143E8</v>
      </c>
      <c r="B15817" s="2">
        <v>15135.0</v>
      </c>
      <c r="C15817" s="1" t="s">
        <v>5</v>
      </c>
      <c r="D15817" s="1" t="s">
        <v>11</v>
      </c>
      <c r="E15817" s="1" t="s">
        <v>7</v>
      </c>
    </row>
    <row r="15818">
      <c r="A15818" s="1">
        <v>4.90647223E8</v>
      </c>
      <c r="B15818" s="2">
        <v>15074.0</v>
      </c>
      <c r="C15818" s="1" t="s">
        <v>5</v>
      </c>
      <c r="D15818" s="1" t="s">
        <v>13483</v>
      </c>
      <c r="E15818" s="1" t="s">
        <v>7</v>
      </c>
    </row>
    <row r="15819">
      <c r="A15819" s="1">
        <v>4.90647337E8</v>
      </c>
      <c r="B15819" s="2">
        <v>15088.0</v>
      </c>
      <c r="C15819" s="1" t="s">
        <v>5</v>
      </c>
      <c r="D15819" s="1" t="s">
        <v>13484</v>
      </c>
      <c r="E15819" s="1" t="s">
        <v>7</v>
      </c>
    </row>
    <row r="15820">
      <c r="A15820" s="1">
        <v>4.90647433E8</v>
      </c>
      <c r="B15820" s="2">
        <v>15074.0</v>
      </c>
      <c r="C15820" s="1" t="s">
        <v>5</v>
      </c>
      <c r="D15820" s="1" t="s">
        <v>13485</v>
      </c>
      <c r="E15820" s="1" t="s">
        <v>7</v>
      </c>
    </row>
    <row r="15821">
      <c r="A15821" s="1">
        <v>4.90647663E8</v>
      </c>
      <c r="B15821" s="2">
        <v>15136.0</v>
      </c>
      <c r="C15821" s="1" t="s">
        <v>5</v>
      </c>
      <c r="D15821" s="1" t="s">
        <v>13486</v>
      </c>
      <c r="E15821" s="1" t="s">
        <v>11</v>
      </c>
    </row>
    <row r="15822">
      <c r="A15822" s="1">
        <v>4.90647709E8</v>
      </c>
      <c r="B15822" s="2">
        <v>15071.0</v>
      </c>
      <c r="C15822" s="1" t="s">
        <v>5</v>
      </c>
      <c r="D15822" s="1" t="s">
        <v>13487</v>
      </c>
      <c r="E15822" s="1" t="s">
        <v>13488</v>
      </c>
    </row>
    <row r="15823">
      <c r="A15823" s="1">
        <v>4.90647806E8</v>
      </c>
      <c r="B15823" s="2">
        <v>15128.0</v>
      </c>
      <c r="C15823" s="1" t="s">
        <v>5</v>
      </c>
      <c r="D15823" s="1" t="s">
        <v>11</v>
      </c>
      <c r="E15823" s="1" t="s">
        <v>7</v>
      </c>
    </row>
    <row r="15824">
      <c r="A15824" s="1">
        <v>4.90648179E8</v>
      </c>
      <c r="B15824" s="2">
        <v>15130.0</v>
      </c>
      <c r="C15824" s="1" t="s">
        <v>5</v>
      </c>
      <c r="D15824" s="1" t="s">
        <v>11</v>
      </c>
      <c r="E15824" s="1" t="s">
        <v>7</v>
      </c>
    </row>
    <row r="15825">
      <c r="A15825" s="1">
        <v>4.90648235E8</v>
      </c>
      <c r="B15825" s="2">
        <v>15068.0</v>
      </c>
      <c r="C15825" s="1" t="s">
        <v>5</v>
      </c>
      <c r="D15825" s="1" t="s">
        <v>13489</v>
      </c>
      <c r="E15825" s="1" t="s">
        <v>7</v>
      </c>
    </row>
    <row r="15826">
      <c r="A15826" s="1">
        <v>4.9064827E8</v>
      </c>
      <c r="B15826" s="2">
        <v>15129.0</v>
      </c>
      <c r="C15826" s="1" t="s">
        <v>5</v>
      </c>
      <c r="D15826" s="1" t="s">
        <v>13490</v>
      </c>
      <c r="E15826" s="1" t="s">
        <v>7</v>
      </c>
    </row>
    <row r="15827">
      <c r="A15827" s="1">
        <v>4.9064833E8</v>
      </c>
      <c r="B15827" s="2">
        <v>15152.0</v>
      </c>
      <c r="C15827" s="1" t="s">
        <v>5</v>
      </c>
      <c r="D15827" s="1" t="s">
        <v>13491</v>
      </c>
      <c r="E15827" s="1" t="s">
        <v>11</v>
      </c>
    </row>
    <row r="15828">
      <c r="A15828" s="1">
        <v>4.90648374E8</v>
      </c>
      <c r="B15828" s="3">
        <v>15123.0</v>
      </c>
      <c r="C15828" s="1" t="s">
        <v>5</v>
      </c>
      <c r="D15828" s="1" t="s">
        <v>11</v>
      </c>
      <c r="E15828" s="1" t="s">
        <v>7</v>
      </c>
    </row>
    <row r="15829">
      <c r="A15829" s="1">
        <v>4.90648401E8</v>
      </c>
      <c r="B15829" s="3">
        <v>15115.0</v>
      </c>
      <c r="C15829" s="1" t="s">
        <v>5</v>
      </c>
      <c r="D15829" s="1" t="s">
        <v>13492</v>
      </c>
      <c r="E15829" s="1" t="s">
        <v>11</v>
      </c>
    </row>
    <row r="15830">
      <c r="A15830" s="1">
        <v>4.90648571E8</v>
      </c>
      <c r="B15830" s="2">
        <v>15068.0</v>
      </c>
      <c r="C15830" s="1" t="s">
        <v>5</v>
      </c>
      <c r="D15830" s="1" t="s">
        <v>13493</v>
      </c>
      <c r="E15830" s="1" t="s">
        <v>11</v>
      </c>
    </row>
    <row r="15831">
      <c r="A15831" s="1">
        <v>4.9064858E8</v>
      </c>
      <c r="B15831" s="3">
        <v>15127.0</v>
      </c>
      <c r="C15831" s="1" t="s">
        <v>5</v>
      </c>
      <c r="D15831" s="1" t="s">
        <v>13494</v>
      </c>
      <c r="E15831" s="1" t="s">
        <v>11</v>
      </c>
    </row>
    <row r="15832">
      <c r="A15832" s="1">
        <v>4.90648741E8</v>
      </c>
      <c r="B15832" s="2">
        <v>15186.0</v>
      </c>
      <c r="C15832" s="1" t="s">
        <v>5</v>
      </c>
      <c r="D15832" s="1" t="s">
        <v>13495</v>
      </c>
      <c r="E15832" s="1" t="s">
        <v>7</v>
      </c>
    </row>
    <row r="15833">
      <c r="A15833" s="1">
        <v>4.90648817E8</v>
      </c>
      <c r="B15833" s="3">
        <v>15113.0</v>
      </c>
      <c r="C15833" s="1" t="s">
        <v>5</v>
      </c>
      <c r="D15833" s="1" t="s">
        <v>13496</v>
      </c>
      <c r="E15833" s="1" t="s">
        <v>11</v>
      </c>
    </row>
    <row r="15834">
      <c r="A15834" s="1">
        <v>4.9064895E8</v>
      </c>
      <c r="B15834" s="2">
        <v>15129.0</v>
      </c>
      <c r="C15834" s="1" t="s">
        <v>5</v>
      </c>
      <c r="D15834" s="1" t="s">
        <v>13497</v>
      </c>
      <c r="E15834" s="1" t="s">
        <v>7</v>
      </c>
    </row>
    <row r="15835">
      <c r="A15835" s="1">
        <v>4.90648993E8</v>
      </c>
      <c r="B15835" s="2">
        <v>15180.0</v>
      </c>
      <c r="C15835" s="1" t="s">
        <v>5</v>
      </c>
      <c r="D15835" s="1" t="s">
        <v>13498</v>
      </c>
      <c r="E15835" s="1" t="s">
        <v>7</v>
      </c>
    </row>
    <row r="15836">
      <c r="A15836" s="1">
        <v>4.90649045E8</v>
      </c>
      <c r="B15836" s="3">
        <v>15125.0</v>
      </c>
      <c r="C15836" s="1" t="s">
        <v>5</v>
      </c>
      <c r="D15836" s="1" t="s">
        <v>11</v>
      </c>
      <c r="E15836" s="1" t="s">
        <v>7</v>
      </c>
    </row>
    <row r="15837">
      <c r="A15837" s="1">
        <v>4.90649126E8</v>
      </c>
      <c r="B15837" s="3">
        <v>15098.0</v>
      </c>
      <c r="C15837" s="1" t="s">
        <v>5</v>
      </c>
      <c r="D15837" s="1" t="s">
        <v>13499</v>
      </c>
      <c r="E15837" s="1" t="s">
        <v>7</v>
      </c>
    </row>
    <row r="15838">
      <c r="A15838" s="1">
        <v>4.90649128E8</v>
      </c>
      <c r="B15838" s="3">
        <v>15112.0</v>
      </c>
      <c r="C15838" s="1" t="s">
        <v>5</v>
      </c>
      <c r="D15838" s="1" t="s">
        <v>13500</v>
      </c>
      <c r="E15838" s="1" t="s">
        <v>7</v>
      </c>
    </row>
    <row r="15839">
      <c r="A15839" s="1">
        <v>4.90649165E8</v>
      </c>
      <c r="B15839" s="3">
        <v>15117.0</v>
      </c>
      <c r="C15839" s="1" t="s">
        <v>5</v>
      </c>
      <c r="D15839" s="1" t="s">
        <v>11</v>
      </c>
      <c r="E15839" s="1" t="s">
        <v>7</v>
      </c>
    </row>
    <row r="15840">
      <c r="A15840" s="1">
        <v>4.90649174E8</v>
      </c>
      <c r="B15840" s="3">
        <v>15122.0</v>
      </c>
      <c r="C15840" s="1" t="s">
        <v>5</v>
      </c>
      <c r="D15840" s="1" t="s">
        <v>13501</v>
      </c>
      <c r="E15840" s="1" t="s">
        <v>11</v>
      </c>
    </row>
    <row r="15841">
      <c r="A15841" s="1">
        <v>4.90649226E8</v>
      </c>
      <c r="B15841" s="2">
        <v>15188.0</v>
      </c>
      <c r="C15841" s="1" t="s">
        <v>5</v>
      </c>
      <c r="D15841" s="1" t="s">
        <v>13502</v>
      </c>
      <c r="E15841" s="1" t="s">
        <v>7</v>
      </c>
    </row>
    <row r="15842">
      <c r="A15842" s="1">
        <v>4.90649258E8</v>
      </c>
      <c r="B15842" s="3">
        <v>15124.0</v>
      </c>
      <c r="C15842" s="1" t="s">
        <v>5</v>
      </c>
      <c r="D15842" s="1" t="s">
        <v>11</v>
      </c>
      <c r="E15842" s="1" t="s">
        <v>7</v>
      </c>
    </row>
    <row r="15843">
      <c r="A15843" s="1">
        <v>4.90649262E8</v>
      </c>
      <c r="B15843" s="3">
        <v>15112.0</v>
      </c>
      <c r="C15843" s="1" t="s">
        <v>5</v>
      </c>
      <c r="D15843" s="1" t="s">
        <v>13503</v>
      </c>
      <c r="E15843" s="1" t="s">
        <v>7</v>
      </c>
    </row>
    <row r="15844">
      <c r="A15844" s="1">
        <v>4.90649272E8</v>
      </c>
      <c r="B15844" s="2">
        <v>15188.0</v>
      </c>
      <c r="C15844" s="1" t="s">
        <v>5</v>
      </c>
      <c r="D15844" s="1" t="s">
        <v>13504</v>
      </c>
      <c r="E15844" s="1" t="s">
        <v>7</v>
      </c>
    </row>
    <row r="15845">
      <c r="A15845" s="1">
        <v>4.90649428E8</v>
      </c>
      <c r="B15845" s="3">
        <v>15123.0</v>
      </c>
      <c r="C15845" s="1" t="s">
        <v>5</v>
      </c>
      <c r="D15845" s="1" t="s">
        <v>11</v>
      </c>
      <c r="E15845" s="1" t="s">
        <v>7</v>
      </c>
    </row>
    <row r="15846">
      <c r="A15846" s="1">
        <v>4.90649489E8</v>
      </c>
      <c r="B15846" s="3">
        <v>15122.0</v>
      </c>
      <c r="C15846" s="1" t="s">
        <v>5</v>
      </c>
      <c r="D15846" s="1" t="s">
        <v>13505</v>
      </c>
      <c r="E15846" s="1" t="s">
        <v>7</v>
      </c>
    </row>
    <row r="15847">
      <c r="A15847" s="1">
        <v>4.906495E8</v>
      </c>
      <c r="B15847" s="2">
        <v>15067.0</v>
      </c>
      <c r="C15847" s="1" t="s">
        <v>5</v>
      </c>
      <c r="D15847" s="1" t="s">
        <v>11</v>
      </c>
      <c r="E15847" s="1" t="s">
        <v>7</v>
      </c>
    </row>
    <row r="15848">
      <c r="A15848" s="1">
        <v>4.90649797E8</v>
      </c>
      <c r="B15848" s="2">
        <v>15178.0</v>
      </c>
      <c r="C15848" s="1" t="s">
        <v>5</v>
      </c>
      <c r="D15848" s="1" t="s">
        <v>11</v>
      </c>
      <c r="E15848" s="1" t="s">
        <v>7</v>
      </c>
    </row>
    <row r="15849">
      <c r="A15849" s="1">
        <v>4.90649824E8</v>
      </c>
      <c r="B15849" s="2">
        <v>15182.0</v>
      </c>
      <c r="C15849" s="1" t="s">
        <v>5</v>
      </c>
      <c r="D15849" s="1" t="s">
        <v>13506</v>
      </c>
      <c r="E15849" s="1" t="s">
        <v>7</v>
      </c>
    </row>
    <row r="15850">
      <c r="A15850" s="1">
        <v>4.9064993E8</v>
      </c>
      <c r="B15850" s="2">
        <v>15182.0</v>
      </c>
      <c r="C15850" s="1" t="s">
        <v>5</v>
      </c>
      <c r="D15850" s="1" t="s">
        <v>13507</v>
      </c>
      <c r="E15850" s="1" t="s">
        <v>7</v>
      </c>
    </row>
    <row r="15851">
      <c r="A15851" s="1">
        <v>4.90650018E8</v>
      </c>
      <c r="B15851" s="2">
        <v>15070.0</v>
      </c>
      <c r="C15851" s="1" t="s">
        <v>5</v>
      </c>
      <c r="D15851" s="1" t="s">
        <v>13508</v>
      </c>
      <c r="E15851" s="1" t="s">
        <v>7</v>
      </c>
    </row>
    <row r="15852">
      <c r="A15852" s="1">
        <v>4.9065018E8</v>
      </c>
      <c r="B15852" s="2">
        <v>15184.0</v>
      </c>
      <c r="C15852" s="1" t="s">
        <v>5</v>
      </c>
      <c r="D15852" s="1" t="s">
        <v>13509</v>
      </c>
      <c r="E15852" s="1" t="s">
        <v>11</v>
      </c>
    </row>
    <row r="15853">
      <c r="A15853" s="1">
        <v>4.90650339E8</v>
      </c>
      <c r="B15853" s="2">
        <v>15182.0</v>
      </c>
      <c r="C15853" s="1" t="s">
        <v>5</v>
      </c>
      <c r="D15853" s="1" t="s">
        <v>13510</v>
      </c>
      <c r="E15853" s="1" t="s">
        <v>11</v>
      </c>
    </row>
    <row r="15854">
      <c r="A15854" s="1">
        <v>4.90650433E8</v>
      </c>
      <c r="B15854" s="2">
        <v>15172.0</v>
      </c>
      <c r="C15854" s="1" t="s">
        <v>5</v>
      </c>
      <c r="D15854" s="1" t="s">
        <v>13511</v>
      </c>
      <c r="E15854" s="1" t="s">
        <v>7</v>
      </c>
    </row>
    <row r="15855">
      <c r="A15855" s="1">
        <v>4.90650582E8</v>
      </c>
      <c r="B15855" s="2">
        <v>15171.0</v>
      </c>
      <c r="C15855" s="1" t="s">
        <v>5</v>
      </c>
      <c r="D15855" s="1" t="s">
        <v>13512</v>
      </c>
      <c r="E15855" s="1" t="s">
        <v>7</v>
      </c>
    </row>
    <row r="15856">
      <c r="A15856" s="1">
        <v>4.90650601E8</v>
      </c>
      <c r="B15856" s="2">
        <v>15171.0</v>
      </c>
      <c r="C15856" s="1" t="s">
        <v>5</v>
      </c>
      <c r="D15856" s="1" t="s">
        <v>13513</v>
      </c>
      <c r="E15856" s="1" t="s">
        <v>7</v>
      </c>
    </row>
    <row r="15857">
      <c r="A15857" s="1">
        <v>4.90650637E8</v>
      </c>
      <c r="B15857" s="3">
        <v>15097.0</v>
      </c>
      <c r="C15857" s="1" t="s">
        <v>5</v>
      </c>
      <c r="D15857" s="1" t="s">
        <v>13514</v>
      </c>
      <c r="E15857" s="1" t="s">
        <v>7</v>
      </c>
    </row>
    <row r="15858">
      <c r="A15858" s="1">
        <v>4.90650655E8</v>
      </c>
      <c r="B15858" s="2">
        <v>15141.0</v>
      </c>
      <c r="C15858" s="1" t="s">
        <v>5</v>
      </c>
      <c r="D15858" s="1" t="s">
        <v>13515</v>
      </c>
      <c r="E15858" s="1" t="s">
        <v>7</v>
      </c>
    </row>
    <row r="15859">
      <c r="A15859" s="1">
        <v>4.90650742E8</v>
      </c>
      <c r="B15859" s="2">
        <v>15170.0</v>
      </c>
      <c r="C15859" s="1" t="s">
        <v>5</v>
      </c>
      <c r="D15859" s="1" t="s">
        <v>13516</v>
      </c>
      <c r="E15859" s="1" t="s">
        <v>7</v>
      </c>
    </row>
    <row r="15860">
      <c r="A15860" s="1">
        <v>4.90650743E8</v>
      </c>
      <c r="B15860" s="2">
        <v>15166.0</v>
      </c>
      <c r="C15860" s="1" t="s">
        <v>5</v>
      </c>
      <c r="D15860" s="1" t="s">
        <v>13517</v>
      </c>
      <c r="E15860" s="1" t="s">
        <v>11</v>
      </c>
    </row>
    <row r="15861">
      <c r="A15861" s="1">
        <v>4.90650909E8</v>
      </c>
      <c r="B15861" s="3">
        <v>15113.0</v>
      </c>
      <c r="C15861" s="1" t="s">
        <v>5</v>
      </c>
      <c r="D15861" s="1" t="s">
        <v>13518</v>
      </c>
      <c r="E15861" s="1" t="s">
        <v>11</v>
      </c>
    </row>
    <row r="15862">
      <c r="A15862" s="1">
        <v>4.90650983E8</v>
      </c>
      <c r="B15862" s="3">
        <v>15117.0</v>
      </c>
      <c r="C15862" s="1" t="s">
        <v>5</v>
      </c>
      <c r="D15862" s="1" t="s">
        <v>13519</v>
      </c>
      <c r="E15862" s="1" t="s">
        <v>11</v>
      </c>
    </row>
    <row r="15863">
      <c r="A15863" s="1">
        <v>4.90651001E8</v>
      </c>
      <c r="B15863" s="3">
        <v>15124.0</v>
      </c>
      <c r="C15863" s="1" t="s">
        <v>5</v>
      </c>
      <c r="D15863" s="1" t="s">
        <v>13520</v>
      </c>
      <c r="E15863" s="1" t="s">
        <v>7</v>
      </c>
    </row>
    <row r="15864">
      <c r="A15864" s="1">
        <v>4.90651023E8</v>
      </c>
      <c r="B15864" s="3">
        <v>15106.0</v>
      </c>
      <c r="C15864" s="1" t="s">
        <v>5</v>
      </c>
      <c r="D15864" s="1" t="s">
        <v>11</v>
      </c>
      <c r="E15864" s="1" t="s">
        <v>7</v>
      </c>
    </row>
    <row r="15865">
      <c r="A15865" s="1">
        <v>4.9065107E8</v>
      </c>
      <c r="B15865" s="2">
        <v>15169.0</v>
      </c>
      <c r="C15865" s="1" t="s">
        <v>5</v>
      </c>
      <c r="D15865" s="1" t="s">
        <v>13521</v>
      </c>
      <c r="E15865" s="1" t="s">
        <v>7</v>
      </c>
    </row>
    <row r="15866">
      <c r="A15866" s="1">
        <v>4.90651182E8</v>
      </c>
      <c r="B15866" s="3">
        <v>15106.0</v>
      </c>
      <c r="C15866" s="1" t="s">
        <v>5</v>
      </c>
      <c r="D15866" s="1" t="s">
        <v>13522</v>
      </c>
      <c r="E15866" s="1" t="s">
        <v>7</v>
      </c>
    </row>
    <row r="15867">
      <c r="A15867" s="1">
        <v>4.90651183E8</v>
      </c>
      <c r="B15867" s="2">
        <v>15163.0</v>
      </c>
      <c r="C15867" s="1" t="s">
        <v>5</v>
      </c>
      <c r="D15867" s="1" t="s">
        <v>13523</v>
      </c>
      <c r="E15867" s="1" t="s">
        <v>13524</v>
      </c>
    </row>
    <row r="15868">
      <c r="A15868" s="1">
        <v>4.90651235E8</v>
      </c>
      <c r="B15868" s="3">
        <v>15107.0</v>
      </c>
      <c r="C15868" s="1" t="s">
        <v>5</v>
      </c>
      <c r="D15868" s="1" t="s">
        <v>13525</v>
      </c>
      <c r="E15868" s="1" t="s">
        <v>7</v>
      </c>
    </row>
    <row r="15869">
      <c r="A15869" s="1">
        <v>4.90651286E8</v>
      </c>
      <c r="B15869" s="3">
        <v>15111.0</v>
      </c>
      <c r="C15869" s="1" t="s">
        <v>5</v>
      </c>
      <c r="D15869" s="1" t="s">
        <v>13526</v>
      </c>
      <c r="E15869" s="1" t="s">
        <v>13527</v>
      </c>
    </row>
    <row r="15870">
      <c r="A15870" s="1">
        <v>4.90651339E8</v>
      </c>
      <c r="B15870" s="3">
        <v>15103.0</v>
      </c>
      <c r="C15870" s="1" t="s">
        <v>5</v>
      </c>
      <c r="D15870" s="1" t="s">
        <v>13528</v>
      </c>
      <c r="E15870" s="1" t="s">
        <v>11</v>
      </c>
    </row>
    <row r="15871">
      <c r="A15871" s="1">
        <v>4.90651385E8</v>
      </c>
      <c r="B15871" s="3">
        <v>15121.0</v>
      </c>
      <c r="C15871" s="1" t="s">
        <v>5</v>
      </c>
      <c r="D15871" s="1" t="s">
        <v>13529</v>
      </c>
      <c r="E15871" s="1" t="s">
        <v>7</v>
      </c>
    </row>
    <row r="15872">
      <c r="A15872" s="1">
        <v>4.90651417E8</v>
      </c>
      <c r="B15872" s="2">
        <v>15133.0</v>
      </c>
      <c r="C15872" s="1" t="s">
        <v>5</v>
      </c>
      <c r="D15872" s="1" t="s">
        <v>13530</v>
      </c>
      <c r="E15872" s="1" t="s">
        <v>7</v>
      </c>
    </row>
    <row r="15873">
      <c r="A15873" s="1">
        <v>4.90651423E8</v>
      </c>
      <c r="B15873" s="2">
        <v>15188.0</v>
      </c>
      <c r="C15873" s="1" t="s">
        <v>5</v>
      </c>
      <c r="D15873" s="1" t="s">
        <v>13531</v>
      </c>
      <c r="E15873" s="1" t="s">
        <v>7</v>
      </c>
    </row>
    <row r="15874">
      <c r="A15874" s="1">
        <v>4.90651438E8</v>
      </c>
      <c r="B15874" s="2">
        <v>15176.0</v>
      </c>
      <c r="C15874" s="1" t="s">
        <v>5</v>
      </c>
      <c r="D15874" s="1" t="s">
        <v>11</v>
      </c>
      <c r="E15874" s="1" t="s">
        <v>7</v>
      </c>
    </row>
    <row r="15875">
      <c r="A15875" s="1">
        <v>4.90651446E8</v>
      </c>
      <c r="B15875" s="3">
        <v>15115.0</v>
      </c>
      <c r="C15875" s="1" t="s">
        <v>5</v>
      </c>
      <c r="D15875" s="1" t="s">
        <v>13532</v>
      </c>
      <c r="E15875" s="1" t="s">
        <v>7</v>
      </c>
    </row>
    <row r="15876">
      <c r="A15876" s="1">
        <v>4.90651461E8</v>
      </c>
      <c r="B15876" s="3">
        <v>15103.0</v>
      </c>
      <c r="C15876" s="1" t="s">
        <v>5</v>
      </c>
      <c r="D15876" s="1" t="s">
        <v>13533</v>
      </c>
      <c r="E15876" s="1" t="s">
        <v>7</v>
      </c>
    </row>
    <row r="15877">
      <c r="A15877" s="1">
        <v>4.90651496E8</v>
      </c>
      <c r="B15877" s="3">
        <v>15111.0</v>
      </c>
      <c r="C15877" s="1" t="s">
        <v>5</v>
      </c>
      <c r="D15877" s="1" t="s">
        <v>13534</v>
      </c>
      <c r="E15877" s="1" t="s">
        <v>11</v>
      </c>
    </row>
    <row r="15878">
      <c r="A15878" s="1">
        <v>4.90651542E8</v>
      </c>
      <c r="B15878" s="2">
        <v>15177.0</v>
      </c>
      <c r="C15878" s="1" t="s">
        <v>5</v>
      </c>
      <c r="D15878" s="1" t="s">
        <v>11</v>
      </c>
      <c r="E15878" s="1" t="s">
        <v>7</v>
      </c>
    </row>
    <row r="15879">
      <c r="A15879" s="1">
        <v>4.90651583E8</v>
      </c>
      <c r="B15879" s="2">
        <v>15166.0</v>
      </c>
      <c r="C15879" s="1" t="s">
        <v>5</v>
      </c>
      <c r="D15879" s="1" t="s">
        <v>13535</v>
      </c>
      <c r="E15879" s="1" t="s">
        <v>11</v>
      </c>
    </row>
    <row r="15880">
      <c r="A15880" s="1">
        <v>4.90651623E8</v>
      </c>
      <c r="B15880" s="2">
        <v>15174.0</v>
      </c>
      <c r="C15880" s="1" t="s">
        <v>5</v>
      </c>
      <c r="D15880" s="1" t="s">
        <v>13536</v>
      </c>
      <c r="E15880" s="1" t="s">
        <v>11</v>
      </c>
    </row>
    <row r="15881">
      <c r="A15881" s="1">
        <v>4.90651755E8</v>
      </c>
      <c r="B15881" s="2">
        <v>15157.0</v>
      </c>
      <c r="C15881" s="1" t="s">
        <v>5</v>
      </c>
      <c r="D15881" s="1" t="s">
        <v>13537</v>
      </c>
      <c r="E15881" s="1" t="s">
        <v>7</v>
      </c>
    </row>
    <row r="15882">
      <c r="A15882" s="1">
        <v>4.90651932E8</v>
      </c>
      <c r="B15882" s="3">
        <v>15106.0</v>
      </c>
      <c r="C15882" s="1" t="s">
        <v>5</v>
      </c>
      <c r="D15882" s="1" t="s">
        <v>13538</v>
      </c>
      <c r="E15882" s="1" t="s">
        <v>7</v>
      </c>
    </row>
    <row r="15883">
      <c r="A15883" s="1">
        <v>4.90651959E8</v>
      </c>
      <c r="B15883" s="2">
        <v>15164.0</v>
      </c>
      <c r="C15883" s="1" t="s">
        <v>5</v>
      </c>
      <c r="D15883" s="1" t="s">
        <v>13539</v>
      </c>
      <c r="E15883" s="1" t="s">
        <v>11</v>
      </c>
    </row>
    <row r="15884">
      <c r="A15884" s="1">
        <v>4.90652006E8</v>
      </c>
      <c r="B15884" s="3">
        <v>15103.0</v>
      </c>
      <c r="C15884" s="1" t="s">
        <v>5</v>
      </c>
      <c r="D15884" s="1" t="s">
        <v>13540</v>
      </c>
      <c r="E15884" s="1" t="s">
        <v>13541</v>
      </c>
    </row>
    <row r="15885">
      <c r="A15885" s="1">
        <v>4.90652022E8</v>
      </c>
      <c r="B15885" s="2">
        <v>15160.0</v>
      </c>
      <c r="C15885" s="1" t="s">
        <v>5</v>
      </c>
      <c r="D15885" s="1" t="s">
        <v>13542</v>
      </c>
      <c r="E15885" s="1" t="s">
        <v>7</v>
      </c>
    </row>
    <row r="15886">
      <c r="A15886" s="1">
        <v>4.90652058E8</v>
      </c>
      <c r="B15886" s="3">
        <v>15114.0</v>
      </c>
      <c r="C15886" s="1" t="s">
        <v>5</v>
      </c>
      <c r="D15886" s="1" t="s">
        <v>13543</v>
      </c>
      <c r="E15886" s="1" t="s">
        <v>11</v>
      </c>
    </row>
    <row r="15887">
      <c r="A15887" s="1">
        <v>4.90652124E8</v>
      </c>
      <c r="B15887" s="3">
        <v>15120.0</v>
      </c>
      <c r="C15887" s="1" t="s">
        <v>5</v>
      </c>
      <c r="D15887" s="1" t="s">
        <v>11</v>
      </c>
      <c r="E15887" s="1" t="s">
        <v>7</v>
      </c>
    </row>
    <row r="15888">
      <c r="A15888" s="1">
        <v>4.90652197E8</v>
      </c>
      <c r="B15888" s="2">
        <v>15158.0</v>
      </c>
      <c r="C15888" s="1" t="s">
        <v>5</v>
      </c>
      <c r="D15888" s="1" t="s">
        <v>13544</v>
      </c>
      <c r="E15888" s="1" t="s">
        <v>7</v>
      </c>
    </row>
    <row r="15889">
      <c r="A15889" s="1">
        <v>4.90652256E8</v>
      </c>
      <c r="B15889" s="2">
        <v>15157.0</v>
      </c>
      <c r="C15889" s="1" t="s">
        <v>5</v>
      </c>
      <c r="D15889" s="1" t="s">
        <v>11</v>
      </c>
      <c r="E15889" s="1" t="s">
        <v>7</v>
      </c>
    </row>
    <row r="15890">
      <c r="A15890" s="1">
        <v>4.9065239E8</v>
      </c>
      <c r="B15890" s="2">
        <v>15219.0</v>
      </c>
      <c r="C15890" s="1" t="s">
        <v>5</v>
      </c>
      <c r="D15890" s="1" t="s">
        <v>13545</v>
      </c>
      <c r="E15890" s="1" t="s">
        <v>11</v>
      </c>
    </row>
    <row r="15891">
      <c r="A15891" s="1">
        <v>4.90652423E8</v>
      </c>
      <c r="B15891" s="3">
        <v>15118.0</v>
      </c>
      <c r="C15891" s="1" t="s">
        <v>5</v>
      </c>
      <c r="D15891" s="1" t="s">
        <v>13546</v>
      </c>
      <c r="E15891" s="1" t="s">
        <v>11</v>
      </c>
    </row>
    <row r="15892">
      <c r="A15892" s="1">
        <v>4.90652426E8</v>
      </c>
      <c r="B15892" s="3">
        <v>15113.0</v>
      </c>
      <c r="C15892" s="1" t="s">
        <v>5</v>
      </c>
      <c r="D15892" s="1" t="s">
        <v>13547</v>
      </c>
      <c r="E15892" s="1" t="s">
        <v>11</v>
      </c>
    </row>
    <row r="15893">
      <c r="A15893" s="1">
        <v>4.90652429E8</v>
      </c>
      <c r="B15893" s="2">
        <v>15144.0</v>
      </c>
      <c r="C15893" s="1" t="s">
        <v>5</v>
      </c>
      <c r="D15893" s="1" t="s">
        <v>13548</v>
      </c>
      <c r="E15893" s="1" t="s">
        <v>7</v>
      </c>
    </row>
    <row r="15894">
      <c r="A15894" s="1">
        <v>4.90652443E8</v>
      </c>
      <c r="B15894" s="3">
        <v>15109.0</v>
      </c>
      <c r="C15894" s="1" t="s">
        <v>5</v>
      </c>
      <c r="D15894" s="1" t="s">
        <v>13549</v>
      </c>
      <c r="E15894" s="1" t="s">
        <v>11</v>
      </c>
    </row>
    <row r="15895">
      <c r="A15895" s="1">
        <v>4.90652539E8</v>
      </c>
      <c r="B15895" s="2">
        <v>15177.0</v>
      </c>
      <c r="C15895" s="1" t="s">
        <v>5</v>
      </c>
      <c r="D15895" s="1" t="s">
        <v>11</v>
      </c>
      <c r="E15895" s="1" t="s">
        <v>7</v>
      </c>
    </row>
    <row r="15896">
      <c r="A15896" s="1">
        <v>4.90652633E8</v>
      </c>
      <c r="B15896" s="2">
        <v>15156.0</v>
      </c>
      <c r="C15896" s="1" t="s">
        <v>5</v>
      </c>
      <c r="D15896" s="1" t="s">
        <v>13550</v>
      </c>
      <c r="E15896" s="1" t="s">
        <v>13551</v>
      </c>
    </row>
    <row r="15897">
      <c r="A15897" s="1">
        <v>4.90652641E8</v>
      </c>
      <c r="B15897" s="2">
        <v>15215.0</v>
      </c>
      <c r="C15897" s="1" t="s">
        <v>5</v>
      </c>
      <c r="D15897" s="1" t="s">
        <v>13552</v>
      </c>
      <c r="E15897" s="1" t="s">
        <v>13553</v>
      </c>
    </row>
    <row r="15898">
      <c r="A15898" s="1">
        <v>4.90652703E8</v>
      </c>
      <c r="B15898" s="2">
        <v>15168.0</v>
      </c>
      <c r="C15898" s="1" t="s">
        <v>5</v>
      </c>
      <c r="D15898" s="1" t="s">
        <v>13554</v>
      </c>
      <c r="E15898" s="1" t="s">
        <v>7</v>
      </c>
    </row>
    <row r="15899">
      <c r="A15899" s="1">
        <v>4.90652714E8</v>
      </c>
      <c r="B15899" s="3">
        <v>15112.0</v>
      </c>
      <c r="C15899" s="1" t="s">
        <v>5</v>
      </c>
      <c r="D15899" s="1" t="s">
        <v>13555</v>
      </c>
      <c r="E15899" s="1" t="s">
        <v>11</v>
      </c>
    </row>
    <row r="15900">
      <c r="A15900" s="1">
        <v>4.90652763E8</v>
      </c>
      <c r="B15900" s="2">
        <v>15215.0</v>
      </c>
      <c r="C15900" s="1" t="s">
        <v>5</v>
      </c>
      <c r="D15900" s="1" t="s">
        <v>13556</v>
      </c>
      <c r="E15900" s="1" t="s">
        <v>11</v>
      </c>
    </row>
    <row r="15901">
      <c r="A15901" s="1">
        <v>4.90652861E8</v>
      </c>
      <c r="B15901" s="2">
        <v>15170.0</v>
      </c>
      <c r="C15901" s="1" t="s">
        <v>5</v>
      </c>
      <c r="D15901" s="1" t="s">
        <v>13557</v>
      </c>
      <c r="E15901" s="1" t="s">
        <v>11</v>
      </c>
    </row>
    <row r="15902">
      <c r="A15902" s="1">
        <v>4.90652913E8</v>
      </c>
      <c r="B15902" s="3">
        <v>15114.0</v>
      </c>
      <c r="C15902" s="1" t="s">
        <v>5</v>
      </c>
      <c r="D15902" s="1" t="s">
        <v>11</v>
      </c>
      <c r="E15902" s="1" t="s">
        <v>7</v>
      </c>
    </row>
    <row r="15903">
      <c r="A15903" s="1">
        <v>4.90652919E8</v>
      </c>
      <c r="B15903" s="2">
        <v>15214.0</v>
      </c>
      <c r="C15903" s="1" t="s">
        <v>5</v>
      </c>
      <c r="D15903" s="1" t="s">
        <v>13558</v>
      </c>
      <c r="E15903" s="1" t="s">
        <v>11</v>
      </c>
    </row>
    <row r="15904">
      <c r="A15904" s="1">
        <v>4.90652986E8</v>
      </c>
      <c r="B15904" s="2">
        <v>15154.0</v>
      </c>
      <c r="C15904" s="1" t="s">
        <v>5</v>
      </c>
      <c r="D15904" s="1" t="s">
        <v>13559</v>
      </c>
      <c r="E15904" s="1" t="s">
        <v>7</v>
      </c>
    </row>
    <row r="15905">
      <c r="A15905" s="1">
        <v>4.90653005E8</v>
      </c>
      <c r="B15905" s="2">
        <v>15213.0</v>
      </c>
      <c r="C15905" s="1" t="s">
        <v>5</v>
      </c>
      <c r="D15905" s="1" t="s">
        <v>13560</v>
      </c>
      <c r="E15905" s="1" t="s">
        <v>13561</v>
      </c>
    </row>
    <row r="15906">
      <c r="A15906" s="1">
        <v>4.90653179E8</v>
      </c>
      <c r="B15906" s="2">
        <v>15147.0</v>
      </c>
      <c r="C15906" s="1" t="s">
        <v>5</v>
      </c>
      <c r="D15906" s="1" t="s">
        <v>13562</v>
      </c>
      <c r="E15906" s="1" t="s">
        <v>11</v>
      </c>
    </row>
    <row r="15907">
      <c r="A15907" s="1">
        <v>4.9065319E8</v>
      </c>
      <c r="B15907" s="2">
        <v>15171.0</v>
      </c>
      <c r="C15907" s="1" t="s">
        <v>5</v>
      </c>
      <c r="D15907" s="1" t="s">
        <v>13563</v>
      </c>
      <c r="E15907" s="1" t="s">
        <v>7</v>
      </c>
    </row>
    <row r="15908">
      <c r="A15908" s="1">
        <v>4.90653227E8</v>
      </c>
      <c r="B15908" s="2">
        <v>15216.0</v>
      </c>
      <c r="C15908" s="1" t="s">
        <v>5</v>
      </c>
      <c r="D15908" s="1" t="s">
        <v>13564</v>
      </c>
      <c r="E15908" s="1" t="s">
        <v>7</v>
      </c>
    </row>
    <row r="15909">
      <c r="A15909" s="1">
        <v>4.90653299E8</v>
      </c>
      <c r="B15909" s="3">
        <v>15102.0</v>
      </c>
      <c r="C15909" s="1" t="s">
        <v>5</v>
      </c>
      <c r="D15909" s="1" t="s">
        <v>13565</v>
      </c>
      <c r="E15909" s="1" t="s">
        <v>11</v>
      </c>
    </row>
    <row r="15910">
      <c r="A15910" s="1">
        <v>4.90653328E8</v>
      </c>
      <c r="B15910" s="3">
        <v>15108.0</v>
      </c>
      <c r="C15910" s="1" t="s">
        <v>5</v>
      </c>
      <c r="D15910" s="1" t="s">
        <v>13566</v>
      </c>
      <c r="E15910" s="1" t="s">
        <v>13567</v>
      </c>
    </row>
    <row r="15911">
      <c r="A15911" s="1">
        <v>4.90653446E8</v>
      </c>
      <c r="B15911" s="2">
        <v>15216.0</v>
      </c>
      <c r="C15911" s="1" t="s">
        <v>5</v>
      </c>
      <c r="D15911" s="1" t="s">
        <v>13568</v>
      </c>
      <c r="E15911" s="1" t="s">
        <v>11</v>
      </c>
    </row>
    <row r="15912">
      <c r="A15912" s="1">
        <v>4.90653583E8</v>
      </c>
      <c r="B15912" s="2">
        <v>15214.0</v>
      </c>
      <c r="C15912" s="1" t="s">
        <v>5</v>
      </c>
      <c r="D15912" s="1" t="s">
        <v>11</v>
      </c>
      <c r="E15912" s="1" t="s">
        <v>7</v>
      </c>
    </row>
    <row r="15913">
      <c r="A15913" s="1">
        <v>4.90653644E8</v>
      </c>
      <c r="B15913" s="2">
        <v>15161.0</v>
      </c>
      <c r="C15913" s="1" t="s">
        <v>5</v>
      </c>
      <c r="D15913" s="1" t="s">
        <v>13569</v>
      </c>
      <c r="E15913" s="1" t="s">
        <v>7</v>
      </c>
    </row>
    <row r="15914">
      <c r="A15914" s="1">
        <v>4.90653662E8</v>
      </c>
      <c r="B15914" s="2">
        <v>15148.0</v>
      </c>
      <c r="C15914" s="1" t="s">
        <v>5</v>
      </c>
      <c r="D15914" s="1" t="s">
        <v>13570</v>
      </c>
      <c r="E15914" s="1" t="s">
        <v>11</v>
      </c>
    </row>
    <row r="15915">
      <c r="A15915" s="1">
        <v>4.90653693E8</v>
      </c>
      <c r="B15915" s="3">
        <v>15103.0</v>
      </c>
      <c r="C15915" s="1" t="s">
        <v>5</v>
      </c>
      <c r="D15915" s="1" t="s">
        <v>13571</v>
      </c>
      <c r="E15915" s="1" t="s">
        <v>11</v>
      </c>
    </row>
    <row r="15916">
      <c r="A15916" s="1">
        <v>4.90653709E8</v>
      </c>
      <c r="B15916" s="2">
        <v>15208.0</v>
      </c>
      <c r="C15916" s="1" t="s">
        <v>5</v>
      </c>
      <c r="D15916" s="1" t="s">
        <v>13572</v>
      </c>
      <c r="E15916" s="1" t="s">
        <v>7</v>
      </c>
    </row>
    <row r="15917">
      <c r="A15917" s="1">
        <v>4.90653786E8</v>
      </c>
      <c r="B15917" s="2">
        <v>15142.0</v>
      </c>
      <c r="C15917" s="1" t="s">
        <v>5</v>
      </c>
      <c r="D15917" s="1" t="s">
        <v>13573</v>
      </c>
      <c r="E15917" s="1" t="s">
        <v>11</v>
      </c>
    </row>
    <row r="15918">
      <c r="A15918" s="1">
        <v>4.90653799E8</v>
      </c>
      <c r="B15918" s="2">
        <v>15148.0</v>
      </c>
      <c r="C15918" s="1" t="s">
        <v>5</v>
      </c>
      <c r="D15918" s="1" t="s">
        <v>13574</v>
      </c>
      <c r="E15918" s="1" t="s">
        <v>11</v>
      </c>
    </row>
    <row r="15919">
      <c r="A15919" s="1">
        <v>4.90653919E8</v>
      </c>
      <c r="B15919" s="2">
        <v>15128.0</v>
      </c>
      <c r="C15919" s="1" t="s">
        <v>5</v>
      </c>
      <c r="D15919" s="1" t="s">
        <v>11</v>
      </c>
      <c r="E15919" s="1" t="s">
        <v>7</v>
      </c>
    </row>
    <row r="15920">
      <c r="A15920" s="1">
        <v>4.90653926E8</v>
      </c>
      <c r="B15920" s="2">
        <v>15146.0</v>
      </c>
      <c r="C15920" s="1" t="s">
        <v>5</v>
      </c>
      <c r="D15920" s="1" t="s">
        <v>13575</v>
      </c>
      <c r="E15920" s="1" t="s">
        <v>7</v>
      </c>
    </row>
    <row r="15921">
      <c r="A15921" s="1">
        <v>4.90653943E8</v>
      </c>
      <c r="B15921" s="3">
        <v>15107.0</v>
      </c>
      <c r="C15921" s="1" t="s">
        <v>5</v>
      </c>
      <c r="D15921" s="1" t="s">
        <v>13576</v>
      </c>
      <c r="E15921" s="1" t="s">
        <v>7</v>
      </c>
    </row>
    <row r="15922">
      <c r="A15922" s="1">
        <v>4.90654029E8</v>
      </c>
      <c r="B15922" s="2">
        <v>15167.0</v>
      </c>
      <c r="C15922" s="1" t="s">
        <v>5</v>
      </c>
      <c r="D15922" s="1" t="s">
        <v>13577</v>
      </c>
      <c r="E15922" s="1" t="s">
        <v>11</v>
      </c>
    </row>
    <row r="15923">
      <c r="A15923" s="1">
        <v>4.90654064E8</v>
      </c>
      <c r="B15923" s="2">
        <v>15204.0</v>
      </c>
      <c r="C15923" s="1" t="s">
        <v>5</v>
      </c>
      <c r="D15923" s="1" t="s">
        <v>11</v>
      </c>
      <c r="E15923" s="1" t="s">
        <v>7</v>
      </c>
    </row>
    <row r="15924">
      <c r="A15924" s="1">
        <v>4.90654125E8</v>
      </c>
      <c r="B15924" s="2">
        <v>15160.0</v>
      </c>
      <c r="C15924" s="1" t="s">
        <v>5</v>
      </c>
      <c r="D15924" s="1" t="s">
        <v>13578</v>
      </c>
      <c r="E15924" s="1" t="s">
        <v>7</v>
      </c>
    </row>
    <row r="15925">
      <c r="A15925" s="1">
        <v>4.90654163E8</v>
      </c>
      <c r="B15925" s="3">
        <v>15097.0</v>
      </c>
      <c r="C15925" s="1" t="s">
        <v>5</v>
      </c>
      <c r="D15925" s="1" t="s">
        <v>13579</v>
      </c>
      <c r="E15925" s="1" t="s">
        <v>11</v>
      </c>
    </row>
    <row r="15926">
      <c r="A15926" s="1">
        <v>4.90654218E8</v>
      </c>
      <c r="B15926" s="3">
        <v>15106.0</v>
      </c>
      <c r="C15926" s="1" t="s">
        <v>5</v>
      </c>
      <c r="D15926" s="1" t="s">
        <v>13580</v>
      </c>
      <c r="E15926" s="1" t="s">
        <v>7</v>
      </c>
    </row>
    <row r="15927">
      <c r="A15927" s="1">
        <v>4.9065427E8</v>
      </c>
      <c r="B15927" s="2">
        <v>15188.0</v>
      </c>
      <c r="C15927" s="1" t="s">
        <v>5</v>
      </c>
      <c r="D15927" s="1" t="s">
        <v>11</v>
      </c>
      <c r="E15927" s="1" t="s">
        <v>7</v>
      </c>
    </row>
    <row r="15928">
      <c r="A15928" s="1">
        <v>4.90654387E8</v>
      </c>
      <c r="B15928" s="2">
        <v>15202.0</v>
      </c>
      <c r="C15928" s="1" t="s">
        <v>5</v>
      </c>
      <c r="D15928" s="1" t="s">
        <v>13581</v>
      </c>
      <c r="E15928" s="1" t="s">
        <v>13582</v>
      </c>
    </row>
    <row r="15929">
      <c r="A15929" s="1">
        <v>4.90654462E8</v>
      </c>
      <c r="B15929" s="2">
        <v>15158.0</v>
      </c>
      <c r="C15929" s="1" t="s">
        <v>5</v>
      </c>
      <c r="D15929" s="1" t="s">
        <v>13583</v>
      </c>
      <c r="E15929" s="1" t="s">
        <v>7</v>
      </c>
    </row>
    <row r="15930">
      <c r="A15930" s="1">
        <v>4.90654509E8</v>
      </c>
      <c r="B15930" s="2">
        <v>15207.0</v>
      </c>
      <c r="C15930" s="1" t="s">
        <v>5</v>
      </c>
      <c r="D15930" s="1" t="s">
        <v>13584</v>
      </c>
      <c r="E15930" s="1" t="s">
        <v>7</v>
      </c>
    </row>
    <row r="15931">
      <c r="A15931" s="1">
        <v>4.90654576E8</v>
      </c>
      <c r="B15931" s="2">
        <v>15219.0</v>
      </c>
      <c r="C15931" s="1" t="s">
        <v>5</v>
      </c>
      <c r="D15931" s="1" t="s">
        <v>13585</v>
      </c>
      <c r="E15931" s="1" t="s">
        <v>11</v>
      </c>
    </row>
    <row r="15932">
      <c r="A15932" s="1">
        <v>4.90654607E8</v>
      </c>
      <c r="B15932" s="2">
        <v>15207.0</v>
      </c>
      <c r="C15932" s="1" t="s">
        <v>5</v>
      </c>
      <c r="D15932" s="1" t="s">
        <v>13586</v>
      </c>
      <c r="E15932" s="1" t="s">
        <v>7</v>
      </c>
    </row>
    <row r="15933">
      <c r="A15933" s="1">
        <v>4.90654645E8</v>
      </c>
      <c r="B15933" s="2">
        <v>15218.0</v>
      </c>
      <c r="C15933" s="1" t="s">
        <v>5</v>
      </c>
      <c r="D15933" s="1" t="s">
        <v>11</v>
      </c>
      <c r="E15933" s="1" t="s">
        <v>7</v>
      </c>
    </row>
    <row r="15934">
      <c r="A15934" s="1">
        <v>4.90654909E8</v>
      </c>
      <c r="B15934" s="2">
        <v>15187.0</v>
      </c>
      <c r="C15934" s="1" t="s">
        <v>5</v>
      </c>
      <c r="D15934" s="1" t="s">
        <v>13587</v>
      </c>
      <c r="E15934" s="1" t="s">
        <v>7</v>
      </c>
    </row>
    <row r="15935">
      <c r="A15935" s="1">
        <v>4.90654983E8</v>
      </c>
      <c r="B15935" s="3">
        <v>15103.0</v>
      </c>
      <c r="C15935" s="1" t="s">
        <v>5</v>
      </c>
      <c r="D15935" s="1" t="s">
        <v>13588</v>
      </c>
      <c r="E15935" s="1" t="s">
        <v>7</v>
      </c>
    </row>
    <row r="15936">
      <c r="A15936" s="1">
        <v>4.90654994E8</v>
      </c>
      <c r="B15936" s="2">
        <v>15160.0</v>
      </c>
      <c r="C15936" s="1" t="s">
        <v>5</v>
      </c>
      <c r="D15936" s="1" t="s">
        <v>13589</v>
      </c>
      <c r="E15936" s="1" t="s">
        <v>13590</v>
      </c>
    </row>
    <row r="15937">
      <c r="A15937" s="1">
        <v>4.90655025E8</v>
      </c>
      <c r="B15937" s="2">
        <v>15206.0</v>
      </c>
      <c r="C15937" s="1" t="s">
        <v>5</v>
      </c>
      <c r="D15937" s="1" t="s">
        <v>11</v>
      </c>
      <c r="E15937" s="1" t="s">
        <v>7</v>
      </c>
    </row>
    <row r="15938">
      <c r="A15938" s="1">
        <v>4.90655055E8</v>
      </c>
      <c r="B15938" s="2">
        <v>15210.0</v>
      </c>
      <c r="C15938" s="1" t="s">
        <v>5</v>
      </c>
      <c r="D15938" s="1" t="s">
        <v>13591</v>
      </c>
      <c r="E15938" s="1" t="s">
        <v>13592</v>
      </c>
    </row>
    <row r="15939">
      <c r="A15939" s="1">
        <v>4.90655069E8</v>
      </c>
      <c r="B15939" s="2">
        <v>15186.0</v>
      </c>
      <c r="C15939" s="1" t="s">
        <v>5</v>
      </c>
      <c r="D15939" s="1" t="s">
        <v>13593</v>
      </c>
      <c r="E15939" s="1" t="s">
        <v>7</v>
      </c>
    </row>
    <row r="15940">
      <c r="A15940" s="1">
        <v>4.90655104E8</v>
      </c>
      <c r="B15940" s="2">
        <v>15214.0</v>
      </c>
      <c r="C15940" s="1" t="s">
        <v>5</v>
      </c>
      <c r="D15940" s="1" t="s">
        <v>13594</v>
      </c>
      <c r="E15940" s="1" t="s">
        <v>11</v>
      </c>
    </row>
    <row r="15941">
      <c r="A15941" s="1">
        <v>4.90655109E8</v>
      </c>
      <c r="B15941" s="2">
        <v>15216.0</v>
      </c>
      <c r="C15941" s="1" t="s">
        <v>5</v>
      </c>
      <c r="D15941" s="1" t="s">
        <v>13595</v>
      </c>
      <c r="E15941" s="1" t="s">
        <v>13596</v>
      </c>
    </row>
    <row r="15942">
      <c r="A15942" s="1">
        <v>4.90655143E8</v>
      </c>
      <c r="B15942" s="2">
        <v>15145.0</v>
      </c>
      <c r="C15942" s="1" t="s">
        <v>5</v>
      </c>
      <c r="D15942" s="1" t="s">
        <v>13597</v>
      </c>
      <c r="E15942" s="1" t="s">
        <v>7</v>
      </c>
    </row>
    <row r="15943">
      <c r="A15943" s="1">
        <v>4.90655163E8</v>
      </c>
      <c r="B15943" s="2">
        <v>15216.0</v>
      </c>
      <c r="C15943" s="1" t="s">
        <v>5</v>
      </c>
      <c r="D15943" s="1" t="s">
        <v>13598</v>
      </c>
      <c r="E15943" s="1" t="s">
        <v>7</v>
      </c>
    </row>
    <row r="15944">
      <c r="A15944" s="1">
        <v>4.90655189E8</v>
      </c>
      <c r="B15944" s="2">
        <v>15195.0</v>
      </c>
      <c r="C15944" s="1" t="s">
        <v>5</v>
      </c>
      <c r="D15944" s="1" t="s">
        <v>11</v>
      </c>
      <c r="E15944" s="1" t="s">
        <v>7</v>
      </c>
    </row>
    <row r="15945">
      <c r="A15945" s="1">
        <v>4.9065523E8</v>
      </c>
      <c r="B15945" s="2">
        <v>15144.0</v>
      </c>
      <c r="C15945" s="1" t="s">
        <v>5</v>
      </c>
      <c r="D15945" s="1" t="s">
        <v>11</v>
      </c>
      <c r="E15945" s="1" t="s">
        <v>7</v>
      </c>
    </row>
    <row r="15946">
      <c r="A15946" s="1">
        <v>4.90655355E8</v>
      </c>
      <c r="B15946" s="2">
        <v>15219.0</v>
      </c>
      <c r="C15946" s="1" t="s">
        <v>5</v>
      </c>
      <c r="D15946" s="1" t="s">
        <v>13599</v>
      </c>
      <c r="E15946" s="1" t="s">
        <v>7</v>
      </c>
    </row>
    <row r="15947">
      <c r="A15947" s="1">
        <v>4.90655398E8</v>
      </c>
      <c r="B15947" s="2">
        <v>15240.0</v>
      </c>
      <c r="C15947" s="1" t="s">
        <v>5</v>
      </c>
      <c r="D15947" s="1" t="s">
        <v>11</v>
      </c>
      <c r="E15947" s="1" t="s">
        <v>7</v>
      </c>
    </row>
    <row r="15948">
      <c r="A15948" s="1">
        <v>4.90655475E8</v>
      </c>
      <c r="B15948" s="2">
        <v>15142.0</v>
      </c>
      <c r="C15948" s="1" t="s">
        <v>5</v>
      </c>
      <c r="D15948" s="1" t="s">
        <v>13600</v>
      </c>
      <c r="E15948" s="1" t="s">
        <v>7</v>
      </c>
    </row>
    <row r="15949">
      <c r="A15949" s="1">
        <v>4.90655543E8</v>
      </c>
      <c r="B15949" s="2">
        <v>15192.0</v>
      </c>
      <c r="C15949" s="1" t="s">
        <v>5</v>
      </c>
      <c r="D15949" s="1" t="s">
        <v>13601</v>
      </c>
      <c r="E15949" s="1" t="s">
        <v>7</v>
      </c>
    </row>
    <row r="15950">
      <c r="A15950" s="1">
        <v>4.90655563E8</v>
      </c>
      <c r="B15950" s="2">
        <v>15214.0</v>
      </c>
      <c r="C15950" s="1" t="s">
        <v>5</v>
      </c>
      <c r="D15950" s="1" t="s">
        <v>13602</v>
      </c>
      <c r="E15950" s="1" t="s">
        <v>11</v>
      </c>
    </row>
    <row r="15951">
      <c r="A15951" s="1">
        <v>4.90655629E8</v>
      </c>
      <c r="B15951" s="2">
        <v>15184.0</v>
      </c>
      <c r="C15951" s="1" t="s">
        <v>5</v>
      </c>
      <c r="D15951" s="1" t="s">
        <v>11</v>
      </c>
      <c r="E15951" s="1" t="s">
        <v>7</v>
      </c>
    </row>
    <row r="15952">
      <c r="A15952" s="1">
        <v>4.90655822E8</v>
      </c>
      <c r="B15952" s="2">
        <v>15191.0</v>
      </c>
      <c r="C15952" s="1" t="s">
        <v>5</v>
      </c>
      <c r="D15952" s="1" t="s">
        <v>13603</v>
      </c>
      <c r="E15952" s="1" t="s">
        <v>13604</v>
      </c>
    </row>
    <row r="15953">
      <c r="A15953" s="1">
        <v>4.90655827E8</v>
      </c>
      <c r="B15953" s="2">
        <v>15194.0</v>
      </c>
      <c r="C15953" s="1" t="s">
        <v>5</v>
      </c>
      <c r="D15953" s="1" t="s">
        <v>13605</v>
      </c>
      <c r="E15953" s="1" t="s">
        <v>7</v>
      </c>
    </row>
    <row r="15954">
      <c r="A15954" s="1">
        <v>4.90655862E8</v>
      </c>
      <c r="B15954" s="2">
        <v>15199.0</v>
      </c>
      <c r="C15954" s="1" t="s">
        <v>5</v>
      </c>
      <c r="D15954" s="1" t="s">
        <v>13606</v>
      </c>
      <c r="E15954" s="1" t="s">
        <v>13607</v>
      </c>
    </row>
    <row r="15955">
      <c r="A15955" s="1">
        <v>4.90655977E8</v>
      </c>
      <c r="B15955" s="2">
        <v>15155.0</v>
      </c>
      <c r="C15955" s="1" t="s">
        <v>5</v>
      </c>
      <c r="D15955" s="1" t="s">
        <v>13608</v>
      </c>
      <c r="E15955" s="1" t="s">
        <v>7</v>
      </c>
    </row>
    <row r="15956">
      <c r="A15956" s="1">
        <v>4.90656171E8</v>
      </c>
      <c r="B15956" s="2">
        <v>15236.0</v>
      </c>
      <c r="C15956" s="1" t="s">
        <v>5</v>
      </c>
      <c r="D15956" s="1" t="s">
        <v>11</v>
      </c>
      <c r="E15956" s="1" t="s">
        <v>7</v>
      </c>
    </row>
    <row r="15957">
      <c r="A15957" s="1">
        <v>4.90656215E8</v>
      </c>
      <c r="B15957" s="2">
        <v>15200.0</v>
      </c>
      <c r="C15957" s="1" t="s">
        <v>5</v>
      </c>
      <c r="D15957" s="1" t="s">
        <v>13609</v>
      </c>
      <c r="E15957" s="1" t="s">
        <v>11</v>
      </c>
    </row>
    <row r="15958">
      <c r="A15958" s="1">
        <v>4.90656333E8</v>
      </c>
      <c r="B15958" s="2">
        <v>15226.0</v>
      </c>
      <c r="C15958" s="1" t="s">
        <v>5</v>
      </c>
      <c r="D15958" s="1" t="s">
        <v>13610</v>
      </c>
      <c r="E15958" s="1" t="s">
        <v>7</v>
      </c>
    </row>
    <row r="15959">
      <c r="A15959" s="1">
        <v>4.90656378E8</v>
      </c>
      <c r="B15959" s="2">
        <v>15215.0</v>
      </c>
      <c r="C15959" s="1" t="s">
        <v>5</v>
      </c>
      <c r="D15959" s="1" t="s">
        <v>11</v>
      </c>
      <c r="E15959" s="1" t="s">
        <v>7</v>
      </c>
    </row>
    <row r="15960">
      <c r="A15960" s="1">
        <v>4.90656381E8</v>
      </c>
      <c r="B15960" s="2">
        <v>15202.0</v>
      </c>
      <c r="C15960" s="1" t="s">
        <v>5</v>
      </c>
      <c r="D15960" s="1" t="s">
        <v>11</v>
      </c>
      <c r="E15960" s="1" t="s">
        <v>7</v>
      </c>
    </row>
    <row r="15961">
      <c r="A15961" s="1">
        <v>4.90656423E8</v>
      </c>
      <c r="B15961" s="2">
        <v>15191.0</v>
      </c>
      <c r="C15961" s="1" t="s">
        <v>5</v>
      </c>
      <c r="D15961" s="1" t="s">
        <v>13611</v>
      </c>
      <c r="E15961" s="1" t="s">
        <v>7</v>
      </c>
    </row>
    <row r="15962">
      <c r="A15962" s="1">
        <v>4.90656453E8</v>
      </c>
      <c r="B15962" s="2">
        <v>15198.0</v>
      </c>
      <c r="C15962" s="1" t="s">
        <v>5</v>
      </c>
      <c r="D15962" s="1" t="s">
        <v>13612</v>
      </c>
      <c r="E15962" s="1" t="s">
        <v>7</v>
      </c>
    </row>
    <row r="15963">
      <c r="A15963" s="1">
        <v>4.9065647E8</v>
      </c>
      <c r="B15963" s="2">
        <v>15226.0</v>
      </c>
      <c r="C15963" s="1" t="s">
        <v>5</v>
      </c>
      <c r="D15963" s="1" t="s">
        <v>13613</v>
      </c>
      <c r="E15963" s="1" t="s">
        <v>11</v>
      </c>
    </row>
    <row r="15964">
      <c r="A15964" s="1">
        <v>4.90656638E8</v>
      </c>
      <c r="B15964" s="2">
        <v>15201.0</v>
      </c>
      <c r="C15964" s="1" t="s">
        <v>5</v>
      </c>
      <c r="D15964" s="1" t="s">
        <v>13614</v>
      </c>
      <c r="E15964" s="1" t="s">
        <v>7</v>
      </c>
    </row>
    <row r="15965">
      <c r="A15965" s="1">
        <v>4.90656654E8</v>
      </c>
      <c r="B15965" s="2">
        <v>15197.0</v>
      </c>
      <c r="C15965" s="1" t="s">
        <v>5</v>
      </c>
      <c r="D15965" s="1" t="s">
        <v>13615</v>
      </c>
      <c r="E15965" s="1" t="s">
        <v>7</v>
      </c>
    </row>
    <row r="15966">
      <c r="A15966" s="1">
        <v>4.90656694E8</v>
      </c>
      <c r="B15966" s="2">
        <v>15195.0</v>
      </c>
      <c r="C15966" s="1" t="s">
        <v>5</v>
      </c>
      <c r="D15966" s="1" t="s">
        <v>13616</v>
      </c>
      <c r="E15966" s="1" t="s">
        <v>11</v>
      </c>
    </row>
    <row r="15967">
      <c r="A15967" s="1">
        <v>4.90656698E8</v>
      </c>
      <c r="B15967" s="2">
        <v>15225.0</v>
      </c>
      <c r="C15967" s="1" t="s">
        <v>5</v>
      </c>
      <c r="D15967" s="1" t="s">
        <v>13617</v>
      </c>
      <c r="E15967" s="1" t="s">
        <v>11</v>
      </c>
    </row>
    <row r="15968">
      <c r="A15968" s="1">
        <v>4.90656826E8</v>
      </c>
      <c r="B15968" s="2">
        <v>15196.0</v>
      </c>
      <c r="C15968" s="1" t="s">
        <v>5</v>
      </c>
      <c r="D15968" s="1" t="s">
        <v>11</v>
      </c>
      <c r="E15968" s="1" t="s">
        <v>7</v>
      </c>
    </row>
    <row r="15969">
      <c r="A15969" s="1">
        <v>4.90656863E8</v>
      </c>
      <c r="B15969" s="2">
        <v>15223.0</v>
      </c>
      <c r="C15969" s="1" t="s">
        <v>5</v>
      </c>
      <c r="D15969" s="1" t="s">
        <v>13618</v>
      </c>
      <c r="E15969" s="1" t="s">
        <v>7</v>
      </c>
    </row>
    <row r="15970">
      <c r="A15970" s="1">
        <v>4.90656905E8</v>
      </c>
      <c r="B15970" s="2">
        <v>15222.0</v>
      </c>
      <c r="C15970" s="1" t="s">
        <v>5</v>
      </c>
      <c r="D15970" s="1" t="s">
        <v>13619</v>
      </c>
      <c r="E15970" s="1" t="s">
        <v>13620</v>
      </c>
    </row>
    <row r="15971">
      <c r="A15971" s="1">
        <v>4.90656949E8</v>
      </c>
      <c r="B15971" s="2">
        <v>15145.0</v>
      </c>
      <c r="C15971" s="1" t="s">
        <v>5</v>
      </c>
      <c r="D15971" s="1" t="s">
        <v>13621</v>
      </c>
      <c r="E15971" s="1" t="s">
        <v>7</v>
      </c>
    </row>
    <row r="15972">
      <c r="A15972" s="1">
        <v>4.90657013E8</v>
      </c>
      <c r="B15972" s="2">
        <v>15280.0</v>
      </c>
      <c r="C15972" s="1" t="s">
        <v>5</v>
      </c>
      <c r="D15972" s="1" t="s">
        <v>13622</v>
      </c>
      <c r="E15972" s="1" t="s">
        <v>7</v>
      </c>
    </row>
    <row r="15973">
      <c r="A15973" s="1">
        <v>4.90657131E8</v>
      </c>
      <c r="B15973" s="2">
        <v>15192.0</v>
      </c>
      <c r="C15973" s="1" t="s">
        <v>5</v>
      </c>
      <c r="D15973" s="1" t="s">
        <v>13623</v>
      </c>
      <c r="E15973" s="1" t="s">
        <v>11</v>
      </c>
    </row>
    <row r="15974">
      <c r="A15974" s="1">
        <v>4.90657133E8</v>
      </c>
      <c r="B15974" s="2">
        <v>15209.0</v>
      </c>
      <c r="C15974" s="1" t="s">
        <v>5</v>
      </c>
      <c r="D15974" s="1" t="s">
        <v>13624</v>
      </c>
      <c r="E15974" s="1" t="s">
        <v>7</v>
      </c>
    </row>
    <row r="15975">
      <c r="A15975" s="1">
        <v>4.90657143E8</v>
      </c>
      <c r="B15975" s="2">
        <v>15196.0</v>
      </c>
      <c r="C15975" s="1" t="s">
        <v>5</v>
      </c>
      <c r="D15975" s="1" t="s">
        <v>11</v>
      </c>
      <c r="E15975" s="1" t="s">
        <v>7</v>
      </c>
    </row>
    <row r="15976">
      <c r="A15976" s="1">
        <v>4.90657216E8</v>
      </c>
      <c r="B15976" s="2">
        <v>15222.0</v>
      </c>
      <c r="C15976" s="1" t="s">
        <v>5</v>
      </c>
      <c r="D15976" s="1" t="s">
        <v>11</v>
      </c>
      <c r="E15976" s="1" t="s">
        <v>7</v>
      </c>
    </row>
    <row r="15977">
      <c r="A15977" s="1">
        <v>4.90657223E8</v>
      </c>
      <c r="B15977" s="2">
        <v>15208.0</v>
      </c>
      <c r="C15977" s="1" t="s">
        <v>5</v>
      </c>
      <c r="D15977" s="1" t="s">
        <v>13625</v>
      </c>
      <c r="E15977" s="1" t="s">
        <v>13626</v>
      </c>
    </row>
    <row r="15978">
      <c r="A15978" s="1">
        <v>4.90657235E8</v>
      </c>
      <c r="B15978" s="2">
        <v>15140.0</v>
      </c>
      <c r="C15978" s="1" t="s">
        <v>5</v>
      </c>
      <c r="D15978" s="1" t="s">
        <v>11</v>
      </c>
      <c r="E15978" s="1" t="s">
        <v>7</v>
      </c>
    </row>
    <row r="15979">
      <c r="A15979" s="1">
        <v>4.90657453E8</v>
      </c>
      <c r="B15979" s="2">
        <v>15245.0</v>
      </c>
      <c r="C15979" s="1" t="s">
        <v>5</v>
      </c>
      <c r="D15979" s="1" t="s">
        <v>13627</v>
      </c>
      <c r="E15979" s="1" t="s">
        <v>11</v>
      </c>
    </row>
    <row r="15980">
      <c r="A15980" s="1">
        <v>4.90657465E8</v>
      </c>
      <c r="B15980" s="2">
        <v>15180.0</v>
      </c>
      <c r="C15980" s="1" t="s">
        <v>5</v>
      </c>
      <c r="D15980" s="1" t="s">
        <v>13628</v>
      </c>
      <c r="E15980" s="1" t="s">
        <v>7</v>
      </c>
    </row>
    <row r="15981">
      <c r="A15981" s="1">
        <v>4.90657522E8</v>
      </c>
      <c r="B15981" s="2">
        <v>15248.0</v>
      </c>
      <c r="C15981" s="1" t="s">
        <v>5</v>
      </c>
      <c r="D15981" s="1" t="s">
        <v>11</v>
      </c>
      <c r="E15981" s="1" t="s">
        <v>7</v>
      </c>
    </row>
    <row r="15982">
      <c r="A15982" s="1">
        <v>4.90657578E8</v>
      </c>
      <c r="B15982" s="2">
        <v>15276.0</v>
      </c>
      <c r="C15982" s="1" t="s">
        <v>5</v>
      </c>
      <c r="D15982" s="1" t="s">
        <v>11</v>
      </c>
      <c r="E15982" s="1" t="s">
        <v>7</v>
      </c>
    </row>
    <row r="15983">
      <c r="A15983" s="1">
        <v>4.90657694E8</v>
      </c>
      <c r="B15983" s="2">
        <v>15233.0</v>
      </c>
      <c r="C15983" s="1" t="s">
        <v>5</v>
      </c>
      <c r="D15983" s="1" t="s">
        <v>13629</v>
      </c>
      <c r="E15983" s="1" t="s">
        <v>11</v>
      </c>
    </row>
    <row r="15984">
      <c r="A15984" s="1">
        <v>4.90657696E8</v>
      </c>
      <c r="B15984" s="2">
        <v>15234.0</v>
      </c>
      <c r="C15984" s="1" t="s">
        <v>5</v>
      </c>
      <c r="D15984" s="1" t="s">
        <v>13630</v>
      </c>
      <c r="E15984" s="1" t="s">
        <v>11</v>
      </c>
    </row>
    <row r="15985">
      <c r="A15985" s="1">
        <v>4.9065771E8</v>
      </c>
      <c r="B15985" s="2">
        <v>15275.0</v>
      </c>
      <c r="C15985" s="1" t="s">
        <v>5</v>
      </c>
      <c r="D15985" s="1" t="s">
        <v>13631</v>
      </c>
      <c r="E15985" s="1" t="s">
        <v>7</v>
      </c>
    </row>
    <row r="15986">
      <c r="A15986" s="1">
        <v>4.90657755E8</v>
      </c>
      <c r="B15986" s="2">
        <v>15178.0</v>
      </c>
      <c r="C15986" s="1" t="s">
        <v>5</v>
      </c>
      <c r="D15986" s="1" t="s">
        <v>13632</v>
      </c>
      <c r="E15986" s="1" t="s">
        <v>13633</v>
      </c>
    </row>
    <row r="15987">
      <c r="A15987" s="1">
        <v>4.9065783E8</v>
      </c>
      <c r="B15987" s="2">
        <v>15221.0</v>
      </c>
      <c r="C15987" s="1" t="s">
        <v>5</v>
      </c>
      <c r="D15987" s="1" t="s">
        <v>13634</v>
      </c>
      <c r="E15987" s="1" t="s">
        <v>11</v>
      </c>
    </row>
    <row r="15988">
      <c r="A15988" s="1">
        <v>4.90657879E8</v>
      </c>
      <c r="B15988" s="2">
        <v>15275.0</v>
      </c>
      <c r="C15988" s="1" t="s">
        <v>5</v>
      </c>
      <c r="D15988" s="1" t="s">
        <v>13635</v>
      </c>
      <c r="E15988" s="1" t="s">
        <v>11</v>
      </c>
    </row>
    <row r="15989">
      <c r="A15989" s="1">
        <v>4.90657903E8</v>
      </c>
      <c r="B15989" s="2">
        <v>15279.0</v>
      </c>
      <c r="C15989" s="1" t="s">
        <v>5</v>
      </c>
      <c r="D15989" s="1" t="s">
        <v>13636</v>
      </c>
      <c r="E15989" s="1" t="s">
        <v>7</v>
      </c>
    </row>
    <row r="15990">
      <c r="A15990" s="1">
        <v>4.9065795E8</v>
      </c>
      <c r="B15990" s="2">
        <v>15247.0</v>
      </c>
      <c r="C15990" s="1" t="s">
        <v>5</v>
      </c>
      <c r="D15990" s="1" t="s">
        <v>13637</v>
      </c>
      <c r="E15990" s="1" t="s">
        <v>11</v>
      </c>
    </row>
    <row r="15991">
      <c r="A15991" s="1">
        <v>4.90657991E8</v>
      </c>
      <c r="B15991" s="2">
        <v>15236.0</v>
      </c>
      <c r="C15991" s="1" t="s">
        <v>5</v>
      </c>
      <c r="D15991" s="1" t="s">
        <v>11</v>
      </c>
      <c r="E15991" s="1" t="s">
        <v>7</v>
      </c>
    </row>
    <row r="15992">
      <c r="A15992" s="1">
        <v>4.90657992E8</v>
      </c>
      <c r="B15992" s="2">
        <v>15236.0</v>
      </c>
      <c r="C15992" s="1" t="s">
        <v>5</v>
      </c>
      <c r="D15992" s="1" t="s">
        <v>13638</v>
      </c>
      <c r="E15992" s="1" t="s">
        <v>7</v>
      </c>
    </row>
    <row r="15993">
      <c r="A15993" s="1">
        <v>4.90658052E8</v>
      </c>
      <c r="B15993" s="2">
        <v>15246.0</v>
      </c>
      <c r="C15993" s="1" t="s">
        <v>5</v>
      </c>
      <c r="D15993" s="1" t="s">
        <v>11</v>
      </c>
      <c r="E15993" s="1" t="s">
        <v>7</v>
      </c>
    </row>
    <row r="15994">
      <c r="A15994" s="1">
        <v>4.9065809E8</v>
      </c>
      <c r="B15994" s="2">
        <v>15235.0</v>
      </c>
      <c r="C15994" s="1" t="s">
        <v>5</v>
      </c>
      <c r="D15994" s="1" t="s">
        <v>13639</v>
      </c>
      <c r="E15994" s="1" t="s">
        <v>7</v>
      </c>
    </row>
    <row r="15995">
      <c r="A15995" s="1">
        <v>4.90658093E8</v>
      </c>
      <c r="B15995" s="2">
        <v>15228.0</v>
      </c>
      <c r="C15995" s="1" t="s">
        <v>5</v>
      </c>
      <c r="D15995" s="1" t="s">
        <v>13640</v>
      </c>
      <c r="E15995" s="1" t="s">
        <v>11</v>
      </c>
    </row>
    <row r="15996">
      <c r="A15996" s="1">
        <v>4.90658115E8</v>
      </c>
      <c r="B15996" s="2">
        <v>15228.0</v>
      </c>
      <c r="C15996" s="1" t="s">
        <v>5</v>
      </c>
      <c r="D15996" s="1" t="s">
        <v>13641</v>
      </c>
      <c r="E15996" s="1" t="s">
        <v>7</v>
      </c>
    </row>
    <row r="15997">
      <c r="A15997" s="1">
        <v>4.90658134E8</v>
      </c>
      <c r="B15997" s="2">
        <v>15244.0</v>
      </c>
      <c r="C15997" s="1" t="s">
        <v>5</v>
      </c>
      <c r="D15997" s="1" t="s">
        <v>13642</v>
      </c>
      <c r="E15997" s="1" t="s">
        <v>7</v>
      </c>
    </row>
    <row r="15998">
      <c r="A15998" s="1">
        <v>4.90658147E8</v>
      </c>
      <c r="B15998" s="2">
        <v>15278.0</v>
      </c>
      <c r="C15998" s="1" t="s">
        <v>5</v>
      </c>
      <c r="D15998" s="1" t="s">
        <v>13643</v>
      </c>
      <c r="E15998" s="1" t="s">
        <v>7</v>
      </c>
    </row>
    <row r="15999">
      <c r="A15999" s="1">
        <v>4.90658151E8</v>
      </c>
      <c r="B15999" s="2">
        <v>15239.0</v>
      </c>
      <c r="C15999" s="1" t="s">
        <v>5</v>
      </c>
      <c r="D15999" s="1" t="s">
        <v>13644</v>
      </c>
      <c r="E15999" s="1" t="s">
        <v>7</v>
      </c>
    </row>
    <row r="16000">
      <c r="A16000" s="1">
        <v>4.90658192E8</v>
      </c>
      <c r="B16000" s="2">
        <v>15271.0</v>
      </c>
      <c r="C16000" s="1" t="s">
        <v>5</v>
      </c>
      <c r="D16000" s="1" t="s">
        <v>13645</v>
      </c>
      <c r="E16000" s="1" t="s">
        <v>7</v>
      </c>
    </row>
    <row r="16001">
      <c r="A16001" s="1">
        <v>4.90658201E8</v>
      </c>
      <c r="B16001" s="2">
        <v>15245.0</v>
      </c>
      <c r="C16001" s="1" t="s">
        <v>5</v>
      </c>
      <c r="D16001" s="1" t="s">
        <v>13646</v>
      </c>
      <c r="E16001" s="1" t="s">
        <v>13647</v>
      </c>
    </row>
    <row r="16002">
      <c r="A16002" s="1">
        <v>4.90658225E8</v>
      </c>
      <c r="B16002" s="2">
        <v>15176.0</v>
      </c>
      <c r="C16002" s="1" t="s">
        <v>5</v>
      </c>
      <c r="D16002" s="1" t="s">
        <v>13648</v>
      </c>
      <c r="E16002" s="1" t="s">
        <v>13649</v>
      </c>
    </row>
    <row r="16003">
      <c r="A16003" s="1">
        <v>4.90658266E8</v>
      </c>
      <c r="B16003" s="2">
        <v>15240.0</v>
      </c>
      <c r="C16003" s="1" t="s">
        <v>5</v>
      </c>
      <c r="D16003" s="1" t="s">
        <v>13650</v>
      </c>
      <c r="E16003" s="1" t="s">
        <v>7</v>
      </c>
    </row>
    <row r="16004">
      <c r="A16004" s="1">
        <v>4.90658332E8</v>
      </c>
      <c r="B16004" s="2">
        <v>15191.0</v>
      </c>
      <c r="C16004" s="1" t="s">
        <v>5</v>
      </c>
      <c r="D16004" s="1" t="s">
        <v>13651</v>
      </c>
      <c r="E16004" s="1" t="s">
        <v>7</v>
      </c>
    </row>
    <row r="16005">
      <c r="A16005" s="1">
        <v>4.90658343E8</v>
      </c>
      <c r="B16005" s="2">
        <v>15199.0</v>
      </c>
      <c r="C16005" s="1" t="s">
        <v>5</v>
      </c>
      <c r="D16005" s="1" t="s">
        <v>11</v>
      </c>
      <c r="E16005" s="1" t="s">
        <v>7</v>
      </c>
    </row>
    <row r="16006">
      <c r="A16006" s="1">
        <v>4.90658366E8</v>
      </c>
      <c r="B16006" s="2">
        <v>15228.0</v>
      </c>
      <c r="C16006" s="1" t="s">
        <v>5</v>
      </c>
      <c r="D16006" s="1" t="s">
        <v>13652</v>
      </c>
      <c r="E16006" s="1" t="s">
        <v>7</v>
      </c>
    </row>
    <row r="16007">
      <c r="A16007" s="1">
        <v>4.90658383E8</v>
      </c>
      <c r="B16007" s="2">
        <v>15191.0</v>
      </c>
      <c r="C16007" s="1" t="s">
        <v>5</v>
      </c>
      <c r="D16007" s="1" t="s">
        <v>13653</v>
      </c>
      <c r="E16007" s="1" t="s">
        <v>7</v>
      </c>
    </row>
    <row r="16008">
      <c r="A16008" s="1">
        <v>4.90658416E8</v>
      </c>
      <c r="B16008" s="2">
        <v>15277.0</v>
      </c>
      <c r="C16008" s="1" t="s">
        <v>5</v>
      </c>
      <c r="D16008" s="1" t="s">
        <v>13654</v>
      </c>
      <c r="E16008" s="1" t="s">
        <v>7</v>
      </c>
    </row>
    <row r="16009">
      <c r="A16009" s="1">
        <v>4.90658429E8</v>
      </c>
      <c r="B16009" s="2">
        <v>15242.0</v>
      </c>
      <c r="C16009" s="1" t="s">
        <v>5</v>
      </c>
      <c r="D16009" s="1" t="s">
        <v>13655</v>
      </c>
      <c r="E16009" s="1" t="s">
        <v>11</v>
      </c>
    </row>
    <row r="16010">
      <c r="A16010" s="1">
        <v>4.906585E8</v>
      </c>
      <c r="B16010" s="2">
        <v>15242.0</v>
      </c>
      <c r="C16010" s="1" t="s">
        <v>5</v>
      </c>
      <c r="D16010" s="1" t="s">
        <v>13656</v>
      </c>
      <c r="E16010" s="1" t="s">
        <v>13657</v>
      </c>
    </row>
    <row r="16011">
      <c r="A16011" s="1">
        <v>4.90658543E8</v>
      </c>
      <c r="B16011" s="2">
        <v>15242.0</v>
      </c>
      <c r="C16011" s="1" t="s">
        <v>5</v>
      </c>
      <c r="D16011" s="1" t="s">
        <v>11</v>
      </c>
      <c r="E16011" s="1" t="s">
        <v>7</v>
      </c>
    </row>
    <row r="16012">
      <c r="A16012" s="1">
        <v>4.90658643E8</v>
      </c>
      <c r="B16012" s="2">
        <v>15203.0</v>
      </c>
      <c r="C16012" s="1" t="s">
        <v>5</v>
      </c>
      <c r="D16012" s="1" t="s">
        <v>13658</v>
      </c>
      <c r="E16012" s="1" t="s">
        <v>7</v>
      </c>
    </row>
    <row r="16013">
      <c r="A16013" s="1">
        <v>4.90658653E8</v>
      </c>
      <c r="B16013" s="2">
        <v>15236.0</v>
      </c>
      <c r="C16013" s="1" t="s">
        <v>5</v>
      </c>
      <c r="D16013" s="1" t="s">
        <v>13659</v>
      </c>
      <c r="E16013" s="1" t="s">
        <v>7</v>
      </c>
    </row>
    <row r="16014">
      <c r="A16014" s="1">
        <v>4.90658736E8</v>
      </c>
      <c r="B16014" s="2">
        <v>15231.0</v>
      </c>
      <c r="C16014" s="1" t="s">
        <v>5</v>
      </c>
      <c r="D16014" s="1" t="s">
        <v>13660</v>
      </c>
      <c r="E16014" s="1" t="s">
        <v>7</v>
      </c>
    </row>
    <row r="16015">
      <c r="A16015" s="1">
        <v>4.90658925E8</v>
      </c>
      <c r="B16015" s="2">
        <v>15227.0</v>
      </c>
      <c r="C16015" s="1" t="s">
        <v>5</v>
      </c>
      <c r="D16015" s="1" t="s">
        <v>13661</v>
      </c>
      <c r="E16015" s="1" t="s">
        <v>7</v>
      </c>
    </row>
    <row r="16016">
      <c r="A16016" s="1">
        <v>4.90658951E8</v>
      </c>
      <c r="B16016" s="2">
        <v>15241.0</v>
      </c>
      <c r="C16016" s="1" t="s">
        <v>5</v>
      </c>
      <c r="D16016" s="1" t="s">
        <v>11</v>
      </c>
      <c r="E16016" s="1" t="s">
        <v>7</v>
      </c>
    </row>
    <row r="16017">
      <c r="A16017" s="1">
        <v>4.90658954E8</v>
      </c>
      <c r="B16017" s="2">
        <v>15225.0</v>
      </c>
      <c r="C16017" s="1" t="s">
        <v>5</v>
      </c>
      <c r="D16017" s="1" t="s">
        <v>13662</v>
      </c>
      <c r="E16017" s="1" t="s">
        <v>7</v>
      </c>
    </row>
    <row r="16018">
      <c r="A16018" s="1">
        <v>4.90659027E8</v>
      </c>
      <c r="B16018" s="2">
        <v>15226.0</v>
      </c>
      <c r="C16018" s="1" t="s">
        <v>5</v>
      </c>
      <c r="D16018" s="1" t="s">
        <v>13663</v>
      </c>
      <c r="E16018" s="1" t="s">
        <v>11</v>
      </c>
    </row>
    <row r="16019">
      <c r="A16019" s="1">
        <v>4.90659047E8</v>
      </c>
      <c r="B16019" s="2">
        <v>15193.0</v>
      </c>
      <c r="C16019" s="1" t="s">
        <v>5</v>
      </c>
      <c r="D16019" s="1" t="s">
        <v>13664</v>
      </c>
      <c r="E16019" s="1" t="s">
        <v>7</v>
      </c>
    </row>
    <row r="16020">
      <c r="A16020" s="1">
        <v>4.90659053E8</v>
      </c>
      <c r="B16020" s="2">
        <v>15265.0</v>
      </c>
      <c r="C16020" s="1" t="s">
        <v>5</v>
      </c>
      <c r="D16020" s="1" t="s">
        <v>13665</v>
      </c>
      <c r="E16020" s="1" t="s">
        <v>7</v>
      </c>
    </row>
    <row r="16021">
      <c r="A16021" s="1">
        <v>4.90659083E8</v>
      </c>
      <c r="B16021" s="2">
        <v>15171.0</v>
      </c>
      <c r="C16021" s="1" t="s">
        <v>5</v>
      </c>
      <c r="D16021" s="1" t="s">
        <v>11</v>
      </c>
      <c r="E16021" s="1" t="s">
        <v>7</v>
      </c>
    </row>
    <row r="16022">
      <c r="A16022" s="1">
        <v>4.90659121E8</v>
      </c>
      <c r="B16022" s="2">
        <v>15225.0</v>
      </c>
      <c r="C16022" s="1" t="s">
        <v>5</v>
      </c>
      <c r="D16022" s="1" t="s">
        <v>11</v>
      </c>
      <c r="E16022" s="1" t="s">
        <v>7</v>
      </c>
    </row>
    <row r="16023">
      <c r="A16023" s="1">
        <v>4.90659135E8</v>
      </c>
      <c r="B16023" s="2">
        <v>15266.0</v>
      </c>
      <c r="C16023" s="1" t="s">
        <v>5</v>
      </c>
      <c r="D16023" s="1" t="s">
        <v>13666</v>
      </c>
      <c r="E16023" s="1" t="s">
        <v>11</v>
      </c>
    </row>
    <row r="16024">
      <c r="A16024" s="1">
        <v>4.90659139E8</v>
      </c>
      <c r="B16024" s="2">
        <v>15223.0</v>
      </c>
      <c r="C16024" s="1" t="s">
        <v>5</v>
      </c>
      <c r="D16024" s="1" t="s">
        <v>13667</v>
      </c>
      <c r="E16024" s="1" t="s">
        <v>7</v>
      </c>
    </row>
    <row r="16025">
      <c r="A16025" s="1">
        <v>4.9065915E8</v>
      </c>
      <c r="B16025" s="2">
        <v>15198.0</v>
      </c>
      <c r="C16025" s="1" t="s">
        <v>5</v>
      </c>
      <c r="D16025" s="1" t="s">
        <v>13668</v>
      </c>
      <c r="E16025" s="1" t="s">
        <v>7</v>
      </c>
    </row>
    <row r="16026">
      <c r="A16026" s="1">
        <v>4.90659171E8</v>
      </c>
      <c r="B16026" s="2">
        <v>15265.0</v>
      </c>
      <c r="C16026" s="1" t="s">
        <v>5</v>
      </c>
      <c r="D16026" s="1" t="s">
        <v>13669</v>
      </c>
      <c r="E16026" s="1" t="s">
        <v>13670</v>
      </c>
    </row>
    <row r="16027">
      <c r="A16027" s="1">
        <v>4.9065919E8</v>
      </c>
      <c r="B16027" s="2">
        <v>15270.0</v>
      </c>
      <c r="C16027" s="1" t="s">
        <v>5</v>
      </c>
      <c r="D16027" s="1" t="s">
        <v>13671</v>
      </c>
      <c r="E16027" s="1" t="s">
        <v>11</v>
      </c>
    </row>
    <row r="16028">
      <c r="A16028" s="1">
        <v>4.90659363E8</v>
      </c>
      <c r="B16028" s="2">
        <v>15220.0</v>
      </c>
      <c r="C16028" s="1" t="s">
        <v>5</v>
      </c>
      <c r="D16028" s="1" t="s">
        <v>13672</v>
      </c>
      <c r="E16028" s="1" t="s">
        <v>7</v>
      </c>
    </row>
    <row r="16029">
      <c r="A16029" s="1">
        <v>4.90659383E8</v>
      </c>
      <c r="B16029" s="2">
        <v>15221.0</v>
      </c>
      <c r="C16029" s="1" t="s">
        <v>5</v>
      </c>
      <c r="D16029" s="1" t="s">
        <v>11</v>
      </c>
      <c r="E16029" s="1" t="s">
        <v>7</v>
      </c>
    </row>
    <row r="16030">
      <c r="A16030" s="1">
        <v>4.90659419E8</v>
      </c>
      <c r="B16030" s="2">
        <v>15233.0</v>
      </c>
      <c r="C16030" s="1" t="s">
        <v>5</v>
      </c>
      <c r="D16030" s="1" t="s">
        <v>13673</v>
      </c>
      <c r="E16030" s="1" t="s">
        <v>13674</v>
      </c>
    </row>
    <row r="16031">
      <c r="A16031" s="1">
        <v>4.90659456E8</v>
      </c>
      <c r="B16031" s="2">
        <v>15233.0</v>
      </c>
      <c r="C16031" s="1" t="s">
        <v>5</v>
      </c>
      <c r="D16031" s="1" t="s">
        <v>13675</v>
      </c>
      <c r="E16031" s="1" t="s">
        <v>7</v>
      </c>
    </row>
    <row r="16032">
      <c r="A16032" s="1">
        <v>4.90659535E8</v>
      </c>
      <c r="B16032" s="2">
        <v>15244.0</v>
      </c>
      <c r="C16032" s="1" t="s">
        <v>5</v>
      </c>
      <c r="D16032" s="1" t="s">
        <v>13676</v>
      </c>
      <c r="E16032" s="1" t="s">
        <v>7</v>
      </c>
    </row>
    <row r="16033">
      <c r="A16033" s="1">
        <v>4.90659749E8</v>
      </c>
      <c r="B16033" s="2">
        <v>15223.0</v>
      </c>
      <c r="C16033" s="1" t="s">
        <v>5</v>
      </c>
      <c r="D16033" s="1" t="s">
        <v>11</v>
      </c>
      <c r="E16033" s="1" t="s">
        <v>7</v>
      </c>
    </row>
    <row r="16034">
      <c r="A16034" s="1">
        <v>4.90659767E8</v>
      </c>
      <c r="B16034" s="2">
        <v>15235.0</v>
      </c>
      <c r="C16034" s="1" t="s">
        <v>5</v>
      </c>
      <c r="D16034" s="1" t="s">
        <v>13677</v>
      </c>
      <c r="E16034" s="1" t="s">
        <v>13678</v>
      </c>
    </row>
    <row r="16035">
      <c r="A16035" s="1">
        <v>4.90659778E8</v>
      </c>
      <c r="B16035" s="2">
        <v>15220.0</v>
      </c>
      <c r="C16035" s="1" t="s">
        <v>5</v>
      </c>
      <c r="D16035" s="1" t="s">
        <v>13679</v>
      </c>
      <c r="E16035" s="1" t="s">
        <v>11</v>
      </c>
    </row>
    <row r="16036">
      <c r="A16036" s="1">
        <v>4.90659816E8</v>
      </c>
      <c r="B16036" s="2">
        <v>15229.0</v>
      </c>
      <c r="C16036" s="1" t="s">
        <v>5</v>
      </c>
      <c r="D16036" s="1" t="s">
        <v>13680</v>
      </c>
      <c r="E16036" s="1" t="s">
        <v>7</v>
      </c>
    </row>
    <row r="16037">
      <c r="A16037" s="1">
        <v>4.90659915E8</v>
      </c>
      <c r="B16037" s="2">
        <v>15259.0</v>
      </c>
      <c r="C16037" s="1" t="s">
        <v>5</v>
      </c>
      <c r="D16037" s="1" t="s">
        <v>11</v>
      </c>
      <c r="E16037" s="1" t="s">
        <v>7</v>
      </c>
    </row>
    <row r="16038">
      <c r="A16038" s="1">
        <v>4.90659979E8</v>
      </c>
      <c r="B16038" s="2">
        <v>15276.0</v>
      </c>
      <c r="C16038" s="1" t="s">
        <v>5</v>
      </c>
      <c r="D16038" s="1" t="s">
        <v>13681</v>
      </c>
      <c r="E16038" s="1" t="s">
        <v>13682</v>
      </c>
    </row>
    <row r="16039">
      <c r="A16039" s="1">
        <v>4.90660001E8</v>
      </c>
      <c r="B16039" s="2">
        <v>15266.0</v>
      </c>
      <c r="C16039" s="1" t="s">
        <v>5</v>
      </c>
      <c r="D16039" s="1" t="s">
        <v>13683</v>
      </c>
      <c r="E16039" s="1" t="s">
        <v>13684</v>
      </c>
    </row>
    <row r="16040">
      <c r="A16040" s="1">
        <v>4.90660003E8</v>
      </c>
      <c r="B16040" s="2">
        <v>15278.0</v>
      </c>
      <c r="C16040" s="1" t="s">
        <v>5</v>
      </c>
      <c r="D16040" s="1" t="s">
        <v>13685</v>
      </c>
      <c r="E16040" s="1" t="s">
        <v>7</v>
      </c>
    </row>
    <row r="16041">
      <c r="A16041" s="1">
        <v>4.90660052E8</v>
      </c>
      <c r="B16041" s="2">
        <v>15192.0</v>
      </c>
      <c r="C16041" s="1" t="s">
        <v>5</v>
      </c>
      <c r="D16041" s="1" t="s">
        <v>13686</v>
      </c>
      <c r="E16041" s="1" t="s">
        <v>13687</v>
      </c>
    </row>
    <row r="16042">
      <c r="A16042" s="1">
        <v>4.90660067E8</v>
      </c>
      <c r="B16042" s="2">
        <v>15276.0</v>
      </c>
      <c r="C16042" s="1" t="s">
        <v>5</v>
      </c>
      <c r="D16042" s="1" t="s">
        <v>13688</v>
      </c>
      <c r="E16042" s="1" t="s">
        <v>11</v>
      </c>
    </row>
    <row r="16043">
      <c r="A16043" s="1">
        <v>4.90660189E8</v>
      </c>
      <c r="B16043" s="2">
        <v>15191.0</v>
      </c>
      <c r="C16043" s="1" t="s">
        <v>5</v>
      </c>
      <c r="D16043" s="1" t="s">
        <v>13689</v>
      </c>
      <c r="E16043" s="1" t="s">
        <v>11</v>
      </c>
    </row>
    <row r="16044">
      <c r="A16044" s="1">
        <v>4.90660213E8</v>
      </c>
      <c r="B16044" s="2">
        <v>15275.0</v>
      </c>
      <c r="C16044" s="1" t="s">
        <v>5</v>
      </c>
      <c r="D16044" s="1" t="s">
        <v>13690</v>
      </c>
      <c r="E16044" s="1" t="s">
        <v>7</v>
      </c>
    </row>
    <row r="16045">
      <c r="A16045" s="1">
        <v>4.90660245E8</v>
      </c>
      <c r="B16045" s="2">
        <v>15256.0</v>
      </c>
      <c r="C16045" s="1" t="s">
        <v>5</v>
      </c>
      <c r="D16045" s="1" t="s">
        <v>13691</v>
      </c>
      <c r="E16045" s="1" t="s">
        <v>7</v>
      </c>
    </row>
    <row r="16046">
      <c r="A16046" s="1">
        <v>4.90660279E8</v>
      </c>
      <c r="B16046" s="2">
        <v>15264.0</v>
      </c>
      <c r="C16046" s="1" t="s">
        <v>5</v>
      </c>
      <c r="D16046" s="1" t="s">
        <v>13692</v>
      </c>
      <c r="E16046" s="1" t="s">
        <v>7</v>
      </c>
    </row>
    <row r="16047">
      <c r="A16047" s="1">
        <v>4.90660345E8</v>
      </c>
      <c r="B16047" s="2">
        <v>15264.0</v>
      </c>
      <c r="C16047" s="1" t="s">
        <v>5</v>
      </c>
      <c r="D16047" s="1" t="s">
        <v>13693</v>
      </c>
      <c r="E16047" s="1" t="s">
        <v>7</v>
      </c>
    </row>
    <row r="16048">
      <c r="A16048" s="1">
        <v>4.90660347E8</v>
      </c>
      <c r="B16048" s="2">
        <v>15189.0</v>
      </c>
      <c r="C16048" s="1" t="s">
        <v>5</v>
      </c>
      <c r="D16048" s="1" t="s">
        <v>13694</v>
      </c>
      <c r="E16048" s="1" t="s">
        <v>13695</v>
      </c>
    </row>
    <row r="16049">
      <c r="A16049" s="1">
        <v>4.90660396E8</v>
      </c>
      <c r="B16049" s="2">
        <v>15277.0</v>
      </c>
      <c r="C16049" s="1" t="s">
        <v>5</v>
      </c>
      <c r="D16049" s="1" t="s">
        <v>13696</v>
      </c>
      <c r="E16049" s="1" t="s">
        <v>7</v>
      </c>
    </row>
    <row r="16050">
      <c r="A16050" s="1">
        <v>4.90660441E8</v>
      </c>
      <c r="B16050" s="2">
        <v>15223.0</v>
      </c>
      <c r="C16050" s="1" t="s">
        <v>5</v>
      </c>
      <c r="D16050" s="1" t="s">
        <v>13697</v>
      </c>
      <c r="E16050" s="1" t="s">
        <v>11</v>
      </c>
    </row>
    <row r="16051">
      <c r="A16051" s="1">
        <v>4.90660505E8</v>
      </c>
      <c r="B16051" s="2">
        <v>15249.0</v>
      </c>
      <c r="C16051" s="1" t="s">
        <v>5</v>
      </c>
      <c r="D16051" s="1" t="s">
        <v>13698</v>
      </c>
      <c r="E16051" s="1" t="s">
        <v>7</v>
      </c>
    </row>
    <row r="16052">
      <c r="A16052" s="1">
        <v>4.90660511E8</v>
      </c>
      <c r="B16052" s="2">
        <v>15276.0</v>
      </c>
      <c r="C16052" s="1" t="s">
        <v>5</v>
      </c>
      <c r="D16052" s="1" t="s">
        <v>13699</v>
      </c>
      <c r="E16052" s="1" t="s">
        <v>7</v>
      </c>
    </row>
    <row r="16053">
      <c r="A16053" s="1">
        <v>4.90660583E8</v>
      </c>
      <c r="B16053" s="2">
        <v>15276.0</v>
      </c>
      <c r="C16053" s="1" t="s">
        <v>5</v>
      </c>
      <c r="D16053" s="1" t="s">
        <v>13700</v>
      </c>
      <c r="E16053" s="1" t="s">
        <v>11</v>
      </c>
    </row>
    <row r="16054">
      <c r="A16054" s="1">
        <v>4.90660703E8</v>
      </c>
      <c r="B16054" s="2">
        <v>15273.0</v>
      </c>
      <c r="C16054" s="1" t="s">
        <v>5</v>
      </c>
      <c r="D16054" s="1" t="s">
        <v>13701</v>
      </c>
      <c r="E16054" s="1" t="s">
        <v>7</v>
      </c>
    </row>
    <row r="16055">
      <c r="A16055" s="1">
        <v>4.90660712E8</v>
      </c>
      <c r="B16055" s="2">
        <v>15261.0</v>
      </c>
      <c r="C16055" s="1" t="s">
        <v>5</v>
      </c>
      <c r="D16055" s="1" t="s">
        <v>13702</v>
      </c>
      <c r="E16055" s="1" t="s">
        <v>11</v>
      </c>
    </row>
    <row r="16056">
      <c r="A16056" s="1">
        <v>4.90660725E8</v>
      </c>
      <c r="B16056" s="2">
        <v>15273.0</v>
      </c>
      <c r="C16056" s="1" t="s">
        <v>5</v>
      </c>
      <c r="D16056" s="1" t="s">
        <v>13703</v>
      </c>
      <c r="E16056" s="1" t="s">
        <v>13704</v>
      </c>
    </row>
    <row r="16057">
      <c r="A16057" s="1">
        <v>4.90660732E8</v>
      </c>
      <c r="B16057" s="2">
        <v>15272.0</v>
      </c>
      <c r="C16057" s="1" t="s">
        <v>5</v>
      </c>
      <c r="D16057" s="1" t="s">
        <v>13705</v>
      </c>
      <c r="E16057" s="1" t="s">
        <v>7</v>
      </c>
    </row>
    <row r="16058">
      <c r="A16058" s="1">
        <v>4.90660747E8</v>
      </c>
      <c r="B16058" s="2">
        <v>15269.0</v>
      </c>
      <c r="C16058" s="1" t="s">
        <v>5</v>
      </c>
      <c r="D16058" s="1" t="s">
        <v>11</v>
      </c>
      <c r="E16058" s="1" t="s">
        <v>7</v>
      </c>
    </row>
    <row r="16059">
      <c r="A16059" s="1">
        <v>4.90660771E8</v>
      </c>
      <c r="B16059" s="2">
        <v>15261.0</v>
      </c>
      <c r="C16059" s="1" t="s">
        <v>5</v>
      </c>
      <c r="D16059" s="1" t="s">
        <v>11</v>
      </c>
      <c r="E16059" s="1" t="s">
        <v>7</v>
      </c>
    </row>
    <row r="16060">
      <c r="A16060" s="1">
        <v>4.90660788E8</v>
      </c>
      <c r="B16060" s="2">
        <v>15232.0</v>
      </c>
      <c r="C16060" s="1" t="s">
        <v>5</v>
      </c>
      <c r="D16060" s="1" t="s">
        <v>7</v>
      </c>
      <c r="E16060" s="1" t="s">
        <v>7</v>
      </c>
    </row>
    <row r="16061">
      <c r="A16061" s="1">
        <v>4.90660865E8</v>
      </c>
      <c r="B16061" s="2">
        <v>15229.0</v>
      </c>
      <c r="C16061" s="1" t="s">
        <v>5</v>
      </c>
      <c r="D16061" s="1" t="s">
        <v>13706</v>
      </c>
      <c r="E16061" s="1" t="s">
        <v>7</v>
      </c>
    </row>
    <row r="16062">
      <c r="A16062" s="1">
        <v>4.90660892E8</v>
      </c>
      <c r="B16062" s="2">
        <v>15261.0</v>
      </c>
      <c r="C16062" s="1" t="s">
        <v>5</v>
      </c>
      <c r="D16062" s="1" t="s">
        <v>13707</v>
      </c>
      <c r="E16062" s="1" t="s">
        <v>7</v>
      </c>
    </row>
    <row r="16063">
      <c r="A16063" s="1">
        <v>4.90660952E8</v>
      </c>
      <c r="B16063" s="2">
        <v>15274.0</v>
      </c>
      <c r="C16063" s="1" t="s">
        <v>5</v>
      </c>
      <c r="D16063" s="1" t="s">
        <v>13708</v>
      </c>
      <c r="E16063" s="1" t="s">
        <v>11</v>
      </c>
    </row>
    <row r="16064">
      <c r="A16064" s="1">
        <v>4.90661026E8</v>
      </c>
      <c r="B16064" s="2">
        <v>15269.0</v>
      </c>
      <c r="C16064" s="1" t="s">
        <v>5</v>
      </c>
      <c r="D16064" s="1" t="s">
        <v>11</v>
      </c>
      <c r="E16064" s="1" t="s">
        <v>7</v>
      </c>
    </row>
    <row r="16065">
      <c r="A16065" s="1">
        <v>4.90661037E8</v>
      </c>
      <c r="B16065" s="2">
        <v>15216.0</v>
      </c>
      <c r="C16065" s="1" t="s">
        <v>5</v>
      </c>
      <c r="D16065" s="1" t="s">
        <v>11</v>
      </c>
      <c r="E16065" s="1" t="s">
        <v>7</v>
      </c>
    </row>
    <row r="16066">
      <c r="A16066" s="1">
        <v>4.90661041E8</v>
      </c>
      <c r="B16066" s="2">
        <v>15269.0</v>
      </c>
      <c r="C16066" s="1" t="s">
        <v>5</v>
      </c>
      <c r="D16066" s="1" t="s">
        <v>13709</v>
      </c>
      <c r="E16066" s="1" t="s">
        <v>13710</v>
      </c>
    </row>
    <row r="16067">
      <c r="A16067" s="1">
        <v>4.90661063E8</v>
      </c>
      <c r="B16067" s="2">
        <v>15269.0</v>
      </c>
      <c r="C16067" s="1" t="s">
        <v>5</v>
      </c>
      <c r="D16067" s="1" t="s">
        <v>13711</v>
      </c>
      <c r="E16067" s="1" t="s">
        <v>11</v>
      </c>
    </row>
    <row r="16068">
      <c r="A16068" s="1">
        <v>4.90661185E8</v>
      </c>
      <c r="B16068" s="2">
        <v>15268.0</v>
      </c>
      <c r="C16068" s="1" t="s">
        <v>5</v>
      </c>
      <c r="D16068" s="1" t="s">
        <v>13712</v>
      </c>
      <c r="E16068" s="1" t="s">
        <v>13713</v>
      </c>
    </row>
    <row r="16069">
      <c r="A16069" s="1">
        <v>4.90661238E8</v>
      </c>
      <c r="B16069" s="2">
        <v>15229.0</v>
      </c>
      <c r="C16069" s="1" t="s">
        <v>5</v>
      </c>
      <c r="D16069" s="1" t="s">
        <v>13714</v>
      </c>
      <c r="E16069" s="1" t="s">
        <v>11</v>
      </c>
    </row>
    <row r="16070">
      <c r="A16070" s="1">
        <v>4.90661275E8</v>
      </c>
      <c r="B16070" s="2">
        <v>15254.0</v>
      </c>
      <c r="C16070" s="1" t="s">
        <v>5</v>
      </c>
      <c r="D16070" s="1" t="s">
        <v>13715</v>
      </c>
      <c r="E16070" s="1" t="s">
        <v>7</v>
      </c>
    </row>
    <row r="16071">
      <c r="A16071" s="1">
        <v>4.90661285E8</v>
      </c>
      <c r="B16071" s="2">
        <v>15256.0</v>
      </c>
      <c r="C16071" s="1" t="s">
        <v>5</v>
      </c>
      <c r="D16071" s="1" t="s">
        <v>13716</v>
      </c>
      <c r="E16071" s="1" t="s">
        <v>13717</v>
      </c>
    </row>
    <row r="16072">
      <c r="A16072" s="1">
        <v>4.9066129E8</v>
      </c>
      <c r="B16072" s="2">
        <v>15268.0</v>
      </c>
      <c r="C16072" s="1" t="s">
        <v>5</v>
      </c>
      <c r="D16072" s="1" t="s">
        <v>13718</v>
      </c>
      <c r="E16072" s="1" t="s">
        <v>11</v>
      </c>
    </row>
    <row r="16073">
      <c r="A16073" s="1">
        <v>4.90661367E8</v>
      </c>
      <c r="B16073" s="2">
        <v>15256.0</v>
      </c>
      <c r="C16073" s="1" t="s">
        <v>5</v>
      </c>
      <c r="D16073" s="1" t="s">
        <v>13719</v>
      </c>
      <c r="E16073" s="1" t="s">
        <v>7</v>
      </c>
    </row>
    <row r="16074">
      <c r="A16074" s="1">
        <v>4.90661427E8</v>
      </c>
      <c r="B16074" s="2">
        <v>15262.0</v>
      </c>
      <c r="C16074" s="1" t="s">
        <v>5</v>
      </c>
      <c r="D16074" s="1" t="s">
        <v>11</v>
      </c>
      <c r="E16074" s="1" t="s">
        <v>7</v>
      </c>
    </row>
    <row r="16075">
      <c r="A16075" s="1">
        <v>4.90661449E8</v>
      </c>
      <c r="B16075" s="2">
        <v>15270.0</v>
      </c>
      <c r="C16075" s="1" t="s">
        <v>5</v>
      </c>
      <c r="D16075" s="1" t="s">
        <v>13720</v>
      </c>
      <c r="E16075" s="1" t="s">
        <v>7</v>
      </c>
    </row>
    <row r="16076">
      <c r="A16076" s="1">
        <v>4.90661469E8</v>
      </c>
      <c r="B16076" s="2">
        <v>15254.0</v>
      </c>
      <c r="C16076" s="1" t="s">
        <v>5</v>
      </c>
      <c r="D16076" s="1" t="s">
        <v>13721</v>
      </c>
      <c r="E16076" s="1" t="s">
        <v>11</v>
      </c>
    </row>
    <row r="16077">
      <c r="A16077" s="1">
        <v>4.90661485E8</v>
      </c>
      <c r="B16077" s="2">
        <v>15265.0</v>
      </c>
      <c r="C16077" s="1" t="s">
        <v>5</v>
      </c>
      <c r="D16077" s="1" t="s">
        <v>13722</v>
      </c>
      <c r="E16077" s="1" t="s">
        <v>7</v>
      </c>
    </row>
    <row r="16078">
      <c r="A16078" s="1">
        <v>4.90661489E8</v>
      </c>
      <c r="B16078" s="2">
        <v>15223.0</v>
      </c>
      <c r="C16078" s="1" t="s">
        <v>5</v>
      </c>
      <c r="D16078" s="1" t="s">
        <v>13723</v>
      </c>
      <c r="E16078" s="1" t="s">
        <v>7</v>
      </c>
    </row>
    <row r="16079">
      <c r="A16079" s="1">
        <v>4.90661549E8</v>
      </c>
      <c r="B16079" s="2">
        <v>15265.0</v>
      </c>
      <c r="C16079" s="1" t="s">
        <v>5</v>
      </c>
      <c r="D16079" s="1" t="s">
        <v>13724</v>
      </c>
      <c r="E16079" s="1" t="s">
        <v>11</v>
      </c>
    </row>
    <row r="16080">
      <c r="A16080" s="1">
        <v>4.90661616E8</v>
      </c>
      <c r="B16080" s="2">
        <v>15235.0</v>
      </c>
      <c r="C16080" s="1" t="s">
        <v>5</v>
      </c>
      <c r="D16080" s="1" t="s">
        <v>13725</v>
      </c>
      <c r="E16080" s="1" t="s">
        <v>7</v>
      </c>
    </row>
    <row r="16081">
      <c r="A16081" s="1">
        <v>4.90661682E8</v>
      </c>
      <c r="B16081" s="2">
        <v>15263.0</v>
      </c>
      <c r="C16081" s="1" t="s">
        <v>5</v>
      </c>
      <c r="D16081" s="1" t="s">
        <v>11</v>
      </c>
      <c r="E16081" s="1" t="s">
        <v>7</v>
      </c>
    </row>
    <row r="16082">
      <c r="A16082" s="1">
        <v>4.90661777E8</v>
      </c>
      <c r="B16082" s="2">
        <v>15262.0</v>
      </c>
      <c r="C16082" s="1" t="s">
        <v>5</v>
      </c>
      <c r="D16082" s="1" t="s">
        <v>11</v>
      </c>
      <c r="E16082" s="1" t="s">
        <v>7</v>
      </c>
    </row>
    <row r="16083">
      <c r="A16083" s="1">
        <v>4.90661815E8</v>
      </c>
      <c r="B16083" s="2">
        <v>15251.0</v>
      </c>
      <c r="C16083" s="1" t="s">
        <v>5</v>
      </c>
      <c r="D16083" s="1" t="s">
        <v>13726</v>
      </c>
      <c r="E16083" s="1" t="s">
        <v>7</v>
      </c>
    </row>
    <row r="16084">
      <c r="A16084" s="1">
        <v>4.90662001E8</v>
      </c>
      <c r="B16084" s="2">
        <v>15203.0</v>
      </c>
      <c r="C16084" s="1" t="s">
        <v>5</v>
      </c>
      <c r="D16084" s="1" t="s">
        <v>13727</v>
      </c>
      <c r="E16084" s="1" t="s">
        <v>7</v>
      </c>
    </row>
    <row r="16085">
      <c r="A16085" s="1">
        <v>4.90662048E8</v>
      </c>
      <c r="B16085" s="2">
        <v>15309.0</v>
      </c>
      <c r="C16085" s="1" t="s">
        <v>5</v>
      </c>
      <c r="D16085" s="1" t="s">
        <v>13728</v>
      </c>
      <c r="E16085" s="1" t="s">
        <v>11</v>
      </c>
    </row>
    <row r="16086">
      <c r="A16086" s="1">
        <v>4.90662133E8</v>
      </c>
      <c r="B16086" s="2">
        <v>15307.0</v>
      </c>
      <c r="C16086" s="1" t="s">
        <v>5</v>
      </c>
      <c r="D16086" s="1" t="s">
        <v>13729</v>
      </c>
      <c r="E16086" s="1" t="s">
        <v>7</v>
      </c>
    </row>
    <row r="16087">
      <c r="A16087" s="1">
        <v>4.90662161E8</v>
      </c>
      <c r="B16087" s="2">
        <v>15223.0</v>
      </c>
      <c r="C16087" s="1" t="s">
        <v>5</v>
      </c>
      <c r="D16087" s="1" t="s">
        <v>13730</v>
      </c>
      <c r="E16087" s="1" t="s">
        <v>7</v>
      </c>
    </row>
    <row r="16088">
      <c r="A16088" s="1">
        <v>4.90662178E8</v>
      </c>
      <c r="B16088" s="2">
        <v>15255.0</v>
      </c>
      <c r="C16088" s="1" t="s">
        <v>5</v>
      </c>
      <c r="D16088" s="1" t="s">
        <v>13731</v>
      </c>
      <c r="E16088" s="1" t="s">
        <v>11</v>
      </c>
    </row>
    <row r="16089">
      <c r="A16089" s="1">
        <v>4.90662242E8</v>
      </c>
      <c r="B16089" s="2">
        <v>15258.0</v>
      </c>
      <c r="C16089" s="1" t="s">
        <v>5</v>
      </c>
      <c r="D16089" s="1" t="s">
        <v>11</v>
      </c>
      <c r="E16089" s="1" t="s">
        <v>7</v>
      </c>
    </row>
    <row r="16090">
      <c r="A16090" s="1">
        <v>4.90662272E8</v>
      </c>
      <c r="B16090" s="2">
        <v>15306.0</v>
      </c>
      <c r="C16090" s="1" t="s">
        <v>5</v>
      </c>
      <c r="D16090" s="1" t="s">
        <v>11</v>
      </c>
      <c r="E16090" s="1" t="s">
        <v>7</v>
      </c>
    </row>
    <row r="16091">
      <c r="A16091" s="1">
        <v>4.90662281E8</v>
      </c>
      <c r="B16091" s="2">
        <v>15254.0</v>
      </c>
      <c r="C16091" s="1" t="s">
        <v>5</v>
      </c>
      <c r="D16091" s="1" t="s">
        <v>13732</v>
      </c>
      <c r="E16091" s="1" t="s">
        <v>11</v>
      </c>
    </row>
    <row r="16092">
      <c r="A16092" s="1">
        <v>4.90662332E8</v>
      </c>
      <c r="B16092" s="2">
        <v>15258.0</v>
      </c>
      <c r="C16092" s="1" t="s">
        <v>5</v>
      </c>
      <c r="D16092" s="1" t="s">
        <v>13733</v>
      </c>
      <c r="E16092" s="1" t="s">
        <v>7</v>
      </c>
    </row>
    <row r="16093">
      <c r="A16093" s="1">
        <v>4.90662369E8</v>
      </c>
      <c r="B16093" s="2">
        <v>15296.0</v>
      </c>
      <c r="C16093" s="1" t="s">
        <v>5</v>
      </c>
      <c r="D16093" s="1" t="s">
        <v>13734</v>
      </c>
      <c r="E16093" s="1" t="s">
        <v>7</v>
      </c>
    </row>
    <row r="16094">
      <c r="A16094" s="1">
        <v>4.90662374E8</v>
      </c>
      <c r="B16094" s="2">
        <v>15296.0</v>
      </c>
      <c r="C16094" s="1" t="s">
        <v>5</v>
      </c>
      <c r="D16094" s="1" t="s">
        <v>13735</v>
      </c>
      <c r="E16094" s="1" t="s">
        <v>7</v>
      </c>
    </row>
    <row r="16095">
      <c r="A16095" s="1">
        <v>4.90662432E8</v>
      </c>
      <c r="B16095" s="2">
        <v>15257.0</v>
      </c>
      <c r="C16095" s="1" t="s">
        <v>5</v>
      </c>
      <c r="D16095" s="1" t="s">
        <v>13736</v>
      </c>
      <c r="E16095" s="1" t="s">
        <v>11</v>
      </c>
    </row>
    <row r="16096">
      <c r="A16096" s="1">
        <v>4.90662463E8</v>
      </c>
      <c r="B16096" s="2">
        <v>15256.0</v>
      </c>
      <c r="C16096" s="1" t="s">
        <v>5</v>
      </c>
      <c r="D16096" s="1" t="s">
        <v>13737</v>
      </c>
      <c r="E16096" s="1" t="s">
        <v>11</v>
      </c>
    </row>
    <row r="16097">
      <c r="A16097" s="1">
        <v>4.90662505E8</v>
      </c>
      <c r="B16097" s="2">
        <v>15296.0</v>
      </c>
      <c r="C16097" s="1" t="s">
        <v>5</v>
      </c>
      <c r="D16097" s="1" t="s">
        <v>13738</v>
      </c>
      <c r="E16097" s="1" t="s">
        <v>11</v>
      </c>
    </row>
    <row r="16098">
      <c r="A16098" s="1">
        <v>4.90662513E8</v>
      </c>
      <c r="B16098" s="2">
        <v>15255.0</v>
      </c>
      <c r="C16098" s="1" t="s">
        <v>5</v>
      </c>
      <c r="D16098" s="1" t="s">
        <v>13739</v>
      </c>
      <c r="E16098" s="1" t="s">
        <v>11</v>
      </c>
    </row>
    <row r="16099">
      <c r="A16099" s="1">
        <v>4.90662534E8</v>
      </c>
      <c r="B16099" s="2">
        <v>15252.0</v>
      </c>
      <c r="C16099" s="1" t="s">
        <v>5</v>
      </c>
      <c r="D16099" s="1" t="s">
        <v>13740</v>
      </c>
      <c r="E16099" s="1" t="s">
        <v>11</v>
      </c>
    </row>
    <row r="16100">
      <c r="A16100" s="1">
        <v>4.90662555E8</v>
      </c>
      <c r="B16100" s="2">
        <v>15255.0</v>
      </c>
      <c r="C16100" s="1" t="s">
        <v>5</v>
      </c>
      <c r="D16100" s="1" t="s">
        <v>13741</v>
      </c>
      <c r="E16100" s="1" t="s">
        <v>7</v>
      </c>
    </row>
    <row r="16101">
      <c r="A16101" s="1">
        <v>4.90662623E8</v>
      </c>
      <c r="B16101" s="2">
        <v>15250.0</v>
      </c>
      <c r="C16101" s="1" t="s">
        <v>5</v>
      </c>
      <c r="D16101" s="1" t="s">
        <v>13742</v>
      </c>
      <c r="E16101" s="1" t="s">
        <v>7</v>
      </c>
    </row>
    <row r="16102">
      <c r="A16102" s="1">
        <v>4.9066268E8</v>
      </c>
      <c r="B16102" s="2">
        <v>15250.0</v>
      </c>
      <c r="C16102" s="1" t="s">
        <v>5</v>
      </c>
      <c r="D16102" s="1" t="s">
        <v>13743</v>
      </c>
      <c r="E16102" s="1" t="s">
        <v>11</v>
      </c>
    </row>
    <row r="16103">
      <c r="A16103" s="1">
        <v>4.90662693E8</v>
      </c>
      <c r="B16103" s="2">
        <v>15253.0</v>
      </c>
      <c r="C16103" s="1" t="s">
        <v>5</v>
      </c>
      <c r="D16103" s="1" t="s">
        <v>13744</v>
      </c>
      <c r="E16103" s="1" t="s">
        <v>7</v>
      </c>
    </row>
    <row r="16104">
      <c r="A16104" s="1">
        <v>4.90662703E8</v>
      </c>
      <c r="B16104" s="2">
        <v>15253.0</v>
      </c>
      <c r="C16104" s="1" t="s">
        <v>5</v>
      </c>
      <c r="D16104" s="1" t="s">
        <v>13745</v>
      </c>
      <c r="E16104" s="1" t="s">
        <v>7</v>
      </c>
    </row>
    <row r="16105">
      <c r="A16105" s="1">
        <v>4.90662798E8</v>
      </c>
      <c r="B16105" s="2">
        <v>15253.0</v>
      </c>
      <c r="C16105" s="1" t="s">
        <v>5</v>
      </c>
      <c r="D16105" s="1" t="s">
        <v>13746</v>
      </c>
      <c r="E16105" s="1" t="s">
        <v>7</v>
      </c>
    </row>
    <row r="16106">
      <c r="A16106" s="1">
        <v>4.90662838E8</v>
      </c>
      <c r="B16106" s="2">
        <v>15292.0</v>
      </c>
      <c r="C16106" s="1" t="s">
        <v>5</v>
      </c>
      <c r="D16106" s="1" t="s">
        <v>13747</v>
      </c>
      <c r="E16106" s="1" t="s">
        <v>7</v>
      </c>
    </row>
    <row r="16107">
      <c r="A16107" s="1">
        <v>4.90662839E8</v>
      </c>
      <c r="B16107" s="2">
        <v>15251.0</v>
      </c>
      <c r="C16107" s="1" t="s">
        <v>5</v>
      </c>
      <c r="D16107" s="1" t="s">
        <v>13748</v>
      </c>
      <c r="E16107" s="1" t="s">
        <v>7</v>
      </c>
    </row>
    <row r="16108">
      <c r="A16108" s="1">
        <v>4.90662914E8</v>
      </c>
      <c r="B16108" s="2">
        <v>15252.0</v>
      </c>
      <c r="C16108" s="1" t="s">
        <v>5</v>
      </c>
      <c r="D16108" s="1" t="s">
        <v>13749</v>
      </c>
      <c r="E16108" s="1" t="s">
        <v>7</v>
      </c>
    </row>
    <row r="16109">
      <c r="A16109" s="1">
        <v>4.90662918E8</v>
      </c>
      <c r="B16109" s="2">
        <v>15288.0</v>
      </c>
      <c r="C16109" s="1" t="s">
        <v>5</v>
      </c>
      <c r="D16109" s="1" t="s">
        <v>13750</v>
      </c>
      <c r="E16109" s="1" t="s">
        <v>7</v>
      </c>
    </row>
    <row r="16110">
      <c r="A16110" s="1">
        <v>4.90663007E8</v>
      </c>
      <c r="B16110" s="2">
        <v>15250.0</v>
      </c>
      <c r="C16110" s="1" t="s">
        <v>5</v>
      </c>
      <c r="D16110" s="1" t="s">
        <v>13751</v>
      </c>
      <c r="E16110" s="1" t="s">
        <v>7</v>
      </c>
    </row>
    <row r="16111">
      <c r="A16111" s="1">
        <v>4.90663048E8</v>
      </c>
      <c r="B16111" s="2">
        <v>15288.0</v>
      </c>
      <c r="C16111" s="1" t="s">
        <v>5</v>
      </c>
      <c r="D16111" s="1" t="s">
        <v>13752</v>
      </c>
      <c r="E16111" s="1" t="s">
        <v>11</v>
      </c>
    </row>
    <row r="16112">
      <c r="A16112" s="1">
        <v>4.90663081E8</v>
      </c>
      <c r="B16112" s="2">
        <v>15310.0</v>
      </c>
      <c r="C16112" s="1" t="s">
        <v>5</v>
      </c>
      <c r="D16112" s="1" t="s">
        <v>13753</v>
      </c>
      <c r="E16112" s="1" t="s">
        <v>7</v>
      </c>
    </row>
    <row r="16113">
      <c r="A16113" s="1">
        <v>4.90663086E8</v>
      </c>
      <c r="B16113" s="2">
        <v>15309.0</v>
      </c>
      <c r="C16113" s="1" t="s">
        <v>5</v>
      </c>
      <c r="D16113" s="1" t="s">
        <v>13754</v>
      </c>
      <c r="E16113" s="1" t="s">
        <v>11</v>
      </c>
    </row>
    <row r="16114">
      <c r="A16114" s="1">
        <v>4.90663129E8</v>
      </c>
      <c r="B16114" s="2">
        <v>15290.0</v>
      </c>
      <c r="C16114" s="1" t="s">
        <v>5</v>
      </c>
      <c r="D16114" s="1" t="s">
        <v>13755</v>
      </c>
      <c r="E16114" s="1" t="s">
        <v>7</v>
      </c>
    </row>
    <row r="16115">
      <c r="A16115" s="1">
        <v>4.90663162E8</v>
      </c>
      <c r="B16115" s="2">
        <v>15296.0</v>
      </c>
      <c r="C16115" s="1" t="s">
        <v>5</v>
      </c>
      <c r="D16115" s="1" t="s">
        <v>13756</v>
      </c>
      <c r="E16115" s="1" t="s">
        <v>11</v>
      </c>
    </row>
    <row r="16116">
      <c r="A16116" s="1">
        <v>4.90663278E8</v>
      </c>
      <c r="B16116" s="2">
        <v>15308.0</v>
      </c>
      <c r="C16116" s="1" t="s">
        <v>5</v>
      </c>
      <c r="D16116" s="1" t="s">
        <v>11</v>
      </c>
      <c r="E16116" s="1" t="s">
        <v>7</v>
      </c>
    </row>
    <row r="16117">
      <c r="A16117" s="1">
        <v>4.90663282E8</v>
      </c>
      <c r="B16117" s="2">
        <v>15307.0</v>
      </c>
      <c r="C16117" s="1" t="s">
        <v>5</v>
      </c>
      <c r="D16117" s="1" t="s">
        <v>13757</v>
      </c>
      <c r="E16117" s="1" t="s">
        <v>11</v>
      </c>
    </row>
    <row r="16118">
      <c r="A16118" s="1">
        <v>4.90663352E8</v>
      </c>
      <c r="B16118" s="2">
        <v>15297.0</v>
      </c>
      <c r="C16118" s="1" t="s">
        <v>5</v>
      </c>
      <c r="D16118" s="1" t="s">
        <v>13758</v>
      </c>
      <c r="E16118" s="1" t="s">
        <v>7</v>
      </c>
    </row>
    <row r="16119">
      <c r="A16119" s="1">
        <v>4.90663402E8</v>
      </c>
      <c r="B16119" s="2">
        <v>15294.0</v>
      </c>
      <c r="C16119" s="1" t="s">
        <v>5</v>
      </c>
      <c r="D16119" s="1" t="s">
        <v>11</v>
      </c>
      <c r="E16119" s="1" t="s">
        <v>7</v>
      </c>
    </row>
    <row r="16120">
      <c r="A16120" s="1">
        <v>4.90663503E8</v>
      </c>
      <c r="B16120" s="2">
        <v>15303.0</v>
      </c>
      <c r="C16120" s="1" t="s">
        <v>5</v>
      </c>
      <c r="D16120" s="1" t="s">
        <v>13759</v>
      </c>
      <c r="E16120" s="1" t="s">
        <v>11</v>
      </c>
    </row>
    <row r="16121">
      <c r="A16121" s="1">
        <v>4.90663506E8</v>
      </c>
      <c r="B16121" s="2">
        <v>15312.0</v>
      </c>
      <c r="C16121" s="1" t="s">
        <v>5</v>
      </c>
      <c r="D16121" s="1" t="s">
        <v>11</v>
      </c>
      <c r="E16121" s="1" t="s">
        <v>7</v>
      </c>
    </row>
    <row r="16122">
      <c r="A16122" s="1">
        <v>4.90663514E8</v>
      </c>
      <c r="B16122" s="2">
        <v>15312.0</v>
      </c>
      <c r="C16122" s="1" t="s">
        <v>5</v>
      </c>
      <c r="D16122" s="1" t="s">
        <v>11</v>
      </c>
      <c r="E16122" s="1" t="s">
        <v>7</v>
      </c>
    </row>
    <row r="16123">
      <c r="A16123" s="1">
        <v>4.90663623E8</v>
      </c>
      <c r="B16123" s="2">
        <v>15370.0</v>
      </c>
      <c r="C16123" s="1" t="s">
        <v>5</v>
      </c>
      <c r="D16123" s="1" t="s">
        <v>13760</v>
      </c>
      <c r="E16123" s="1" t="s">
        <v>7</v>
      </c>
    </row>
    <row r="16124">
      <c r="A16124" s="1">
        <v>4.90663658E8</v>
      </c>
      <c r="B16124" s="2">
        <v>15306.0</v>
      </c>
      <c r="C16124" s="1" t="s">
        <v>5</v>
      </c>
      <c r="D16124" s="1" t="s">
        <v>11</v>
      </c>
      <c r="E16124" s="1" t="s">
        <v>7</v>
      </c>
    </row>
    <row r="16125">
      <c r="A16125" s="1">
        <v>4.90663783E8</v>
      </c>
      <c r="B16125" s="2">
        <v>15301.0</v>
      </c>
      <c r="C16125" s="1" t="s">
        <v>5</v>
      </c>
      <c r="D16125" s="1" t="s">
        <v>13761</v>
      </c>
      <c r="E16125" s="1" t="s">
        <v>7</v>
      </c>
    </row>
    <row r="16126">
      <c r="A16126" s="1">
        <v>4.906638E8</v>
      </c>
      <c r="B16126" s="2">
        <v>15301.0</v>
      </c>
      <c r="C16126" s="1" t="s">
        <v>5</v>
      </c>
      <c r="D16126" s="1" t="s">
        <v>13762</v>
      </c>
      <c r="E16126" s="1" t="s">
        <v>11</v>
      </c>
    </row>
    <row r="16127">
      <c r="A16127" s="1">
        <v>4.90663828E8</v>
      </c>
      <c r="B16127" s="2">
        <v>15302.0</v>
      </c>
      <c r="C16127" s="1" t="s">
        <v>5</v>
      </c>
      <c r="D16127" s="1" t="s">
        <v>13763</v>
      </c>
      <c r="E16127" s="1" t="s">
        <v>11</v>
      </c>
    </row>
    <row r="16128">
      <c r="A16128" s="1">
        <v>4.90663838E8</v>
      </c>
      <c r="B16128" s="2">
        <v>15304.0</v>
      </c>
      <c r="C16128" s="1" t="s">
        <v>5</v>
      </c>
      <c r="D16128" s="1" t="s">
        <v>13764</v>
      </c>
      <c r="E16128" s="1" t="s">
        <v>11</v>
      </c>
    </row>
    <row r="16129">
      <c r="A16129" s="1">
        <v>4.90663865E8</v>
      </c>
      <c r="B16129" s="2">
        <v>15300.0</v>
      </c>
      <c r="C16129" s="1" t="s">
        <v>5</v>
      </c>
      <c r="D16129" s="1" t="s">
        <v>11</v>
      </c>
      <c r="E16129" s="1" t="s">
        <v>7</v>
      </c>
    </row>
    <row r="16130">
      <c r="A16130" s="1">
        <v>4.90663925E8</v>
      </c>
      <c r="B16130" s="2">
        <v>15243.0</v>
      </c>
      <c r="C16130" s="1" t="s">
        <v>5</v>
      </c>
      <c r="D16130" s="1" t="s">
        <v>13765</v>
      </c>
      <c r="E16130" s="1" t="s">
        <v>7</v>
      </c>
    </row>
    <row r="16131">
      <c r="A16131" s="1">
        <v>4.90663952E8</v>
      </c>
      <c r="B16131" s="2">
        <v>15303.0</v>
      </c>
      <c r="C16131" s="1" t="s">
        <v>5</v>
      </c>
      <c r="D16131" s="1" t="s">
        <v>11</v>
      </c>
      <c r="E16131" s="1" t="s">
        <v>7</v>
      </c>
    </row>
    <row r="16132">
      <c r="A16132" s="1">
        <v>4.90664024E8</v>
      </c>
      <c r="B16132" s="2">
        <v>15370.0</v>
      </c>
      <c r="C16132" s="1" t="s">
        <v>5</v>
      </c>
      <c r="D16132" s="1" t="s">
        <v>11</v>
      </c>
      <c r="E16132" s="1" t="s">
        <v>7</v>
      </c>
    </row>
    <row r="16133">
      <c r="A16133" s="1">
        <v>4.90664133E8</v>
      </c>
      <c r="B16133" s="2">
        <v>15364.0</v>
      </c>
      <c r="C16133" s="1" t="s">
        <v>5</v>
      </c>
      <c r="D16133" s="1" t="s">
        <v>13766</v>
      </c>
      <c r="E16133" s="1" t="s">
        <v>11</v>
      </c>
    </row>
    <row r="16134">
      <c r="A16134" s="1">
        <v>4.90664197E8</v>
      </c>
      <c r="B16134" s="2">
        <v>15302.0</v>
      </c>
      <c r="C16134" s="1" t="s">
        <v>5</v>
      </c>
      <c r="D16134" s="1" t="s">
        <v>11</v>
      </c>
      <c r="E16134" s="1" t="s">
        <v>7</v>
      </c>
    </row>
    <row r="16135">
      <c r="A16135" s="1">
        <v>4.90664261E8</v>
      </c>
      <c r="B16135" s="2">
        <v>15363.0</v>
      </c>
      <c r="C16135" s="1" t="s">
        <v>5</v>
      </c>
      <c r="D16135" s="1" t="s">
        <v>13767</v>
      </c>
      <c r="E16135" s="1" t="s">
        <v>13768</v>
      </c>
    </row>
    <row r="16136">
      <c r="A16136" s="1">
        <v>4.9066434E8</v>
      </c>
      <c r="B16136" s="2">
        <v>15282.0</v>
      </c>
      <c r="C16136" s="1" t="s">
        <v>5</v>
      </c>
      <c r="D16136" s="1" t="s">
        <v>11</v>
      </c>
      <c r="E16136" s="1" t="s">
        <v>7</v>
      </c>
    </row>
    <row r="16137">
      <c r="A16137" s="1">
        <v>4.9066445E8</v>
      </c>
      <c r="B16137" s="2">
        <v>15359.0</v>
      </c>
      <c r="C16137" s="1" t="s">
        <v>5</v>
      </c>
      <c r="D16137" s="1" t="s">
        <v>11</v>
      </c>
      <c r="E16137" s="1" t="s">
        <v>7</v>
      </c>
    </row>
    <row r="16138">
      <c r="A16138" s="1">
        <v>4.90664465E8</v>
      </c>
      <c r="B16138" s="2">
        <v>15291.0</v>
      </c>
      <c r="C16138" s="1" t="s">
        <v>5</v>
      </c>
      <c r="D16138" s="1" t="s">
        <v>11</v>
      </c>
      <c r="E16138" s="1" t="s">
        <v>7</v>
      </c>
    </row>
    <row r="16139">
      <c r="A16139" s="1">
        <v>4.90664511E8</v>
      </c>
      <c r="B16139" s="2">
        <v>15362.0</v>
      </c>
      <c r="C16139" s="1" t="s">
        <v>5</v>
      </c>
      <c r="D16139" s="1" t="s">
        <v>13769</v>
      </c>
      <c r="E16139" s="1" t="s">
        <v>13770</v>
      </c>
    </row>
    <row r="16140">
      <c r="A16140" s="1">
        <v>4.90664519E8</v>
      </c>
      <c r="B16140" s="2">
        <v>15296.0</v>
      </c>
      <c r="C16140" s="1" t="s">
        <v>5</v>
      </c>
      <c r="D16140" s="1" t="s">
        <v>13771</v>
      </c>
      <c r="E16140" s="1" t="s">
        <v>11</v>
      </c>
    </row>
    <row r="16141">
      <c r="A16141" s="1">
        <v>4.90664543E8</v>
      </c>
      <c r="B16141" s="2">
        <v>15281.0</v>
      </c>
      <c r="C16141" s="1" t="s">
        <v>5</v>
      </c>
      <c r="D16141" s="1" t="s">
        <v>13772</v>
      </c>
      <c r="E16141" s="1" t="s">
        <v>7</v>
      </c>
    </row>
    <row r="16142">
      <c r="A16142" s="1">
        <v>4.90664562E8</v>
      </c>
      <c r="B16142" s="2">
        <v>15368.0</v>
      </c>
      <c r="C16142" s="1" t="s">
        <v>5</v>
      </c>
      <c r="D16142" s="1" t="s">
        <v>13773</v>
      </c>
      <c r="E16142" s="1" t="s">
        <v>11</v>
      </c>
    </row>
    <row r="16143">
      <c r="A16143" s="1">
        <v>4.90664664E8</v>
      </c>
      <c r="B16143" s="2">
        <v>15359.0</v>
      </c>
      <c r="C16143" s="1" t="s">
        <v>5</v>
      </c>
      <c r="D16143" s="1" t="s">
        <v>13774</v>
      </c>
      <c r="E16143" s="1" t="s">
        <v>13775</v>
      </c>
    </row>
    <row r="16144">
      <c r="A16144" s="1">
        <v>4.90664669E8</v>
      </c>
      <c r="B16144" s="2">
        <v>15360.0</v>
      </c>
      <c r="C16144" s="1" t="s">
        <v>5</v>
      </c>
      <c r="D16144" s="1" t="s">
        <v>13776</v>
      </c>
      <c r="E16144" s="1" t="s">
        <v>7</v>
      </c>
    </row>
    <row r="16145">
      <c r="A16145" s="1">
        <v>4.90664703E8</v>
      </c>
      <c r="B16145" s="2">
        <v>15359.0</v>
      </c>
      <c r="C16145" s="1" t="s">
        <v>5</v>
      </c>
      <c r="D16145" s="1" t="s">
        <v>13777</v>
      </c>
      <c r="E16145" s="1" t="s">
        <v>11</v>
      </c>
    </row>
    <row r="16146">
      <c r="A16146" s="1">
        <v>4.90664715E8</v>
      </c>
      <c r="B16146" s="2">
        <v>15341.0</v>
      </c>
      <c r="C16146" s="1" t="s">
        <v>5</v>
      </c>
      <c r="D16146" s="1" t="s">
        <v>13778</v>
      </c>
      <c r="E16146" s="1" t="s">
        <v>7</v>
      </c>
    </row>
    <row r="16147">
      <c r="A16147" s="1">
        <v>4.90664797E8</v>
      </c>
      <c r="B16147" s="2">
        <v>15297.0</v>
      </c>
      <c r="C16147" s="1" t="s">
        <v>5</v>
      </c>
      <c r="D16147" s="1" t="s">
        <v>13779</v>
      </c>
      <c r="E16147" s="1" t="s">
        <v>7</v>
      </c>
    </row>
    <row r="16148">
      <c r="A16148" s="1">
        <v>4.90664808E8</v>
      </c>
      <c r="B16148" s="2">
        <v>15233.0</v>
      </c>
      <c r="C16148" s="1" t="s">
        <v>5</v>
      </c>
      <c r="D16148" s="1" t="s">
        <v>11</v>
      </c>
      <c r="E16148" s="1" t="s">
        <v>7</v>
      </c>
    </row>
    <row r="16149">
      <c r="A16149" s="1">
        <v>4.90665054E8</v>
      </c>
      <c r="B16149" s="2">
        <v>15356.0</v>
      </c>
      <c r="C16149" s="1" t="s">
        <v>5</v>
      </c>
      <c r="D16149" s="1" t="s">
        <v>13780</v>
      </c>
      <c r="E16149" s="1" t="s">
        <v>7</v>
      </c>
    </row>
    <row r="16150">
      <c r="A16150" s="1">
        <v>4.90665155E8</v>
      </c>
      <c r="B16150" s="2">
        <v>15289.0</v>
      </c>
      <c r="C16150" s="1" t="s">
        <v>5</v>
      </c>
      <c r="D16150" s="1" t="s">
        <v>11</v>
      </c>
      <c r="E16150" s="1" t="s">
        <v>7</v>
      </c>
    </row>
    <row r="16151">
      <c r="A16151" s="1">
        <v>4.90665215E8</v>
      </c>
      <c r="B16151" s="2">
        <v>15356.0</v>
      </c>
      <c r="C16151" s="1" t="s">
        <v>5</v>
      </c>
      <c r="D16151" s="1" t="s">
        <v>13781</v>
      </c>
      <c r="E16151" s="1" t="s">
        <v>11</v>
      </c>
    </row>
    <row r="16152">
      <c r="A16152" s="1">
        <v>4.9066523E8</v>
      </c>
      <c r="B16152" s="2">
        <v>15288.0</v>
      </c>
      <c r="C16152" s="1" t="s">
        <v>5</v>
      </c>
      <c r="D16152" s="1" t="s">
        <v>13782</v>
      </c>
      <c r="E16152" s="1" t="s">
        <v>7</v>
      </c>
    </row>
    <row r="16153">
      <c r="A16153" s="1">
        <v>4.90665264E8</v>
      </c>
      <c r="B16153" s="2">
        <v>15293.0</v>
      </c>
      <c r="C16153" s="1" t="s">
        <v>5</v>
      </c>
      <c r="D16153" s="1" t="s">
        <v>13783</v>
      </c>
      <c r="E16153" s="1" t="s">
        <v>13784</v>
      </c>
    </row>
    <row r="16154">
      <c r="A16154" s="1">
        <v>4.90665282E8</v>
      </c>
      <c r="B16154" s="2">
        <v>15356.0</v>
      </c>
      <c r="C16154" s="1" t="s">
        <v>5</v>
      </c>
      <c r="D16154" s="1" t="s">
        <v>13785</v>
      </c>
      <c r="E16154" s="1" t="s">
        <v>7</v>
      </c>
    </row>
    <row r="16155">
      <c r="A16155" s="1">
        <v>4.90665292E8</v>
      </c>
      <c r="B16155" s="2">
        <v>15312.0</v>
      </c>
      <c r="C16155" s="1" t="s">
        <v>5</v>
      </c>
      <c r="D16155" s="1" t="s">
        <v>13786</v>
      </c>
      <c r="E16155" s="1" t="s">
        <v>7</v>
      </c>
    </row>
    <row r="16156">
      <c r="A16156" s="1">
        <v>4.90665335E8</v>
      </c>
      <c r="B16156" s="2">
        <v>15330.0</v>
      </c>
      <c r="C16156" s="1" t="s">
        <v>5</v>
      </c>
      <c r="D16156" s="1" t="s">
        <v>13787</v>
      </c>
      <c r="E16156" s="1" t="s">
        <v>11</v>
      </c>
    </row>
    <row r="16157">
      <c r="A16157" s="1">
        <v>4.90665482E8</v>
      </c>
      <c r="B16157" s="2">
        <v>15335.0</v>
      </c>
      <c r="C16157" s="1" t="s">
        <v>5</v>
      </c>
      <c r="D16157" s="1" t="s">
        <v>13788</v>
      </c>
      <c r="E16157" s="1" t="s">
        <v>7</v>
      </c>
    </row>
    <row r="16158">
      <c r="A16158" s="1">
        <v>4.90665504E8</v>
      </c>
      <c r="B16158" s="2">
        <v>15371.0</v>
      </c>
      <c r="C16158" s="1" t="s">
        <v>5</v>
      </c>
      <c r="D16158" s="1" t="s">
        <v>11</v>
      </c>
      <c r="E16158" s="1" t="s">
        <v>7</v>
      </c>
    </row>
    <row r="16159">
      <c r="A16159" s="1">
        <v>4.90665529E8</v>
      </c>
      <c r="B16159" s="2">
        <v>15285.0</v>
      </c>
      <c r="C16159" s="1" t="s">
        <v>5</v>
      </c>
      <c r="D16159" s="1" t="s">
        <v>13789</v>
      </c>
      <c r="E16159" s="1" t="s">
        <v>11</v>
      </c>
    </row>
    <row r="16160">
      <c r="A16160" s="1">
        <v>4.90665532E8</v>
      </c>
      <c r="B16160" s="2">
        <v>15359.0</v>
      </c>
      <c r="C16160" s="1" t="s">
        <v>5</v>
      </c>
      <c r="D16160" s="1" t="s">
        <v>13790</v>
      </c>
      <c r="E16160" s="1" t="s">
        <v>11</v>
      </c>
    </row>
    <row r="16161">
      <c r="A16161" s="1">
        <v>4.90665652E8</v>
      </c>
      <c r="B16161" s="2">
        <v>15286.0</v>
      </c>
      <c r="C16161" s="1" t="s">
        <v>5</v>
      </c>
      <c r="D16161" s="1" t="s">
        <v>13791</v>
      </c>
      <c r="E16161" s="1" t="s">
        <v>11</v>
      </c>
    </row>
    <row r="16162">
      <c r="A16162" s="1">
        <v>4.90665668E8</v>
      </c>
      <c r="B16162" s="2">
        <v>15327.0</v>
      </c>
      <c r="C16162" s="1" t="s">
        <v>5</v>
      </c>
      <c r="D16162" s="1" t="s">
        <v>13792</v>
      </c>
      <c r="E16162" s="1" t="s">
        <v>7</v>
      </c>
    </row>
    <row r="16163">
      <c r="A16163" s="1">
        <v>4.90665703E8</v>
      </c>
      <c r="B16163" s="2">
        <v>15289.0</v>
      </c>
      <c r="C16163" s="1" t="s">
        <v>5</v>
      </c>
      <c r="D16163" s="1" t="s">
        <v>11</v>
      </c>
      <c r="E16163" s="1" t="s">
        <v>7</v>
      </c>
    </row>
    <row r="16164">
      <c r="A16164" s="1">
        <v>4.90665932E8</v>
      </c>
      <c r="B16164" s="2">
        <v>15284.0</v>
      </c>
      <c r="C16164" s="1" t="s">
        <v>5</v>
      </c>
      <c r="D16164" s="1" t="s">
        <v>13793</v>
      </c>
      <c r="E16164" s="1" t="s">
        <v>11</v>
      </c>
    </row>
    <row r="16165">
      <c r="A16165" s="1">
        <v>4.90665949E8</v>
      </c>
      <c r="B16165" s="2">
        <v>15364.0</v>
      </c>
      <c r="C16165" s="1" t="s">
        <v>5</v>
      </c>
      <c r="D16165" s="1" t="s">
        <v>13794</v>
      </c>
      <c r="E16165" s="1" t="s">
        <v>7</v>
      </c>
    </row>
    <row r="16166">
      <c r="A16166" s="1">
        <v>4.9066596E8</v>
      </c>
      <c r="B16166" s="2">
        <v>15351.0</v>
      </c>
      <c r="C16166" s="1" t="s">
        <v>5</v>
      </c>
      <c r="D16166" s="1" t="s">
        <v>13795</v>
      </c>
      <c r="E16166" s="1" t="s">
        <v>7</v>
      </c>
    </row>
    <row r="16167">
      <c r="A16167" s="1">
        <v>4.90665962E8</v>
      </c>
      <c r="B16167" s="2">
        <v>15281.0</v>
      </c>
      <c r="C16167" s="1" t="s">
        <v>5</v>
      </c>
      <c r="D16167" s="1" t="s">
        <v>13796</v>
      </c>
      <c r="E16167" s="1" t="s">
        <v>7</v>
      </c>
    </row>
    <row r="16168">
      <c r="A16168" s="1">
        <v>4.90665966E8</v>
      </c>
      <c r="B16168" s="2">
        <v>15289.0</v>
      </c>
      <c r="C16168" s="1" t="s">
        <v>5</v>
      </c>
      <c r="D16168" s="1" t="s">
        <v>7</v>
      </c>
      <c r="E16168" s="1" t="s">
        <v>7</v>
      </c>
    </row>
    <row r="16169">
      <c r="A16169" s="1">
        <v>4.90666165E8</v>
      </c>
      <c r="B16169" s="2">
        <v>15331.0</v>
      </c>
      <c r="C16169" s="1" t="s">
        <v>5</v>
      </c>
      <c r="D16169" s="1" t="s">
        <v>13797</v>
      </c>
      <c r="E16169" s="1" t="s">
        <v>7</v>
      </c>
    </row>
    <row r="16170">
      <c r="A16170" s="1">
        <v>4.90666256E8</v>
      </c>
      <c r="B16170" s="2">
        <v>15362.0</v>
      </c>
      <c r="C16170" s="1" t="s">
        <v>5</v>
      </c>
      <c r="D16170" s="1" t="s">
        <v>11</v>
      </c>
      <c r="E16170" s="1" t="s">
        <v>7</v>
      </c>
    </row>
    <row r="16171">
      <c r="A16171" s="1">
        <v>4.90666277E8</v>
      </c>
      <c r="B16171" s="2">
        <v>15285.0</v>
      </c>
      <c r="C16171" s="1" t="s">
        <v>5</v>
      </c>
      <c r="D16171" s="1" t="s">
        <v>13798</v>
      </c>
      <c r="E16171" s="1" t="s">
        <v>7</v>
      </c>
    </row>
    <row r="16172">
      <c r="A16172" s="1">
        <v>4.90666305E8</v>
      </c>
      <c r="B16172" s="2">
        <v>15287.0</v>
      </c>
      <c r="C16172" s="1" t="s">
        <v>5</v>
      </c>
      <c r="D16172" s="1" t="s">
        <v>13799</v>
      </c>
      <c r="E16172" s="1" t="s">
        <v>11</v>
      </c>
    </row>
    <row r="16173">
      <c r="A16173" s="1">
        <v>4.90666352E8</v>
      </c>
      <c r="B16173" s="2">
        <v>15361.0</v>
      </c>
      <c r="C16173" s="1" t="s">
        <v>5</v>
      </c>
      <c r="D16173" s="1" t="s">
        <v>13800</v>
      </c>
      <c r="E16173" s="1" t="s">
        <v>13801</v>
      </c>
    </row>
    <row r="16174">
      <c r="A16174" s="1">
        <v>4.90666418E8</v>
      </c>
      <c r="B16174" s="2">
        <v>15330.0</v>
      </c>
      <c r="C16174" s="1" t="s">
        <v>5</v>
      </c>
      <c r="D16174" s="1" t="s">
        <v>13802</v>
      </c>
      <c r="E16174" s="1" t="s">
        <v>11</v>
      </c>
    </row>
    <row r="16175">
      <c r="A16175" s="1">
        <v>4.9066647E8</v>
      </c>
      <c r="B16175" s="2">
        <v>15285.0</v>
      </c>
      <c r="C16175" s="1" t="s">
        <v>5</v>
      </c>
      <c r="D16175" s="1" t="s">
        <v>13803</v>
      </c>
      <c r="E16175" s="1" t="s">
        <v>7</v>
      </c>
    </row>
    <row r="16176">
      <c r="A16176" s="1">
        <v>4.90666476E8</v>
      </c>
      <c r="B16176" s="2">
        <v>15338.0</v>
      </c>
      <c r="C16176" s="1" t="s">
        <v>5</v>
      </c>
      <c r="D16176" s="1" t="s">
        <v>13804</v>
      </c>
      <c r="E16176" s="1" t="s">
        <v>11</v>
      </c>
    </row>
    <row r="16177">
      <c r="A16177" s="1">
        <v>4.90666582E8</v>
      </c>
      <c r="B16177" s="2">
        <v>15282.0</v>
      </c>
      <c r="C16177" s="1" t="s">
        <v>5</v>
      </c>
      <c r="D16177" s="1" t="s">
        <v>13805</v>
      </c>
      <c r="E16177" s="1" t="s">
        <v>11</v>
      </c>
    </row>
    <row r="16178">
      <c r="A16178" s="1">
        <v>4.90666585E8</v>
      </c>
      <c r="B16178" s="2">
        <v>15281.0</v>
      </c>
      <c r="C16178" s="1" t="s">
        <v>5</v>
      </c>
      <c r="D16178" s="1" t="s">
        <v>13806</v>
      </c>
      <c r="E16178" s="1" t="s">
        <v>11</v>
      </c>
    </row>
    <row r="16179">
      <c r="A16179" s="1">
        <v>4.90666664E8</v>
      </c>
      <c r="B16179" s="2">
        <v>15345.0</v>
      </c>
      <c r="C16179" s="1" t="s">
        <v>5</v>
      </c>
      <c r="D16179" s="1" t="s">
        <v>13807</v>
      </c>
      <c r="E16179" s="1" t="s">
        <v>7</v>
      </c>
    </row>
    <row r="16180">
      <c r="A16180" s="1">
        <v>4.90666777E8</v>
      </c>
      <c r="B16180" s="2">
        <v>15320.0</v>
      </c>
      <c r="C16180" s="1" t="s">
        <v>5</v>
      </c>
      <c r="D16180" s="1" t="s">
        <v>11</v>
      </c>
      <c r="E16180" s="1" t="s">
        <v>7</v>
      </c>
    </row>
    <row r="16181">
      <c r="A16181" s="1">
        <v>4.90666883E8</v>
      </c>
      <c r="B16181" s="2">
        <v>15343.0</v>
      </c>
      <c r="C16181" s="1" t="s">
        <v>5</v>
      </c>
      <c r="D16181" s="1" t="s">
        <v>13808</v>
      </c>
      <c r="E16181" s="1" t="s">
        <v>11</v>
      </c>
    </row>
    <row r="16182">
      <c r="A16182" s="1">
        <v>4.90666936E8</v>
      </c>
      <c r="B16182" s="2">
        <v>15340.0</v>
      </c>
      <c r="C16182" s="1" t="s">
        <v>5</v>
      </c>
      <c r="D16182" s="1" t="s">
        <v>11</v>
      </c>
      <c r="E16182" s="1" t="s">
        <v>7</v>
      </c>
    </row>
    <row r="16183">
      <c r="A16183" s="1">
        <v>4.90666948E8</v>
      </c>
      <c r="B16183" s="2">
        <v>15281.0</v>
      </c>
      <c r="C16183" s="1" t="s">
        <v>5</v>
      </c>
      <c r="D16183" s="1" t="s">
        <v>11</v>
      </c>
      <c r="E16183" s="1" t="s">
        <v>7</v>
      </c>
    </row>
    <row r="16184">
      <c r="A16184" s="1">
        <v>4.9066695E8</v>
      </c>
      <c r="B16184" s="2">
        <v>15335.0</v>
      </c>
      <c r="C16184" s="1" t="s">
        <v>5</v>
      </c>
      <c r="D16184" s="1" t="s">
        <v>13809</v>
      </c>
      <c r="E16184" s="1" t="s">
        <v>7</v>
      </c>
    </row>
    <row r="16185">
      <c r="A16185" s="1">
        <v>4.90666966E8</v>
      </c>
      <c r="B16185" s="2">
        <v>15345.0</v>
      </c>
      <c r="C16185" s="1" t="s">
        <v>5</v>
      </c>
      <c r="D16185" s="1" t="s">
        <v>13810</v>
      </c>
      <c r="E16185" s="1" t="s">
        <v>7</v>
      </c>
    </row>
    <row r="16186">
      <c r="A16186" s="1">
        <v>4.90666983E8</v>
      </c>
      <c r="B16186" s="2">
        <v>15339.0</v>
      </c>
      <c r="C16186" s="1" t="s">
        <v>5</v>
      </c>
      <c r="D16186" s="1" t="s">
        <v>13811</v>
      </c>
      <c r="E16186" s="1" t="s">
        <v>7</v>
      </c>
    </row>
    <row r="16187">
      <c r="A16187" s="1">
        <v>4.90667041E8</v>
      </c>
      <c r="B16187" s="2">
        <v>15344.0</v>
      </c>
      <c r="C16187" s="1" t="s">
        <v>5</v>
      </c>
      <c r="D16187" s="1" t="s">
        <v>13812</v>
      </c>
      <c r="E16187" s="1" t="s">
        <v>11</v>
      </c>
    </row>
    <row r="16188">
      <c r="A16188" s="1">
        <v>4.90667046E8</v>
      </c>
      <c r="B16188" s="2">
        <v>15361.0</v>
      </c>
      <c r="C16188" s="1" t="s">
        <v>5</v>
      </c>
      <c r="D16188" s="1" t="s">
        <v>11</v>
      </c>
      <c r="E16188" s="1" t="s">
        <v>7</v>
      </c>
    </row>
    <row r="16189">
      <c r="A16189" s="1">
        <v>4.90667142E8</v>
      </c>
      <c r="B16189" s="2">
        <v>15367.0</v>
      </c>
      <c r="C16189" s="1" t="s">
        <v>5</v>
      </c>
      <c r="D16189" s="1" t="s">
        <v>11</v>
      </c>
      <c r="E16189" s="1" t="s">
        <v>7</v>
      </c>
    </row>
    <row r="16190">
      <c r="A16190" s="1">
        <v>4.9066724E8</v>
      </c>
      <c r="B16190" s="2">
        <v>15343.0</v>
      </c>
      <c r="C16190" s="1" t="s">
        <v>5</v>
      </c>
      <c r="D16190" s="1" t="s">
        <v>11</v>
      </c>
      <c r="E16190" s="1" t="s">
        <v>7</v>
      </c>
    </row>
    <row r="16191">
      <c r="A16191" s="1">
        <v>4.90667265E8</v>
      </c>
      <c r="B16191" s="2">
        <v>15284.0</v>
      </c>
      <c r="C16191" s="1" t="s">
        <v>5</v>
      </c>
      <c r="D16191" s="1" t="s">
        <v>13813</v>
      </c>
      <c r="E16191" s="1" t="s">
        <v>11</v>
      </c>
    </row>
    <row r="16192">
      <c r="A16192" s="1">
        <v>4.90667329E8</v>
      </c>
      <c r="B16192" s="2">
        <v>15342.0</v>
      </c>
      <c r="C16192" s="1" t="s">
        <v>5</v>
      </c>
      <c r="D16192" s="1" t="s">
        <v>13814</v>
      </c>
      <c r="E16192" s="1" t="s">
        <v>7</v>
      </c>
    </row>
    <row r="16193">
      <c r="A16193" s="1">
        <v>4.90667343E8</v>
      </c>
      <c r="B16193" s="2">
        <v>15351.0</v>
      </c>
      <c r="C16193" s="1" t="s">
        <v>5</v>
      </c>
      <c r="D16193" s="1" t="s">
        <v>13815</v>
      </c>
      <c r="E16193" s="1" t="s">
        <v>11</v>
      </c>
    </row>
    <row r="16194">
      <c r="A16194" s="1">
        <v>4.90667572E8</v>
      </c>
      <c r="B16194" s="2">
        <v>15353.0</v>
      </c>
      <c r="C16194" s="1" t="s">
        <v>5</v>
      </c>
      <c r="D16194" s="1" t="s">
        <v>13816</v>
      </c>
      <c r="E16194" s="1" t="s">
        <v>7</v>
      </c>
    </row>
    <row r="16195">
      <c r="A16195" s="1">
        <v>4.90667585E8</v>
      </c>
      <c r="B16195" s="2">
        <v>15339.0</v>
      </c>
      <c r="C16195" s="1" t="s">
        <v>5</v>
      </c>
      <c r="D16195" s="1" t="s">
        <v>13817</v>
      </c>
      <c r="E16195" s="1" t="s">
        <v>7</v>
      </c>
    </row>
    <row r="16196">
      <c r="A16196" s="1">
        <v>4.90667701E8</v>
      </c>
      <c r="B16196" s="2">
        <v>15353.0</v>
      </c>
      <c r="C16196" s="1" t="s">
        <v>5</v>
      </c>
      <c r="D16196" s="1" t="s">
        <v>11</v>
      </c>
      <c r="E16196" s="1" t="s">
        <v>7</v>
      </c>
    </row>
    <row r="16197">
      <c r="A16197" s="1">
        <v>4.90667722E8</v>
      </c>
      <c r="B16197" s="2">
        <v>15334.0</v>
      </c>
      <c r="C16197" s="1" t="s">
        <v>5</v>
      </c>
      <c r="D16197" s="1" t="s">
        <v>13818</v>
      </c>
      <c r="E16197" s="1" t="s">
        <v>11</v>
      </c>
    </row>
    <row r="16198">
      <c r="A16198" s="1">
        <v>4.90667735E8</v>
      </c>
      <c r="B16198" s="2">
        <v>15333.0</v>
      </c>
      <c r="C16198" s="1" t="s">
        <v>5</v>
      </c>
      <c r="D16198" s="1" t="s">
        <v>13819</v>
      </c>
      <c r="E16198" s="1" t="s">
        <v>7</v>
      </c>
    </row>
    <row r="16199">
      <c r="A16199" s="1">
        <v>4.90667745E8</v>
      </c>
      <c r="B16199" s="2">
        <v>15396.0</v>
      </c>
      <c r="C16199" s="1" t="s">
        <v>5</v>
      </c>
      <c r="D16199" s="1" t="s">
        <v>13820</v>
      </c>
      <c r="E16199" s="1" t="s">
        <v>7</v>
      </c>
    </row>
    <row r="16200">
      <c r="A16200" s="1">
        <v>4.90667776E8</v>
      </c>
      <c r="B16200" s="2">
        <v>15357.0</v>
      </c>
      <c r="C16200" s="1" t="s">
        <v>5</v>
      </c>
      <c r="D16200" s="1" t="s">
        <v>13821</v>
      </c>
      <c r="E16200" s="1" t="s">
        <v>7</v>
      </c>
    </row>
    <row r="16201">
      <c r="A16201" s="1">
        <v>4.90667785E8</v>
      </c>
      <c r="B16201" s="2">
        <v>15335.0</v>
      </c>
      <c r="C16201" s="1" t="s">
        <v>5</v>
      </c>
      <c r="D16201" s="1" t="s">
        <v>13822</v>
      </c>
      <c r="E16201" s="1" t="s">
        <v>7</v>
      </c>
    </row>
    <row r="16202">
      <c r="A16202" s="1">
        <v>4.90667863E8</v>
      </c>
      <c r="B16202" s="2">
        <v>15359.0</v>
      </c>
      <c r="C16202" s="1" t="s">
        <v>5</v>
      </c>
      <c r="D16202" s="1" t="s">
        <v>11</v>
      </c>
      <c r="E16202" s="1" t="s">
        <v>7</v>
      </c>
    </row>
    <row r="16203">
      <c r="A16203" s="1">
        <v>4.90668021E8</v>
      </c>
      <c r="B16203" s="2">
        <v>15349.0</v>
      </c>
      <c r="C16203" s="1" t="s">
        <v>5</v>
      </c>
      <c r="D16203" s="1" t="s">
        <v>11</v>
      </c>
      <c r="E16203" s="1" t="s">
        <v>7</v>
      </c>
    </row>
    <row r="16204">
      <c r="A16204" s="1">
        <v>4.9066807E8</v>
      </c>
      <c r="B16204" s="2">
        <v>15372.0</v>
      </c>
      <c r="C16204" s="1" t="s">
        <v>5</v>
      </c>
      <c r="D16204" s="1" t="s">
        <v>13823</v>
      </c>
      <c r="E16204" s="1" t="s">
        <v>7</v>
      </c>
    </row>
    <row r="16205">
      <c r="A16205" s="1">
        <v>4.90668129E8</v>
      </c>
      <c r="B16205" s="2">
        <v>15282.0</v>
      </c>
      <c r="C16205" s="1" t="s">
        <v>5</v>
      </c>
      <c r="D16205" s="1" t="s">
        <v>11</v>
      </c>
      <c r="E16205" s="1" t="s">
        <v>7</v>
      </c>
    </row>
    <row r="16206">
      <c r="A16206" s="1">
        <v>4.90668303E8</v>
      </c>
      <c r="B16206" s="2">
        <v>15392.0</v>
      </c>
      <c r="C16206" s="1" t="s">
        <v>5</v>
      </c>
      <c r="D16206" s="1" t="s">
        <v>13824</v>
      </c>
      <c r="E16206" s="1" t="s">
        <v>11</v>
      </c>
    </row>
    <row r="16207">
      <c r="A16207" s="1">
        <v>4.90668329E8</v>
      </c>
      <c r="B16207" s="2">
        <v>15332.0</v>
      </c>
      <c r="C16207" s="1" t="s">
        <v>5</v>
      </c>
      <c r="D16207" s="1" t="s">
        <v>13825</v>
      </c>
      <c r="E16207" s="1" t="s">
        <v>7</v>
      </c>
    </row>
    <row r="16208">
      <c r="A16208" s="1">
        <v>4.90668342E8</v>
      </c>
      <c r="B16208" s="2">
        <v>15352.0</v>
      </c>
      <c r="C16208" s="1" t="s">
        <v>5</v>
      </c>
      <c r="D16208" s="1" t="s">
        <v>11</v>
      </c>
      <c r="E16208" s="1" t="s">
        <v>7</v>
      </c>
    </row>
    <row r="16209">
      <c r="A16209" s="1">
        <v>4.90668369E8</v>
      </c>
      <c r="B16209" s="2">
        <v>15319.0</v>
      </c>
      <c r="C16209" s="1" t="s">
        <v>5</v>
      </c>
      <c r="D16209" s="1" t="s">
        <v>13826</v>
      </c>
      <c r="E16209" s="1" t="s">
        <v>11</v>
      </c>
    </row>
    <row r="16210">
      <c r="A16210" s="1">
        <v>4.90668493E8</v>
      </c>
      <c r="B16210" s="2">
        <v>15351.0</v>
      </c>
      <c r="C16210" s="1" t="s">
        <v>5</v>
      </c>
      <c r="D16210" s="1" t="s">
        <v>13827</v>
      </c>
      <c r="E16210" s="1" t="s">
        <v>7</v>
      </c>
    </row>
    <row r="16211">
      <c r="A16211" s="1">
        <v>4.90668522E8</v>
      </c>
      <c r="B16211" s="2">
        <v>15367.0</v>
      </c>
      <c r="C16211" s="1" t="s">
        <v>5</v>
      </c>
      <c r="D16211" s="1" t="s">
        <v>13828</v>
      </c>
      <c r="E16211" s="1" t="s">
        <v>11</v>
      </c>
    </row>
    <row r="16212">
      <c r="A16212" s="1">
        <v>4.9066856E8</v>
      </c>
      <c r="B16212" s="2">
        <v>15390.0</v>
      </c>
      <c r="C16212" s="1" t="s">
        <v>5</v>
      </c>
      <c r="D16212" s="1" t="s">
        <v>13829</v>
      </c>
      <c r="E16212" s="1" t="s">
        <v>7</v>
      </c>
    </row>
    <row r="16213">
      <c r="A16213" s="1">
        <v>4.9066859E8</v>
      </c>
      <c r="B16213" s="2">
        <v>15334.0</v>
      </c>
      <c r="C16213" s="1" t="s">
        <v>5</v>
      </c>
      <c r="D16213" s="1" t="s">
        <v>13830</v>
      </c>
      <c r="E16213" s="1" t="s">
        <v>11</v>
      </c>
    </row>
    <row r="16214">
      <c r="A16214" s="1">
        <v>4.90668598E8</v>
      </c>
      <c r="B16214" s="2">
        <v>15396.0</v>
      </c>
      <c r="C16214" s="1" t="s">
        <v>5</v>
      </c>
      <c r="D16214" s="1" t="s">
        <v>13831</v>
      </c>
      <c r="E16214" s="1" t="s">
        <v>11</v>
      </c>
    </row>
    <row r="16215">
      <c r="A16215" s="1">
        <v>4.90668618E8</v>
      </c>
      <c r="B16215" s="2">
        <v>15354.0</v>
      </c>
      <c r="C16215" s="1" t="s">
        <v>5</v>
      </c>
      <c r="D16215" s="1" t="s">
        <v>13832</v>
      </c>
      <c r="E16215" s="1" t="s">
        <v>7</v>
      </c>
    </row>
    <row r="16216">
      <c r="A16216" s="1">
        <v>4.90668682E8</v>
      </c>
      <c r="B16216" s="2">
        <v>15390.0</v>
      </c>
      <c r="C16216" s="1" t="s">
        <v>5</v>
      </c>
      <c r="D16216" s="1" t="s">
        <v>11</v>
      </c>
      <c r="E16216" s="1" t="s">
        <v>7</v>
      </c>
    </row>
    <row r="16217">
      <c r="A16217" s="1">
        <v>4.90668741E8</v>
      </c>
      <c r="B16217" s="2">
        <v>15317.0</v>
      </c>
      <c r="C16217" s="1" t="s">
        <v>5</v>
      </c>
      <c r="D16217" s="1" t="s">
        <v>13833</v>
      </c>
      <c r="E16217" s="1" t="s">
        <v>7</v>
      </c>
    </row>
    <row r="16218">
      <c r="A16218" s="1">
        <v>4.90668743E8</v>
      </c>
      <c r="B16218" s="2">
        <v>15352.0</v>
      </c>
      <c r="C16218" s="1" t="s">
        <v>5</v>
      </c>
      <c r="D16218" s="1" t="s">
        <v>13834</v>
      </c>
      <c r="E16218" s="1" t="s">
        <v>7</v>
      </c>
    </row>
    <row r="16219">
      <c r="A16219" s="1">
        <v>4.90668822E8</v>
      </c>
      <c r="B16219" s="2">
        <v>15328.0</v>
      </c>
      <c r="C16219" s="1" t="s">
        <v>5</v>
      </c>
      <c r="D16219" s="1" t="s">
        <v>13835</v>
      </c>
      <c r="E16219" s="1" t="s">
        <v>11</v>
      </c>
    </row>
    <row r="16220">
      <c r="A16220" s="1">
        <v>4.90668823E8</v>
      </c>
      <c r="B16220" s="2">
        <v>15316.0</v>
      </c>
      <c r="C16220" s="1" t="s">
        <v>5</v>
      </c>
      <c r="D16220" s="1" t="s">
        <v>13836</v>
      </c>
      <c r="E16220" s="1" t="s">
        <v>11</v>
      </c>
    </row>
    <row r="16221">
      <c r="A16221" s="1">
        <v>4.90668846E8</v>
      </c>
      <c r="B16221" s="2">
        <v>15314.0</v>
      </c>
      <c r="C16221" s="1" t="s">
        <v>5</v>
      </c>
      <c r="D16221" s="1" t="s">
        <v>13837</v>
      </c>
      <c r="E16221" s="1" t="s">
        <v>7</v>
      </c>
    </row>
    <row r="16222">
      <c r="A16222" s="1">
        <v>4.90668918E8</v>
      </c>
      <c r="B16222" s="2">
        <v>15349.0</v>
      </c>
      <c r="C16222" s="1" t="s">
        <v>5</v>
      </c>
      <c r="D16222" s="1" t="s">
        <v>11</v>
      </c>
      <c r="E16222" s="1" t="s">
        <v>7</v>
      </c>
    </row>
    <row r="16223">
      <c r="A16223" s="1">
        <v>4.90668996E8</v>
      </c>
      <c r="B16223" s="2">
        <v>15327.0</v>
      </c>
      <c r="C16223" s="1" t="s">
        <v>5</v>
      </c>
      <c r="D16223" s="1" t="s">
        <v>13838</v>
      </c>
      <c r="E16223" s="1" t="s">
        <v>11</v>
      </c>
    </row>
    <row r="16224">
      <c r="A16224" s="1">
        <v>4.90669023E8</v>
      </c>
      <c r="B16224" s="2">
        <v>15325.0</v>
      </c>
      <c r="C16224" s="1" t="s">
        <v>5</v>
      </c>
      <c r="D16224" s="1" t="s">
        <v>13839</v>
      </c>
      <c r="E16224" s="1" t="s">
        <v>11</v>
      </c>
    </row>
    <row r="16225">
      <c r="A16225" s="1">
        <v>4.90669063E8</v>
      </c>
      <c r="B16225" s="2">
        <v>15324.0</v>
      </c>
      <c r="C16225" s="1" t="s">
        <v>5</v>
      </c>
      <c r="D16225" s="1" t="s">
        <v>11</v>
      </c>
      <c r="E16225" s="1" t="s">
        <v>7</v>
      </c>
    </row>
    <row r="16226">
      <c r="A16226" s="1">
        <v>4.9066913E8</v>
      </c>
      <c r="B16226" s="2">
        <v>15352.0</v>
      </c>
      <c r="C16226" s="1" t="s">
        <v>5</v>
      </c>
      <c r="D16226" s="1" t="s">
        <v>13840</v>
      </c>
      <c r="E16226" s="1" t="s">
        <v>7</v>
      </c>
    </row>
    <row r="16227">
      <c r="A16227" s="1">
        <v>4.90669181E8</v>
      </c>
      <c r="B16227" s="2">
        <v>15341.0</v>
      </c>
      <c r="C16227" s="1" t="s">
        <v>5</v>
      </c>
      <c r="D16227" s="1" t="s">
        <v>11</v>
      </c>
      <c r="E16227" s="1" t="s">
        <v>7</v>
      </c>
    </row>
    <row r="16228">
      <c r="A16228" s="1">
        <v>4.90669243E8</v>
      </c>
      <c r="B16228" s="2">
        <v>15324.0</v>
      </c>
      <c r="C16228" s="1" t="s">
        <v>5</v>
      </c>
      <c r="D16228" s="1" t="s">
        <v>13841</v>
      </c>
      <c r="E16228" s="1" t="s">
        <v>11</v>
      </c>
    </row>
    <row r="16229">
      <c r="A16229" s="1">
        <v>4.90669265E8</v>
      </c>
      <c r="B16229" s="2">
        <v>15347.0</v>
      </c>
      <c r="C16229" s="1" t="s">
        <v>5</v>
      </c>
      <c r="D16229" s="1" t="s">
        <v>11</v>
      </c>
      <c r="E16229" s="1" t="s">
        <v>7</v>
      </c>
    </row>
    <row r="16230">
      <c r="A16230" s="1">
        <v>4.90669301E8</v>
      </c>
      <c r="B16230" s="2">
        <v>15324.0</v>
      </c>
      <c r="C16230" s="1" t="s">
        <v>5</v>
      </c>
      <c r="D16230" s="1" t="s">
        <v>11</v>
      </c>
      <c r="E16230" s="1" t="s">
        <v>7</v>
      </c>
    </row>
    <row r="16231">
      <c r="A16231" s="1">
        <v>4.90669305E8</v>
      </c>
      <c r="B16231" s="2">
        <v>15330.0</v>
      </c>
      <c r="C16231" s="1" t="s">
        <v>5</v>
      </c>
      <c r="D16231" s="1" t="s">
        <v>13842</v>
      </c>
      <c r="E16231" s="1" t="s">
        <v>13843</v>
      </c>
    </row>
    <row r="16232">
      <c r="A16232" s="1">
        <v>4.90669353E8</v>
      </c>
      <c r="B16232" s="2">
        <v>15372.0</v>
      </c>
      <c r="C16232" s="1" t="s">
        <v>5</v>
      </c>
      <c r="D16232" s="1" t="s">
        <v>13844</v>
      </c>
      <c r="E16232" s="1" t="s">
        <v>7</v>
      </c>
    </row>
    <row r="16233">
      <c r="A16233" s="1">
        <v>4.9066937E8</v>
      </c>
      <c r="B16233" s="2">
        <v>15328.0</v>
      </c>
      <c r="C16233" s="1" t="s">
        <v>5</v>
      </c>
      <c r="D16233" s="1" t="s">
        <v>13845</v>
      </c>
      <c r="E16233" s="1" t="s">
        <v>11</v>
      </c>
    </row>
    <row r="16234">
      <c r="A16234" s="1">
        <v>4.90669385E8</v>
      </c>
      <c r="B16234" s="2">
        <v>15395.0</v>
      </c>
      <c r="C16234" s="1" t="s">
        <v>5</v>
      </c>
      <c r="D16234" s="1" t="s">
        <v>11</v>
      </c>
      <c r="E16234" s="1" t="s">
        <v>7</v>
      </c>
    </row>
    <row r="16235">
      <c r="A16235" s="1">
        <v>4.90669413E8</v>
      </c>
      <c r="B16235" s="2">
        <v>15323.0</v>
      </c>
      <c r="C16235" s="1" t="s">
        <v>5</v>
      </c>
      <c r="D16235" s="1" t="s">
        <v>13846</v>
      </c>
      <c r="E16235" s="1" t="s">
        <v>7</v>
      </c>
    </row>
    <row r="16236">
      <c r="A16236" s="1">
        <v>4.90669463E8</v>
      </c>
      <c r="B16236" s="2">
        <v>15394.0</v>
      </c>
      <c r="C16236" s="1" t="s">
        <v>5</v>
      </c>
      <c r="D16236" s="1" t="s">
        <v>13847</v>
      </c>
      <c r="E16236" s="1" t="s">
        <v>7</v>
      </c>
    </row>
    <row r="16237">
      <c r="A16237" s="1">
        <v>4.90669545E8</v>
      </c>
      <c r="B16237" s="2">
        <v>15344.0</v>
      </c>
      <c r="C16237" s="1" t="s">
        <v>5</v>
      </c>
      <c r="D16237" s="1" t="s">
        <v>13848</v>
      </c>
      <c r="E16237" s="1" t="s">
        <v>13849</v>
      </c>
    </row>
    <row r="16238">
      <c r="A16238" s="1">
        <v>4.90669581E8</v>
      </c>
      <c r="B16238" s="2">
        <v>15322.0</v>
      </c>
      <c r="C16238" s="1" t="s">
        <v>5</v>
      </c>
      <c r="D16238" s="1" t="s">
        <v>13850</v>
      </c>
      <c r="E16238" s="1" t="s">
        <v>7</v>
      </c>
    </row>
    <row r="16239">
      <c r="A16239" s="1">
        <v>4.90669583E8</v>
      </c>
      <c r="B16239" s="2">
        <v>15396.0</v>
      </c>
      <c r="C16239" s="1" t="s">
        <v>5</v>
      </c>
      <c r="D16239" s="1" t="s">
        <v>13851</v>
      </c>
      <c r="E16239" s="1" t="s">
        <v>7</v>
      </c>
    </row>
    <row r="16240">
      <c r="A16240" s="1">
        <v>4.90669623E8</v>
      </c>
      <c r="B16240" s="2">
        <v>15322.0</v>
      </c>
      <c r="C16240" s="1" t="s">
        <v>5</v>
      </c>
      <c r="D16240" s="1" t="s">
        <v>13852</v>
      </c>
      <c r="E16240" s="1" t="s">
        <v>7</v>
      </c>
    </row>
    <row r="16241">
      <c r="A16241" s="1">
        <v>4.90669685E8</v>
      </c>
      <c r="B16241" s="2">
        <v>15393.0</v>
      </c>
      <c r="C16241" s="1" t="s">
        <v>5</v>
      </c>
      <c r="D16241" s="1" t="s">
        <v>13853</v>
      </c>
      <c r="E16241" s="1" t="s">
        <v>7</v>
      </c>
    </row>
    <row r="16242">
      <c r="A16242" s="1">
        <v>4.90669776E8</v>
      </c>
      <c r="B16242" s="2">
        <v>15389.0</v>
      </c>
      <c r="C16242" s="1" t="s">
        <v>5</v>
      </c>
      <c r="D16242" s="1" t="s">
        <v>11</v>
      </c>
      <c r="E16242" s="1" t="s">
        <v>7</v>
      </c>
    </row>
    <row r="16243">
      <c r="A16243" s="1">
        <v>4.90669806E8</v>
      </c>
      <c r="B16243" s="2">
        <v>15385.0</v>
      </c>
      <c r="C16243" s="1" t="s">
        <v>5</v>
      </c>
      <c r="D16243" s="1" t="s">
        <v>13854</v>
      </c>
      <c r="E16243" s="1" t="s">
        <v>11</v>
      </c>
    </row>
    <row r="16244">
      <c r="A16244" s="1">
        <v>4.90669877E8</v>
      </c>
      <c r="B16244" s="2">
        <v>15391.0</v>
      </c>
      <c r="C16244" s="1" t="s">
        <v>5</v>
      </c>
      <c r="D16244" s="1" t="s">
        <v>13855</v>
      </c>
      <c r="E16244" s="1" t="s">
        <v>7</v>
      </c>
    </row>
    <row r="16245">
      <c r="A16245" s="1">
        <v>4.90669981E8</v>
      </c>
      <c r="B16245" s="2">
        <v>15326.0</v>
      </c>
      <c r="C16245" s="1" t="s">
        <v>5</v>
      </c>
      <c r="D16245" s="1" t="s">
        <v>13856</v>
      </c>
      <c r="E16245" s="1" t="s">
        <v>13857</v>
      </c>
    </row>
    <row r="16246">
      <c r="A16246" s="1">
        <v>4.9067001E8</v>
      </c>
      <c r="B16246" s="2">
        <v>15393.0</v>
      </c>
      <c r="C16246" s="1" t="s">
        <v>5</v>
      </c>
      <c r="D16246" s="1" t="s">
        <v>13858</v>
      </c>
      <c r="E16246" s="1" t="s">
        <v>11</v>
      </c>
    </row>
    <row r="16247">
      <c r="A16247" s="1">
        <v>4.9067017E8</v>
      </c>
      <c r="B16247" s="2">
        <v>15326.0</v>
      </c>
      <c r="C16247" s="1" t="s">
        <v>5</v>
      </c>
      <c r="D16247" s="1" t="s">
        <v>11</v>
      </c>
      <c r="E16247" s="1" t="s">
        <v>7</v>
      </c>
    </row>
    <row r="16248">
      <c r="A16248" s="1">
        <v>4.90670194E8</v>
      </c>
      <c r="B16248" s="2">
        <v>15381.0</v>
      </c>
      <c r="C16248" s="1" t="s">
        <v>5</v>
      </c>
      <c r="D16248" s="1" t="s">
        <v>11</v>
      </c>
      <c r="E16248" s="1" t="s">
        <v>7</v>
      </c>
    </row>
    <row r="16249">
      <c r="A16249" s="1">
        <v>4.90670205E8</v>
      </c>
      <c r="B16249" s="2">
        <v>15386.0</v>
      </c>
      <c r="C16249" s="1" t="s">
        <v>5</v>
      </c>
      <c r="D16249" s="1" t="s">
        <v>13859</v>
      </c>
      <c r="E16249" s="1" t="s">
        <v>11</v>
      </c>
    </row>
    <row r="16250">
      <c r="A16250" s="1">
        <v>4.90670228E8</v>
      </c>
      <c r="B16250" s="2">
        <v>15381.0</v>
      </c>
      <c r="C16250" s="1" t="s">
        <v>5</v>
      </c>
      <c r="D16250" s="1" t="s">
        <v>11</v>
      </c>
      <c r="E16250" s="1" t="s">
        <v>7</v>
      </c>
    </row>
    <row r="16251">
      <c r="A16251" s="1">
        <v>4.9067025E8</v>
      </c>
      <c r="B16251" s="2">
        <v>15317.0</v>
      </c>
      <c r="C16251" s="1" t="s">
        <v>5</v>
      </c>
      <c r="D16251" s="1" t="s">
        <v>11</v>
      </c>
      <c r="E16251" s="1" t="s">
        <v>7</v>
      </c>
    </row>
    <row r="16252">
      <c r="A16252" s="1">
        <v>4.90670345E8</v>
      </c>
      <c r="B16252" s="2">
        <v>15317.0</v>
      </c>
      <c r="C16252" s="1" t="s">
        <v>5</v>
      </c>
      <c r="D16252" s="1" t="s">
        <v>13860</v>
      </c>
      <c r="E16252" s="1" t="s">
        <v>7</v>
      </c>
    </row>
    <row r="16253">
      <c r="A16253" s="1">
        <v>4.90670512E8</v>
      </c>
      <c r="B16253" s="2">
        <v>15387.0</v>
      </c>
      <c r="C16253" s="1" t="s">
        <v>5</v>
      </c>
      <c r="D16253" s="1" t="s">
        <v>11</v>
      </c>
      <c r="E16253" s="1" t="s">
        <v>7</v>
      </c>
    </row>
    <row r="16254">
      <c r="A16254" s="1">
        <v>4.90670582E8</v>
      </c>
      <c r="B16254" s="2">
        <v>15396.0</v>
      </c>
      <c r="C16254" s="1" t="s">
        <v>5</v>
      </c>
      <c r="D16254" s="1" t="s">
        <v>13861</v>
      </c>
      <c r="E16254" s="1" t="s">
        <v>13862</v>
      </c>
    </row>
    <row r="16255">
      <c r="A16255" s="1">
        <v>4.90670599E8</v>
      </c>
      <c r="B16255" s="2">
        <v>15389.0</v>
      </c>
      <c r="C16255" s="1" t="s">
        <v>5</v>
      </c>
      <c r="D16255" s="1" t="s">
        <v>13863</v>
      </c>
      <c r="E16255" s="1" t="s">
        <v>13864</v>
      </c>
    </row>
    <row r="16256">
      <c r="A16256" s="1">
        <v>4.90670657E8</v>
      </c>
      <c r="B16256" s="2">
        <v>15383.0</v>
      </c>
      <c r="C16256" s="1" t="s">
        <v>5</v>
      </c>
      <c r="D16256" s="1" t="s">
        <v>13865</v>
      </c>
      <c r="E16256" s="1" t="s">
        <v>11</v>
      </c>
    </row>
    <row r="16257">
      <c r="A16257" s="1">
        <v>4.90670741E8</v>
      </c>
      <c r="B16257" s="2">
        <v>15315.0</v>
      </c>
      <c r="C16257" s="1" t="s">
        <v>5</v>
      </c>
      <c r="D16257" s="1" t="s">
        <v>11</v>
      </c>
      <c r="E16257" s="1" t="s">
        <v>7</v>
      </c>
    </row>
    <row r="16258">
      <c r="A16258" s="1">
        <v>4.9067088E8</v>
      </c>
      <c r="B16258" s="2">
        <v>15374.0</v>
      </c>
      <c r="C16258" s="1" t="s">
        <v>5</v>
      </c>
      <c r="D16258" s="1" t="s">
        <v>13866</v>
      </c>
      <c r="E16258" s="1" t="s">
        <v>7</v>
      </c>
    </row>
    <row r="16259">
      <c r="A16259" s="1">
        <v>4.90670953E8</v>
      </c>
      <c r="B16259" s="2">
        <v>15311.0</v>
      </c>
      <c r="C16259" s="1" t="s">
        <v>5</v>
      </c>
      <c r="D16259" s="1" t="s">
        <v>13867</v>
      </c>
      <c r="E16259" s="1" t="s">
        <v>11</v>
      </c>
    </row>
    <row r="16260">
      <c r="A16260" s="1">
        <v>4.90670966E8</v>
      </c>
      <c r="B16260" s="2">
        <v>15375.0</v>
      </c>
      <c r="C16260" s="1" t="s">
        <v>5</v>
      </c>
      <c r="D16260" s="1" t="s">
        <v>13868</v>
      </c>
      <c r="E16260" s="1" t="s">
        <v>7</v>
      </c>
    </row>
    <row r="16261">
      <c r="A16261" s="1">
        <v>4.90671018E8</v>
      </c>
      <c r="B16261" s="2">
        <v>15371.0</v>
      </c>
      <c r="C16261" s="1" t="s">
        <v>5</v>
      </c>
      <c r="D16261" s="1" t="s">
        <v>11</v>
      </c>
      <c r="E16261" s="1" t="s">
        <v>7</v>
      </c>
    </row>
    <row r="16262">
      <c r="A16262" s="1">
        <v>4.90671024E8</v>
      </c>
      <c r="B16262" s="2">
        <v>15313.0</v>
      </c>
      <c r="C16262" s="1" t="s">
        <v>5</v>
      </c>
      <c r="D16262" s="1" t="s">
        <v>13869</v>
      </c>
      <c r="E16262" s="1" t="s">
        <v>7</v>
      </c>
    </row>
    <row r="16263">
      <c r="A16263" s="1">
        <v>4.90671029E8</v>
      </c>
      <c r="B16263" s="2">
        <v>15383.0</v>
      </c>
      <c r="C16263" s="1" t="s">
        <v>5</v>
      </c>
      <c r="D16263" s="1" t="s">
        <v>13870</v>
      </c>
      <c r="E16263" s="1" t="s">
        <v>7</v>
      </c>
    </row>
    <row r="16264">
      <c r="A16264" s="1">
        <v>4.90671045E8</v>
      </c>
      <c r="B16264" s="2">
        <v>15382.0</v>
      </c>
      <c r="C16264" s="1" t="s">
        <v>5</v>
      </c>
      <c r="D16264" s="1" t="s">
        <v>13871</v>
      </c>
      <c r="E16264" s="1" t="s">
        <v>13872</v>
      </c>
    </row>
    <row r="16265">
      <c r="A16265" s="1">
        <v>4.90671227E8</v>
      </c>
      <c r="B16265" s="2">
        <v>15313.0</v>
      </c>
      <c r="C16265" s="1" t="s">
        <v>5</v>
      </c>
      <c r="D16265" s="1" t="s">
        <v>13873</v>
      </c>
      <c r="E16265" s="1" t="s">
        <v>7</v>
      </c>
    </row>
    <row r="16266">
      <c r="A16266" s="1">
        <v>4.90671242E8</v>
      </c>
      <c r="B16266" s="2">
        <v>15373.0</v>
      </c>
      <c r="C16266" s="1" t="s">
        <v>5</v>
      </c>
      <c r="D16266" s="1" t="s">
        <v>11</v>
      </c>
      <c r="E16266" s="1" t="s">
        <v>7</v>
      </c>
    </row>
    <row r="16267">
      <c r="A16267" s="1">
        <v>4.90671342E8</v>
      </c>
      <c r="B16267" s="2">
        <v>15430.0</v>
      </c>
      <c r="C16267" s="1" t="s">
        <v>5</v>
      </c>
      <c r="D16267" s="1" t="s">
        <v>13874</v>
      </c>
      <c r="E16267" s="1" t="s">
        <v>11</v>
      </c>
    </row>
    <row r="16268">
      <c r="A16268" s="1">
        <v>4.90671485E8</v>
      </c>
      <c r="B16268" s="2">
        <v>15390.0</v>
      </c>
      <c r="C16268" s="1" t="s">
        <v>5</v>
      </c>
      <c r="D16268" s="1" t="s">
        <v>13875</v>
      </c>
      <c r="E16268" s="1" t="s">
        <v>11</v>
      </c>
    </row>
    <row r="16269">
      <c r="A16269" s="1">
        <v>4.90671519E8</v>
      </c>
      <c r="B16269" s="2">
        <v>15379.0</v>
      </c>
      <c r="C16269" s="1" t="s">
        <v>5</v>
      </c>
      <c r="D16269" s="1" t="s">
        <v>13876</v>
      </c>
      <c r="E16269" s="1" t="s">
        <v>11</v>
      </c>
    </row>
    <row r="16270">
      <c r="A16270" s="1">
        <v>4.90671542E8</v>
      </c>
      <c r="B16270" s="2">
        <v>15380.0</v>
      </c>
      <c r="C16270" s="1" t="s">
        <v>5</v>
      </c>
      <c r="D16270" s="1" t="s">
        <v>11</v>
      </c>
      <c r="E16270" s="1" t="s">
        <v>7</v>
      </c>
    </row>
    <row r="16271">
      <c r="A16271" s="1">
        <v>4.90671559E8</v>
      </c>
      <c r="B16271" s="2">
        <v>15399.0</v>
      </c>
      <c r="C16271" s="1" t="s">
        <v>5</v>
      </c>
      <c r="D16271" s="1" t="s">
        <v>13877</v>
      </c>
      <c r="E16271" s="1" t="s">
        <v>11</v>
      </c>
    </row>
    <row r="16272">
      <c r="A16272" s="1">
        <v>4.90671633E8</v>
      </c>
      <c r="B16272" s="2">
        <v>15383.0</v>
      </c>
      <c r="C16272" s="1" t="s">
        <v>5</v>
      </c>
      <c r="D16272" s="1" t="s">
        <v>11</v>
      </c>
      <c r="E16272" s="4" t="s">
        <v>13878</v>
      </c>
    </row>
    <row r="16273">
      <c r="A16273" s="1">
        <v>4.90671686E8</v>
      </c>
      <c r="B16273" s="2">
        <v>15369.0</v>
      </c>
      <c r="C16273" s="1" t="s">
        <v>5</v>
      </c>
      <c r="D16273" s="1" t="s">
        <v>13879</v>
      </c>
      <c r="E16273" s="1" t="s">
        <v>7</v>
      </c>
    </row>
    <row r="16274">
      <c r="A16274" s="1">
        <v>4.90671702E8</v>
      </c>
      <c r="B16274" s="2">
        <v>15369.0</v>
      </c>
      <c r="C16274" s="1" t="s">
        <v>5</v>
      </c>
      <c r="D16274" s="1" t="s">
        <v>13880</v>
      </c>
      <c r="E16274" s="1" t="s">
        <v>7</v>
      </c>
    </row>
    <row r="16275">
      <c r="A16275" s="1">
        <v>4.9067173E8</v>
      </c>
      <c r="B16275" s="2">
        <v>15428.0</v>
      </c>
      <c r="C16275" s="1" t="s">
        <v>5</v>
      </c>
      <c r="D16275" s="1" t="s">
        <v>13881</v>
      </c>
      <c r="E16275" s="1" t="s">
        <v>11</v>
      </c>
    </row>
    <row r="16276">
      <c r="A16276" s="1">
        <v>4.90671752E8</v>
      </c>
      <c r="B16276" s="2">
        <v>15387.0</v>
      </c>
      <c r="C16276" s="1" t="s">
        <v>5</v>
      </c>
      <c r="D16276" s="1" t="s">
        <v>13882</v>
      </c>
      <c r="E16276" s="1" t="s">
        <v>11</v>
      </c>
    </row>
    <row r="16277">
      <c r="A16277" s="1">
        <v>4.90671801E8</v>
      </c>
      <c r="B16277" s="2">
        <v>15399.0</v>
      </c>
      <c r="C16277" s="1" t="s">
        <v>5</v>
      </c>
      <c r="D16277" s="1" t="s">
        <v>13883</v>
      </c>
      <c r="E16277" s="1" t="s">
        <v>7</v>
      </c>
    </row>
    <row r="16278">
      <c r="A16278" s="1">
        <v>4.90671805E8</v>
      </c>
      <c r="B16278" s="2">
        <v>15366.0</v>
      </c>
      <c r="C16278" s="1" t="s">
        <v>5</v>
      </c>
      <c r="D16278" s="1" t="s">
        <v>13884</v>
      </c>
      <c r="E16278" s="1" t="s">
        <v>7</v>
      </c>
    </row>
    <row r="16279">
      <c r="A16279" s="1">
        <v>4.90671866E8</v>
      </c>
      <c r="B16279" s="2">
        <v>15387.0</v>
      </c>
      <c r="C16279" s="1" t="s">
        <v>5</v>
      </c>
      <c r="D16279" s="1" t="s">
        <v>11</v>
      </c>
      <c r="E16279" s="1" t="s">
        <v>7</v>
      </c>
    </row>
    <row r="16280">
      <c r="A16280" s="1">
        <v>4.90671882E8</v>
      </c>
      <c r="B16280" s="2">
        <v>15387.0</v>
      </c>
      <c r="C16280" s="1" t="s">
        <v>5</v>
      </c>
      <c r="D16280" s="1" t="s">
        <v>13885</v>
      </c>
      <c r="E16280" s="1" t="s">
        <v>7</v>
      </c>
    </row>
    <row r="16281">
      <c r="A16281" s="1">
        <v>4.90672022E8</v>
      </c>
      <c r="B16281" s="2">
        <v>15458.0</v>
      </c>
      <c r="C16281" s="1" t="s">
        <v>5</v>
      </c>
      <c r="D16281" s="1" t="s">
        <v>13886</v>
      </c>
      <c r="E16281" s="1" t="s">
        <v>11</v>
      </c>
    </row>
    <row r="16282">
      <c r="A16282" s="1">
        <v>4.90672023E8</v>
      </c>
      <c r="B16282" s="2">
        <v>15373.0</v>
      </c>
      <c r="C16282" s="1" t="s">
        <v>5</v>
      </c>
      <c r="D16282" s="1" t="s">
        <v>13887</v>
      </c>
      <c r="E16282" s="1" t="s">
        <v>7</v>
      </c>
    </row>
    <row r="16283">
      <c r="A16283" s="1">
        <v>4.90672256E8</v>
      </c>
      <c r="B16283" s="2">
        <v>15426.0</v>
      </c>
      <c r="C16283" s="1" t="s">
        <v>5</v>
      </c>
      <c r="D16283" s="1" t="s">
        <v>13888</v>
      </c>
      <c r="E16283" s="1" t="s">
        <v>7</v>
      </c>
    </row>
    <row r="16284">
      <c r="A16284" s="1">
        <v>4.90672277E8</v>
      </c>
      <c r="B16284" s="2">
        <v>15458.0</v>
      </c>
      <c r="C16284" s="1" t="s">
        <v>5</v>
      </c>
      <c r="D16284" s="1" t="s">
        <v>13889</v>
      </c>
      <c r="E16284" s="1" t="s">
        <v>13890</v>
      </c>
    </row>
    <row r="16285">
      <c r="A16285" s="1">
        <v>4.90672353E8</v>
      </c>
      <c r="B16285" s="2">
        <v>15423.0</v>
      </c>
      <c r="C16285" s="1" t="s">
        <v>5</v>
      </c>
      <c r="D16285" s="1" t="s">
        <v>13891</v>
      </c>
      <c r="E16285" s="1" t="s">
        <v>11</v>
      </c>
    </row>
    <row r="16286">
      <c r="A16286" s="1">
        <v>4.90672367E8</v>
      </c>
      <c r="B16286" s="2">
        <v>15422.0</v>
      </c>
      <c r="C16286" s="1" t="s">
        <v>5</v>
      </c>
      <c r="D16286" s="1" t="s">
        <v>13892</v>
      </c>
      <c r="E16286" s="1" t="s">
        <v>11</v>
      </c>
    </row>
    <row r="16287">
      <c r="A16287" s="1">
        <v>4.90672374E8</v>
      </c>
      <c r="B16287" s="2">
        <v>15424.0</v>
      </c>
      <c r="C16287" s="1" t="s">
        <v>5</v>
      </c>
      <c r="D16287" s="1" t="s">
        <v>11</v>
      </c>
      <c r="E16287" s="1" t="s">
        <v>7</v>
      </c>
    </row>
    <row r="16288">
      <c r="A16288" s="1">
        <v>4.90672405E8</v>
      </c>
      <c r="B16288" s="2">
        <v>15449.0</v>
      </c>
      <c r="C16288" s="1" t="s">
        <v>5</v>
      </c>
      <c r="D16288" s="1" t="s">
        <v>13893</v>
      </c>
      <c r="E16288" s="1" t="s">
        <v>11</v>
      </c>
    </row>
    <row r="16289">
      <c r="A16289" s="1">
        <v>4.90672491E8</v>
      </c>
      <c r="B16289" s="2">
        <v>15398.0</v>
      </c>
      <c r="C16289" s="1" t="s">
        <v>5</v>
      </c>
      <c r="D16289" s="1" t="s">
        <v>13894</v>
      </c>
      <c r="E16289" s="1" t="s">
        <v>11</v>
      </c>
    </row>
    <row r="16290">
      <c r="A16290" s="1">
        <v>4.90672493E8</v>
      </c>
      <c r="B16290" s="2">
        <v>15458.0</v>
      </c>
      <c r="C16290" s="1" t="s">
        <v>5</v>
      </c>
      <c r="D16290" s="1" t="s">
        <v>13895</v>
      </c>
      <c r="E16290" s="1" t="s">
        <v>11</v>
      </c>
    </row>
    <row r="16291">
      <c r="A16291" s="1">
        <v>4.90672495E8</v>
      </c>
      <c r="B16291" s="2">
        <v>15422.0</v>
      </c>
      <c r="C16291" s="1" t="s">
        <v>5</v>
      </c>
      <c r="D16291" s="1" t="s">
        <v>11</v>
      </c>
      <c r="E16291" s="1" t="s">
        <v>7</v>
      </c>
    </row>
    <row r="16292">
      <c r="A16292" s="1">
        <v>4.90672505E8</v>
      </c>
      <c r="B16292" s="2">
        <v>15424.0</v>
      </c>
      <c r="C16292" s="1" t="s">
        <v>5</v>
      </c>
      <c r="D16292" s="1" t="s">
        <v>13896</v>
      </c>
      <c r="E16292" s="1" t="s">
        <v>11</v>
      </c>
    </row>
    <row r="16293">
      <c r="A16293" s="1">
        <v>4.9067252E8</v>
      </c>
      <c r="B16293" s="2">
        <v>15449.0</v>
      </c>
      <c r="C16293" s="1" t="s">
        <v>5</v>
      </c>
      <c r="D16293" s="1" t="s">
        <v>13897</v>
      </c>
      <c r="E16293" s="1" t="s">
        <v>11</v>
      </c>
    </row>
    <row r="16294">
      <c r="A16294" s="1">
        <v>4.9067257E8</v>
      </c>
      <c r="B16294" s="2">
        <v>15422.0</v>
      </c>
      <c r="C16294" s="1" t="s">
        <v>5</v>
      </c>
      <c r="D16294" s="1" t="s">
        <v>11</v>
      </c>
      <c r="E16294" s="1" t="s">
        <v>7</v>
      </c>
    </row>
    <row r="16295">
      <c r="A16295" s="1">
        <v>4.90672589E8</v>
      </c>
      <c r="B16295" s="2">
        <v>15429.0</v>
      </c>
      <c r="C16295" s="1" t="s">
        <v>5</v>
      </c>
      <c r="D16295" s="1" t="s">
        <v>11</v>
      </c>
      <c r="E16295" s="1" t="s">
        <v>7</v>
      </c>
    </row>
    <row r="16296">
      <c r="A16296" s="1">
        <v>4.90672598E8</v>
      </c>
      <c r="B16296" s="2">
        <v>15422.0</v>
      </c>
      <c r="C16296" s="1" t="s">
        <v>5</v>
      </c>
      <c r="D16296" s="1" t="s">
        <v>11</v>
      </c>
      <c r="E16296" s="1" t="s">
        <v>7</v>
      </c>
    </row>
    <row r="16297">
      <c r="A16297" s="1">
        <v>4.90672599E8</v>
      </c>
      <c r="B16297" s="2">
        <v>15430.0</v>
      </c>
      <c r="C16297" s="1" t="s">
        <v>5</v>
      </c>
      <c r="D16297" s="1" t="s">
        <v>11</v>
      </c>
      <c r="E16297" s="1" t="s">
        <v>7</v>
      </c>
    </row>
    <row r="16298">
      <c r="A16298" s="1">
        <v>4.90672639E8</v>
      </c>
      <c r="B16298" s="2">
        <v>15448.0</v>
      </c>
      <c r="C16298" s="1" t="s">
        <v>5</v>
      </c>
      <c r="D16298" s="1" t="s">
        <v>13898</v>
      </c>
      <c r="E16298" s="1" t="s">
        <v>11</v>
      </c>
    </row>
    <row r="16299">
      <c r="A16299" s="1">
        <v>4.90672661E8</v>
      </c>
      <c r="B16299" s="2">
        <v>15429.0</v>
      </c>
      <c r="C16299" s="1" t="s">
        <v>5</v>
      </c>
      <c r="D16299" s="1" t="s">
        <v>13899</v>
      </c>
      <c r="E16299" s="1" t="s">
        <v>11</v>
      </c>
    </row>
    <row r="16300">
      <c r="A16300" s="1">
        <v>4.90672663E8</v>
      </c>
      <c r="B16300" s="2">
        <v>15368.0</v>
      </c>
      <c r="C16300" s="1" t="s">
        <v>5</v>
      </c>
      <c r="D16300" s="1" t="s">
        <v>13900</v>
      </c>
      <c r="E16300" s="1" t="s">
        <v>13901</v>
      </c>
    </row>
    <row r="16301">
      <c r="A16301" s="1">
        <v>4.90672701E8</v>
      </c>
      <c r="B16301" s="2">
        <v>15454.0</v>
      </c>
      <c r="C16301" s="1" t="s">
        <v>5</v>
      </c>
      <c r="D16301" s="1" t="s">
        <v>13902</v>
      </c>
      <c r="E16301" s="1" t="s">
        <v>11</v>
      </c>
    </row>
    <row r="16302">
      <c r="A16302" s="1">
        <v>4.90672898E8</v>
      </c>
      <c r="B16302" s="2">
        <v>15455.0</v>
      </c>
      <c r="C16302" s="1" t="s">
        <v>5</v>
      </c>
      <c r="D16302" s="1" t="s">
        <v>11</v>
      </c>
      <c r="E16302" s="1" t="s">
        <v>7</v>
      </c>
    </row>
    <row r="16303">
      <c r="A16303" s="1">
        <v>4.90672903E8</v>
      </c>
      <c r="B16303" s="2">
        <v>15447.0</v>
      </c>
      <c r="C16303" s="1" t="s">
        <v>5</v>
      </c>
      <c r="D16303" s="1" t="s">
        <v>13903</v>
      </c>
      <c r="E16303" s="1" t="s">
        <v>7</v>
      </c>
    </row>
    <row r="16304">
      <c r="A16304" s="1">
        <v>4.90672931E8</v>
      </c>
      <c r="B16304" s="2">
        <v>15448.0</v>
      </c>
      <c r="C16304" s="1" t="s">
        <v>5</v>
      </c>
      <c r="D16304" s="1" t="s">
        <v>13904</v>
      </c>
      <c r="E16304" s="1" t="s">
        <v>11</v>
      </c>
    </row>
    <row r="16305">
      <c r="A16305" s="1">
        <v>4.90672967E8</v>
      </c>
      <c r="B16305" s="2">
        <v>15430.0</v>
      </c>
      <c r="C16305" s="1" t="s">
        <v>5</v>
      </c>
      <c r="D16305" s="1" t="s">
        <v>13905</v>
      </c>
      <c r="E16305" s="1" t="s">
        <v>7</v>
      </c>
    </row>
    <row r="16306">
      <c r="A16306" s="1">
        <v>4.90673004E8</v>
      </c>
      <c r="B16306" s="2">
        <v>15442.0</v>
      </c>
      <c r="C16306" s="1" t="s">
        <v>5</v>
      </c>
      <c r="D16306" s="1" t="s">
        <v>13906</v>
      </c>
      <c r="E16306" s="1" t="s">
        <v>11</v>
      </c>
    </row>
    <row r="16307">
      <c r="A16307" s="1">
        <v>4.90673009E8</v>
      </c>
      <c r="B16307" s="2">
        <v>15419.0</v>
      </c>
      <c r="C16307" s="1" t="s">
        <v>5</v>
      </c>
      <c r="D16307" s="1" t="s">
        <v>13907</v>
      </c>
      <c r="E16307" s="1" t="s">
        <v>7</v>
      </c>
    </row>
    <row r="16308">
      <c r="A16308" s="1">
        <v>4.90673021E8</v>
      </c>
      <c r="B16308" s="2">
        <v>15446.0</v>
      </c>
      <c r="C16308" s="1" t="s">
        <v>5</v>
      </c>
      <c r="D16308" s="1" t="s">
        <v>13908</v>
      </c>
      <c r="E16308" s="1" t="s">
        <v>7</v>
      </c>
    </row>
    <row r="16309">
      <c r="A16309" s="1">
        <v>4.90673049E8</v>
      </c>
      <c r="B16309" s="2">
        <v>15447.0</v>
      </c>
      <c r="C16309" s="1" t="s">
        <v>5</v>
      </c>
      <c r="D16309" s="1" t="s">
        <v>13909</v>
      </c>
      <c r="E16309" s="1" t="s">
        <v>7</v>
      </c>
    </row>
    <row r="16310">
      <c r="A16310" s="1">
        <v>4.90673133E8</v>
      </c>
      <c r="B16310" s="2">
        <v>15446.0</v>
      </c>
      <c r="C16310" s="1" t="s">
        <v>5</v>
      </c>
      <c r="D16310" s="1" t="s">
        <v>11</v>
      </c>
      <c r="E16310" s="1" t="s">
        <v>7</v>
      </c>
    </row>
    <row r="16311">
      <c r="A16311" s="1">
        <v>4.90673242E8</v>
      </c>
      <c r="B16311" s="2">
        <v>15424.0</v>
      </c>
      <c r="C16311" s="1" t="s">
        <v>5</v>
      </c>
      <c r="D16311" s="1" t="s">
        <v>13910</v>
      </c>
      <c r="E16311" s="1" t="s">
        <v>11</v>
      </c>
    </row>
    <row r="16312">
      <c r="A16312" s="1">
        <v>4.90673316E8</v>
      </c>
      <c r="B16312" s="2">
        <v>15431.0</v>
      </c>
      <c r="C16312" s="1" t="s">
        <v>5</v>
      </c>
      <c r="D16312" s="1" t="s">
        <v>7</v>
      </c>
      <c r="E16312" s="1" t="s">
        <v>7</v>
      </c>
    </row>
    <row r="16313">
      <c r="A16313" s="1">
        <v>4.90673334E8</v>
      </c>
      <c r="B16313" s="2">
        <v>15416.0</v>
      </c>
      <c r="C16313" s="1" t="s">
        <v>5</v>
      </c>
      <c r="D16313" s="1" t="s">
        <v>13911</v>
      </c>
      <c r="E16313" s="1" t="s">
        <v>11</v>
      </c>
    </row>
    <row r="16314">
      <c r="A16314" s="1">
        <v>4.90673336E8</v>
      </c>
      <c r="B16314" s="2">
        <v>15431.0</v>
      </c>
      <c r="C16314" s="1" t="s">
        <v>5</v>
      </c>
      <c r="D16314" s="1" t="s">
        <v>11</v>
      </c>
      <c r="E16314" s="1" t="s">
        <v>7</v>
      </c>
    </row>
    <row r="16315">
      <c r="A16315" s="1">
        <v>4.90673406E8</v>
      </c>
      <c r="B16315" s="2">
        <v>15438.0</v>
      </c>
      <c r="C16315" s="1" t="s">
        <v>5</v>
      </c>
      <c r="D16315" s="1" t="s">
        <v>13912</v>
      </c>
      <c r="E16315" s="1" t="s">
        <v>7</v>
      </c>
    </row>
    <row r="16316">
      <c r="A16316" s="1">
        <v>4.90673453E8</v>
      </c>
      <c r="B16316" s="2">
        <v>15415.0</v>
      </c>
      <c r="C16316" s="1" t="s">
        <v>5</v>
      </c>
      <c r="D16316" s="1" t="s">
        <v>13913</v>
      </c>
      <c r="E16316" s="1" t="s">
        <v>7</v>
      </c>
    </row>
    <row r="16317">
      <c r="A16317" s="1">
        <v>4.90673536E8</v>
      </c>
      <c r="B16317" s="2">
        <v>15415.0</v>
      </c>
      <c r="C16317" s="1" t="s">
        <v>5</v>
      </c>
      <c r="D16317" s="1" t="s">
        <v>13914</v>
      </c>
      <c r="E16317" s="1" t="s">
        <v>11</v>
      </c>
    </row>
    <row r="16318">
      <c r="A16318" s="1">
        <v>4.90673565E8</v>
      </c>
      <c r="B16318" s="2">
        <v>15415.0</v>
      </c>
      <c r="C16318" s="1" t="s">
        <v>5</v>
      </c>
      <c r="D16318" s="1" t="s">
        <v>13915</v>
      </c>
      <c r="E16318" s="1" t="s">
        <v>11</v>
      </c>
    </row>
    <row r="16319">
      <c r="A16319" s="1">
        <v>4.90673588E8</v>
      </c>
      <c r="B16319" s="2">
        <v>15439.0</v>
      </c>
      <c r="C16319" s="1" t="s">
        <v>5</v>
      </c>
      <c r="D16319" s="1" t="s">
        <v>11</v>
      </c>
      <c r="E16319" s="1" t="s">
        <v>7</v>
      </c>
    </row>
    <row r="16320">
      <c r="A16320" s="1">
        <v>4.90673592E8</v>
      </c>
      <c r="B16320" s="2">
        <v>15418.0</v>
      </c>
      <c r="C16320" s="1" t="s">
        <v>5</v>
      </c>
      <c r="D16320" s="1" t="s">
        <v>11</v>
      </c>
      <c r="E16320" s="1" t="s">
        <v>7</v>
      </c>
    </row>
    <row r="16321">
      <c r="A16321" s="1">
        <v>4.90673645E8</v>
      </c>
      <c r="B16321" s="2">
        <v>15437.0</v>
      </c>
      <c r="C16321" s="1" t="s">
        <v>5</v>
      </c>
      <c r="D16321" s="1" t="s">
        <v>11</v>
      </c>
      <c r="E16321" s="1" t="s">
        <v>7</v>
      </c>
    </row>
    <row r="16322">
      <c r="A16322" s="1">
        <v>4.90673691E8</v>
      </c>
      <c r="B16322" s="2">
        <v>15417.0</v>
      </c>
      <c r="C16322" s="1" t="s">
        <v>5</v>
      </c>
      <c r="D16322" s="1" t="s">
        <v>11</v>
      </c>
      <c r="E16322" s="1" t="s">
        <v>7</v>
      </c>
    </row>
    <row r="16323">
      <c r="A16323" s="1">
        <v>4.90673775E8</v>
      </c>
      <c r="B16323" s="2">
        <v>15373.0</v>
      </c>
      <c r="C16323" s="1" t="s">
        <v>5</v>
      </c>
      <c r="D16323" s="1" t="s">
        <v>13916</v>
      </c>
      <c r="E16323" s="1" t="s">
        <v>7</v>
      </c>
    </row>
    <row r="16324">
      <c r="A16324" s="1">
        <v>4.90673863E8</v>
      </c>
      <c r="B16324" s="2">
        <v>15419.0</v>
      </c>
      <c r="C16324" s="1" t="s">
        <v>5</v>
      </c>
      <c r="D16324" s="1" t="s">
        <v>13917</v>
      </c>
      <c r="E16324" s="1" t="s">
        <v>7</v>
      </c>
    </row>
    <row r="16325">
      <c r="A16325" s="1">
        <v>4.90673916E8</v>
      </c>
      <c r="B16325" s="2">
        <v>15424.0</v>
      </c>
      <c r="C16325" s="1" t="s">
        <v>5</v>
      </c>
      <c r="D16325" s="1" t="s">
        <v>13918</v>
      </c>
      <c r="E16325" s="1" t="s">
        <v>11</v>
      </c>
    </row>
    <row r="16326">
      <c r="A16326" s="1">
        <v>4.90673938E8</v>
      </c>
      <c r="B16326" s="2">
        <v>15416.0</v>
      </c>
      <c r="C16326" s="1" t="s">
        <v>5</v>
      </c>
      <c r="D16326" s="1" t="s">
        <v>13919</v>
      </c>
      <c r="E16326" s="1" t="s">
        <v>11</v>
      </c>
    </row>
    <row r="16327">
      <c r="A16327" s="1">
        <v>4.90674005E8</v>
      </c>
      <c r="B16327" s="2">
        <v>15432.0</v>
      </c>
      <c r="C16327" s="1" t="s">
        <v>5</v>
      </c>
      <c r="D16327" s="1" t="s">
        <v>13920</v>
      </c>
      <c r="E16327" s="1" t="s">
        <v>13921</v>
      </c>
    </row>
    <row r="16328">
      <c r="A16328" s="1">
        <v>4.90674025E8</v>
      </c>
      <c r="B16328" s="2">
        <v>15433.0</v>
      </c>
      <c r="C16328" s="1" t="s">
        <v>5</v>
      </c>
      <c r="D16328" s="1" t="s">
        <v>11</v>
      </c>
      <c r="E16328" s="1" t="s">
        <v>7</v>
      </c>
    </row>
    <row r="16329">
      <c r="A16329" s="1">
        <v>4.9067413E8</v>
      </c>
      <c r="B16329" s="2">
        <v>15455.0</v>
      </c>
      <c r="C16329" s="1" t="s">
        <v>5</v>
      </c>
      <c r="D16329" s="1" t="s">
        <v>11</v>
      </c>
      <c r="E16329" s="1" t="s">
        <v>7</v>
      </c>
    </row>
    <row r="16330">
      <c r="A16330" s="1">
        <v>4.90674165E8</v>
      </c>
      <c r="B16330" s="2">
        <v>15425.0</v>
      </c>
      <c r="C16330" s="1" t="s">
        <v>5</v>
      </c>
      <c r="D16330" s="1" t="s">
        <v>13922</v>
      </c>
      <c r="E16330" s="1" t="s">
        <v>7</v>
      </c>
    </row>
    <row r="16331">
      <c r="A16331" s="1">
        <v>4.90674175E8</v>
      </c>
      <c r="B16331" s="2">
        <v>15439.0</v>
      </c>
      <c r="C16331" s="1" t="s">
        <v>5</v>
      </c>
      <c r="D16331" s="1" t="s">
        <v>13923</v>
      </c>
      <c r="E16331" s="1" t="s">
        <v>7</v>
      </c>
    </row>
    <row r="16332">
      <c r="A16332" s="1">
        <v>4.90674225E8</v>
      </c>
      <c r="B16332" s="2">
        <v>15439.0</v>
      </c>
      <c r="C16332" s="1" t="s">
        <v>5</v>
      </c>
      <c r="D16332" s="1" t="s">
        <v>11</v>
      </c>
      <c r="E16332" s="1" t="s">
        <v>7</v>
      </c>
    </row>
    <row r="16333">
      <c r="A16333" s="1">
        <v>4.90674249E8</v>
      </c>
      <c r="B16333" s="2">
        <v>15434.0</v>
      </c>
      <c r="C16333" s="1" t="s">
        <v>5</v>
      </c>
      <c r="D16333" s="1" t="s">
        <v>13924</v>
      </c>
      <c r="E16333" s="1" t="s">
        <v>7</v>
      </c>
    </row>
    <row r="16334">
      <c r="A16334" s="1">
        <v>4.90674292E8</v>
      </c>
      <c r="B16334" s="2">
        <v>15429.0</v>
      </c>
      <c r="C16334" s="1" t="s">
        <v>5</v>
      </c>
      <c r="D16334" s="1" t="s">
        <v>13925</v>
      </c>
      <c r="E16334" s="1" t="s">
        <v>11</v>
      </c>
    </row>
    <row r="16335">
      <c r="A16335" s="1">
        <v>4.90674421E8</v>
      </c>
      <c r="B16335" s="2">
        <v>15424.0</v>
      </c>
      <c r="C16335" s="1" t="s">
        <v>5</v>
      </c>
      <c r="D16335" s="1" t="s">
        <v>13926</v>
      </c>
      <c r="E16335" s="1" t="s">
        <v>11</v>
      </c>
    </row>
    <row r="16336">
      <c r="A16336" s="1">
        <v>4.90674587E8</v>
      </c>
      <c r="B16336" s="3">
        <v>15491.0</v>
      </c>
      <c r="C16336" s="1" t="s">
        <v>5</v>
      </c>
      <c r="D16336" s="1" t="s">
        <v>13927</v>
      </c>
      <c r="E16336" s="1" t="s">
        <v>11</v>
      </c>
    </row>
    <row r="16337">
      <c r="A16337" s="1">
        <v>4.90674733E8</v>
      </c>
      <c r="B16337" s="2">
        <v>15433.0</v>
      </c>
      <c r="C16337" s="1" t="s">
        <v>5</v>
      </c>
      <c r="D16337" s="1" t="s">
        <v>13928</v>
      </c>
      <c r="E16337" s="1" t="s">
        <v>7</v>
      </c>
    </row>
    <row r="16338">
      <c r="A16338" s="1">
        <v>4.90674784E8</v>
      </c>
      <c r="B16338" s="2">
        <v>15422.0</v>
      </c>
      <c r="C16338" s="1" t="s">
        <v>5</v>
      </c>
      <c r="D16338" s="1" t="s">
        <v>11</v>
      </c>
      <c r="E16338" s="1" t="s">
        <v>7</v>
      </c>
    </row>
    <row r="16339">
      <c r="A16339" s="1">
        <v>4.90674834E8</v>
      </c>
      <c r="B16339" s="3">
        <v>15491.0</v>
      </c>
      <c r="C16339" s="1" t="s">
        <v>5</v>
      </c>
      <c r="D16339" s="1" t="s">
        <v>13929</v>
      </c>
      <c r="E16339" s="1" t="s">
        <v>11</v>
      </c>
    </row>
    <row r="16340">
      <c r="A16340" s="1">
        <v>4.90674906E8</v>
      </c>
      <c r="B16340" s="2">
        <v>15415.0</v>
      </c>
      <c r="C16340" s="1" t="s">
        <v>5</v>
      </c>
      <c r="D16340" s="1" t="s">
        <v>13930</v>
      </c>
      <c r="E16340" s="1" t="s">
        <v>7</v>
      </c>
    </row>
    <row r="16341">
      <c r="A16341" s="1">
        <v>4.90674919E8</v>
      </c>
      <c r="B16341" s="3">
        <v>15487.0</v>
      </c>
      <c r="C16341" s="1" t="s">
        <v>5</v>
      </c>
      <c r="D16341" s="1" t="s">
        <v>13931</v>
      </c>
      <c r="E16341" s="1" t="s">
        <v>7</v>
      </c>
    </row>
    <row r="16342">
      <c r="A16342" s="1">
        <v>4.90674931E8</v>
      </c>
      <c r="B16342" s="2">
        <v>15406.0</v>
      </c>
      <c r="C16342" s="1" t="s">
        <v>5</v>
      </c>
      <c r="D16342" s="1" t="s">
        <v>11</v>
      </c>
      <c r="E16342" s="1" t="s">
        <v>7</v>
      </c>
    </row>
    <row r="16343">
      <c r="A16343" s="1">
        <v>4.90674975E8</v>
      </c>
      <c r="B16343" s="2">
        <v>15387.0</v>
      </c>
      <c r="C16343" s="1" t="s">
        <v>5</v>
      </c>
      <c r="D16343" s="1" t="s">
        <v>13932</v>
      </c>
      <c r="E16343" s="1" t="s">
        <v>13933</v>
      </c>
    </row>
    <row r="16344">
      <c r="A16344" s="1">
        <v>4.90675053E8</v>
      </c>
      <c r="B16344" s="2">
        <v>15413.0</v>
      </c>
      <c r="C16344" s="1" t="s">
        <v>5</v>
      </c>
      <c r="D16344" s="1" t="s">
        <v>13934</v>
      </c>
      <c r="E16344" s="1" t="s">
        <v>13935</v>
      </c>
    </row>
    <row r="16345">
      <c r="A16345" s="1">
        <v>4.90675071E8</v>
      </c>
      <c r="B16345" s="2">
        <v>15419.0</v>
      </c>
      <c r="C16345" s="1" t="s">
        <v>5</v>
      </c>
      <c r="D16345" s="1" t="s">
        <v>13936</v>
      </c>
      <c r="E16345" s="1" t="s">
        <v>11</v>
      </c>
    </row>
    <row r="16346">
      <c r="A16346" s="1">
        <v>4.90675198E8</v>
      </c>
      <c r="B16346" s="2">
        <v>15412.0</v>
      </c>
      <c r="C16346" s="1" t="s">
        <v>5</v>
      </c>
      <c r="D16346" s="1" t="s">
        <v>13937</v>
      </c>
      <c r="E16346" s="1" t="s">
        <v>7</v>
      </c>
    </row>
    <row r="16347">
      <c r="A16347" s="1">
        <v>4.90675285E8</v>
      </c>
      <c r="B16347" s="2">
        <v>15401.0</v>
      </c>
      <c r="C16347" s="1" t="s">
        <v>5</v>
      </c>
      <c r="D16347" s="1" t="s">
        <v>13938</v>
      </c>
      <c r="E16347" s="1" t="s">
        <v>7</v>
      </c>
    </row>
    <row r="16348">
      <c r="A16348" s="1">
        <v>4.90675291E8</v>
      </c>
      <c r="B16348" s="2">
        <v>15411.0</v>
      </c>
      <c r="C16348" s="1" t="s">
        <v>5</v>
      </c>
      <c r="D16348" s="1" t="s">
        <v>11</v>
      </c>
      <c r="E16348" s="1" t="s">
        <v>7</v>
      </c>
    </row>
    <row r="16349">
      <c r="A16349" s="1">
        <v>4.90675293E8</v>
      </c>
      <c r="B16349" s="2">
        <v>15414.0</v>
      </c>
      <c r="C16349" s="1" t="s">
        <v>5</v>
      </c>
      <c r="D16349" s="1" t="s">
        <v>13939</v>
      </c>
      <c r="E16349" s="1" t="s">
        <v>7</v>
      </c>
    </row>
    <row r="16350">
      <c r="A16350" s="1">
        <v>4.90675343E8</v>
      </c>
      <c r="B16350" s="2">
        <v>15458.0</v>
      </c>
      <c r="C16350" s="1" t="s">
        <v>5</v>
      </c>
      <c r="D16350" s="1" t="s">
        <v>11</v>
      </c>
      <c r="E16350" s="1" t="s">
        <v>7</v>
      </c>
    </row>
    <row r="16351">
      <c r="A16351" s="1">
        <v>4.90675425E8</v>
      </c>
      <c r="B16351" s="3">
        <v>15487.0</v>
      </c>
      <c r="C16351" s="1" t="s">
        <v>5</v>
      </c>
      <c r="D16351" s="1" t="s">
        <v>11</v>
      </c>
      <c r="E16351" s="1" t="s">
        <v>7</v>
      </c>
    </row>
    <row r="16352">
      <c r="A16352" s="1">
        <v>4.90675449E8</v>
      </c>
      <c r="B16352" s="2">
        <v>15432.0</v>
      </c>
      <c r="C16352" s="1" t="s">
        <v>5</v>
      </c>
      <c r="D16352" s="1" t="s">
        <v>13940</v>
      </c>
      <c r="E16352" s="1" t="s">
        <v>7</v>
      </c>
    </row>
    <row r="16353">
      <c r="A16353" s="1">
        <v>4.90675507E8</v>
      </c>
      <c r="B16353" s="2">
        <v>15437.0</v>
      </c>
      <c r="C16353" s="1" t="s">
        <v>5</v>
      </c>
      <c r="D16353" s="1" t="s">
        <v>13941</v>
      </c>
      <c r="E16353" s="1" t="s">
        <v>7</v>
      </c>
    </row>
    <row r="16354">
      <c r="A16354" s="1">
        <v>4.90675564E8</v>
      </c>
      <c r="B16354" s="3">
        <v>15483.0</v>
      </c>
      <c r="C16354" s="1" t="s">
        <v>5</v>
      </c>
      <c r="D16354" s="1" t="s">
        <v>13942</v>
      </c>
      <c r="E16354" s="1" t="s">
        <v>11</v>
      </c>
    </row>
    <row r="16355">
      <c r="A16355" s="1">
        <v>4.90675703E8</v>
      </c>
      <c r="B16355" s="2">
        <v>15416.0</v>
      </c>
      <c r="C16355" s="1" t="s">
        <v>5</v>
      </c>
      <c r="D16355" s="1" t="s">
        <v>13943</v>
      </c>
      <c r="E16355" s="1" t="s">
        <v>13944</v>
      </c>
    </row>
    <row r="16356">
      <c r="A16356" s="1">
        <v>4.90675738E8</v>
      </c>
      <c r="B16356" s="2">
        <v>15461.0</v>
      </c>
      <c r="C16356" s="1" t="s">
        <v>5</v>
      </c>
      <c r="D16356" s="1" t="s">
        <v>13945</v>
      </c>
      <c r="E16356" s="1" t="s">
        <v>7</v>
      </c>
    </row>
    <row r="16357">
      <c r="A16357" s="1">
        <v>4.90675874E8</v>
      </c>
      <c r="B16357" s="3">
        <v>15481.0</v>
      </c>
      <c r="C16357" s="1" t="s">
        <v>5</v>
      </c>
      <c r="D16357" s="1" t="s">
        <v>13946</v>
      </c>
      <c r="E16357" s="1" t="s">
        <v>11</v>
      </c>
    </row>
    <row r="16358">
      <c r="A16358" s="1">
        <v>4.90675884E8</v>
      </c>
      <c r="B16358" s="3">
        <v>15484.0</v>
      </c>
      <c r="C16358" s="1" t="s">
        <v>5</v>
      </c>
      <c r="D16358" s="1" t="s">
        <v>13947</v>
      </c>
      <c r="E16358" s="1" t="s">
        <v>7</v>
      </c>
    </row>
    <row r="16359">
      <c r="A16359" s="1">
        <v>4.90675892E8</v>
      </c>
      <c r="B16359" s="2">
        <v>15383.0</v>
      </c>
      <c r="C16359" s="1" t="s">
        <v>5</v>
      </c>
      <c r="D16359" s="1" t="s">
        <v>11</v>
      </c>
      <c r="E16359" s="1" t="s">
        <v>7</v>
      </c>
    </row>
    <row r="16360">
      <c r="A16360" s="1">
        <v>4.90676021E8</v>
      </c>
      <c r="B16360" s="2">
        <v>15382.0</v>
      </c>
      <c r="C16360" s="1" t="s">
        <v>5</v>
      </c>
      <c r="D16360" s="1" t="s">
        <v>11</v>
      </c>
      <c r="E16360" s="1" t="s">
        <v>7</v>
      </c>
    </row>
    <row r="16361">
      <c r="A16361" s="1">
        <v>4.90676056E8</v>
      </c>
      <c r="B16361" s="2">
        <v>15382.0</v>
      </c>
      <c r="C16361" s="1" t="s">
        <v>5</v>
      </c>
      <c r="D16361" s="1" t="s">
        <v>13948</v>
      </c>
      <c r="E16361" s="1" t="s">
        <v>7</v>
      </c>
    </row>
    <row r="16362">
      <c r="A16362" s="1">
        <v>4.90676063E8</v>
      </c>
      <c r="B16362" s="3">
        <v>15483.0</v>
      </c>
      <c r="C16362" s="1" t="s">
        <v>5</v>
      </c>
      <c r="D16362" s="1" t="s">
        <v>13949</v>
      </c>
      <c r="E16362" s="1" t="s">
        <v>11</v>
      </c>
    </row>
    <row r="16363">
      <c r="A16363" s="1">
        <v>4.90676085E8</v>
      </c>
      <c r="B16363" s="3">
        <v>15489.0</v>
      </c>
      <c r="C16363" s="1" t="s">
        <v>5</v>
      </c>
      <c r="D16363" s="1" t="s">
        <v>13950</v>
      </c>
      <c r="E16363" s="1" t="s">
        <v>11</v>
      </c>
    </row>
    <row r="16364">
      <c r="A16364" s="1">
        <v>4.90676091E8</v>
      </c>
      <c r="B16364" s="3">
        <v>15483.0</v>
      </c>
      <c r="C16364" s="1" t="s">
        <v>5</v>
      </c>
      <c r="D16364" s="1" t="s">
        <v>13951</v>
      </c>
      <c r="E16364" s="1" t="s">
        <v>11</v>
      </c>
    </row>
    <row r="16365">
      <c r="A16365" s="1">
        <v>4.90676125E8</v>
      </c>
      <c r="B16365" s="2">
        <v>15405.0</v>
      </c>
      <c r="C16365" s="1" t="s">
        <v>5</v>
      </c>
      <c r="D16365" s="1" t="s">
        <v>13952</v>
      </c>
      <c r="E16365" s="1" t="s">
        <v>7</v>
      </c>
    </row>
    <row r="16366">
      <c r="A16366" s="1">
        <v>4.90676136E8</v>
      </c>
      <c r="B16366" s="2">
        <v>15460.0</v>
      </c>
      <c r="C16366" s="1" t="s">
        <v>5</v>
      </c>
      <c r="D16366" s="1" t="s">
        <v>13953</v>
      </c>
      <c r="E16366" s="1" t="s">
        <v>7</v>
      </c>
    </row>
    <row r="16367">
      <c r="A16367" s="1">
        <v>4.90676182E8</v>
      </c>
      <c r="B16367" s="2">
        <v>15432.0</v>
      </c>
      <c r="C16367" s="1" t="s">
        <v>5</v>
      </c>
      <c r="D16367" s="1" t="s">
        <v>11</v>
      </c>
      <c r="E16367" s="1" t="s">
        <v>7</v>
      </c>
    </row>
    <row r="16368">
      <c r="A16368" s="1">
        <v>4.90676365E8</v>
      </c>
      <c r="B16368" s="2">
        <v>15440.0</v>
      </c>
      <c r="C16368" s="1" t="s">
        <v>5</v>
      </c>
      <c r="D16368" s="1" t="s">
        <v>13954</v>
      </c>
      <c r="E16368" s="1" t="s">
        <v>11</v>
      </c>
    </row>
    <row r="16369">
      <c r="A16369" s="1">
        <v>4.90676458E8</v>
      </c>
      <c r="B16369" s="3">
        <v>15477.0</v>
      </c>
      <c r="C16369" s="1" t="s">
        <v>5</v>
      </c>
      <c r="D16369" s="1" t="s">
        <v>13955</v>
      </c>
      <c r="E16369" s="1" t="s">
        <v>7</v>
      </c>
    </row>
    <row r="16370">
      <c r="A16370" s="1">
        <v>4.90676589E8</v>
      </c>
      <c r="B16370" s="2">
        <v>15403.0</v>
      </c>
      <c r="C16370" s="1" t="s">
        <v>5</v>
      </c>
      <c r="D16370" s="1" t="s">
        <v>11</v>
      </c>
      <c r="E16370" s="1" t="s">
        <v>7</v>
      </c>
    </row>
    <row r="16371">
      <c r="A16371" s="1">
        <v>4.90676637E8</v>
      </c>
      <c r="B16371" s="2">
        <v>15438.0</v>
      </c>
      <c r="C16371" s="1" t="s">
        <v>5</v>
      </c>
      <c r="D16371" s="1" t="s">
        <v>13956</v>
      </c>
      <c r="E16371" s="1" t="s">
        <v>11</v>
      </c>
    </row>
    <row r="16372">
      <c r="A16372" s="1">
        <v>4.90676733E8</v>
      </c>
      <c r="B16372" s="2">
        <v>15454.0</v>
      </c>
      <c r="C16372" s="1" t="s">
        <v>5</v>
      </c>
      <c r="D16372" s="1" t="s">
        <v>13957</v>
      </c>
      <c r="E16372" s="1" t="s">
        <v>13958</v>
      </c>
    </row>
    <row r="16373">
      <c r="A16373" s="1">
        <v>4.90676837E8</v>
      </c>
      <c r="B16373" s="2">
        <v>15410.0</v>
      </c>
      <c r="C16373" s="1" t="s">
        <v>5</v>
      </c>
      <c r="D16373" s="1" t="s">
        <v>13959</v>
      </c>
      <c r="E16373" s="1" t="s">
        <v>7</v>
      </c>
    </row>
    <row r="16374">
      <c r="A16374" s="1">
        <v>4.90676856E8</v>
      </c>
      <c r="B16374" s="3">
        <v>15492.0</v>
      </c>
      <c r="C16374" s="1" t="s">
        <v>5</v>
      </c>
      <c r="D16374" s="1" t="s">
        <v>13960</v>
      </c>
      <c r="E16374" s="1" t="s">
        <v>7</v>
      </c>
    </row>
    <row r="16375">
      <c r="A16375" s="1">
        <v>4.90676885E8</v>
      </c>
      <c r="B16375" s="2">
        <v>15381.0</v>
      </c>
      <c r="C16375" s="1" t="s">
        <v>5</v>
      </c>
      <c r="D16375" s="1" t="s">
        <v>11</v>
      </c>
      <c r="E16375" s="1" t="s">
        <v>7</v>
      </c>
    </row>
    <row r="16376">
      <c r="A16376" s="1">
        <v>4.90676934E8</v>
      </c>
      <c r="B16376" s="3">
        <v>15475.0</v>
      </c>
      <c r="C16376" s="1" t="s">
        <v>5</v>
      </c>
      <c r="D16376" s="1" t="s">
        <v>13961</v>
      </c>
      <c r="E16376" s="1" t="s">
        <v>7</v>
      </c>
    </row>
    <row r="16377">
      <c r="A16377" s="1">
        <v>4.90676987E8</v>
      </c>
      <c r="B16377" s="2">
        <v>15410.0</v>
      </c>
      <c r="C16377" s="1" t="s">
        <v>5</v>
      </c>
      <c r="D16377" s="1" t="s">
        <v>13962</v>
      </c>
      <c r="E16377" s="1" t="s">
        <v>11</v>
      </c>
    </row>
    <row r="16378">
      <c r="A16378" s="1">
        <v>4.90677055E8</v>
      </c>
      <c r="B16378" s="2">
        <v>15433.0</v>
      </c>
      <c r="C16378" s="1" t="s">
        <v>5</v>
      </c>
      <c r="D16378" s="1" t="s">
        <v>13963</v>
      </c>
      <c r="E16378" s="1" t="s">
        <v>7</v>
      </c>
    </row>
    <row r="16379">
      <c r="A16379" s="1">
        <v>4.90677097E8</v>
      </c>
      <c r="B16379" s="2">
        <v>15435.0</v>
      </c>
      <c r="C16379" s="1" t="s">
        <v>5</v>
      </c>
      <c r="D16379" s="1" t="s">
        <v>13964</v>
      </c>
      <c r="E16379" s="1" t="s">
        <v>7</v>
      </c>
    </row>
    <row r="16380">
      <c r="A16380" s="1">
        <v>4.90677102E8</v>
      </c>
      <c r="B16380" s="2">
        <v>15457.0</v>
      </c>
      <c r="C16380" s="1" t="s">
        <v>5</v>
      </c>
      <c r="D16380" s="1" t="s">
        <v>11</v>
      </c>
      <c r="E16380" s="1" t="s">
        <v>7</v>
      </c>
    </row>
    <row r="16381">
      <c r="A16381" s="1">
        <v>4.90677113E8</v>
      </c>
      <c r="B16381" s="3">
        <v>15475.0</v>
      </c>
      <c r="C16381" s="1" t="s">
        <v>5</v>
      </c>
      <c r="D16381" s="1" t="s">
        <v>13965</v>
      </c>
      <c r="E16381" s="1" t="s">
        <v>7</v>
      </c>
    </row>
    <row r="16382">
      <c r="A16382" s="1">
        <v>4.90677135E8</v>
      </c>
      <c r="B16382" s="2">
        <v>15457.0</v>
      </c>
      <c r="C16382" s="1" t="s">
        <v>5</v>
      </c>
      <c r="D16382" s="1" t="s">
        <v>13966</v>
      </c>
      <c r="E16382" s="1" t="s">
        <v>11</v>
      </c>
    </row>
    <row r="16383">
      <c r="A16383" s="1">
        <v>4.90677146E8</v>
      </c>
      <c r="B16383" s="2">
        <v>15380.0</v>
      </c>
      <c r="C16383" s="1" t="s">
        <v>5</v>
      </c>
      <c r="D16383" s="1" t="s">
        <v>13967</v>
      </c>
      <c r="E16383" s="1" t="s">
        <v>11</v>
      </c>
    </row>
    <row r="16384">
      <c r="A16384" s="1">
        <v>4.90677204E8</v>
      </c>
      <c r="B16384" s="2">
        <v>15460.0</v>
      </c>
      <c r="C16384" s="1" t="s">
        <v>5</v>
      </c>
      <c r="D16384" s="1" t="s">
        <v>11</v>
      </c>
      <c r="E16384" s="1" t="s">
        <v>7</v>
      </c>
    </row>
    <row r="16385">
      <c r="A16385" s="1">
        <v>4.90677335E8</v>
      </c>
      <c r="B16385" s="3">
        <v>15471.0</v>
      </c>
      <c r="C16385" s="1" t="s">
        <v>5</v>
      </c>
      <c r="D16385" s="1" t="s">
        <v>13968</v>
      </c>
      <c r="E16385" s="1" t="s">
        <v>11</v>
      </c>
    </row>
    <row r="16386">
      <c r="A16386" s="1">
        <v>4.9067735E8</v>
      </c>
      <c r="B16386" s="2">
        <v>15380.0</v>
      </c>
      <c r="C16386" s="1" t="s">
        <v>5</v>
      </c>
      <c r="D16386" s="1" t="s">
        <v>13969</v>
      </c>
      <c r="E16386" s="1" t="s">
        <v>11</v>
      </c>
    </row>
    <row r="16387">
      <c r="A16387" s="1">
        <v>4.90677353E8</v>
      </c>
      <c r="B16387" s="2">
        <v>15408.0</v>
      </c>
      <c r="C16387" s="1" t="s">
        <v>5</v>
      </c>
      <c r="D16387" s="1" t="s">
        <v>11</v>
      </c>
      <c r="E16387" s="1" t="s">
        <v>7</v>
      </c>
    </row>
    <row r="16388">
      <c r="A16388" s="1">
        <v>4.90677382E8</v>
      </c>
      <c r="B16388" s="2">
        <v>15410.0</v>
      </c>
      <c r="C16388" s="1" t="s">
        <v>5</v>
      </c>
      <c r="D16388" s="1" t="s">
        <v>11</v>
      </c>
      <c r="E16388" s="1" t="s">
        <v>7</v>
      </c>
    </row>
    <row r="16389">
      <c r="A16389" s="1">
        <v>4.90677397E8</v>
      </c>
      <c r="B16389" s="3">
        <v>15491.0</v>
      </c>
      <c r="C16389" s="1" t="s">
        <v>5</v>
      </c>
      <c r="D16389" s="1" t="s">
        <v>13970</v>
      </c>
      <c r="E16389" s="1" t="s">
        <v>7</v>
      </c>
    </row>
    <row r="16390">
      <c r="A16390" s="1">
        <v>4.9067741E8</v>
      </c>
      <c r="B16390" s="3">
        <v>15471.0</v>
      </c>
      <c r="C16390" s="1" t="s">
        <v>5</v>
      </c>
      <c r="D16390" s="1" t="s">
        <v>13971</v>
      </c>
      <c r="E16390" s="1" t="s">
        <v>11</v>
      </c>
    </row>
    <row r="16391">
      <c r="A16391" s="1">
        <v>4.90677413E8</v>
      </c>
      <c r="B16391" s="3">
        <v>15487.0</v>
      </c>
      <c r="C16391" s="1" t="s">
        <v>5</v>
      </c>
      <c r="D16391" s="1" t="s">
        <v>13972</v>
      </c>
      <c r="E16391" s="1" t="s">
        <v>7</v>
      </c>
    </row>
    <row r="16392">
      <c r="A16392" s="1">
        <v>4.90677489E8</v>
      </c>
      <c r="B16392" s="3">
        <v>15486.0</v>
      </c>
      <c r="C16392" s="1" t="s">
        <v>5</v>
      </c>
      <c r="D16392" s="1" t="s">
        <v>11</v>
      </c>
      <c r="E16392" s="1" t="s">
        <v>7</v>
      </c>
    </row>
    <row r="16393">
      <c r="A16393" s="1">
        <v>4.90677517E8</v>
      </c>
      <c r="B16393" s="2">
        <v>15459.0</v>
      </c>
      <c r="C16393" s="1" t="s">
        <v>5</v>
      </c>
      <c r="D16393" s="1" t="s">
        <v>11</v>
      </c>
      <c r="E16393" s="1" t="s">
        <v>7</v>
      </c>
    </row>
    <row r="16394">
      <c r="A16394" s="1">
        <v>4.90677613E8</v>
      </c>
      <c r="B16394" s="2">
        <v>15436.0</v>
      </c>
      <c r="C16394" s="1" t="s">
        <v>5</v>
      </c>
      <c r="D16394" s="1" t="s">
        <v>13973</v>
      </c>
      <c r="E16394" s="1" t="s">
        <v>7</v>
      </c>
    </row>
    <row r="16395">
      <c r="A16395" s="1">
        <v>4.90677706E8</v>
      </c>
      <c r="B16395" s="2">
        <v>15380.0</v>
      </c>
      <c r="C16395" s="1" t="s">
        <v>5</v>
      </c>
      <c r="D16395" s="1" t="s">
        <v>13974</v>
      </c>
      <c r="E16395" s="1" t="s">
        <v>11</v>
      </c>
    </row>
    <row r="16396">
      <c r="A16396" s="1">
        <v>4.90677717E8</v>
      </c>
      <c r="B16396" s="3">
        <v>15471.0</v>
      </c>
      <c r="C16396" s="1" t="s">
        <v>5</v>
      </c>
      <c r="D16396" s="1" t="s">
        <v>13975</v>
      </c>
      <c r="E16396" s="1" t="s">
        <v>11</v>
      </c>
    </row>
    <row r="16397">
      <c r="A16397" s="1">
        <v>4.90677719E8</v>
      </c>
      <c r="B16397" s="2">
        <v>15408.0</v>
      </c>
      <c r="C16397" s="1" t="s">
        <v>5</v>
      </c>
      <c r="D16397" s="1" t="s">
        <v>13976</v>
      </c>
      <c r="E16397" s="1" t="s">
        <v>7</v>
      </c>
    </row>
    <row r="16398">
      <c r="A16398" s="1">
        <v>4.90677747E8</v>
      </c>
      <c r="B16398" s="3">
        <v>15473.0</v>
      </c>
      <c r="C16398" s="1" t="s">
        <v>5</v>
      </c>
      <c r="D16398" s="1" t="s">
        <v>13977</v>
      </c>
      <c r="E16398" s="1" t="s">
        <v>7</v>
      </c>
    </row>
    <row r="16399">
      <c r="A16399" s="1">
        <v>4.90677764E8</v>
      </c>
      <c r="B16399" s="2">
        <v>15440.0</v>
      </c>
      <c r="C16399" s="1" t="s">
        <v>5</v>
      </c>
      <c r="D16399" s="1" t="s">
        <v>13978</v>
      </c>
      <c r="E16399" s="1" t="s">
        <v>7</v>
      </c>
    </row>
    <row r="16400">
      <c r="A16400" s="1">
        <v>4.90677799E8</v>
      </c>
      <c r="B16400" s="2">
        <v>15456.0</v>
      </c>
      <c r="C16400" s="1" t="s">
        <v>5</v>
      </c>
      <c r="D16400" s="1" t="s">
        <v>13979</v>
      </c>
      <c r="E16400" s="1" t="s">
        <v>13980</v>
      </c>
    </row>
    <row r="16401">
      <c r="A16401" s="1">
        <v>4.90677804E8</v>
      </c>
      <c r="B16401" s="3">
        <v>15470.0</v>
      </c>
      <c r="C16401" s="1" t="s">
        <v>5</v>
      </c>
      <c r="D16401" s="1" t="s">
        <v>13981</v>
      </c>
      <c r="E16401" s="1" t="s">
        <v>11</v>
      </c>
    </row>
    <row r="16402">
      <c r="A16402" s="1">
        <v>4.90677833E8</v>
      </c>
      <c r="B16402" s="2">
        <v>15460.0</v>
      </c>
      <c r="C16402" s="1" t="s">
        <v>5</v>
      </c>
      <c r="D16402" s="1" t="s">
        <v>13982</v>
      </c>
      <c r="E16402" s="1" t="s">
        <v>7</v>
      </c>
    </row>
    <row r="16403">
      <c r="A16403" s="1">
        <v>4.90678082E8</v>
      </c>
      <c r="B16403" s="2">
        <v>15459.0</v>
      </c>
      <c r="C16403" s="1" t="s">
        <v>5</v>
      </c>
      <c r="D16403" s="1" t="s">
        <v>13983</v>
      </c>
      <c r="E16403" s="1" t="s">
        <v>7</v>
      </c>
    </row>
    <row r="16404">
      <c r="A16404" s="1">
        <v>4.90678095E8</v>
      </c>
      <c r="B16404" s="2">
        <v>15450.0</v>
      </c>
      <c r="C16404" s="1" t="s">
        <v>5</v>
      </c>
      <c r="D16404" s="1" t="s">
        <v>13984</v>
      </c>
      <c r="E16404" s="1" t="s">
        <v>11</v>
      </c>
    </row>
    <row r="16405">
      <c r="A16405" s="1">
        <v>4.90678135E8</v>
      </c>
      <c r="B16405" s="2">
        <v>15442.0</v>
      </c>
      <c r="C16405" s="1" t="s">
        <v>5</v>
      </c>
      <c r="D16405" s="1" t="s">
        <v>7</v>
      </c>
      <c r="E16405" s="1" t="s">
        <v>7</v>
      </c>
    </row>
    <row r="16406">
      <c r="A16406" s="1">
        <v>4.90678159E8</v>
      </c>
      <c r="B16406" s="3">
        <v>15466.0</v>
      </c>
      <c r="C16406" s="1" t="s">
        <v>5</v>
      </c>
      <c r="D16406" s="1" t="s">
        <v>13985</v>
      </c>
      <c r="E16406" s="1" t="s">
        <v>13986</v>
      </c>
    </row>
    <row r="16407">
      <c r="A16407" s="1">
        <v>4.90678188E8</v>
      </c>
      <c r="B16407" s="2">
        <v>15453.0</v>
      </c>
      <c r="C16407" s="1" t="s">
        <v>5</v>
      </c>
      <c r="D16407" s="1" t="s">
        <v>11</v>
      </c>
      <c r="E16407" s="1" t="s">
        <v>7</v>
      </c>
    </row>
    <row r="16408">
      <c r="A16408" s="1">
        <v>4.90678223E8</v>
      </c>
      <c r="B16408" s="2">
        <v>15453.0</v>
      </c>
      <c r="C16408" s="1" t="s">
        <v>5</v>
      </c>
      <c r="D16408" s="1" t="s">
        <v>13987</v>
      </c>
      <c r="E16408" s="1" t="s">
        <v>7</v>
      </c>
    </row>
    <row r="16409">
      <c r="A16409" s="1">
        <v>4.90678232E8</v>
      </c>
      <c r="B16409" s="2">
        <v>15456.0</v>
      </c>
      <c r="C16409" s="1" t="s">
        <v>5</v>
      </c>
      <c r="D16409" s="1" t="s">
        <v>11</v>
      </c>
      <c r="E16409" s="1" t="s">
        <v>7</v>
      </c>
    </row>
    <row r="16410">
      <c r="A16410" s="1">
        <v>4.90678296E8</v>
      </c>
      <c r="B16410" s="2">
        <v>15456.0</v>
      </c>
      <c r="C16410" s="1" t="s">
        <v>5</v>
      </c>
      <c r="D16410" s="1" t="s">
        <v>11</v>
      </c>
      <c r="E16410" s="1" t="s">
        <v>7</v>
      </c>
    </row>
    <row r="16411">
      <c r="A16411" s="1">
        <v>4.90678336E8</v>
      </c>
      <c r="B16411" s="3">
        <v>15488.0</v>
      </c>
      <c r="C16411" s="1" t="s">
        <v>5</v>
      </c>
      <c r="D16411" s="1" t="s">
        <v>11</v>
      </c>
      <c r="E16411" s="1" t="s">
        <v>7</v>
      </c>
    </row>
    <row r="16412">
      <c r="A16412" s="1">
        <v>4.90678349E8</v>
      </c>
      <c r="B16412" s="3">
        <v>15465.0</v>
      </c>
      <c r="C16412" s="1" t="s">
        <v>5</v>
      </c>
      <c r="D16412" s="1" t="s">
        <v>13988</v>
      </c>
      <c r="E16412" s="1" t="s">
        <v>13989</v>
      </c>
    </row>
    <row r="16413">
      <c r="A16413" s="1">
        <v>4.90678355E8</v>
      </c>
      <c r="B16413" s="3">
        <v>15467.0</v>
      </c>
      <c r="C16413" s="1" t="s">
        <v>5</v>
      </c>
      <c r="D16413" s="1" t="s">
        <v>11</v>
      </c>
      <c r="E16413" s="1" t="s">
        <v>7</v>
      </c>
    </row>
    <row r="16414">
      <c r="A16414" s="1">
        <v>4.90678357E8</v>
      </c>
      <c r="B16414" s="3">
        <v>15469.0</v>
      </c>
      <c r="C16414" s="1" t="s">
        <v>5</v>
      </c>
      <c r="D16414" s="1" t="s">
        <v>11</v>
      </c>
      <c r="E16414" s="1" t="s">
        <v>7</v>
      </c>
    </row>
    <row r="16415">
      <c r="A16415" s="1">
        <v>4.90678378E8</v>
      </c>
      <c r="B16415" s="3">
        <v>15464.0</v>
      </c>
      <c r="C16415" s="1" t="s">
        <v>5</v>
      </c>
      <c r="D16415" s="1" t="s">
        <v>11</v>
      </c>
      <c r="E16415" s="1" t="s">
        <v>7</v>
      </c>
    </row>
    <row r="16416">
      <c r="A16416" s="1">
        <v>4.90678392E8</v>
      </c>
      <c r="B16416" s="2">
        <v>15451.0</v>
      </c>
      <c r="C16416" s="1" t="s">
        <v>5</v>
      </c>
      <c r="D16416" s="1" t="s">
        <v>13990</v>
      </c>
      <c r="E16416" s="1" t="s">
        <v>11</v>
      </c>
    </row>
    <row r="16417">
      <c r="A16417" s="1">
        <v>4.90678397E8</v>
      </c>
      <c r="B16417" s="2">
        <v>15403.0</v>
      </c>
      <c r="C16417" s="1" t="s">
        <v>5</v>
      </c>
      <c r="D16417" s="1" t="s">
        <v>13991</v>
      </c>
      <c r="E16417" s="1" t="s">
        <v>7</v>
      </c>
    </row>
    <row r="16418">
      <c r="A16418" s="1">
        <v>4.90678428E8</v>
      </c>
      <c r="B16418" s="3">
        <v>15465.0</v>
      </c>
      <c r="C16418" s="1" t="s">
        <v>5</v>
      </c>
      <c r="D16418" s="1" t="s">
        <v>13992</v>
      </c>
      <c r="E16418" s="1" t="s">
        <v>11</v>
      </c>
    </row>
    <row r="16419">
      <c r="A16419" s="1">
        <v>4.90678448E8</v>
      </c>
      <c r="B16419" s="3">
        <v>15485.0</v>
      </c>
      <c r="C16419" s="1" t="s">
        <v>5</v>
      </c>
      <c r="D16419" s="1" t="s">
        <v>11</v>
      </c>
      <c r="E16419" s="1" t="s">
        <v>7</v>
      </c>
    </row>
    <row r="16420">
      <c r="A16420" s="1">
        <v>4.90678578E8</v>
      </c>
      <c r="B16420" s="2">
        <v>15450.0</v>
      </c>
      <c r="C16420" s="1" t="s">
        <v>5</v>
      </c>
      <c r="D16420" s="1" t="s">
        <v>13993</v>
      </c>
      <c r="E16420" s="1" t="s">
        <v>11</v>
      </c>
    </row>
    <row r="16421">
      <c r="A16421" s="1">
        <v>4.90678691E8</v>
      </c>
      <c r="B16421" s="2">
        <v>15522.0</v>
      </c>
      <c r="C16421" s="1" t="s">
        <v>5</v>
      </c>
      <c r="D16421" s="1" t="s">
        <v>13994</v>
      </c>
      <c r="E16421" s="1" t="s">
        <v>7</v>
      </c>
    </row>
    <row r="16422">
      <c r="A16422" s="1">
        <v>4.90678777E8</v>
      </c>
      <c r="B16422" s="2">
        <v>15461.0</v>
      </c>
      <c r="C16422" s="1" t="s">
        <v>5</v>
      </c>
      <c r="D16422" s="1" t="s">
        <v>13995</v>
      </c>
      <c r="E16422" s="1" t="s">
        <v>7</v>
      </c>
    </row>
    <row r="16423">
      <c r="A16423" s="1">
        <v>4.90678796E8</v>
      </c>
      <c r="B16423" s="3">
        <v>15485.0</v>
      </c>
      <c r="C16423" s="1" t="s">
        <v>5</v>
      </c>
      <c r="D16423" s="1" t="s">
        <v>11</v>
      </c>
      <c r="E16423" s="1" t="s">
        <v>7</v>
      </c>
    </row>
    <row r="16424">
      <c r="A16424" s="1">
        <v>4.90678808E8</v>
      </c>
      <c r="B16424" s="2">
        <v>15451.0</v>
      </c>
      <c r="C16424" s="1" t="s">
        <v>5</v>
      </c>
      <c r="D16424" s="1" t="s">
        <v>13996</v>
      </c>
      <c r="E16424" s="1" t="s">
        <v>11</v>
      </c>
    </row>
    <row r="16425">
      <c r="A16425" s="1">
        <v>4.90678869E8</v>
      </c>
      <c r="B16425" s="3">
        <v>15482.0</v>
      </c>
      <c r="C16425" s="1" t="s">
        <v>5</v>
      </c>
      <c r="D16425" s="1" t="s">
        <v>13997</v>
      </c>
      <c r="E16425" s="1" t="s">
        <v>11</v>
      </c>
    </row>
    <row r="16426">
      <c r="A16426" s="1">
        <v>4.90678877E8</v>
      </c>
      <c r="B16426" s="3">
        <v>15478.0</v>
      </c>
      <c r="C16426" s="1" t="s">
        <v>5</v>
      </c>
      <c r="D16426" s="1" t="s">
        <v>11</v>
      </c>
      <c r="E16426" s="1" t="s">
        <v>7</v>
      </c>
    </row>
    <row r="16427">
      <c r="A16427" s="1">
        <v>4.90678957E8</v>
      </c>
      <c r="B16427" s="2">
        <v>15457.0</v>
      </c>
      <c r="C16427" s="1" t="s">
        <v>5</v>
      </c>
      <c r="D16427" s="1" t="s">
        <v>13998</v>
      </c>
      <c r="E16427" s="1" t="s">
        <v>7</v>
      </c>
    </row>
    <row r="16428">
      <c r="A16428" s="1">
        <v>4.90678965E8</v>
      </c>
      <c r="B16428" s="2">
        <v>15450.0</v>
      </c>
      <c r="C16428" s="1" t="s">
        <v>5</v>
      </c>
      <c r="D16428" s="1" t="s">
        <v>13999</v>
      </c>
      <c r="E16428" s="1" t="s">
        <v>11</v>
      </c>
    </row>
    <row r="16429">
      <c r="A16429" s="1">
        <v>4.90679103E8</v>
      </c>
      <c r="B16429" s="3">
        <v>15479.0</v>
      </c>
      <c r="C16429" s="1" t="s">
        <v>5</v>
      </c>
      <c r="D16429" s="1" t="s">
        <v>14000</v>
      </c>
      <c r="E16429" s="1" t="s">
        <v>11</v>
      </c>
    </row>
    <row r="16430">
      <c r="A16430" s="1">
        <v>4.90679109E8</v>
      </c>
      <c r="B16430" s="3">
        <v>15463.0</v>
      </c>
      <c r="C16430" s="1" t="s">
        <v>5</v>
      </c>
      <c r="D16430" s="1" t="s">
        <v>11</v>
      </c>
      <c r="E16430" s="1" t="s">
        <v>7</v>
      </c>
    </row>
    <row r="16431">
      <c r="A16431" s="1">
        <v>4.90679182E8</v>
      </c>
      <c r="B16431" s="2">
        <v>15521.0</v>
      </c>
      <c r="C16431" s="1" t="s">
        <v>5</v>
      </c>
      <c r="D16431" s="1" t="s">
        <v>14001</v>
      </c>
      <c r="E16431" s="1" t="s">
        <v>14002</v>
      </c>
    </row>
    <row r="16432">
      <c r="A16432" s="1">
        <v>4.9067923E8</v>
      </c>
      <c r="B16432" s="3">
        <v>15480.0</v>
      </c>
      <c r="C16432" s="1" t="s">
        <v>5</v>
      </c>
      <c r="D16432" s="1" t="s">
        <v>14003</v>
      </c>
      <c r="E16432" s="1" t="s">
        <v>7</v>
      </c>
    </row>
    <row r="16433">
      <c r="A16433" s="1">
        <v>4.9067927E8</v>
      </c>
      <c r="B16433" s="2">
        <v>15520.0</v>
      </c>
      <c r="C16433" s="1" t="s">
        <v>5</v>
      </c>
      <c r="D16433" s="1" t="s">
        <v>14004</v>
      </c>
      <c r="E16433" s="1" t="s">
        <v>11</v>
      </c>
    </row>
    <row r="16434">
      <c r="A16434" s="1">
        <v>4.90679279E8</v>
      </c>
      <c r="B16434" s="3">
        <v>15463.0</v>
      </c>
      <c r="C16434" s="1" t="s">
        <v>5</v>
      </c>
      <c r="D16434" s="1" t="s">
        <v>11</v>
      </c>
      <c r="E16434" s="1" t="s">
        <v>7</v>
      </c>
    </row>
    <row r="16435">
      <c r="A16435" s="1">
        <v>4.90679292E8</v>
      </c>
      <c r="B16435" s="3">
        <v>15481.0</v>
      </c>
      <c r="C16435" s="1" t="s">
        <v>5</v>
      </c>
      <c r="D16435" s="1" t="s">
        <v>14005</v>
      </c>
      <c r="E16435" s="1" t="s">
        <v>7</v>
      </c>
    </row>
    <row r="16436">
      <c r="A16436" s="1">
        <v>4.90679318E8</v>
      </c>
      <c r="B16436" s="2">
        <v>15435.0</v>
      </c>
      <c r="C16436" s="1" t="s">
        <v>5</v>
      </c>
      <c r="D16436" s="1" t="s">
        <v>11</v>
      </c>
      <c r="E16436" s="1" t="s">
        <v>7</v>
      </c>
    </row>
    <row r="16437">
      <c r="A16437" s="1">
        <v>4.90679336E8</v>
      </c>
      <c r="B16437" s="3">
        <v>15468.0</v>
      </c>
      <c r="C16437" s="1" t="s">
        <v>5</v>
      </c>
      <c r="D16437" s="1" t="s">
        <v>14006</v>
      </c>
      <c r="E16437" s="1" t="s">
        <v>7</v>
      </c>
    </row>
    <row r="16438">
      <c r="A16438" s="1">
        <v>4.90679419E8</v>
      </c>
      <c r="B16438" s="2">
        <v>15442.0</v>
      </c>
      <c r="C16438" s="1" t="s">
        <v>5</v>
      </c>
      <c r="D16438" s="1" t="s">
        <v>11</v>
      </c>
      <c r="E16438" s="1" t="s">
        <v>7</v>
      </c>
    </row>
    <row r="16439">
      <c r="A16439" s="1">
        <v>4.90679438E8</v>
      </c>
      <c r="B16439" s="3">
        <v>15473.0</v>
      </c>
      <c r="C16439" s="1" t="s">
        <v>5</v>
      </c>
      <c r="D16439" s="1" t="s">
        <v>14007</v>
      </c>
      <c r="E16439" s="1" t="s">
        <v>7</v>
      </c>
    </row>
    <row r="16440">
      <c r="A16440" s="1">
        <v>4.90679589E8</v>
      </c>
      <c r="B16440" s="2">
        <v>15518.0</v>
      </c>
      <c r="C16440" s="1" t="s">
        <v>5</v>
      </c>
      <c r="D16440" s="1" t="s">
        <v>14008</v>
      </c>
      <c r="E16440" s="1" t="s">
        <v>7</v>
      </c>
    </row>
    <row r="16441">
      <c r="A16441" s="1">
        <v>4.90679639E8</v>
      </c>
      <c r="B16441" s="3">
        <v>15476.0</v>
      </c>
      <c r="C16441" s="1" t="s">
        <v>5</v>
      </c>
      <c r="D16441" s="1" t="s">
        <v>14009</v>
      </c>
      <c r="E16441" s="1" t="s">
        <v>14010</v>
      </c>
    </row>
    <row r="16442">
      <c r="A16442" s="1">
        <v>4.90679668E8</v>
      </c>
      <c r="B16442" s="2">
        <v>15520.0</v>
      </c>
      <c r="C16442" s="1" t="s">
        <v>5</v>
      </c>
      <c r="D16442" s="1" t="s">
        <v>14011</v>
      </c>
      <c r="E16442" s="1" t="s">
        <v>11</v>
      </c>
    </row>
    <row r="16443">
      <c r="A16443" s="1">
        <v>4.90679704E8</v>
      </c>
      <c r="B16443" s="3">
        <v>15464.0</v>
      </c>
      <c r="C16443" s="1" t="s">
        <v>5</v>
      </c>
      <c r="D16443" s="1" t="s">
        <v>14012</v>
      </c>
      <c r="E16443" s="1" t="s">
        <v>7</v>
      </c>
    </row>
    <row r="16444">
      <c r="A16444" s="1">
        <v>4.90679746E8</v>
      </c>
      <c r="B16444" s="2">
        <v>15519.0</v>
      </c>
      <c r="C16444" s="1" t="s">
        <v>5</v>
      </c>
      <c r="D16444" s="1" t="s">
        <v>14013</v>
      </c>
      <c r="E16444" s="1" t="s">
        <v>11</v>
      </c>
    </row>
    <row r="16445">
      <c r="A16445" s="1">
        <v>4.9067975E8</v>
      </c>
      <c r="B16445" s="3">
        <v>15475.0</v>
      </c>
      <c r="C16445" s="1" t="s">
        <v>5</v>
      </c>
      <c r="D16445" s="1" t="s">
        <v>14014</v>
      </c>
      <c r="E16445" s="1" t="s">
        <v>7</v>
      </c>
    </row>
    <row r="16446">
      <c r="A16446" s="1">
        <v>4.90679924E8</v>
      </c>
      <c r="B16446" s="2">
        <v>15444.0</v>
      </c>
      <c r="C16446" s="1" t="s">
        <v>5</v>
      </c>
      <c r="D16446" s="1" t="s">
        <v>14015</v>
      </c>
      <c r="E16446" s="1" t="s">
        <v>7</v>
      </c>
    </row>
    <row r="16447">
      <c r="A16447" s="1">
        <v>4.90679964E8</v>
      </c>
      <c r="B16447" s="2">
        <v>15515.0</v>
      </c>
      <c r="C16447" s="1" t="s">
        <v>5</v>
      </c>
      <c r="D16447" s="1" t="s">
        <v>14016</v>
      </c>
      <c r="E16447" s="1" t="s">
        <v>7</v>
      </c>
    </row>
    <row r="16448">
      <c r="A16448" s="1">
        <v>4.90680005E8</v>
      </c>
      <c r="B16448" s="3">
        <v>15476.0</v>
      </c>
      <c r="C16448" s="1" t="s">
        <v>5</v>
      </c>
      <c r="D16448" s="1" t="s">
        <v>14017</v>
      </c>
      <c r="E16448" s="1" t="s">
        <v>11</v>
      </c>
    </row>
    <row r="16449">
      <c r="A16449" s="1">
        <v>4.90680026E8</v>
      </c>
      <c r="B16449" s="2">
        <v>15520.0</v>
      </c>
      <c r="C16449" s="1" t="s">
        <v>5</v>
      </c>
      <c r="D16449" s="1" t="s">
        <v>14018</v>
      </c>
      <c r="E16449" s="1" t="s">
        <v>7</v>
      </c>
    </row>
    <row r="16450">
      <c r="A16450" s="1">
        <v>4.90680064E8</v>
      </c>
      <c r="B16450" s="3">
        <v>15462.0</v>
      </c>
      <c r="C16450" s="1" t="s">
        <v>5</v>
      </c>
      <c r="D16450" s="1" t="s">
        <v>14019</v>
      </c>
      <c r="E16450" s="1" t="s">
        <v>7</v>
      </c>
    </row>
    <row r="16451">
      <c r="A16451" s="1">
        <v>4.90680069E8</v>
      </c>
      <c r="B16451" s="2">
        <v>15513.0</v>
      </c>
      <c r="C16451" s="1" t="s">
        <v>5</v>
      </c>
      <c r="D16451" s="1" t="s">
        <v>14020</v>
      </c>
      <c r="E16451" s="1" t="s">
        <v>7</v>
      </c>
    </row>
    <row r="16452">
      <c r="A16452" s="1">
        <v>4.90680095E8</v>
      </c>
      <c r="B16452" s="3">
        <v>15475.0</v>
      </c>
      <c r="C16452" s="1" t="s">
        <v>5</v>
      </c>
      <c r="D16452" s="1" t="s">
        <v>11</v>
      </c>
      <c r="E16452" s="1" t="s">
        <v>7</v>
      </c>
    </row>
    <row r="16453">
      <c r="A16453" s="1">
        <v>4.90680111E8</v>
      </c>
      <c r="B16453" s="3">
        <v>15475.0</v>
      </c>
      <c r="C16453" s="1" t="s">
        <v>5</v>
      </c>
      <c r="D16453" s="1" t="s">
        <v>11</v>
      </c>
      <c r="E16453" s="1" t="s">
        <v>7</v>
      </c>
    </row>
    <row r="16454">
      <c r="A16454" s="1">
        <v>4.90680122E8</v>
      </c>
      <c r="B16454" s="2">
        <v>15520.0</v>
      </c>
      <c r="C16454" s="1" t="s">
        <v>5</v>
      </c>
      <c r="D16454" s="1" t="s">
        <v>14021</v>
      </c>
      <c r="E16454" s="1" t="s">
        <v>11</v>
      </c>
    </row>
    <row r="16455">
      <c r="A16455" s="1">
        <v>4.90680172E8</v>
      </c>
      <c r="B16455" s="2">
        <v>15518.0</v>
      </c>
      <c r="C16455" s="1" t="s">
        <v>5</v>
      </c>
      <c r="D16455" s="1" t="s">
        <v>14022</v>
      </c>
      <c r="E16455" s="1" t="s">
        <v>7</v>
      </c>
    </row>
    <row r="16456">
      <c r="A16456" s="1">
        <v>4.90680228E8</v>
      </c>
      <c r="B16456" s="2">
        <v>15438.0</v>
      </c>
      <c r="C16456" s="1" t="s">
        <v>5</v>
      </c>
      <c r="D16456" s="1" t="s">
        <v>14023</v>
      </c>
      <c r="E16456" s="1" t="s">
        <v>11</v>
      </c>
    </row>
    <row r="16457">
      <c r="A16457" s="1">
        <v>4.90680275E8</v>
      </c>
      <c r="B16457" s="2">
        <v>15515.0</v>
      </c>
      <c r="C16457" s="1" t="s">
        <v>5</v>
      </c>
      <c r="D16457" s="1" t="s">
        <v>14024</v>
      </c>
      <c r="E16457" s="1" t="s">
        <v>11</v>
      </c>
    </row>
    <row r="16458">
      <c r="A16458" s="1">
        <v>4.90680383E8</v>
      </c>
      <c r="B16458" s="2">
        <v>15516.0</v>
      </c>
      <c r="C16458" s="1" t="s">
        <v>5</v>
      </c>
      <c r="D16458" s="1" t="s">
        <v>14025</v>
      </c>
      <c r="E16458" s="1" t="s">
        <v>7</v>
      </c>
    </row>
    <row r="16459">
      <c r="A16459" s="1">
        <v>4.906804E8</v>
      </c>
      <c r="B16459" s="2">
        <v>15514.0</v>
      </c>
      <c r="C16459" s="1" t="s">
        <v>5</v>
      </c>
      <c r="D16459" s="1" t="s">
        <v>14026</v>
      </c>
      <c r="E16459" s="1" t="s">
        <v>7</v>
      </c>
    </row>
    <row r="16460">
      <c r="A16460" s="1">
        <v>4.90680437E8</v>
      </c>
      <c r="B16460" s="2">
        <v>15516.0</v>
      </c>
      <c r="C16460" s="1" t="s">
        <v>5</v>
      </c>
      <c r="D16460" s="1" t="s">
        <v>14027</v>
      </c>
      <c r="E16460" s="1" t="s">
        <v>11</v>
      </c>
    </row>
    <row r="16461">
      <c r="A16461" s="1">
        <v>4.9068051E8</v>
      </c>
      <c r="B16461" s="2">
        <v>15513.0</v>
      </c>
      <c r="C16461" s="1" t="s">
        <v>5</v>
      </c>
      <c r="D16461" s="1" t="s">
        <v>11</v>
      </c>
      <c r="E16461" s="1" t="s">
        <v>7</v>
      </c>
    </row>
    <row r="16462">
      <c r="A16462" s="1">
        <v>4.9068053E8</v>
      </c>
      <c r="B16462" s="2">
        <v>15508.0</v>
      </c>
      <c r="C16462" s="1" t="s">
        <v>5</v>
      </c>
      <c r="D16462" s="1" t="s">
        <v>11</v>
      </c>
      <c r="E16462" s="1" t="s">
        <v>7</v>
      </c>
    </row>
    <row r="16463">
      <c r="A16463" s="1">
        <v>4.9068059E8</v>
      </c>
      <c r="B16463" s="2">
        <v>15415.0</v>
      </c>
      <c r="C16463" s="1" t="s">
        <v>5</v>
      </c>
      <c r="D16463" s="1" t="s">
        <v>14028</v>
      </c>
      <c r="E16463" s="1" t="s">
        <v>14029</v>
      </c>
    </row>
    <row r="16464">
      <c r="A16464" s="1">
        <v>4.90680682E8</v>
      </c>
      <c r="B16464" s="3">
        <v>15466.0</v>
      </c>
      <c r="C16464" s="1" t="s">
        <v>5</v>
      </c>
      <c r="D16464" s="1" t="s">
        <v>14030</v>
      </c>
      <c r="E16464" s="1" t="s">
        <v>11</v>
      </c>
    </row>
    <row r="16465">
      <c r="A16465" s="1">
        <v>4.90680693E8</v>
      </c>
      <c r="B16465" s="2">
        <v>15511.0</v>
      </c>
      <c r="C16465" s="1" t="s">
        <v>5</v>
      </c>
      <c r="D16465" s="1" t="s">
        <v>14031</v>
      </c>
      <c r="E16465" s="1" t="s">
        <v>7</v>
      </c>
    </row>
    <row r="16466">
      <c r="A16466" s="1">
        <v>4.90680737E8</v>
      </c>
      <c r="B16466" s="2">
        <v>15513.0</v>
      </c>
      <c r="C16466" s="1" t="s">
        <v>5</v>
      </c>
      <c r="D16466" s="1" t="s">
        <v>14032</v>
      </c>
      <c r="E16466" s="1" t="s">
        <v>11</v>
      </c>
    </row>
    <row r="16467">
      <c r="A16467" s="1">
        <v>4.90680762E8</v>
      </c>
      <c r="B16467" s="2">
        <v>15506.0</v>
      </c>
      <c r="C16467" s="1" t="s">
        <v>5</v>
      </c>
      <c r="D16467" s="1" t="s">
        <v>14033</v>
      </c>
      <c r="E16467" s="1" t="s">
        <v>7</v>
      </c>
    </row>
    <row r="16468">
      <c r="A16468" s="1">
        <v>4.90680776E8</v>
      </c>
      <c r="B16468" s="3">
        <v>15468.0</v>
      </c>
      <c r="C16468" s="1" t="s">
        <v>5</v>
      </c>
      <c r="D16468" s="1" t="s">
        <v>11</v>
      </c>
      <c r="E16468" s="1" t="s">
        <v>7</v>
      </c>
    </row>
    <row r="16469">
      <c r="A16469" s="1">
        <v>4.90680792E8</v>
      </c>
      <c r="B16469" s="2">
        <v>15506.0</v>
      </c>
      <c r="C16469" s="1" t="s">
        <v>5</v>
      </c>
      <c r="D16469" s="1" t="s">
        <v>14034</v>
      </c>
      <c r="E16469" s="1" t="s">
        <v>7</v>
      </c>
    </row>
    <row r="16470">
      <c r="A16470" s="1">
        <v>4.90680819E8</v>
      </c>
      <c r="B16470" s="3">
        <v>15464.0</v>
      </c>
      <c r="C16470" s="1" t="s">
        <v>5</v>
      </c>
      <c r="D16470" s="1" t="s">
        <v>14035</v>
      </c>
      <c r="E16470" s="1" t="s">
        <v>7</v>
      </c>
    </row>
    <row r="16471">
      <c r="A16471" s="1">
        <v>4.90680862E8</v>
      </c>
      <c r="B16471" s="2">
        <v>15510.0</v>
      </c>
      <c r="C16471" s="1" t="s">
        <v>5</v>
      </c>
      <c r="D16471" s="1" t="s">
        <v>14036</v>
      </c>
      <c r="E16471" s="1" t="s">
        <v>7</v>
      </c>
    </row>
    <row r="16472">
      <c r="A16472" s="1">
        <v>4.90680864E8</v>
      </c>
      <c r="B16472" s="2">
        <v>15516.0</v>
      </c>
      <c r="C16472" s="1" t="s">
        <v>5</v>
      </c>
      <c r="D16472" s="1" t="s">
        <v>14037</v>
      </c>
      <c r="E16472" s="1" t="s">
        <v>7</v>
      </c>
    </row>
    <row r="16473">
      <c r="A16473" s="1">
        <v>4.90680868E8</v>
      </c>
      <c r="B16473" s="2">
        <v>15505.0</v>
      </c>
      <c r="C16473" s="1" t="s">
        <v>5</v>
      </c>
      <c r="D16473" s="1" t="s">
        <v>14038</v>
      </c>
      <c r="E16473" s="1" t="s">
        <v>7</v>
      </c>
    </row>
    <row r="16474">
      <c r="A16474" s="1">
        <v>4.9068087E8</v>
      </c>
      <c r="B16474" s="3">
        <v>15463.0</v>
      </c>
      <c r="C16474" s="1" t="s">
        <v>5</v>
      </c>
      <c r="D16474" s="1" t="s">
        <v>14039</v>
      </c>
      <c r="E16474" s="1" t="s">
        <v>7</v>
      </c>
    </row>
    <row r="16475">
      <c r="A16475" s="1">
        <v>4.90680931E8</v>
      </c>
      <c r="B16475" s="2">
        <v>15511.0</v>
      </c>
      <c r="C16475" s="1" t="s">
        <v>5</v>
      </c>
      <c r="D16475" s="1" t="s">
        <v>11</v>
      </c>
      <c r="E16475" s="1" t="s">
        <v>7</v>
      </c>
    </row>
    <row r="16476">
      <c r="A16476" s="1">
        <v>4.90680932E8</v>
      </c>
      <c r="B16476" s="2">
        <v>15509.0</v>
      </c>
      <c r="C16476" s="1" t="s">
        <v>5</v>
      </c>
      <c r="D16476" s="1" t="s">
        <v>14040</v>
      </c>
      <c r="E16476" s="1" t="s">
        <v>7</v>
      </c>
    </row>
    <row r="16477">
      <c r="A16477" s="1">
        <v>4.90681019E8</v>
      </c>
      <c r="B16477" s="2">
        <v>15528.0</v>
      </c>
      <c r="C16477" s="1" t="s">
        <v>5</v>
      </c>
      <c r="D16477" s="1" t="s">
        <v>14041</v>
      </c>
      <c r="E16477" s="1" t="s">
        <v>11</v>
      </c>
    </row>
    <row r="16478">
      <c r="A16478" s="1">
        <v>4.90681093E8</v>
      </c>
      <c r="B16478" s="3">
        <v>15465.0</v>
      </c>
      <c r="C16478" s="1" t="s">
        <v>5</v>
      </c>
      <c r="D16478" s="1" t="s">
        <v>14042</v>
      </c>
      <c r="E16478" s="1" t="s">
        <v>7</v>
      </c>
    </row>
    <row r="16479">
      <c r="A16479" s="1">
        <v>4.90681195E8</v>
      </c>
      <c r="B16479" s="3">
        <v>15464.0</v>
      </c>
      <c r="C16479" s="1" t="s">
        <v>5</v>
      </c>
      <c r="D16479" s="1" t="s">
        <v>14043</v>
      </c>
      <c r="E16479" s="1" t="s">
        <v>7</v>
      </c>
    </row>
    <row r="16480">
      <c r="A16480" s="1">
        <v>4.90681251E8</v>
      </c>
      <c r="B16480" s="2">
        <v>15525.0</v>
      </c>
      <c r="C16480" s="1" t="s">
        <v>5</v>
      </c>
      <c r="D16480" s="1" t="s">
        <v>14044</v>
      </c>
      <c r="E16480" s="1" t="s">
        <v>7</v>
      </c>
    </row>
    <row r="16481">
      <c r="A16481" s="1">
        <v>4.90681256E8</v>
      </c>
      <c r="B16481" s="2">
        <v>15513.0</v>
      </c>
      <c r="C16481" s="1" t="s">
        <v>5</v>
      </c>
      <c r="D16481" s="1" t="s">
        <v>14045</v>
      </c>
      <c r="E16481" s="1" t="s">
        <v>7</v>
      </c>
    </row>
    <row r="16482">
      <c r="A16482" s="1">
        <v>4.90681266E8</v>
      </c>
      <c r="B16482" s="2">
        <v>15525.0</v>
      </c>
      <c r="C16482" s="1" t="s">
        <v>5</v>
      </c>
      <c r="D16482" s="1" t="s">
        <v>14046</v>
      </c>
      <c r="E16482" s="1" t="s">
        <v>11</v>
      </c>
    </row>
    <row r="16483">
      <c r="A16483" s="1">
        <v>4.90681302E8</v>
      </c>
      <c r="B16483" s="2">
        <v>15518.0</v>
      </c>
      <c r="C16483" s="1" t="s">
        <v>5</v>
      </c>
      <c r="D16483" s="1" t="s">
        <v>14047</v>
      </c>
      <c r="E16483" s="1" t="s">
        <v>7</v>
      </c>
    </row>
    <row r="16484">
      <c r="A16484" s="1">
        <v>4.90681341E8</v>
      </c>
      <c r="B16484" s="2">
        <v>15501.0</v>
      </c>
      <c r="C16484" s="1" t="s">
        <v>5</v>
      </c>
      <c r="D16484" s="1" t="s">
        <v>14048</v>
      </c>
      <c r="E16484" s="1" t="s">
        <v>11</v>
      </c>
    </row>
    <row r="16485">
      <c r="A16485" s="1">
        <v>4.90681346E8</v>
      </c>
      <c r="B16485" s="2">
        <v>15506.0</v>
      </c>
      <c r="C16485" s="1" t="s">
        <v>5</v>
      </c>
      <c r="D16485" s="1" t="s">
        <v>11</v>
      </c>
      <c r="E16485" s="1" t="s">
        <v>7</v>
      </c>
    </row>
    <row r="16486">
      <c r="A16486" s="1">
        <v>4.90681362E8</v>
      </c>
      <c r="B16486" s="2">
        <v>15521.0</v>
      </c>
      <c r="C16486" s="1" t="s">
        <v>5</v>
      </c>
      <c r="D16486" s="1" t="s">
        <v>11</v>
      </c>
      <c r="E16486" s="1" t="s">
        <v>7</v>
      </c>
    </row>
    <row r="16487">
      <c r="A16487" s="1">
        <v>4.90681444E8</v>
      </c>
      <c r="B16487" s="2">
        <v>15525.0</v>
      </c>
      <c r="C16487" s="1" t="s">
        <v>5</v>
      </c>
      <c r="D16487" s="1" t="s">
        <v>11</v>
      </c>
      <c r="E16487" s="1" t="s">
        <v>7</v>
      </c>
    </row>
    <row r="16488">
      <c r="A16488" s="1">
        <v>4.90681507E8</v>
      </c>
      <c r="B16488" s="2">
        <v>15407.0</v>
      </c>
      <c r="C16488" s="1" t="s">
        <v>5</v>
      </c>
      <c r="D16488" s="1" t="s">
        <v>11</v>
      </c>
      <c r="E16488" s="1" t="s">
        <v>7</v>
      </c>
    </row>
    <row r="16489">
      <c r="A16489" s="1">
        <v>4.9068151E8</v>
      </c>
      <c r="B16489" s="2">
        <v>15583.0</v>
      </c>
      <c r="C16489" s="1" t="s">
        <v>5</v>
      </c>
      <c r="D16489" s="1" t="s">
        <v>14049</v>
      </c>
      <c r="E16489" s="1" t="s">
        <v>7</v>
      </c>
    </row>
    <row r="16490">
      <c r="A16490" s="1">
        <v>4.90681536E8</v>
      </c>
      <c r="B16490" s="2">
        <v>15505.0</v>
      </c>
      <c r="C16490" s="1" t="s">
        <v>5</v>
      </c>
      <c r="D16490" s="1" t="s">
        <v>11</v>
      </c>
      <c r="E16490" s="1" t="s">
        <v>7</v>
      </c>
    </row>
    <row r="16491">
      <c r="A16491" s="1">
        <v>4.9068157E8</v>
      </c>
      <c r="B16491" s="3">
        <v>15464.0</v>
      </c>
      <c r="C16491" s="1" t="s">
        <v>5</v>
      </c>
      <c r="D16491" s="1" t="s">
        <v>14050</v>
      </c>
      <c r="E16491" s="1" t="s">
        <v>7</v>
      </c>
    </row>
    <row r="16492">
      <c r="A16492" s="1">
        <v>4.9068163E8</v>
      </c>
      <c r="B16492" s="2">
        <v>15503.0</v>
      </c>
      <c r="C16492" s="1" t="s">
        <v>5</v>
      </c>
      <c r="D16492" s="1" t="s">
        <v>14051</v>
      </c>
      <c r="E16492" s="1" t="s">
        <v>11</v>
      </c>
    </row>
    <row r="16493">
      <c r="A16493" s="1">
        <v>4.90681693E8</v>
      </c>
      <c r="B16493" s="2">
        <v>15521.0</v>
      </c>
      <c r="C16493" s="1" t="s">
        <v>5</v>
      </c>
      <c r="D16493" s="1" t="s">
        <v>14052</v>
      </c>
      <c r="E16493" s="1" t="s">
        <v>14053</v>
      </c>
    </row>
    <row r="16494">
      <c r="A16494" s="1">
        <v>4.90681707E8</v>
      </c>
      <c r="B16494" s="2">
        <v>15497.0</v>
      </c>
      <c r="C16494" s="1" t="s">
        <v>5</v>
      </c>
      <c r="D16494" s="1" t="s">
        <v>14054</v>
      </c>
      <c r="E16494" s="1" t="s">
        <v>14055</v>
      </c>
    </row>
    <row r="16495">
      <c r="A16495" s="1">
        <v>4.90681747E8</v>
      </c>
      <c r="B16495" s="2">
        <v>15503.0</v>
      </c>
      <c r="C16495" s="1" t="s">
        <v>5</v>
      </c>
      <c r="D16495" s="1" t="s">
        <v>14056</v>
      </c>
      <c r="E16495" s="1" t="s">
        <v>11</v>
      </c>
    </row>
    <row r="16496">
      <c r="A16496" s="1">
        <v>4.9068179E8</v>
      </c>
      <c r="B16496" s="2">
        <v>15582.0</v>
      </c>
      <c r="C16496" s="1" t="s">
        <v>5</v>
      </c>
      <c r="D16496" s="1" t="s">
        <v>14057</v>
      </c>
      <c r="E16496" s="1" t="s">
        <v>11</v>
      </c>
    </row>
    <row r="16497">
      <c r="A16497" s="1">
        <v>4.90681812E8</v>
      </c>
      <c r="B16497" s="2">
        <v>15502.0</v>
      </c>
      <c r="C16497" s="1" t="s">
        <v>5</v>
      </c>
      <c r="D16497" s="1" t="s">
        <v>14058</v>
      </c>
      <c r="E16497" s="1" t="s">
        <v>7</v>
      </c>
    </row>
    <row r="16498">
      <c r="A16498" s="1">
        <v>4.90681852E8</v>
      </c>
      <c r="B16498" s="2">
        <v>15508.0</v>
      </c>
      <c r="C16498" s="1" t="s">
        <v>5</v>
      </c>
      <c r="D16498" s="1" t="s">
        <v>14059</v>
      </c>
      <c r="E16498" s="1" t="s">
        <v>7</v>
      </c>
    </row>
    <row r="16499">
      <c r="A16499" s="1">
        <v>4.90681969E8</v>
      </c>
      <c r="B16499" s="2">
        <v>15519.0</v>
      </c>
      <c r="C16499" s="1" t="s">
        <v>5</v>
      </c>
      <c r="D16499" s="1" t="s">
        <v>14060</v>
      </c>
      <c r="E16499" s="1" t="s">
        <v>7</v>
      </c>
    </row>
    <row r="16500">
      <c r="A16500" s="1">
        <v>4.90681971E8</v>
      </c>
      <c r="B16500" s="2">
        <v>15497.0</v>
      </c>
      <c r="C16500" s="1" t="s">
        <v>5</v>
      </c>
      <c r="D16500" s="1" t="s">
        <v>14061</v>
      </c>
      <c r="E16500" s="1" t="s">
        <v>14062</v>
      </c>
    </row>
    <row r="16501">
      <c r="A16501" s="1">
        <v>4.90682075E8</v>
      </c>
      <c r="B16501" s="2">
        <v>15499.0</v>
      </c>
      <c r="C16501" s="1" t="s">
        <v>5</v>
      </c>
      <c r="D16501" s="1" t="s">
        <v>14063</v>
      </c>
      <c r="E16501" s="1" t="s">
        <v>11</v>
      </c>
    </row>
    <row r="16502">
      <c r="A16502" s="1">
        <v>4.90682131E8</v>
      </c>
      <c r="B16502" s="2">
        <v>15571.0</v>
      </c>
      <c r="C16502" s="1" t="s">
        <v>5</v>
      </c>
      <c r="D16502" s="1" t="s">
        <v>14064</v>
      </c>
      <c r="E16502" s="1" t="s">
        <v>7</v>
      </c>
    </row>
    <row r="16503">
      <c r="A16503" s="1">
        <v>4.9068215E8</v>
      </c>
      <c r="B16503" s="2">
        <v>15511.0</v>
      </c>
      <c r="C16503" s="1" t="s">
        <v>5</v>
      </c>
      <c r="D16503" s="1" t="s">
        <v>14065</v>
      </c>
      <c r="E16503" s="1" t="s">
        <v>7</v>
      </c>
    </row>
    <row r="16504">
      <c r="A16504" s="1">
        <v>4.90682155E8</v>
      </c>
      <c r="B16504" s="2">
        <v>15501.0</v>
      </c>
      <c r="C16504" s="1" t="s">
        <v>5</v>
      </c>
      <c r="D16504" s="1" t="s">
        <v>11</v>
      </c>
      <c r="E16504" s="1" t="s">
        <v>7</v>
      </c>
    </row>
    <row r="16505">
      <c r="A16505" s="1">
        <v>4.90682182E8</v>
      </c>
      <c r="B16505" s="2">
        <v>15403.0</v>
      </c>
      <c r="C16505" s="1" t="s">
        <v>5</v>
      </c>
      <c r="D16505" s="1" t="s">
        <v>11</v>
      </c>
      <c r="E16505" s="4" t="s">
        <v>14066</v>
      </c>
    </row>
    <row r="16506">
      <c r="A16506" s="1">
        <v>4.90682191E8</v>
      </c>
      <c r="B16506" s="2">
        <v>15575.0</v>
      </c>
      <c r="C16506" s="1" t="s">
        <v>5</v>
      </c>
      <c r="D16506" s="1" t="s">
        <v>14067</v>
      </c>
      <c r="E16506" s="1" t="s">
        <v>7</v>
      </c>
    </row>
    <row r="16507">
      <c r="A16507" s="1">
        <v>4.90682245E8</v>
      </c>
      <c r="B16507" s="2">
        <v>15498.0</v>
      </c>
      <c r="C16507" s="1" t="s">
        <v>5</v>
      </c>
      <c r="D16507" s="1" t="s">
        <v>11</v>
      </c>
      <c r="E16507" s="1" t="s">
        <v>7</v>
      </c>
    </row>
    <row r="16508">
      <c r="A16508" s="1">
        <v>4.90682264E8</v>
      </c>
      <c r="B16508" s="2">
        <v>15509.0</v>
      </c>
      <c r="C16508" s="1" t="s">
        <v>5</v>
      </c>
      <c r="D16508" s="1" t="s">
        <v>14068</v>
      </c>
      <c r="E16508" s="1" t="s">
        <v>7</v>
      </c>
    </row>
    <row r="16509">
      <c r="A16509" s="1">
        <v>4.90682275E8</v>
      </c>
      <c r="B16509" s="2">
        <v>15544.0</v>
      </c>
      <c r="C16509" s="1" t="s">
        <v>5</v>
      </c>
      <c r="D16509" s="1" t="s">
        <v>14069</v>
      </c>
      <c r="E16509" s="1" t="s">
        <v>11</v>
      </c>
    </row>
    <row r="16510">
      <c r="A16510" s="1">
        <v>4.90682277E8</v>
      </c>
      <c r="B16510" s="2">
        <v>15493.0</v>
      </c>
      <c r="C16510" s="1" t="s">
        <v>5</v>
      </c>
      <c r="D16510" s="1" t="s">
        <v>11</v>
      </c>
      <c r="E16510" s="1" t="s">
        <v>7</v>
      </c>
    </row>
    <row r="16511">
      <c r="A16511" s="1">
        <v>4.90682401E8</v>
      </c>
      <c r="B16511" s="2">
        <v>15513.0</v>
      </c>
      <c r="C16511" s="1" t="s">
        <v>5</v>
      </c>
      <c r="D16511" s="1" t="s">
        <v>14070</v>
      </c>
      <c r="E16511" s="1" t="s">
        <v>7</v>
      </c>
    </row>
    <row r="16512">
      <c r="A16512" s="1">
        <v>4.90682552E8</v>
      </c>
      <c r="B16512" s="2">
        <v>15517.0</v>
      </c>
      <c r="C16512" s="1" t="s">
        <v>5</v>
      </c>
      <c r="D16512" s="1" t="s">
        <v>14071</v>
      </c>
      <c r="E16512" s="1" t="s">
        <v>7</v>
      </c>
    </row>
    <row r="16513">
      <c r="A16513" s="1">
        <v>4.90682645E8</v>
      </c>
      <c r="B16513" s="2">
        <v>15550.0</v>
      </c>
      <c r="C16513" s="1" t="s">
        <v>5</v>
      </c>
      <c r="D16513" s="1" t="s">
        <v>14072</v>
      </c>
      <c r="E16513" s="1" t="s">
        <v>7</v>
      </c>
    </row>
    <row r="16514">
      <c r="A16514" s="1">
        <v>4.90682657E8</v>
      </c>
      <c r="B16514" s="2">
        <v>15460.0</v>
      </c>
      <c r="C16514" s="1" t="s">
        <v>5</v>
      </c>
      <c r="D16514" s="1" t="s">
        <v>11</v>
      </c>
      <c r="E16514" s="1" t="s">
        <v>7</v>
      </c>
    </row>
    <row r="16515">
      <c r="A16515" s="1">
        <v>4.90682692E8</v>
      </c>
      <c r="B16515" s="2">
        <v>15550.0</v>
      </c>
      <c r="C16515" s="1" t="s">
        <v>5</v>
      </c>
      <c r="D16515" s="1" t="s">
        <v>14073</v>
      </c>
      <c r="E16515" s="1" t="s">
        <v>7</v>
      </c>
    </row>
    <row r="16516">
      <c r="A16516" s="1">
        <v>4.90682708E8</v>
      </c>
      <c r="B16516" s="2">
        <v>15551.0</v>
      </c>
      <c r="C16516" s="1" t="s">
        <v>5</v>
      </c>
      <c r="D16516" s="1" t="s">
        <v>14074</v>
      </c>
      <c r="E16516" s="1" t="s">
        <v>11</v>
      </c>
    </row>
    <row r="16517">
      <c r="A16517" s="1">
        <v>4.90682713E8</v>
      </c>
      <c r="B16517" s="2">
        <v>15510.0</v>
      </c>
      <c r="C16517" s="1" t="s">
        <v>5</v>
      </c>
      <c r="D16517" s="1" t="s">
        <v>14075</v>
      </c>
      <c r="E16517" s="1" t="s">
        <v>11</v>
      </c>
    </row>
    <row r="16518">
      <c r="A16518" s="1">
        <v>4.90682755E8</v>
      </c>
      <c r="B16518" s="2">
        <v>15506.0</v>
      </c>
      <c r="C16518" s="1" t="s">
        <v>5</v>
      </c>
      <c r="D16518" s="1" t="s">
        <v>7</v>
      </c>
      <c r="E16518" s="1" t="s">
        <v>7</v>
      </c>
    </row>
    <row r="16519">
      <c r="A16519" s="1">
        <v>4.90682786E8</v>
      </c>
      <c r="B16519" s="2">
        <v>15514.0</v>
      </c>
      <c r="C16519" s="1" t="s">
        <v>5</v>
      </c>
      <c r="D16519" s="1" t="s">
        <v>14076</v>
      </c>
      <c r="E16519" s="1" t="s">
        <v>7</v>
      </c>
    </row>
    <row r="16520">
      <c r="A16520" s="1">
        <v>4.90682824E8</v>
      </c>
      <c r="B16520" s="2">
        <v>15550.0</v>
      </c>
      <c r="C16520" s="1" t="s">
        <v>5</v>
      </c>
      <c r="D16520" s="1" t="s">
        <v>14077</v>
      </c>
      <c r="E16520" s="1" t="s">
        <v>7</v>
      </c>
    </row>
    <row r="16521">
      <c r="A16521" s="1">
        <v>4.90682864E8</v>
      </c>
      <c r="B16521" s="2">
        <v>15505.0</v>
      </c>
      <c r="C16521" s="1" t="s">
        <v>5</v>
      </c>
      <c r="D16521" s="1" t="s">
        <v>14078</v>
      </c>
      <c r="E16521" s="1" t="s">
        <v>7</v>
      </c>
    </row>
    <row r="16522">
      <c r="A16522" s="1">
        <v>4.90682896E8</v>
      </c>
      <c r="B16522" s="2">
        <v>15552.0</v>
      </c>
      <c r="C16522" s="1" t="s">
        <v>5</v>
      </c>
      <c r="D16522" s="1" t="s">
        <v>14079</v>
      </c>
      <c r="E16522" s="1" t="s">
        <v>14080</v>
      </c>
    </row>
    <row r="16523">
      <c r="A16523" s="1">
        <v>4.90682918E8</v>
      </c>
      <c r="B16523" s="2">
        <v>15552.0</v>
      </c>
      <c r="C16523" s="1" t="s">
        <v>5</v>
      </c>
      <c r="D16523" s="1" t="s">
        <v>14081</v>
      </c>
      <c r="E16523" s="1" t="s">
        <v>7</v>
      </c>
    </row>
    <row r="16524">
      <c r="A16524" s="1">
        <v>4.90682981E8</v>
      </c>
      <c r="B16524" s="2">
        <v>15573.0</v>
      </c>
      <c r="C16524" s="1" t="s">
        <v>5</v>
      </c>
      <c r="D16524" s="1" t="s">
        <v>11</v>
      </c>
      <c r="E16524" s="1" t="s">
        <v>7</v>
      </c>
    </row>
    <row r="16525">
      <c r="A16525" s="1">
        <v>4.90683026E8</v>
      </c>
      <c r="B16525" s="2">
        <v>15513.0</v>
      </c>
      <c r="C16525" s="1" t="s">
        <v>5</v>
      </c>
      <c r="D16525" s="1" t="s">
        <v>14082</v>
      </c>
      <c r="E16525" s="1" t="s">
        <v>14083</v>
      </c>
    </row>
    <row r="16526">
      <c r="A16526" s="1">
        <v>4.90683106E8</v>
      </c>
      <c r="B16526" s="2">
        <v>15544.0</v>
      </c>
      <c r="C16526" s="1" t="s">
        <v>5</v>
      </c>
      <c r="D16526" s="1" t="s">
        <v>11</v>
      </c>
      <c r="E16526" s="1" t="s">
        <v>7</v>
      </c>
    </row>
    <row r="16527">
      <c r="A16527" s="1">
        <v>4.90683119E8</v>
      </c>
      <c r="B16527" s="2">
        <v>15544.0</v>
      </c>
      <c r="C16527" s="1" t="s">
        <v>5</v>
      </c>
      <c r="D16527" s="1" t="s">
        <v>14084</v>
      </c>
      <c r="E16527" s="1" t="s">
        <v>11</v>
      </c>
    </row>
    <row r="16528">
      <c r="A16528" s="1">
        <v>4.90683134E8</v>
      </c>
      <c r="B16528" s="2">
        <v>15564.0</v>
      </c>
      <c r="C16528" s="1" t="s">
        <v>5</v>
      </c>
      <c r="D16528" s="1" t="s">
        <v>11</v>
      </c>
      <c r="E16528" s="1" t="s">
        <v>7</v>
      </c>
    </row>
    <row r="16529">
      <c r="A16529" s="1">
        <v>4.90683146E8</v>
      </c>
      <c r="B16529" s="2">
        <v>15547.0</v>
      </c>
      <c r="C16529" s="1" t="s">
        <v>5</v>
      </c>
      <c r="D16529" s="1" t="s">
        <v>11</v>
      </c>
      <c r="E16529" s="1" t="s">
        <v>7</v>
      </c>
    </row>
    <row r="16530">
      <c r="A16530" s="1">
        <v>4.90683163E8</v>
      </c>
      <c r="B16530" s="2">
        <v>15502.0</v>
      </c>
      <c r="C16530" s="1" t="s">
        <v>5</v>
      </c>
      <c r="D16530" s="1" t="s">
        <v>14085</v>
      </c>
      <c r="E16530" s="1" t="s">
        <v>7</v>
      </c>
    </row>
    <row r="16531">
      <c r="A16531" s="1">
        <v>4.90683179E8</v>
      </c>
      <c r="B16531" s="2">
        <v>15493.0</v>
      </c>
      <c r="C16531" s="1" t="s">
        <v>5</v>
      </c>
      <c r="D16531" s="1" t="s">
        <v>14086</v>
      </c>
      <c r="E16531" s="1" t="s">
        <v>11</v>
      </c>
    </row>
    <row r="16532">
      <c r="A16532" s="1">
        <v>4.90683185E8</v>
      </c>
      <c r="B16532" s="2">
        <v>15546.0</v>
      </c>
      <c r="C16532" s="1" t="s">
        <v>5</v>
      </c>
      <c r="D16532" s="1" t="s">
        <v>14087</v>
      </c>
      <c r="E16532" s="1" t="s">
        <v>7</v>
      </c>
    </row>
    <row r="16533">
      <c r="A16533" s="1">
        <v>4.90683194E8</v>
      </c>
      <c r="B16533" s="2">
        <v>15500.0</v>
      </c>
      <c r="C16533" s="1" t="s">
        <v>5</v>
      </c>
      <c r="D16533" s="1" t="s">
        <v>14088</v>
      </c>
      <c r="E16533" s="1" t="s">
        <v>11</v>
      </c>
    </row>
    <row r="16534">
      <c r="A16534" s="1">
        <v>4.90683208E8</v>
      </c>
      <c r="B16534" s="2">
        <v>15512.0</v>
      </c>
      <c r="C16534" s="1" t="s">
        <v>5</v>
      </c>
      <c r="D16534" s="1" t="s">
        <v>14089</v>
      </c>
      <c r="E16534" s="1" t="s">
        <v>14090</v>
      </c>
    </row>
    <row r="16535">
      <c r="A16535" s="1">
        <v>4.90683255E8</v>
      </c>
      <c r="B16535" s="2">
        <v>15543.0</v>
      </c>
      <c r="C16535" s="1" t="s">
        <v>5</v>
      </c>
      <c r="D16535" s="1" t="s">
        <v>11</v>
      </c>
      <c r="E16535" s="1" t="s">
        <v>7</v>
      </c>
    </row>
    <row r="16536">
      <c r="A16536" s="1">
        <v>4.90683354E8</v>
      </c>
      <c r="B16536" s="2">
        <v>15512.0</v>
      </c>
      <c r="C16536" s="1" t="s">
        <v>5</v>
      </c>
      <c r="D16536" s="1" t="s">
        <v>14091</v>
      </c>
      <c r="E16536" s="1" t="s">
        <v>7</v>
      </c>
    </row>
    <row r="16537">
      <c r="A16537" s="1">
        <v>4.90683373E8</v>
      </c>
      <c r="B16537" s="2">
        <v>15551.0</v>
      </c>
      <c r="C16537" s="1" t="s">
        <v>5</v>
      </c>
      <c r="D16537" s="1" t="s">
        <v>14092</v>
      </c>
      <c r="E16537" s="1" t="s">
        <v>14093</v>
      </c>
    </row>
    <row r="16538">
      <c r="A16538" s="1">
        <v>4.90683376E8</v>
      </c>
      <c r="B16538" s="2">
        <v>15500.0</v>
      </c>
      <c r="C16538" s="1" t="s">
        <v>5</v>
      </c>
      <c r="D16538" s="1" t="s">
        <v>14094</v>
      </c>
      <c r="E16538" s="1" t="s">
        <v>7</v>
      </c>
    </row>
    <row r="16539">
      <c r="A16539" s="1">
        <v>4.90683397E8</v>
      </c>
      <c r="B16539" s="2">
        <v>15498.0</v>
      </c>
      <c r="C16539" s="1" t="s">
        <v>5</v>
      </c>
      <c r="D16539" s="1" t="s">
        <v>14095</v>
      </c>
      <c r="E16539" s="1" t="s">
        <v>11</v>
      </c>
    </row>
    <row r="16540">
      <c r="A16540" s="1">
        <v>4.90683426E8</v>
      </c>
      <c r="B16540" s="2">
        <v>15504.0</v>
      </c>
      <c r="C16540" s="1" t="s">
        <v>5</v>
      </c>
      <c r="D16540" s="1" t="s">
        <v>14096</v>
      </c>
      <c r="E16540" s="1" t="s">
        <v>7</v>
      </c>
    </row>
    <row r="16541">
      <c r="A16541" s="1">
        <v>4.90683485E8</v>
      </c>
      <c r="B16541" s="2">
        <v>15498.0</v>
      </c>
      <c r="C16541" s="1" t="s">
        <v>5</v>
      </c>
      <c r="D16541" s="1" t="s">
        <v>14097</v>
      </c>
      <c r="E16541" s="1" t="s">
        <v>11</v>
      </c>
    </row>
    <row r="16542">
      <c r="A16542" s="1">
        <v>4.9068357E8</v>
      </c>
      <c r="B16542" s="2">
        <v>15503.0</v>
      </c>
      <c r="C16542" s="1" t="s">
        <v>5</v>
      </c>
      <c r="D16542" s="1" t="s">
        <v>7</v>
      </c>
      <c r="E16542" s="1" t="s">
        <v>7</v>
      </c>
    </row>
    <row r="16543">
      <c r="A16543" s="1">
        <v>4.90683642E8</v>
      </c>
      <c r="B16543" s="2">
        <v>15568.0</v>
      </c>
      <c r="C16543" s="1" t="s">
        <v>5</v>
      </c>
      <c r="D16543" s="1" t="s">
        <v>14098</v>
      </c>
      <c r="E16543" s="1" t="s">
        <v>11</v>
      </c>
    </row>
    <row r="16544">
      <c r="A16544" s="1">
        <v>4.90683687E8</v>
      </c>
      <c r="B16544" s="2">
        <v>15579.0</v>
      </c>
      <c r="C16544" s="1" t="s">
        <v>5</v>
      </c>
      <c r="D16544" s="1" t="s">
        <v>11</v>
      </c>
      <c r="E16544" s="1" t="s">
        <v>7</v>
      </c>
    </row>
    <row r="16545">
      <c r="A16545" s="1">
        <v>4.90683735E8</v>
      </c>
      <c r="B16545" s="2">
        <v>15547.0</v>
      </c>
      <c r="C16545" s="1" t="s">
        <v>5</v>
      </c>
      <c r="D16545" s="1" t="s">
        <v>14099</v>
      </c>
      <c r="E16545" s="1" t="s">
        <v>11</v>
      </c>
    </row>
    <row r="16546">
      <c r="A16546" s="1">
        <v>4.90683808E8</v>
      </c>
      <c r="B16546" s="2">
        <v>15496.0</v>
      </c>
      <c r="C16546" s="1" t="s">
        <v>5</v>
      </c>
      <c r="D16546" s="1" t="s">
        <v>11</v>
      </c>
      <c r="E16546" s="1" t="s">
        <v>7</v>
      </c>
    </row>
    <row r="16547">
      <c r="A16547" s="1">
        <v>4.90683862E8</v>
      </c>
      <c r="B16547" s="2">
        <v>15535.0</v>
      </c>
      <c r="C16547" s="1" t="s">
        <v>5</v>
      </c>
      <c r="D16547" s="1" t="s">
        <v>14100</v>
      </c>
      <c r="E16547" s="1" t="s">
        <v>11</v>
      </c>
    </row>
    <row r="16548">
      <c r="A16548" s="1">
        <v>4.90683931E8</v>
      </c>
      <c r="B16548" s="2">
        <v>15500.0</v>
      </c>
      <c r="C16548" s="1" t="s">
        <v>5</v>
      </c>
      <c r="D16548" s="1" t="s">
        <v>14101</v>
      </c>
      <c r="E16548" s="1" t="s">
        <v>7</v>
      </c>
    </row>
    <row r="16549">
      <c r="A16549" s="1">
        <v>4.90683948E8</v>
      </c>
      <c r="B16549" s="2">
        <v>15583.0</v>
      </c>
      <c r="C16549" s="1" t="s">
        <v>5</v>
      </c>
      <c r="D16549" s="1" t="s">
        <v>14102</v>
      </c>
      <c r="E16549" s="1" t="s">
        <v>11</v>
      </c>
    </row>
    <row r="16550">
      <c r="A16550" s="1">
        <v>4.90683982E8</v>
      </c>
      <c r="B16550" s="2">
        <v>15507.0</v>
      </c>
      <c r="C16550" s="1" t="s">
        <v>5</v>
      </c>
      <c r="D16550" s="1" t="s">
        <v>14103</v>
      </c>
      <c r="E16550" s="1" t="s">
        <v>7</v>
      </c>
    </row>
    <row r="16551">
      <c r="A16551" s="1">
        <v>4.90683983E8</v>
      </c>
      <c r="B16551" s="2">
        <v>15535.0</v>
      </c>
      <c r="C16551" s="1" t="s">
        <v>5</v>
      </c>
      <c r="D16551" s="1" t="s">
        <v>11</v>
      </c>
      <c r="E16551" s="1" t="s">
        <v>7</v>
      </c>
    </row>
    <row r="16552">
      <c r="A16552" s="1">
        <v>4.9068399E8</v>
      </c>
      <c r="B16552" s="2">
        <v>15545.0</v>
      </c>
      <c r="C16552" s="1" t="s">
        <v>5</v>
      </c>
      <c r="D16552" s="1" t="s">
        <v>11</v>
      </c>
      <c r="E16552" s="1" t="s">
        <v>7</v>
      </c>
    </row>
    <row r="16553">
      <c r="A16553" s="1">
        <v>4.90684015E8</v>
      </c>
      <c r="B16553" s="2">
        <v>15563.0</v>
      </c>
      <c r="C16553" s="1" t="s">
        <v>5</v>
      </c>
      <c r="D16553" s="1" t="s">
        <v>11</v>
      </c>
      <c r="E16553" s="1" t="s">
        <v>7</v>
      </c>
    </row>
    <row r="16554">
      <c r="A16554" s="1">
        <v>4.90684024E8</v>
      </c>
      <c r="B16554" s="2">
        <v>15507.0</v>
      </c>
      <c r="C16554" s="1" t="s">
        <v>5</v>
      </c>
      <c r="D16554" s="1" t="s">
        <v>7</v>
      </c>
      <c r="E16554" s="1" t="s">
        <v>7</v>
      </c>
    </row>
    <row r="16555">
      <c r="A16555" s="1">
        <v>4.90684037E8</v>
      </c>
      <c r="B16555" s="2">
        <v>15563.0</v>
      </c>
      <c r="C16555" s="1" t="s">
        <v>5</v>
      </c>
      <c r="D16555" s="1" t="s">
        <v>14104</v>
      </c>
      <c r="E16555" s="1" t="s">
        <v>11</v>
      </c>
    </row>
    <row r="16556">
      <c r="A16556" s="1">
        <v>4.90684077E8</v>
      </c>
      <c r="B16556" s="2">
        <v>15535.0</v>
      </c>
      <c r="C16556" s="1" t="s">
        <v>5</v>
      </c>
      <c r="D16556" s="1" t="s">
        <v>14105</v>
      </c>
      <c r="E16556" s="1" t="s">
        <v>7</v>
      </c>
    </row>
    <row r="16557">
      <c r="A16557" s="1">
        <v>4.90684282E8</v>
      </c>
      <c r="B16557" s="2">
        <v>15526.0</v>
      </c>
      <c r="C16557" s="1" t="s">
        <v>5</v>
      </c>
      <c r="D16557" s="1" t="s">
        <v>14106</v>
      </c>
      <c r="E16557" s="1" t="s">
        <v>11</v>
      </c>
    </row>
    <row r="16558">
      <c r="A16558" s="1">
        <v>4.90684339E8</v>
      </c>
      <c r="B16558" s="2">
        <v>15560.0</v>
      </c>
      <c r="C16558" s="1" t="s">
        <v>5</v>
      </c>
      <c r="D16558" s="1" t="s">
        <v>14107</v>
      </c>
      <c r="E16558" s="1" t="s">
        <v>11</v>
      </c>
    </row>
    <row r="16559">
      <c r="A16559" s="1">
        <v>4.90684363E8</v>
      </c>
      <c r="B16559" s="2">
        <v>15546.0</v>
      </c>
      <c r="C16559" s="1" t="s">
        <v>5</v>
      </c>
      <c r="D16559" s="1" t="s">
        <v>14108</v>
      </c>
      <c r="E16559" s="1" t="s">
        <v>11</v>
      </c>
    </row>
    <row r="16560">
      <c r="A16560" s="1">
        <v>4.90684432E8</v>
      </c>
      <c r="B16560" s="2">
        <v>15558.0</v>
      </c>
      <c r="C16560" s="1" t="s">
        <v>5</v>
      </c>
      <c r="D16560" s="1" t="s">
        <v>14109</v>
      </c>
      <c r="E16560" s="1" t="s">
        <v>11</v>
      </c>
    </row>
    <row r="16561">
      <c r="A16561" s="1">
        <v>4.90684445E8</v>
      </c>
      <c r="B16561" s="2">
        <v>15541.0</v>
      </c>
      <c r="C16561" s="1" t="s">
        <v>5</v>
      </c>
      <c r="D16561" s="1" t="s">
        <v>14110</v>
      </c>
      <c r="E16561" s="1" t="s">
        <v>7</v>
      </c>
    </row>
    <row r="16562">
      <c r="A16562" s="1">
        <v>4.90684563E8</v>
      </c>
      <c r="B16562" s="2">
        <v>15532.0</v>
      </c>
      <c r="C16562" s="1" t="s">
        <v>5</v>
      </c>
      <c r="D16562" s="1" t="s">
        <v>14111</v>
      </c>
      <c r="E16562" s="1" t="s">
        <v>11</v>
      </c>
    </row>
    <row r="16563">
      <c r="A16563" s="1">
        <v>4.90684636E8</v>
      </c>
      <c r="B16563" s="2">
        <v>15571.0</v>
      </c>
      <c r="C16563" s="1" t="s">
        <v>5</v>
      </c>
      <c r="D16563" s="1" t="s">
        <v>14112</v>
      </c>
      <c r="E16563" s="1" t="s">
        <v>11</v>
      </c>
    </row>
    <row r="16564">
      <c r="A16564" s="1">
        <v>4.90684711E8</v>
      </c>
      <c r="B16564" s="2">
        <v>15495.0</v>
      </c>
      <c r="C16564" s="1" t="s">
        <v>5</v>
      </c>
      <c r="D16564" s="1" t="s">
        <v>14113</v>
      </c>
      <c r="E16564" s="1" t="s">
        <v>11</v>
      </c>
    </row>
    <row r="16565">
      <c r="A16565" s="1">
        <v>4.9068473E8</v>
      </c>
      <c r="B16565" s="2">
        <v>15552.0</v>
      </c>
      <c r="C16565" s="1" t="s">
        <v>5</v>
      </c>
      <c r="D16565" s="1" t="s">
        <v>14114</v>
      </c>
      <c r="E16565" s="1" t="s">
        <v>7</v>
      </c>
    </row>
    <row r="16566">
      <c r="A16566" s="1">
        <v>4.90684739E8</v>
      </c>
      <c r="B16566" s="2">
        <v>15533.0</v>
      </c>
      <c r="C16566" s="1" t="s">
        <v>5</v>
      </c>
      <c r="D16566" s="1" t="s">
        <v>11</v>
      </c>
      <c r="E16566" s="1" t="s">
        <v>7</v>
      </c>
    </row>
    <row r="16567">
      <c r="A16567" s="1">
        <v>4.90684749E8</v>
      </c>
      <c r="B16567" s="2">
        <v>15526.0</v>
      </c>
      <c r="C16567" s="1" t="s">
        <v>5</v>
      </c>
      <c r="D16567" s="1" t="s">
        <v>14115</v>
      </c>
      <c r="E16567" s="1" t="s">
        <v>14116</v>
      </c>
    </row>
    <row r="16568">
      <c r="A16568" s="1">
        <v>4.90684783E8</v>
      </c>
      <c r="B16568" s="2">
        <v>15551.0</v>
      </c>
      <c r="C16568" s="1" t="s">
        <v>5</v>
      </c>
      <c r="D16568" s="1" t="s">
        <v>11</v>
      </c>
      <c r="E16568" s="1" t="s">
        <v>7</v>
      </c>
    </row>
    <row r="16569">
      <c r="A16569" s="1">
        <v>4.90684803E8</v>
      </c>
      <c r="B16569" s="2">
        <v>15577.0</v>
      </c>
      <c r="C16569" s="1" t="s">
        <v>5</v>
      </c>
      <c r="D16569" s="1" t="s">
        <v>14117</v>
      </c>
      <c r="E16569" s="1" t="s">
        <v>11</v>
      </c>
    </row>
    <row r="16570">
      <c r="A16570" s="1">
        <v>4.90684917E8</v>
      </c>
      <c r="B16570" s="2">
        <v>15578.0</v>
      </c>
      <c r="C16570" s="1" t="s">
        <v>5</v>
      </c>
      <c r="D16570" s="1" t="s">
        <v>14118</v>
      </c>
      <c r="E16570" s="1" t="s">
        <v>11</v>
      </c>
    </row>
    <row r="16571">
      <c r="A16571" s="1">
        <v>4.9068494E8</v>
      </c>
      <c r="B16571" s="2">
        <v>15531.0</v>
      </c>
      <c r="C16571" s="1" t="s">
        <v>5</v>
      </c>
      <c r="D16571" s="1" t="s">
        <v>11</v>
      </c>
      <c r="E16571" s="1" t="s">
        <v>7</v>
      </c>
    </row>
    <row r="16572">
      <c r="A16572" s="1">
        <v>4.90684987E8</v>
      </c>
      <c r="B16572" s="2">
        <v>15525.0</v>
      </c>
      <c r="C16572" s="1" t="s">
        <v>5</v>
      </c>
      <c r="D16572" s="1" t="s">
        <v>14119</v>
      </c>
      <c r="E16572" s="1" t="s">
        <v>11</v>
      </c>
    </row>
    <row r="16573">
      <c r="A16573" s="1">
        <v>4.90685038E8</v>
      </c>
      <c r="B16573" s="2">
        <v>15557.0</v>
      </c>
      <c r="C16573" s="1" t="s">
        <v>5</v>
      </c>
      <c r="D16573" s="1" t="s">
        <v>14120</v>
      </c>
      <c r="E16573" s="1" t="s">
        <v>7</v>
      </c>
    </row>
    <row r="16574">
      <c r="A16574" s="1">
        <v>4.90685063E8</v>
      </c>
      <c r="B16574" s="2">
        <v>15556.0</v>
      </c>
      <c r="C16574" s="1" t="s">
        <v>5</v>
      </c>
      <c r="D16574" s="1" t="s">
        <v>14121</v>
      </c>
      <c r="E16574" s="1" t="s">
        <v>7</v>
      </c>
    </row>
    <row r="16575">
      <c r="A16575" s="1">
        <v>4.9068511E8</v>
      </c>
      <c r="B16575" s="2">
        <v>15524.0</v>
      </c>
      <c r="C16575" s="1" t="s">
        <v>5</v>
      </c>
      <c r="D16575" s="1" t="s">
        <v>11</v>
      </c>
      <c r="E16575" s="1" t="s">
        <v>7</v>
      </c>
    </row>
    <row r="16576">
      <c r="A16576" s="1">
        <v>4.90685161E8</v>
      </c>
      <c r="B16576" s="2">
        <v>15550.0</v>
      </c>
      <c r="C16576" s="1" t="s">
        <v>5</v>
      </c>
      <c r="D16576" s="1" t="s">
        <v>11</v>
      </c>
      <c r="E16576" s="1" t="s">
        <v>7</v>
      </c>
    </row>
    <row r="16577">
      <c r="A16577" s="1">
        <v>4.90685263E8</v>
      </c>
      <c r="B16577" s="2">
        <v>15534.0</v>
      </c>
      <c r="C16577" s="1" t="s">
        <v>5</v>
      </c>
      <c r="D16577" s="1" t="s">
        <v>14122</v>
      </c>
      <c r="E16577" s="1" t="s">
        <v>11</v>
      </c>
    </row>
    <row r="16578">
      <c r="A16578" s="1">
        <v>4.90685269E8</v>
      </c>
      <c r="B16578" s="2">
        <v>15524.0</v>
      </c>
      <c r="C16578" s="1" t="s">
        <v>5</v>
      </c>
      <c r="D16578" s="1" t="s">
        <v>14123</v>
      </c>
      <c r="E16578" s="1" t="s">
        <v>14124</v>
      </c>
    </row>
    <row r="16579">
      <c r="A16579" s="1">
        <v>4.90685305E8</v>
      </c>
      <c r="B16579" s="2">
        <v>15559.0</v>
      </c>
      <c r="C16579" s="1" t="s">
        <v>5</v>
      </c>
      <c r="D16579" s="1" t="s">
        <v>14125</v>
      </c>
      <c r="E16579" s="1" t="s">
        <v>7</v>
      </c>
    </row>
    <row r="16580">
      <c r="A16580" s="1">
        <v>4.90685319E8</v>
      </c>
      <c r="B16580" s="2">
        <v>15537.0</v>
      </c>
      <c r="C16580" s="1" t="s">
        <v>5</v>
      </c>
      <c r="D16580" s="1" t="s">
        <v>14126</v>
      </c>
      <c r="E16580" s="1" t="s">
        <v>7</v>
      </c>
    </row>
    <row r="16581">
      <c r="A16581" s="1">
        <v>4.90685377E8</v>
      </c>
      <c r="B16581" s="2">
        <v>15559.0</v>
      </c>
      <c r="C16581" s="1" t="s">
        <v>5</v>
      </c>
      <c r="D16581" s="1" t="s">
        <v>14127</v>
      </c>
      <c r="E16581" s="1" t="s">
        <v>7</v>
      </c>
    </row>
    <row r="16582">
      <c r="A16582" s="1">
        <v>4.90685391E8</v>
      </c>
      <c r="B16582" s="2">
        <v>15499.0</v>
      </c>
      <c r="C16582" s="1" t="s">
        <v>5</v>
      </c>
      <c r="D16582" s="1" t="s">
        <v>14128</v>
      </c>
      <c r="E16582" s="1" t="s">
        <v>7</v>
      </c>
    </row>
    <row r="16583">
      <c r="A16583" s="1">
        <v>4.90685407E8</v>
      </c>
      <c r="B16583" s="2">
        <v>15583.0</v>
      </c>
      <c r="C16583" s="1" t="s">
        <v>5</v>
      </c>
      <c r="D16583" s="1" t="s">
        <v>11</v>
      </c>
      <c r="E16583" s="1" t="s">
        <v>7</v>
      </c>
    </row>
    <row r="16584">
      <c r="A16584" s="1">
        <v>4.90685417E8</v>
      </c>
      <c r="B16584" s="2">
        <v>15554.0</v>
      </c>
      <c r="C16584" s="1" t="s">
        <v>5</v>
      </c>
      <c r="D16584" s="1" t="s">
        <v>11</v>
      </c>
      <c r="E16584" s="1" t="s">
        <v>7</v>
      </c>
    </row>
    <row r="16585">
      <c r="A16585" s="1">
        <v>4.90685426E8</v>
      </c>
      <c r="B16585" s="2">
        <v>15584.0</v>
      </c>
      <c r="C16585" s="1" t="s">
        <v>5</v>
      </c>
      <c r="D16585" s="1" t="s">
        <v>14129</v>
      </c>
      <c r="E16585" s="1" t="s">
        <v>11</v>
      </c>
    </row>
    <row r="16586">
      <c r="A16586" s="1">
        <v>4.90685466E8</v>
      </c>
      <c r="B16586" s="2">
        <v>15566.0</v>
      </c>
      <c r="C16586" s="1" t="s">
        <v>5</v>
      </c>
      <c r="D16586" s="1" t="s">
        <v>14130</v>
      </c>
      <c r="E16586" s="1" t="s">
        <v>11</v>
      </c>
    </row>
    <row r="16587">
      <c r="A16587" s="1">
        <v>4.9068547E8</v>
      </c>
      <c r="B16587" s="2">
        <v>15573.0</v>
      </c>
      <c r="C16587" s="1" t="s">
        <v>5</v>
      </c>
      <c r="D16587" s="1" t="s">
        <v>14131</v>
      </c>
      <c r="E16587" s="1" t="s">
        <v>7</v>
      </c>
    </row>
    <row r="16588">
      <c r="A16588" s="1">
        <v>4.90685539E8</v>
      </c>
      <c r="B16588" s="2">
        <v>15552.0</v>
      </c>
      <c r="C16588" s="1" t="s">
        <v>5</v>
      </c>
      <c r="D16588" s="1" t="s">
        <v>11</v>
      </c>
      <c r="E16588" s="1" t="s">
        <v>7</v>
      </c>
    </row>
    <row r="16589">
      <c r="A16589" s="1">
        <v>4.90685541E8</v>
      </c>
      <c r="B16589" s="2">
        <v>15547.0</v>
      </c>
      <c r="C16589" s="1" t="s">
        <v>5</v>
      </c>
      <c r="D16589" s="1" t="s">
        <v>14132</v>
      </c>
      <c r="E16589" s="1" t="s">
        <v>11</v>
      </c>
    </row>
    <row r="16590">
      <c r="A16590" s="1">
        <v>4.90685556E8</v>
      </c>
      <c r="B16590" s="2">
        <v>15552.0</v>
      </c>
      <c r="C16590" s="1" t="s">
        <v>5</v>
      </c>
      <c r="D16590" s="1" t="s">
        <v>14133</v>
      </c>
      <c r="E16590" s="1" t="s">
        <v>11</v>
      </c>
    </row>
    <row r="16591">
      <c r="A16591" s="1">
        <v>4.90685607E8</v>
      </c>
      <c r="B16591" s="2">
        <v>15530.0</v>
      </c>
      <c r="C16591" s="1" t="s">
        <v>5</v>
      </c>
      <c r="D16591" s="1" t="s">
        <v>14134</v>
      </c>
      <c r="E16591" s="1" t="s">
        <v>14135</v>
      </c>
    </row>
    <row r="16592">
      <c r="A16592" s="1">
        <v>4.90685624E8</v>
      </c>
      <c r="B16592" s="2">
        <v>15499.0</v>
      </c>
      <c r="C16592" s="1" t="s">
        <v>5</v>
      </c>
      <c r="D16592" s="1" t="s">
        <v>14136</v>
      </c>
      <c r="E16592" s="1" t="s">
        <v>11</v>
      </c>
    </row>
    <row r="16593">
      <c r="A16593" s="1">
        <v>4.90685626E8</v>
      </c>
      <c r="B16593" s="2">
        <v>15572.0</v>
      </c>
      <c r="C16593" s="1" t="s">
        <v>5</v>
      </c>
      <c r="D16593" s="1" t="s">
        <v>11</v>
      </c>
      <c r="E16593" s="1" t="s">
        <v>7</v>
      </c>
    </row>
    <row r="16594">
      <c r="A16594" s="1">
        <v>4.90685629E8</v>
      </c>
      <c r="B16594" s="2">
        <v>15530.0</v>
      </c>
      <c r="C16594" s="1" t="s">
        <v>5</v>
      </c>
      <c r="D16594" s="1" t="s">
        <v>14137</v>
      </c>
      <c r="E16594" s="1" t="s">
        <v>7</v>
      </c>
    </row>
    <row r="16595">
      <c r="A16595" s="1">
        <v>4.9068567E8</v>
      </c>
      <c r="B16595" s="2">
        <v>15555.0</v>
      </c>
      <c r="C16595" s="1" t="s">
        <v>5</v>
      </c>
      <c r="D16595" s="1" t="s">
        <v>14138</v>
      </c>
      <c r="E16595" s="1" t="s">
        <v>11</v>
      </c>
    </row>
    <row r="16596">
      <c r="A16596" s="1">
        <v>4.90685787E8</v>
      </c>
      <c r="B16596" s="2">
        <v>15550.0</v>
      </c>
      <c r="C16596" s="1" t="s">
        <v>5</v>
      </c>
      <c r="D16596" s="1" t="s">
        <v>14139</v>
      </c>
      <c r="E16596" s="1" t="s">
        <v>7</v>
      </c>
    </row>
    <row r="16597">
      <c r="A16597" s="1">
        <v>4.90685792E8</v>
      </c>
      <c r="B16597" s="2">
        <v>15551.0</v>
      </c>
      <c r="C16597" s="1" t="s">
        <v>5</v>
      </c>
      <c r="D16597" s="1" t="s">
        <v>11</v>
      </c>
      <c r="E16597" s="1" t="s">
        <v>7</v>
      </c>
    </row>
    <row r="16598">
      <c r="A16598" s="1">
        <v>4.90685829E8</v>
      </c>
      <c r="B16598" s="2">
        <v>15582.0</v>
      </c>
      <c r="C16598" s="1" t="s">
        <v>5</v>
      </c>
      <c r="D16598" s="1" t="s">
        <v>11</v>
      </c>
      <c r="E16598" s="1" t="s">
        <v>7</v>
      </c>
    </row>
    <row r="16599">
      <c r="A16599" s="1">
        <v>4.90685871E8</v>
      </c>
      <c r="B16599" s="2">
        <v>15554.0</v>
      </c>
      <c r="C16599" s="1" t="s">
        <v>5</v>
      </c>
      <c r="D16599" s="1" t="s">
        <v>14140</v>
      </c>
      <c r="E16599" s="1" t="s">
        <v>7</v>
      </c>
    </row>
    <row r="16600">
      <c r="A16600" s="1">
        <v>4.90685907E8</v>
      </c>
      <c r="B16600" s="2">
        <v>15614.0</v>
      </c>
      <c r="C16600" s="1" t="s">
        <v>5</v>
      </c>
      <c r="D16600" s="1" t="s">
        <v>14141</v>
      </c>
      <c r="E16600" s="1" t="s">
        <v>7</v>
      </c>
    </row>
    <row r="16601">
      <c r="A16601" s="1">
        <v>4.90685944E8</v>
      </c>
      <c r="B16601" s="2">
        <v>15611.0</v>
      </c>
      <c r="C16601" s="1" t="s">
        <v>5</v>
      </c>
      <c r="D16601" s="1" t="s">
        <v>11</v>
      </c>
      <c r="E16601" s="1" t="s">
        <v>7</v>
      </c>
    </row>
    <row r="16602">
      <c r="A16602" s="1">
        <v>4.90685993E8</v>
      </c>
      <c r="B16602" s="2">
        <v>15571.0</v>
      </c>
      <c r="C16602" s="1" t="s">
        <v>5</v>
      </c>
      <c r="D16602" s="1" t="s">
        <v>11</v>
      </c>
      <c r="E16602" s="1" t="s">
        <v>7</v>
      </c>
    </row>
    <row r="16603">
      <c r="A16603" s="1">
        <v>4.90685999E8</v>
      </c>
      <c r="B16603" s="2">
        <v>15530.0</v>
      </c>
      <c r="C16603" s="1" t="s">
        <v>5</v>
      </c>
      <c r="D16603" s="1" t="s">
        <v>14142</v>
      </c>
      <c r="E16603" s="1" t="s">
        <v>11</v>
      </c>
    </row>
    <row r="16604">
      <c r="A16604" s="1">
        <v>4.90686147E8</v>
      </c>
      <c r="B16604" s="2">
        <v>15569.0</v>
      </c>
      <c r="C16604" s="1" t="s">
        <v>5</v>
      </c>
      <c r="D16604" s="1" t="s">
        <v>14143</v>
      </c>
      <c r="E16604" s="1" t="s">
        <v>14144</v>
      </c>
    </row>
    <row r="16605">
      <c r="A16605" s="1">
        <v>4.90686201E8</v>
      </c>
      <c r="B16605" s="2">
        <v>15611.0</v>
      </c>
      <c r="C16605" s="1" t="s">
        <v>5</v>
      </c>
      <c r="D16605" s="1" t="s">
        <v>14145</v>
      </c>
      <c r="E16605" s="1" t="s">
        <v>11</v>
      </c>
    </row>
    <row r="16606">
      <c r="A16606" s="1">
        <v>4.90686305E8</v>
      </c>
      <c r="B16606" s="2">
        <v>15576.0</v>
      </c>
      <c r="C16606" s="1" t="s">
        <v>5</v>
      </c>
      <c r="D16606" s="1" t="s">
        <v>14146</v>
      </c>
      <c r="E16606" s="1" t="s">
        <v>7</v>
      </c>
    </row>
    <row r="16607">
      <c r="A16607" s="1">
        <v>4.90686427E8</v>
      </c>
      <c r="B16607" s="2">
        <v>15567.0</v>
      </c>
      <c r="C16607" s="1" t="s">
        <v>5</v>
      </c>
      <c r="D16607" s="1" t="s">
        <v>14147</v>
      </c>
      <c r="E16607" s="1" t="s">
        <v>7</v>
      </c>
    </row>
    <row r="16608">
      <c r="A16608" s="1">
        <v>4.90686429E8</v>
      </c>
      <c r="B16608" s="2">
        <v>15575.0</v>
      </c>
      <c r="C16608" s="1" t="s">
        <v>5</v>
      </c>
      <c r="D16608" s="1" t="s">
        <v>14148</v>
      </c>
      <c r="E16608" s="1" t="s">
        <v>11</v>
      </c>
    </row>
    <row r="16609">
      <c r="A16609" s="1">
        <v>4.90686531E8</v>
      </c>
      <c r="B16609" s="2">
        <v>15584.0</v>
      </c>
      <c r="C16609" s="1" t="s">
        <v>5</v>
      </c>
      <c r="D16609" s="1" t="s">
        <v>14149</v>
      </c>
      <c r="E16609" s="1" t="s">
        <v>11</v>
      </c>
    </row>
    <row r="16610">
      <c r="A16610" s="1">
        <v>4.90686592E8</v>
      </c>
      <c r="B16610" s="2">
        <v>15539.0</v>
      </c>
      <c r="C16610" s="1" t="s">
        <v>5</v>
      </c>
      <c r="D16610" s="1" t="s">
        <v>14150</v>
      </c>
      <c r="E16610" s="1" t="s">
        <v>7</v>
      </c>
    </row>
    <row r="16611">
      <c r="A16611" s="1">
        <v>4.90686623E8</v>
      </c>
      <c r="B16611" s="2">
        <v>15610.0</v>
      </c>
      <c r="C16611" s="1" t="s">
        <v>5</v>
      </c>
      <c r="D16611" s="1" t="s">
        <v>14151</v>
      </c>
      <c r="E16611" s="1" t="s">
        <v>11</v>
      </c>
    </row>
    <row r="16612">
      <c r="A16612" s="1">
        <v>4.90686625E8</v>
      </c>
      <c r="B16612" s="2">
        <v>15539.0</v>
      </c>
      <c r="C16612" s="1" t="s">
        <v>5</v>
      </c>
      <c r="D16612" s="1" t="s">
        <v>11</v>
      </c>
      <c r="E16612" s="1" t="s">
        <v>7</v>
      </c>
    </row>
    <row r="16613">
      <c r="A16613" s="1">
        <v>4.90686678E8</v>
      </c>
      <c r="B16613" s="2">
        <v>15611.0</v>
      </c>
      <c r="C16613" s="1" t="s">
        <v>5</v>
      </c>
      <c r="D16613" s="1" t="s">
        <v>14152</v>
      </c>
      <c r="E16613" s="1" t="s">
        <v>11</v>
      </c>
    </row>
    <row r="16614">
      <c r="A16614" s="1">
        <v>4.90686687E8</v>
      </c>
      <c r="B16614" s="2">
        <v>15577.0</v>
      </c>
      <c r="C16614" s="1" t="s">
        <v>5</v>
      </c>
      <c r="D16614" s="1" t="s">
        <v>14153</v>
      </c>
      <c r="E16614" s="1" t="s">
        <v>7</v>
      </c>
    </row>
    <row r="16615">
      <c r="A16615" s="1">
        <v>4.90686701E8</v>
      </c>
      <c r="B16615" s="2">
        <v>15553.0</v>
      </c>
      <c r="C16615" s="1" t="s">
        <v>5</v>
      </c>
      <c r="D16615" s="1" t="s">
        <v>14154</v>
      </c>
      <c r="E16615" s="1" t="s">
        <v>14155</v>
      </c>
    </row>
    <row r="16616">
      <c r="A16616" s="1">
        <v>4.90686705E8</v>
      </c>
      <c r="B16616" s="2">
        <v>15584.0</v>
      </c>
      <c r="C16616" s="1" t="s">
        <v>5</v>
      </c>
      <c r="D16616" s="1" t="s">
        <v>14156</v>
      </c>
      <c r="E16616" s="1" t="s">
        <v>7</v>
      </c>
    </row>
    <row r="16617">
      <c r="A16617" s="1">
        <v>4.90686709E8</v>
      </c>
      <c r="B16617" s="2">
        <v>15552.0</v>
      </c>
      <c r="C16617" s="1" t="s">
        <v>5</v>
      </c>
      <c r="D16617" s="1" t="s">
        <v>14157</v>
      </c>
      <c r="E16617" s="1" t="s">
        <v>7</v>
      </c>
    </row>
    <row r="16618">
      <c r="A16618" s="1">
        <v>4.9068671E8</v>
      </c>
      <c r="B16618" s="2">
        <v>15541.0</v>
      </c>
      <c r="C16618" s="1" t="s">
        <v>5</v>
      </c>
      <c r="D16618" s="1" t="s">
        <v>11</v>
      </c>
      <c r="E16618" s="1" t="s">
        <v>7</v>
      </c>
    </row>
    <row r="16619">
      <c r="A16619" s="1">
        <v>4.90686767E8</v>
      </c>
      <c r="B16619" s="2">
        <v>15610.0</v>
      </c>
      <c r="C16619" s="1" t="s">
        <v>5</v>
      </c>
      <c r="D16619" s="1" t="s">
        <v>14158</v>
      </c>
      <c r="E16619" s="1" t="s">
        <v>7</v>
      </c>
    </row>
    <row r="16620">
      <c r="A16620" s="1">
        <v>4.90686786E8</v>
      </c>
      <c r="B16620" s="2">
        <v>15606.0</v>
      </c>
      <c r="C16620" s="1" t="s">
        <v>5</v>
      </c>
      <c r="D16620" s="1" t="s">
        <v>14159</v>
      </c>
      <c r="E16620" s="1" t="s">
        <v>7</v>
      </c>
    </row>
    <row r="16621">
      <c r="A16621" s="1">
        <v>4.9068683E8</v>
      </c>
      <c r="B16621" s="2">
        <v>15606.0</v>
      </c>
      <c r="C16621" s="1" t="s">
        <v>5</v>
      </c>
      <c r="D16621" s="1" t="s">
        <v>14160</v>
      </c>
      <c r="E16621" s="1" t="s">
        <v>7</v>
      </c>
    </row>
    <row r="16622">
      <c r="A16622" s="1">
        <v>4.90686837E8</v>
      </c>
      <c r="B16622" s="2">
        <v>15584.0</v>
      </c>
      <c r="C16622" s="1" t="s">
        <v>5</v>
      </c>
      <c r="D16622" s="1" t="s">
        <v>11</v>
      </c>
      <c r="E16622" s="1" t="s">
        <v>7</v>
      </c>
    </row>
    <row r="16623">
      <c r="A16623" s="1">
        <v>4.90686903E8</v>
      </c>
      <c r="B16623" s="2">
        <v>15605.0</v>
      </c>
      <c r="C16623" s="1" t="s">
        <v>5</v>
      </c>
      <c r="D16623" s="1" t="s">
        <v>14161</v>
      </c>
      <c r="E16623" s="1" t="s">
        <v>7</v>
      </c>
    </row>
    <row r="16624">
      <c r="A16624" s="1">
        <v>4.90686906E8</v>
      </c>
      <c r="B16624" s="2">
        <v>15609.0</v>
      </c>
      <c r="C16624" s="1" t="s">
        <v>5</v>
      </c>
      <c r="D16624" s="1" t="s">
        <v>14162</v>
      </c>
      <c r="E16624" s="1" t="s">
        <v>7</v>
      </c>
    </row>
    <row r="16625">
      <c r="A16625" s="1">
        <v>4.90686928E8</v>
      </c>
      <c r="B16625" s="2">
        <v>15575.0</v>
      </c>
      <c r="C16625" s="1" t="s">
        <v>5</v>
      </c>
      <c r="D16625" s="1" t="s">
        <v>14163</v>
      </c>
      <c r="E16625" s="1" t="s">
        <v>7</v>
      </c>
    </row>
    <row r="16626">
      <c r="A16626" s="1">
        <v>4.90686955E8</v>
      </c>
      <c r="B16626" s="2">
        <v>15582.0</v>
      </c>
      <c r="C16626" s="1" t="s">
        <v>5</v>
      </c>
      <c r="D16626" s="1" t="s">
        <v>14164</v>
      </c>
      <c r="E16626" s="1" t="s">
        <v>11</v>
      </c>
    </row>
    <row r="16627">
      <c r="A16627" s="1">
        <v>4.90686956E8</v>
      </c>
      <c r="B16627" s="2">
        <v>15583.0</v>
      </c>
      <c r="C16627" s="1" t="s">
        <v>5</v>
      </c>
      <c r="D16627" s="1" t="s">
        <v>11</v>
      </c>
      <c r="E16627" s="1" t="s">
        <v>7</v>
      </c>
    </row>
    <row r="16628">
      <c r="A16628" s="1">
        <v>4.90686962E8</v>
      </c>
      <c r="B16628" s="2">
        <v>15571.0</v>
      </c>
      <c r="C16628" s="1" t="s">
        <v>5</v>
      </c>
      <c r="D16628" s="1" t="s">
        <v>14165</v>
      </c>
      <c r="E16628" s="1" t="s">
        <v>14166</v>
      </c>
    </row>
    <row r="16629">
      <c r="A16629" s="1">
        <v>4.90686978E8</v>
      </c>
      <c r="B16629" s="2">
        <v>15537.0</v>
      </c>
      <c r="C16629" s="1" t="s">
        <v>5</v>
      </c>
      <c r="D16629" s="1" t="s">
        <v>14167</v>
      </c>
      <c r="E16629" s="1" t="s">
        <v>7</v>
      </c>
    </row>
    <row r="16630">
      <c r="A16630" s="1">
        <v>4.90687003E8</v>
      </c>
      <c r="B16630" s="2">
        <v>15581.0</v>
      </c>
      <c r="C16630" s="1" t="s">
        <v>5</v>
      </c>
      <c r="D16630" s="1" t="s">
        <v>14168</v>
      </c>
      <c r="E16630" s="1" t="s">
        <v>11</v>
      </c>
    </row>
    <row r="16631">
      <c r="A16631" s="1">
        <v>4.90687055E8</v>
      </c>
      <c r="B16631" s="2">
        <v>15563.0</v>
      </c>
      <c r="C16631" s="1" t="s">
        <v>5</v>
      </c>
      <c r="D16631" s="1" t="s">
        <v>14169</v>
      </c>
      <c r="E16631" s="1" t="s">
        <v>14170</v>
      </c>
    </row>
    <row r="16632">
      <c r="A16632" s="1">
        <v>4.90687083E8</v>
      </c>
      <c r="B16632" s="2">
        <v>15608.0</v>
      </c>
      <c r="C16632" s="1" t="s">
        <v>5</v>
      </c>
      <c r="D16632" s="1" t="s">
        <v>14171</v>
      </c>
      <c r="E16632" s="1" t="s">
        <v>11</v>
      </c>
    </row>
    <row r="16633">
      <c r="A16633" s="1">
        <v>4.90687184E8</v>
      </c>
      <c r="B16633" s="2">
        <v>15558.0</v>
      </c>
      <c r="C16633" s="1" t="s">
        <v>5</v>
      </c>
      <c r="D16633" s="1" t="s">
        <v>14172</v>
      </c>
      <c r="E16633" s="1" t="s">
        <v>11</v>
      </c>
    </row>
    <row r="16634">
      <c r="A16634" s="1">
        <v>4.90687309E8</v>
      </c>
      <c r="B16634" s="2">
        <v>15614.0</v>
      </c>
      <c r="C16634" s="1" t="s">
        <v>5</v>
      </c>
      <c r="D16634" s="1" t="s">
        <v>14173</v>
      </c>
      <c r="E16634" s="1" t="s">
        <v>7</v>
      </c>
    </row>
    <row r="16635">
      <c r="A16635" s="1">
        <v>4.90687426E8</v>
      </c>
      <c r="B16635" s="2">
        <v>15532.0</v>
      </c>
      <c r="C16635" s="1" t="s">
        <v>5</v>
      </c>
      <c r="D16635" s="1" t="s">
        <v>14174</v>
      </c>
      <c r="E16635" s="1" t="s">
        <v>7</v>
      </c>
    </row>
    <row r="16636">
      <c r="A16636" s="1">
        <v>4.90687533E8</v>
      </c>
      <c r="B16636" s="2">
        <v>15548.0</v>
      </c>
      <c r="C16636" s="1" t="s">
        <v>5</v>
      </c>
      <c r="D16636" s="1" t="s">
        <v>14175</v>
      </c>
      <c r="E16636" s="1" t="s">
        <v>11</v>
      </c>
    </row>
    <row r="16637">
      <c r="A16637" s="1">
        <v>4.90687555E8</v>
      </c>
      <c r="B16637" s="2">
        <v>15600.0</v>
      </c>
      <c r="C16637" s="1" t="s">
        <v>5</v>
      </c>
      <c r="D16637" s="1" t="s">
        <v>14176</v>
      </c>
      <c r="E16637" s="1" t="s">
        <v>11</v>
      </c>
    </row>
    <row r="16638">
      <c r="A16638" s="1">
        <v>4.90687586E8</v>
      </c>
      <c r="B16638" s="2">
        <v>15530.0</v>
      </c>
      <c r="C16638" s="1" t="s">
        <v>5</v>
      </c>
      <c r="D16638" s="1" t="s">
        <v>14177</v>
      </c>
      <c r="E16638" s="1" t="s">
        <v>7</v>
      </c>
    </row>
    <row r="16639">
      <c r="A16639" s="1">
        <v>4.90687605E8</v>
      </c>
      <c r="B16639" s="2">
        <v>15570.0</v>
      </c>
      <c r="C16639" s="1" t="s">
        <v>5</v>
      </c>
      <c r="D16639" s="1" t="s">
        <v>11</v>
      </c>
      <c r="E16639" s="1" t="s">
        <v>7</v>
      </c>
    </row>
    <row r="16640">
      <c r="A16640" s="1">
        <v>4.90687647E8</v>
      </c>
      <c r="B16640" s="2">
        <v>15546.0</v>
      </c>
      <c r="C16640" s="1" t="s">
        <v>5</v>
      </c>
      <c r="D16640" s="1" t="s">
        <v>14178</v>
      </c>
      <c r="E16640" s="1" t="s">
        <v>14179</v>
      </c>
    </row>
    <row r="16641">
      <c r="A16641" s="1">
        <v>4.90687665E8</v>
      </c>
      <c r="B16641" s="2">
        <v>15612.0</v>
      </c>
      <c r="C16641" s="1" t="s">
        <v>5</v>
      </c>
      <c r="D16641" s="1" t="s">
        <v>11</v>
      </c>
      <c r="E16641" s="1" t="s">
        <v>7</v>
      </c>
    </row>
    <row r="16642">
      <c r="A16642" s="1">
        <v>4.90687666E8</v>
      </c>
      <c r="B16642" s="2">
        <v>15555.0</v>
      </c>
      <c r="C16642" s="1" t="s">
        <v>5</v>
      </c>
      <c r="D16642" s="1" t="s">
        <v>14180</v>
      </c>
      <c r="E16642" s="1" t="s">
        <v>11</v>
      </c>
    </row>
    <row r="16643">
      <c r="A16643" s="1">
        <v>4.90687717E8</v>
      </c>
      <c r="B16643" s="2">
        <v>15555.0</v>
      </c>
      <c r="C16643" s="1" t="s">
        <v>5</v>
      </c>
      <c r="D16643" s="1" t="s">
        <v>14181</v>
      </c>
      <c r="E16643" s="1" t="s">
        <v>7</v>
      </c>
    </row>
    <row r="16644">
      <c r="A16644" s="1">
        <v>4.90687749E8</v>
      </c>
      <c r="B16644" s="2">
        <v>15600.0</v>
      </c>
      <c r="C16644" s="1" t="s">
        <v>5</v>
      </c>
      <c r="D16644" s="1" t="s">
        <v>14182</v>
      </c>
      <c r="E16644" s="1" t="s">
        <v>7</v>
      </c>
    </row>
    <row r="16645">
      <c r="A16645" s="1">
        <v>4.90687763E8</v>
      </c>
      <c r="B16645" s="2">
        <v>15564.0</v>
      </c>
      <c r="C16645" s="1" t="s">
        <v>5</v>
      </c>
      <c r="D16645" s="1" t="s">
        <v>14183</v>
      </c>
      <c r="E16645" s="1" t="s">
        <v>7</v>
      </c>
    </row>
    <row r="16646">
      <c r="A16646" s="1">
        <v>4.90687775E8</v>
      </c>
      <c r="B16646" s="2">
        <v>15567.0</v>
      </c>
      <c r="C16646" s="1" t="s">
        <v>5</v>
      </c>
      <c r="D16646" s="1" t="s">
        <v>14184</v>
      </c>
      <c r="E16646" s="1" t="s">
        <v>11</v>
      </c>
    </row>
    <row r="16647">
      <c r="A16647" s="1">
        <v>4.90687796E8</v>
      </c>
      <c r="B16647" s="2">
        <v>15567.0</v>
      </c>
      <c r="C16647" s="1" t="s">
        <v>5</v>
      </c>
      <c r="D16647" s="1" t="s">
        <v>14185</v>
      </c>
      <c r="E16647" s="1" t="s">
        <v>7</v>
      </c>
    </row>
    <row r="16648">
      <c r="A16648" s="1">
        <v>4.90687863E8</v>
      </c>
      <c r="B16648" s="2">
        <v>15602.0</v>
      </c>
      <c r="C16648" s="1" t="s">
        <v>5</v>
      </c>
      <c r="D16648" s="1" t="s">
        <v>14186</v>
      </c>
      <c r="E16648" s="1" t="s">
        <v>7</v>
      </c>
    </row>
    <row r="16649">
      <c r="A16649" s="1">
        <v>4.90687879E8</v>
      </c>
      <c r="B16649" s="2">
        <v>15613.0</v>
      </c>
      <c r="C16649" s="1" t="s">
        <v>5</v>
      </c>
      <c r="D16649" s="1" t="s">
        <v>11</v>
      </c>
      <c r="E16649" s="1" t="s">
        <v>7</v>
      </c>
    </row>
    <row r="16650">
      <c r="A16650" s="1">
        <v>4.90687908E8</v>
      </c>
      <c r="B16650" s="2">
        <v>15533.0</v>
      </c>
      <c r="C16650" s="1" t="s">
        <v>5</v>
      </c>
      <c r="D16650" s="1" t="s">
        <v>14187</v>
      </c>
      <c r="E16650" s="1" t="s">
        <v>11</v>
      </c>
    </row>
    <row r="16651">
      <c r="A16651" s="1">
        <v>4.90687974E8</v>
      </c>
      <c r="B16651" s="2">
        <v>15567.0</v>
      </c>
      <c r="C16651" s="1" t="s">
        <v>5</v>
      </c>
      <c r="D16651" s="1" t="s">
        <v>11</v>
      </c>
      <c r="E16651" s="1" t="s">
        <v>7</v>
      </c>
    </row>
    <row r="16652">
      <c r="A16652" s="1">
        <v>4.90688077E8</v>
      </c>
      <c r="B16652" s="2">
        <v>15584.0</v>
      </c>
      <c r="C16652" s="1" t="s">
        <v>5</v>
      </c>
      <c r="D16652" s="1" t="s">
        <v>14188</v>
      </c>
      <c r="E16652" s="1" t="s">
        <v>7</v>
      </c>
    </row>
    <row r="16653">
      <c r="A16653" s="1">
        <v>4.90688089E8</v>
      </c>
      <c r="B16653" s="2">
        <v>15566.0</v>
      </c>
      <c r="C16653" s="1" t="s">
        <v>5</v>
      </c>
      <c r="D16653" s="1" t="s">
        <v>14189</v>
      </c>
      <c r="E16653" s="1" t="s">
        <v>11</v>
      </c>
    </row>
    <row r="16654">
      <c r="A16654" s="1">
        <v>4.90688146E8</v>
      </c>
      <c r="B16654" s="2">
        <v>15600.0</v>
      </c>
      <c r="C16654" s="1" t="s">
        <v>5</v>
      </c>
      <c r="D16654" s="1" t="s">
        <v>11</v>
      </c>
      <c r="E16654" s="1" t="s">
        <v>7</v>
      </c>
    </row>
    <row r="16655">
      <c r="A16655" s="1">
        <v>4.90688295E8</v>
      </c>
      <c r="B16655" s="2">
        <v>15598.0</v>
      </c>
      <c r="C16655" s="1" t="s">
        <v>5</v>
      </c>
      <c r="D16655" s="1" t="s">
        <v>14190</v>
      </c>
      <c r="E16655" s="1" t="s">
        <v>7</v>
      </c>
    </row>
    <row r="16656">
      <c r="A16656" s="1">
        <v>4.90688333E8</v>
      </c>
      <c r="B16656" s="2">
        <v>15562.0</v>
      </c>
      <c r="C16656" s="1" t="s">
        <v>5</v>
      </c>
      <c r="D16656" s="1" t="s">
        <v>14191</v>
      </c>
      <c r="E16656" s="1" t="s">
        <v>7</v>
      </c>
    </row>
    <row r="16657">
      <c r="A16657" s="1">
        <v>4.90688342E8</v>
      </c>
      <c r="B16657" s="2">
        <v>15562.0</v>
      </c>
      <c r="C16657" s="1" t="s">
        <v>5</v>
      </c>
      <c r="D16657" s="1" t="s">
        <v>14192</v>
      </c>
      <c r="E16657" s="1" t="s">
        <v>7</v>
      </c>
    </row>
    <row r="16658">
      <c r="A16658" s="1">
        <v>4.90688344E8</v>
      </c>
      <c r="B16658" s="2">
        <v>15529.0</v>
      </c>
      <c r="C16658" s="1" t="s">
        <v>5</v>
      </c>
      <c r="D16658" s="1" t="s">
        <v>14193</v>
      </c>
      <c r="E16658" s="1" t="s">
        <v>14194</v>
      </c>
    </row>
    <row r="16659">
      <c r="A16659" s="1">
        <v>4.90688346E8</v>
      </c>
      <c r="B16659" s="2">
        <v>15598.0</v>
      </c>
      <c r="C16659" s="1" t="s">
        <v>5</v>
      </c>
      <c r="D16659" s="1" t="s">
        <v>11</v>
      </c>
      <c r="E16659" s="1" t="s">
        <v>7</v>
      </c>
    </row>
    <row r="16660">
      <c r="A16660" s="1">
        <v>4.9068838E8</v>
      </c>
      <c r="B16660" s="2">
        <v>15556.0</v>
      </c>
      <c r="C16660" s="1" t="s">
        <v>5</v>
      </c>
      <c r="D16660" s="1" t="s">
        <v>14195</v>
      </c>
      <c r="E16660" s="1" t="s">
        <v>11</v>
      </c>
    </row>
    <row r="16661">
      <c r="A16661" s="1">
        <v>4.90688489E8</v>
      </c>
      <c r="B16661" s="2">
        <v>15555.0</v>
      </c>
      <c r="C16661" s="1" t="s">
        <v>5</v>
      </c>
      <c r="D16661" s="1" t="s">
        <v>11</v>
      </c>
      <c r="E16661" s="1" t="s">
        <v>7</v>
      </c>
    </row>
    <row r="16662">
      <c r="A16662" s="1">
        <v>4.90688507E8</v>
      </c>
      <c r="B16662" s="2">
        <v>15561.0</v>
      </c>
      <c r="C16662" s="1" t="s">
        <v>5</v>
      </c>
      <c r="D16662" s="1" t="s">
        <v>14196</v>
      </c>
      <c r="E16662" s="1" t="s">
        <v>14197</v>
      </c>
    </row>
    <row r="16663">
      <c r="A16663" s="1">
        <v>4.90688517E8</v>
      </c>
      <c r="B16663" s="2">
        <v>15589.0</v>
      </c>
      <c r="C16663" s="1" t="s">
        <v>5</v>
      </c>
      <c r="D16663" s="1" t="s">
        <v>14198</v>
      </c>
      <c r="E16663" s="1" t="s">
        <v>7</v>
      </c>
    </row>
    <row r="16664">
      <c r="A16664" s="1">
        <v>4.90688593E8</v>
      </c>
      <c r="B16664" s="2">
        <v>15538.0</v>
      </c>
      <c r="C16664" s="1" t="s">
        <v>5</v>
      </c>
      <c r="D16664" s="1" t="s">
        <v>14199</v>
      </c>
      <c r="E16664" s="1" t="s">
        <v>7</v>
      </c>
    </row>
    <row r="16665">
      <c r="A16665" s="1">
        <v>4.90688608E8</v>
      </c>
      <c r="B16665" s="2">
        <v>15596.0</v>
      </c>
      <c r="C16665" s="1" t="s">
        <v>5</v>
      </c>
      <c r="D16665" s="1" t="s">
        <v>14200</v>
      </c>
      <c r="E16665" s="1" t="s">
        <v>14201</v>
      </c>
    </row>
    <row r="16666">
      <c r="A16666" s="1">
        <v>4.90688616E8</v>
      </c>
      <c r="B16666" s="2">
        <v>15556.0</v>
      </c>
      <c r="C16666" s="1" t="s">
        <v>5</v>
      </c>
      <c r="D16666" s="1" t="s">
        <v>14202</v>
      </c>
      <c r="E16666" s="1" t="s">
        <v>7</v>
      </c>
    </row>
    <row r="16667">
      <c r="A16667" s="1">
        <v>4.90688626E8</v>
      </c>
      <c r="B16667" s="2">
        <v>15560.0</v>
      </c>
      <c r="C16667" s="1" t="s">
        <v>5</v>
      </c>
      <c r="D16667" s="1" t="s">
        <v>14203</v>
      </c>
      <c r="E16667" s="1" t="s">
        <v>7</v>
      </c>
    </row>
    <row r="16668">
      <c r="A16668" s="1">
        <v>4.90688627E8</v>
      </c>
      <c r="B16668" s="2">
        <v>15581.0</v>
      </c>
      <c r="C16668" s="1" t="s">
        <v>5</v>
      </c>
      <c r="D16668" s="1" t="s">
        <v>11</v>
      </c>
      <c r="E16668" s="1" t="s">
        <v>7</v>
      </c>
    </row>
    <row r="16669">
      <c r="A16669" s="1">
        <v>4.90688653E8</v>
      </c>
      <c r="B16669" s="2">
        <v>15605.0</v>
      </c>
      <c r="C16669" s="1" t="s">
        <v>5</v>
      </c>
      <c r="D16669" s="1" t="s">
        <v>11</v>
      </c>
      <c r="E16669" s="1" t="s">
        <v>7</v>
      </c>
    </row>
    <row r="16670">
      <c r="A16670" s="1">
        <v>4.90688693E8</v>
      </c>
      <c r="B16670" s="2">
        <v>15604.0</v>
      </c>
      <c r="C16670" s="1" t="s">
        <v>5</v>
      </c>
      <c r="D16670" s="1" t="s">
        <v>14204</v>
      </c>
      <c r="E16670" s="1" t="s">
        <v>14205</v>
      </c>
    </row>
    <row r="16671">
      <c r="A16671" s="1">
        <v>4.90688722E8</v>
      </c>
      <c r="B16671" s="2">
        <v>15586.0</v>
      </c>
      <c r="C16671" s="1" t="s">
        <v>5</v>
      </c>
      <c r="D16671" s="1" t="s">
        <v>14206</v>
      </c>
      <c r="E16671" s="1" t="s">
        <v>7</v>
      </c>
    </row>
    <row r="16672">
      <c r="A16672" s="1">
        <v>4.90688821E8</v>
      </c>
      <c r="B16672" s="2">
        <v>15583.0</v>
      </c>
      <c r="C16672" s="1" t="s">
        <v>5</v>
      </c>
      <c r="D16672" s="1" t="s">
        <v>14207</v>
      </c>
      <c r="E16672" s="1" t="s">
        <v>7</v>
      </c>
    </row>
    <row r="16673">
      <c r="A16673" s="1">
        <v>4.90688919E8</v>
      </c>
      <c r="B16673" s="2">
        <v>15613.0</v>
      </c>
      <c r="C16673" s="1" t="s">
        <v>5</v>
      </c>
      <c r="D16673" s="1" t="s">
        <v>14208</v>
      </c>
      <c r="E16673" s="1" t="s">
        <v>7</v>
      </c>
    </row>
    <row r="16674">
      <c r="A16674" s="1">
        <v>4.90688943E8</v>
      </c>
      <c r="B16674" s="2">
        <v>15555.0</v>
      </c>
      <c r="C16674" s="1" t="s">
        <v>5</v>
      </c>
      <c r="D16674" s="1" t="s">
        <v>14209</v>
      </c>
      <c r="E16674" s="1" t="s">
        <v>7</v>
      </c>
    </row>
    <row r="16675">
      <c r="A16675" s="1">
        <v>4.90688953E8</v>
      </c>
      <c r="B16675" s="2">
        <v>15613.0</v>
      </c>
      <c r="C16675" s="1" t="s">
        <v>5</v>
      </c>
      <c r="D16675" s="1" t="s">
        <v>14210</v>
      </c>
      <c r="E16675" s="1" t="s">
        <v>11</v>
      </c>
    </row>
    <row r="16676">
      <c r="A16676" s="1">
        <v>4.90688983E8</v>
      </c>
      <c r="B16676" s="2">
        <v>15612.0</v>
      </c>
      <c r="C16676" s="1" t="s">
        <v>5</v>
      </c>
      <c r="D16676" s="1" t="s">
        <v>14211</v>
      </c>
      <c r="E16676" s="1" t="s">
        <v>11</v>
      </c>
    </row>
    <row r="16677">
      <c r="A16677" s="1">
        <v>4.90689002E8</v>
      </c>
      <c r="B16677" s="2">
        <v>15592.0</v>
      </c>
      <c r="C16677" s="1" t="s">
        <v>5</v>
      </c>
      <c r="D16677" s="1" t="s">
        <v>14212</v>
      </c>
      <c r="E16677" s="1" t="s">
        <v>7</v>
      </c>
    </row>
    <row r="16678">
      <c r="A16678" s="1">
        <v>4.90689026E8</v>
      </c>
      <c r="B16678" s="2">
        <v>15531.0</v>
      </c>
      <c r="C16678" s="1" t="s">
        <v>5</v>
      </c>
      <c r="D16678" s="1" t="s">
        <v>14213</v>
      </c>
      <c r="E16678" s="1" t="s">
        <v>11</v>
      </c>
    </row>
    <row r="16679">
      <c r="A16679" s="1">
        <v>4.90689052E8</v>
      </c>
      <c r="B16679" s="2">
        <v>15591.0</v>
      </c>
      <c r="C16679" s="1" t="s">
        <v>5</v>
      </c>
      <c r="D16679" s="1" t="s">
        <v>14214</v>
      </c>
      <c r="E16679" s="1" t="s">
        <v>11</v>
      </c>
    </row>
    <row r="16680">
      <c r="A16680" s="1">
        <v>4.90689082E8</v>
      </c>
      <c r="B16680" s="2">
        <v>15614.0</v>
      </c>
      <c r="C16680" s="1" t="s">
        <v>5</v>
      </c>
      <c r="D16680" s="1" t="s">
        <v>14215</v>
      </c>
      <c r="E16680" s="1" t="s">
        <v>11</v>
      </c>
    </row>
    <row r="16681">
      <c r="A16681" s="1">
        <v>4.90689087E8</v>
      </c>
      <c r="B16681" s="2">
        <v>15610.0</v>
      </c>
      <c r="C16681" s="1" t="s">
        <v>5</v>
      </c>
      <c r="D16681" s="1" t="s">
        <v>14216</v>
      </c>
      <c r="E16681" s="1" t="s">
        <v>7</v>
      </c>
    </row>
    <row r="16682">
      <c r="A16682" s="1">
        <v>4.90689121E8</v>
      </c>
      <c r="B16682" s="2">
        <v>15531.0</v>
      </c>
      <c r="C16682" s="1" t="s">
        <v>5</v>
      </c>
      <c r="D16682" s="1" t="s">
        <v>14217</v>
      </c>
      <c r="E16682" s="1" t="s">
        <v>11</v>
      </c>
    </row>
    <row r="16683">
      <c r="A16683" s="1">
        <v>4.90689179E8</v>
      </c>
      <c r="B16683" s="2">
        <v>15644.0</v>
      </c>
      <c r="C16683" s="1" t="s">
        <v>5</v>
      </c>
      <c r="D16683" s="1" t="s">
        <v>14218</v>
      </c>
      <c r="E16683" s="1" t="s">
        <v>11</v>
      </c>
    </row>
    <row r="16684">
      <c r="A16684" s="1">
        <v>4.90689181E8</v>
      </c>
      <c r="B16684" s="2">
        <v>15609.0</v>
      </c>
      <c r="C16684" s="1" t="s">
        <v>5</v>
      </c>
      <c r="D16684" s="1" t="s">
        <v>14219</v>
      </c>
      <c r="E16684" s="1" t="s">
        <v>11</v>
      </c>
    </row>
    <row r="16685">
      <c r="A16685" s="1">
        <v>4.90689183E8</v>
      </c>
      <c r="B16685" s="2">
        <v>15609.0</v>
      </c>
      <c r="C16685" s="1" t="s">
        <v>5</v>
      </c>
      <c r="D16685" s="1" t="s">
        <v>14220</v>
      </c>
      <c r="E16685" s="1" t="s">
        <v>7</v>
      </c>
    </row>
    <row r="16686">
      <c r="A16686" s="1">
        <v>4.9068919E8</v>
      </c>
      <c r="B16686" s="2">
        <v>15610.0</v>
      </c>
      <c r="C16686" s="1" t="s">
        <v>5</v>
      </c>
      <c r="D16686" s="1" t="s">
        <v>11</v>
      </c>
      <c r="E16686" s="1" t="s">
        <v>7</v>
      </c>
    </row>
    <row r="16687">
      <c r="A16687" s="1">
        <v>4.90689291E8</v>
      </c>
      <c r="B16687" s="2">
        <v>15600.0</v>
      </c>
      <c r="C16687" s="1" t="s">
        <v>5</v>
      </c>
      <c r="D16687" s="1" t="s">
        <v>14221</v>
      </c>
      <c r="E16687" s="1" t="s">
        <v>7</v>
      </c>
    </row>
    <row r="16688">
      <c r="A16688" s="1">
        <v>4.9068951E8</v>
      </c>
      <c r="B16688" s="2">
        <v>15607.0</v>
      </c>
      <c r="C16688" s="1" t="s">
        <v>5</v>
      </c>
      <c r="D16688" s="1" t="s">
        <v>11</v>
      </c>
      <c r="E16688" s="1" t="s">
        <v>7</v>
      </c>
    </row>
    <row r="16689">
      <c r="A16689" s="1">
        <v>4.90689532E8</v>
      </c>
      <c r="B16689" s="2">
        <v>15523.0</v>
      </c>
      <c r="C16689" s="1" t="s">
        <v>5</v>
      </c>
      <c r="D16689" s="1" t="s">
        <v>14222</v>
      </c>
      <c r="E16689" s="1" t="s">
        <v>11</v>
      </c>
    </row>
    <row r="16690">
      <c r="A16690" s="1">
        <v>4.90689585E8</v>
      </c>
      <c r="B16690" s="2">
        <v>15596.0</v>
      </c>
      <c r="C16690" s="1" t="s">
        <v>5</v>
      </c>
      <c r="D16690" s="1" t="s">
        <v>11</v>
      </c>
      <c r="E16690" s="1" t="s">
        <v>7</v>
      </c>
    </row>
    <row r="16691">
      <c r="A16691" s="1">
        <v>4.90689773E8</v>
      </c>
      <c r="B16691" s="2">
        <v>15643.0</v>
      </c>
      <c r="C16691" s="1" t="s">
        <v>5</v>
      </c>
      <c r="D16691" s="1" t="s">
        <v>11</v>
      </c>
      <c r="E16691" s="1" t="s">
        <v>7</v>
      </c>
    </row>
    <row r="16692">
      <c r="A16692" s="1">
        <v>4.90689813E8</v>
      </c>
      <c r="B16692" s="2">
        <v>15585.0</v>
      </c>
      <c r="C16692" s="1" t="s">
        <v>5</v>
      </c>
      <c r="D16692" s="1" t="s">
        <v>14223</v>
      </c>
      <c r="E16692" s="1" t="s">
        <v>11</v>
      </c>
    </row>
    <row r="16693">
      <c r="A16693" s="1">
        <v>4.90689845E8</v>
      </c>
      <c r="B16693" s="2">
        <v>15642.0</v>
      </c>
      <c r="C16693" s="1" t="s">
        <v>5</v>
      </c>
      <c r="D16693" s="1" t="s">
        <v>14224</v>
      </c>
      <c r="E16693" s="1" t="s">
        <v>11</v>
      </c>
    </row>
    <row r="16694">
      <c r="A16694" s="1">
        <v>4.9068987E8</v>
      </c>
      <c r="B16694" s="2">
        <v>15577.0</v>
      </c>
      <c r="C16694" s="1" t="s">
        <v>5</v>
      </c>
      <c r="D16694" s="1" t="s">
        <v>14225</v>
      </c>
      <c r="E16694" s="1" t="s">
        <v>11</v>
      </c>
    </row>
    <row r="16695">
      <c r="A16695" s="1">
        <v>4.90689942E8</v>
      </c>
      <c r="B16695" s="2">
        <v>15644.0</v>
      </c>
      <c r="C16695" s="1" t="s">
        <v>5</v>
      </c>
      <c r="D16695" s="1" t="s">
        <v>14226</v>
      </c>
      <c r="E16695" s="1" t="s">
        <v>11</v>
      </c>
    </row>
    <row r="16696">
      <c r="A16696" s="1">
        <v>4.90689983E8</v>
      </c>
      <c r="B16696" s="2">
        <v>15602.0</v>
      </c>
      <c r="C16696" s="1" t="s">
        <v>5</v>
      </c>
      <c r="D16696" s="1" t="s">
        <v>14227</v>
      </c>
      <c r="E16696" s="1" t="s">
        <v>7</v>
      </c>
    </row>
    <row r="16697">
      <c r="A16697" s="1">
        <v>4.90690039E8</v>
      </c>
      <c r="B16697" s="2">
        <v>15643.0</v>
      </c>
      <c r="C16697" s="1" t="s">
        <v>5</v>
      </c>
      <c r="D16697" s="1" t="s">
        <v>14228</v>
      </c>
      <c r="E16697" s="1" t="s">
        <v>11</v>
      </c>
    </row>
    <row r="16698">
      <c r="A16698" s="1">
        <v>4.90690052E8</v>
      </c>
      <c r="B16698" s="2">
        <v>15601.0</v>
      </c>
      <c r="C16698" s="1" t="s">
        <v>5</v>
      </c>
      <c r="D16698" s="1" t="s">
        <v>14229</v>
      </c>
      <c r="E16698" s="1" t="s">
        <v>11</v>
      </c>
    </row>
    <row r="16699">
      <c r="A16699" s="1">
        <v>4.90690121E8</v>
      </c>
      <c r="B16699" s="2">
        <v>15642.0</v>
      </c>
      <c r="C16699" s="1" t="s">
        <v>5</v>
      </c>
      <c r="D16699" s="1" t="s">
        <v>11</v>
      </c>
      <c r="E16699" s="1" t="s">
        <v>7</v>
      </c>
    </row>
    <row r="16700">
      <c r="A16700" s="1">
        <v>4.90690156E8</v>
      </c>
      <c r="B16700" s="2">
        <v>15628.0</v>
      </c>
      <c r="C16700" s="1" t="s">
        <v>5</v>
      </c>
      <c r="D16700" s="1" t="s">
        <v>14230</v>
      </c>
      <c r="E16700" s="1" t="s">
        <v>14231</v>
      </c>
    </row>
    <row r="16701">
      <c r="A16701" s="1">
        <v>4.90690157E8</v>
      </c>
      <c r="B16701" s="2">
        <v>15590.0</v>
      </c>
      <c r="C16701" s="1" t="s">
        <v>5</v>
      </c>
      <c r="D16701" s="1" t="s">
        <v>14232</v>
      </c>
      <c r="E16701" s="1" t="s">
        <v>7</v>
      </c>
    </row>
    <row r="16702">
      <c r="A16702" s="1">
        <v>4.90690257E8</v>
      </c>
      <c r="B16702" s="2">
        <v>15632.0</v>
      </c>
      <c r="C16702" s="1" t="s">
        <v>5</v>
      </c>
      <c r="D16702" s="1" t="s">
        <v>14233</v>
      </c>
      <c r="E16702" s="1" t="s">
        <v>11</v>
      </c>
    </row>
    <row r="16703">
      <c r="A16703" s="1">
        <v>4.90690306E8</v>
      </c>
      <c r="B16703" s="2">
        <v>15629.0</v>
      </c>
      <c r="C16703" s="1" t="s">
        <v>5</v>
      </c>
      <c r="D16703" s="1" t="s">
        <v>14234</v>
      </c>
      <c r="E16703" s="1" t="s">
        <v>7</v>
      </c>
    </row>
    <row r="16704">
      <c r="A16704" s="1">
        <v>4.90690331E8</v>
      </c>
      <c r="B16704" s="2">
        <v>15590.0</v>
      </c>
      <c r="C16704" s="1" t="s">
        <v>5</v>
      </c>
      <c r="D16704" s="1" t="s">
        <v>14235</v>
      </c>
      <c r="E16704" s="1" t="s">
        <v>14236</v>
      </c>
    </row>
    <row r="16705">
      <c r="A16705" s="1">
        <v>4.90690362E8</v>
      </c>
      <c r="B16705" s="2">
        <v>15670.0</v>
      </c>
      <c r="C16705" s="1" t="s">
        <v>5</v>
      </c>
      <c r="D16705" s="1" t="s">
        <v>14237</v>
      </c>
      <c r="E16705" s="1" t="s">
        <v>7</v>
      </c>
    </row>
    <row r="16706">
      <c r="A16706" s="1">
        <v>4.90690443E8</v>
      </c>
      <c r="B16706" s="2">
        <v>15601.0</v>
      </c>
      <c r="C16706" s="1" t="s">
        <v>5</v>
      </c>
      <c r="D16706" s="1" t="s">
        <v>14238</v>
      </c>
      <c r="E16706" s="1" t="s">
        <v>7</v>
      </c>
    </row>
    <row r="16707">
      <c r="A16707" s="1">
        <v>4.90690474E8</v>
      </c>
      <c r="B16707" s="2">
        <v>15592.0</v>
      </c>
      <c r="C16707" s="1" t="s">
        <v>5</v>
      </c>
      <c r="D16707" s="1" t="s">
        <v>14239</v>
      </c>
      <c r="E16707" s="1" t="s">
        <v>7</v>
      </c>
    </row>
    <row r="16708">
      <c r="A16708" s="1">
        <v>4.90690581E8</v>
      </c>
      <c r="B16708" s="2">
        <v>15595.0</v>
      </c>
      <c r="C16708" s="1" t="s">
        <v>5</v>
      </c>
      <c r="D16708" s="1" t="s">
        <v>14240</v>
      </c>
      <c r="E16708" s="1" t="s">
        <v>7</v>
      </c>
    </row>
    <row r="16709">
      <c r="A16709" s="1">
        <v>4.90690631E8</v>
      </c>
      <c r="B16709" s="2">
        <v>15594.0</v>
      </c>
      <c r="C16709" s="1" t="s">
        <v>5</v>
      </c>
      <c r="D16709" s="1" t="s">
        <v>11</v>
      </c>
      <c r="E16709" s="1" t="s">
        <v>7</v>
      </c>
    </row>
    <row r="16710">
      <c r="A16710" s="1">
        <v>4.90690664E8</v>
      </c>
      <c r="B16710" s="2">
        <v>15595.0</v>
      </c>
      <c r="C16710" s="1" t="s">
        <v>5</v>
      </c>
      <c r="D16710" s="1" t="s">
        <v>14241</v>
      </c>
      <c r="E16710" s="1" t="s">
        <v>7</v>
      </c>
    </row>
    <row r="16711">
      <c r="A16711" s="1">
        <v>4.90690669E8</v>
      </c>
      <c r="B16711" s="2">
        <v>15588.0</v>
      </c>
      <c r="C16711" s="1" t="s">
        <v>5</v>
      </c>
      <c r="D16711" s="1" t="s">
        <v>14242</v>
      </c>
      <c r="E16711" s="1" t="s">
        <v>7</v>
      </c>
    </row>
    <row r="16712">
      <c r="A16712" s="1">
        <v>4.90690682E8</v>
      </c>
      <c r="B16712" s="2">
        <v>15590.0</v>
      </c>
      <c r="C16712" s="1" t="s">
        <v>5</v>
      </c>
      <c r="D16712" s="1" t="s">
        <v>14243</v>
      </c>
      <c r="E16712" s="1" t="s">
        <v>11</v>
      </c>
    </row>
    <row r="16713">
      <c r="A16713" s="1">
        <v>4.90690721E8</v>
      </c>
      <c r="B16713" s="2">
        <v>15666.0</v>
      </c>
      <c r="C16713" s="1" t="s">
        <v>5</v>
      </c>
      <c r="D16713" s="1" t="s">
        <v>11</v>
      </c>
      <c r="E16713" s="1" t="s">
        <v>7</v>
      </c>
    </row>
    <row r="16714">
      <c r="A16714" s="1">
        <v>4.90690744E8</v>
      </c>
      <c r="B16714" s="2">
        <v>15626.0</v>
      </c>
      <c r="C16714" s="1" t="s">
        <v>5</v>
      </c>
      <c r="D16714" s="1" t="s">
        <v>14244</v>
      </c>
      <c r="E16714" s="1" t="s">
        <v>11</v>
      </c>
    </row>
    <row r="16715">
      <c r="A16715" s="1">
        <v>4.90690747E8</v>
      </c>
      <c r="B16715" s="2">
        <v>15589.0</v>
      </c>
      <c r="C16715" s="1" t="s">
        <v>5</v>
      </c>
      <c r="D16715" s="1" t="s">
        <v>14245</v>
      </c>
      <c r="E16715" s="1" t="s">
        <v>7</v>
      </c>
    </row>
    <row r="16716">
      <c r="A16716" s="1">
        <v>4.90690821E8</v>
      </c>
      <c r="B16716" s="2">
        <v>15665.0</v>
      </c>
      <c r="C16716" s="1" t="s">
        <v>5</v>
      </c>
      <c r="D16716" s="1" t="s">
        <v>14246</v>
      </c>
      <c r="E16716" s="1" t="s">
        <v>7</v>
      </c>
    </row>
    <row r="16717">
      <c r="A16717" s="1">
        <v>4.90690831E8</v>
      </c>
      <c r="B16717" s="2">
        <v>15664.0</v>
      </c>
      <c r="C16717" s="1" t="s">
        <v>5</v>
      </c>
      <c r="D16717" s="1" t="s">
        <v>14247</v>
      </c>
      <c r="E16717" s="1" t="s">
        <v>11</v>
      </c>
    </row>
    <row r="16718">
      <c r="A16718" s="1">
        <v>4.90690891E8</v>
      </c>
      <c r="B16718" s="2">
        <v>15586.0</v>
      </c>
      <c r="C16718" s="1" t="s">
        <v>5</v>
      </c>
      <c r="D16718" s="1" t="s">
        <v>14248</v>
      </c>
      <c r="E16718" s="1" t="s">
        <v>7</v>
      </c>
    </row>
    <row r="16719">
      <c r="A16719" s="1">
        <v>4.90690906E8</v>
      </c>
      <c r="B16719" s="2">
        <v>15625.0</v>
      </c>
      <c r="C16719" s="1" t="s">
        <v>5</v>
      </c>
      <c r="D16719" s="1" t="s">
        <v>14249</v>
      </c>
      <c r="E16719" s="1" t="s">
        <v>7</v>
      </c>
    </row>
    <row r="16720">
      <c r="A16720" s="1">
        <v>4.90691015E8</v>
      </c>
      <c r="B16720" s="2">
        <v>15592.0</v>
      </c>
      <c r="C16720" s="1" t="s">
        <v>5</v>
      </c>
      <c r="D16720" s="1" t="s">
        <v>14250</v>
      </c>
      <c r="E16720" s="1" t="s">
        <v>7</v>
      </c>
    </row>
    <row r="16721">
      <c r="A16721" s="1">
        <v>4.90691121E8</v>
      </c>
      <c r="B16721" s="2">
        <v>15636.0</v>
      </c>
      <c r="C16721" s="1" t="s">
        <v>5</v>
      </c>
      <c r="D16721" s="1" t="s">
        <v>14251</v>
      </c>
      <c r="E16721" s="1" t="s">
        <v>11</v>
      </c>
    </row>
    <row r="16722">
      <c r="A16722" s="1">
        <v>4.90691186E8</v>
      </c>
      <c r="B16722" s="2">
        <v>15661.0</v>
      </c>
      <c r="C16722" s="1" t="s">
        <v>5</v>
      </c>
      <c r="D16722" s="1" t="s">
        <v>14252</v>
      </c>
      <c r="E16722" s="1" t="s">
        <v>7</v>
      </c>
    </row>
    <row r="16723">
      <c r="A16723" s="1">
        <v>4.90691257E8</v>
      </c>
      <c r="B16723" s="2">
        <v>15600.0</v>
      </c>
      <c r="C16723" s="1" t="s">
        <v>5</v>
      </c>
      <c r="D16723" s="1" t="s">
        <v>11</v>
      </c>
      <c r="E16723" s="1" t="s">
        <v>7</v>
      </c>
    </row>
    <row r="16724">
      <c r="A16724" s="1">
        <v>4.90691275E8</v>
      </c>
      <c r="B16724" s="2">
        <v>15661.0</v>
      </c>
      <c r="C16724" s="1" t="s">
        <v>5</v>
      </c>
      <c r="D16724" s="1" t="s">
        <v>14253</v>
      </c>
      <c r="E16724" s="1" t="s">
        <v>7</v>
      </c>
    </row>
    <row r="16725">
      <c r="A16725" s="1">
        <v>4.9069131E8</v>
      </c>
      <c r="B16725" s="2">
        <v>15661.0</v>
      </c>
      <c r="C16725" s="1" t="s">
        <v>5</v>
      </c>
      <c r="D16725" s="1" t="s">
        <v>14254</v>
      </c>
      <c r="E16725" s="1" t="s">
        <v>11</v>
      </c>
    </row>
    <row r="16726">
      <c r="A16726" s="1">
        <v>4.90691343E8</v>
      </c>
      <c r="B16726" s="2">
        <v>15660.0</v>
      </c>
      <c r="C16726" s="1" t="s">
        <v>5</v>
      </c>
      <c r="D16726" s="1" t="s">
        <v>14255</v>
      </c>
      <c r="E16726" s="1" t="s">
        <v>7</v>
      </c>
    </row>
    <row r="16727">
      <c r="A16727" s="1">
        <v>4.90691386E8</v>
      </c>
      <c r="B16727" s="2">
        <v>15599.0</v>
      </c>
      <c r="C16727" s="1" t="s">
        <v>5</v>
      </c>
      <c r="D16727" s="1" t="s">
        <v>14256</v>
      </c>
      <c r="E16727" s="1" t="s">
        <v>7</v>
      </c>
    </row>
    <row r="16728">
      <c r="A16728" s="1">
        <v>4.90691452E8</v>
      </c>
      <c r="B16728" s="2">
        <v>15587.0</v>
      </c>
      <c r="C16728" s="1" t="s">
        <v>5</v>
      </c>
      <c r="D16728" s="1" t="s">
        <v>14257</v>
      </c>
      <c r="E16728" s="1" t="s">
        <v>11</v>
      </c>
    </row>
    <row r="16729">
      <c r="A16729" s="1">
        <v>4.90691475E8</v>
      </c>
      <c r="B16729" s="2">
        <v>15660.0</v>
      </c>
      <c r="C16729" s="1" t="s">
        <v>5</v>
      </c>
      <c r="D16729" s="1" t="s">
        <v>14258</v>
      </c>
      <c r="E16729" s="1" t="s">
        <v>11</v>
      </c>
    </row>
    <row r="16730">
      <c r="A16730" s="1">
        <v>4.90691489E8</v>
      </c>
      <c r="B16730" s="2">
        <v>15633.0</v>
      </c>
      <c r="C16730" s="1" t="s">
        <v>5</v>
      </c>
      <c r="D16730" s="1" t="s">
        <v>14259</v>
      </c>
      <c r="E16730" s="1" t="s">
        <v>11</v>
      </c>
    </row>
    <row r="16731">
      <c r="A16731" s="1">
        <v>4.90691518E8</v>
      </c>
      <c r="B16731" s="2">
        <v>15671.0</v>
      </c>
      <c r="C16731" s="1" t="s">
        <v>5</v>
      </c>
      <c r="D16731" s="1" t="s">
        <v>14260</v>
      </c>
      <c r="E16731" s="1" t="s">
        <v>11</v>
      </c>
    </row>
    <row r="16732">
      <c r="A16732" s="1">
        <v>4.90691539E8</v>
      </c>
      <c r="B16732" s="2">
        <v>15630.0</v>
      </c>
      <c r="C16732" s="1" t="s">
        <v>5</v>
      </c>
      <c r="D16732" s="1" t="s">
        <v>14261</v>
      </c>
      <c r="E16732" s="1" t="s">
        <v>11</v>
      </c>
    </row>
    <row r="16733">
      <c r="A16733" s="1">
        <v>4.90691543E8</v>
      </c>
      <c r="B16733" s="2">
        <v>15669.0</v>
      </c>
      <c r="C16733" s="1" t="s">
        <v>5</v>
      </c>
      <c r="D16733" s="1" t="s">
        <v>14262</v>
      </c>
      <c r="E16733" s="1" t="s">
        <v>7</v>
      </c>
    </row>
    <row r="16734">
      <c r="A16734" s="1">
        <v>4.90691556E8</v>
      </c>
      <c r="B16734" s="2">
        <v>15658.0</v>
      </c>
      <c r="C16734" s="1" t="s">
        <v>5</v>
      </c>
      <c r="D16734" s="1" t="s">
        <v>14006</v>
      </c>
      <c r="E16734" s="1" t="s">
        <v>7</v>
      </c>
    </row>
    <row r="16735">
      <c r="A16735" s="1">
        <v>4.90691569E8</v>
      </c>
      <c r="B16735" s="2">
        <v>15630.0</v>
      </c>
      <c r="C16735" s="1" t="s">
        <v>5</v>
      </c>
      <c r="D16735" s="1" t="s">
        <v>14263</v>
      </c>
      <c r="E16735" s="1" t="s">
        <v>7</v>
      </c>
    </row>
    <row r="16736">
      <c r="A16736" s="1">
        <v>4.90691634E8</v>
      </c>
      <c r="B16736" s="2">
        <v>15587.0</v>
      </c>
      <c r="C16736" s="1" t="s">
        <v>5</v>
      </c>
      <c r="D16736" s="1" t="s">
        <v>11</v>
      </c>
      <c r="E16736" s="1" t="s">
        <v>7</v>
      </c>
    </row>
    <row r="16737">
      <c r="A16737" s="1">
        <v>4.90691649E8</v>
      </c>
      <c r="B16737" s="2">
        <v>15627.0</v>
      </c>
      <c r="C16737" s="1" t="s">
        <v>5</v>
      </c>
      <c r="D16737" s="1" t="s">
        <v>11</v>
      </c>
      <c r="E16737" s="1" t="s">
        <v>7</v>
      </c>
    </row>
    <row r="16738">
      <c r="A16738" s="1">
        <v>4.90691662E8</v>
      </c>
      <c r="B16738" s="2">
        <v>15658.0</v>
      </c>
      <c r="C16738" s="1" t="s">
        <v>5</v>
      </c>
      <c r="D16738" s="1" t="s">
        <v>14264</v>
      </c>
      <c r="E16738" s="1" t="s">
        <v>7</v>
      </c>
    </row>
    <row r="16739">
      <c r="A16739" s="1">
        <v>4.90691709E8</v>
      </c>
      <c r="B16739" s="2">
        <v>15658.0</v>
      </c>
      <c r="C16739" s="1" t="s">
        <v>5</v>
      </c>
      <c r="D16739" s="1" t="s">
        <v>11</v>
      </c>
      <c r="E16739" s="1" t="s">
        <v>7</v>
      </c>
    </row>
    <row r="16740">
      <c r="A16740" s="1">
        <v>4.90691711E8</v>
      </c>
      <c r="B16740" s="2">
        <v>15619.0</v>
      </c>
      <c r="C16740" s="1" t="s">
        <v>5</v>
      </c>
      <c r="D16740" s="1" t="s">
        <v>14265</v>
      </c>
      <c r="E16740" s="1" t="s">
        <v>11</v>
      </c>
    </row>
    <row r="16741">
      <c r="A16741" s="1">
        <v>4.90691772E8</v>
      </c>
      <c r="B16741" s="2">
        <v>15629.0</v>
      </c>
      <c r="C16741" s="1" t="s">
        <v>5</v>
      </c>
      <c r="D16741" s="1" t="s">
        <v>11</v>
      </c>
      <c r="E16741" s="1" t="s">
        <v>7</v>
      </c>
    </row>
    <row r="16742">
      <c r="A16742" s="1">
        <v>4.90691783E8</v>
      </c>
      <c r="B16742" s="2">
        <v>15586.0</v>
      </c>
      <c r="C16742" s="1" t="s">
        <v>5</v>
      </c>
      <c r="D16742" s="1" t="s">
        <v>11</v>
      </c>
      <c r="E16742" s="1" t="s">
        <v>7</v>
      </c>
    </row>
    <row r="16743">
      <c r="A16743" s="1">
        <v>4.90691796E8</v>
      </c>
      <c r="B16743" s="2">
        <v>15657.0</v>
      </c>
      <c r="C16743" s="1" t="s">
        <v>5</v>
      </c>
      <c r="D16743" s="1" t="s">
        <v>11</v>
      </c>
      <c r="E16743" s="1" t="s">
        <v>7</v>
      </c>
    </row>
    <row r="16744">
      <c r="A16744" s="1">
        <v>4.90691983E8</v>
      </c>
      <c r="B16744" s="2">
        <v>15658.0</v>
      </c>
      <c r="C16744" s="1" t="s">
        <v>5</v>
      </c>
      <c r="D16744" s="1" t="s">
        <v>14266</v>
      </c>
      <c r="E16744" s="1" t="s">
        <v>7</v>
      </c>
    </row>
    <row r="16745">
      <c r="A16745" s="1">
        <v>4.90692009E8</v>
      </c>
      <c r="B16745" s="2">
        <v>15644.0</v>
      </c>
      <c r="C16745" s="1" t="s">
        <v>5</v>
      </c>
      <c r="D16745" s="1" t="s">
        <v>14267</v>
      </c>
      <c r="E16745" s="1" t="s">
        <v>7</v>
      </c>
    </row>
    <row r="16746">
      <c r="A16746" s="1">
        <v>4.90692017E8</v>
      </c>
      <c r="B16746" s="2">
        <v>15663.0</v>
      </c>
      <c r="C16746" s="1" t="s">
        <v>5</v>
      </c>
      <c r="D16746" s="1" t="s">
        <v>14268</v>
      </c>
      <c r="E16746" s="1" t="s">
        <v>7</v>
      </c>
    </row>
    <row r="16747">
      <c r="A16747" s="1">
        <v>4.90692066E8</v>
      </c>
      <c r="B16747" s="2">
        <v>15656.0</v>
      </c>
      <c r="C16747" s="1" t="s">
        <v>5</v>
      </c>
      <c r="D16747" s="1" t="s">
        <v>14269</v>
      </c>
      <c r="E16747" s="1" t="s">
        <v>7</v>
      </c>
    </row>
    <row r="16748">
      <c r="A16748" s="1">
        <v>4.90692079E8</v>
      </c>
      <c r="B16748" s="2">
        <v>15655.0</v>
      </c>
      <c r="C16748" s="1" t="s">
        <v>5</v>
      </c>
      <c r="D16748" s="1" t="s">
        <v>11</v>
      </c>
      <c r="E16748" s="1" t="s">
        <v>7</v>
      </c>
    </row>
    <row r="16749">
      <c r="A16749" s="1">
        <v>4.90692089E8</v>
      </c>
      <c r="B16749" s="2">
        <v>15594.0</v>
      </c>
      <c r="C16749" s="1" t="s">
        <v>5</v>
      </c>
      <c r="D16749" s="1" t="s">
        <v>14270</v>
      </c>
      <c r="E16749" s="1" t="s">
        <v>7</v>
      </c>
    </row>
    <row r="16750">
      <c r="A16750" s="1">
        <v>4.90692129E8</v>
      </c>
      <c r="B16750" s="2">
        <v>15594.0</v>
      </c>
      <c r="C16750" s="1" t="s">
        <v>5</v>
      </c>
      <c r="D16750" s="1" t="s">
        <v>14271</v>
      </c>
      <c r="E16750" s="1" t="s">
        <v>11</v>
      </c>
    </row>
    <row r="16751">
      <c r="A16751" s="1">
        <v>4.90692144E8</v>
      </c>
      <c r="B16751" s="2">
        <v>15670.0</v>
      </c>
      <c r="C16751" s="1" t="s">
        <v>5</v>
      </c>
      <c r="D16751" s="1" t="s">
        <v>14272</v>
      </c>
      <c r="E16751" s="1" t="s">
        <v>7</v>
      </c>
    </row>
    <row r="16752">
      <c r="A16752" s="1">
        <v>4.90692159E8</v>
      </c>
      <c r="B16752" s="2">
        <v>15627.0</v>
      </c>
      <c r="C16752" s="1" t="s">
        <v>5</v>
      </c>
      <c r="D16752" s="1" t="s">
        <v>14273</v>
      </c>
      <c r="E16752" s="1" t="s">
        <v>11</v>
      </c>
    </row>
    <row r="16753">
      <c r="A16753" s="1">
        <v>4.90692291E8</v>
      </c>
      <c r="B16753" s="2">
        <v>15635.0</v>
      </c>
      <c r="C16753" s="1" t="s">
        <v>5</v>
      </c>
      <c r="D16753" s="1" t="s">
        <v>14274</v>
      </c>
      <c r="E16753" s="1" t="s">
        <v>11</v>
      </c>
    </row>
    <row r="16754">
      <c r="A16754" s="1">
        <v>4.90692323E8</v>
      </c>
      <c r="B16754" s="2">
        <v>15642.0</v>
      </c>
      <c r="C16754" s="1" t="s">
        <v>5</v>
      </c>
      <c r="D16754" s="1" t="s">
        <v>14275</v>
      </c>
      <c r="E16754" s="1" t="s">
        <v>7</v>
      </c>
    </row>
    <row r="16755">
      <c r="A16755" s="1">
        <v>4.90692345E8</v>
      </c>
      <c r="B16755" s="2">
        <v>15662.0</v>
      </c>
      <c r="C16755" s="1" t="s">
        <v>5</v>
      </c>
      <c r="D16755" s="1" t="s">
        <v>14276</v>
      </c>
      <c r="E16755" s="1" t="s">
        <v>7</v>
      </c>
    </row>
    <row r="16756">
      <c r="A16756" s="1">
        <v>4.90692351E8</v>
      </c>
      <c r="B16756" s="2">
        <v>15654.0</v>
      </c>
      <c r="C16756" s="1" t="s">
        <v>5</v>
      </c>
      <c r="D16756" s="1" t="s">
        <v>11</v>
      </c>
      <c r="E16756" s="1" t="s">
        <v>7</v>
      </c>
    </row>
    <row r="16757">
      <c r="A16757" s="1">
        <v>4.90692423E8</v>
      </c>
      <c r="B16757" s="2">
        <v>15654.0</v>
      </c>
      <c r="C16757" s="1" t="s">
        <v>5</v>
      </c>
      <c r="D16757" s="1" t="s">
        <v>14277</v>
      </c>
      <c r="E16757" s="1" t="s">
        <v>7</v>
      </c>
    </row>
    <row r="16758">
      <c r="A16758" s="1">
        <v>4.90692442E8</v>
      </c>
      <c r="B16758" s="2">
        <v>15621.0</v>
      </c>
      <c r="C16758" s="1" t="s">
        <v>5</v>
      </c>
      <c r="D16758" s="1" t="s">
        <v>14278</v>
      </c>
      <c r="E16758" s="1" t="s">
        <v>7</v>
      </c>
    </row>
    <row r="16759">
      <c r="A16759" s="1">
        <v>4.90692482E8</v>
      </c>
      <c r="B16759" s="2">
        <v>15642.0</v>
      </c>
      <c r="C16759" s="1" t="s">
        <v>5</v>
      </c>
      <c r="D16759" s="1" t="s">
        <v>14279</v>
      </c>
      <c r="E16759" s="1" t="s">
        <v>14280</v>
      </c>
    </row>
    <row r="16760">
      <c r="A16760" s="1">
        <v>4.90692539E8</v>
      </c>
      <c r="B16760" s="2">
        <v>15643.0</v>
      </c>
      <c r="C16760" s="1" t="s">
        <v>5</v>
      </c>
      <c r="D16760" s="1" t="s">
        <v>14281</v>
      </c>
      <c r="E16760" s="1" t="s">
        <v>11</v>
      </c>
    </row>
    <row r="16761">
      <c r="A16761" s="1">
        <v>4.90692541E8</v>
      </c>
      <c r="B16761" s="2">
        <v>15586.0</v>
      </c>
      <c r="C16761" s="1" t="s">
        <v>5</v>
      </c>
      <c r="D16761" s="1" t="s">
        <v>14282</v>
      </c>
      <c r="E16761" s="1" t="s">
        <v>11</v>
      </c>
    </row>
    <row r="16762">
      <c r="A16762" s="1">
        <v>4.90692633E8</v>
      </c>
      <c r="B16762" s="2">
        <v>15638.0</v>
      </c>
      <c r="C16762" s="1" t="s">
        <v>5</v>
      </c>
      <c r="D16762" s="1" t="s">
        <v>14283</v>
      </c>
      <c r="E16762" s="1" t="s">
        <v>7</v>
      </c>
    </row>
    <row r="16763">
      <c r="A16763" s="1">
        <v>4.90692639E8</v>
      </c>
      <c r="B16763" s="2">
        <v>15665.0</v>
      </c>
      <c r="C16763" s="1" t="s">
        <v>5</v>
      </c>
      <c r="D16763" s="1" t="s">
        <v>11</v>
      </c>
      <c r="E16763" s="1" t="s">
        <v>7</v>
      </c>
    </row>
    <row r="16764">
      <c r="A16764" s="1">
        <v>4.90692741E8</v>
      </c>
      <c r="B16764" s="2">
        <v>15637.0</v>
      </c>
      <c r="C16764" s="1" t="s">
        <v>5</v>
      </c>
      <c r="D16764" s="1" t="s">
        <v>14284</v>
      </c>
      <c r="E16764" s="1" t="s">
        <v>14285</v>
      </c>
    </row>
    <row r="16765">
      <c r="A16765" s="1">
        <v>4.90692778E8</v>
      </c>
      <c r="B16765" s="2">
        <v>15634.0</v>
      </c>
      <c r="C16765" s="1" t="s">
        <v>5</v>
      </c>
      <c r="D16765" s="1" t="s">
        <v>14286</v>
      </c>
      <c r="E16765" s="1" t="s">
        <v>14287</v>
      </c>
    </row>
    <row r="16766">
      <c r="A16766" s="1">
        <v>4.90692886E8</v>
      </c>
      <c r="B16766" s="2">
        <v>15652.0</v>
      </c>
      <c r="C16766" s="1" t="s">
        <v>5</v>
      </c>
      <c r="D16766" s="1" t="s">
        <v>14288</v>
      </c>
      <c r="E16766" s="1" t="s">
        <v>7</v>
      </c>
    </row>
    <row r="16767">
      <c r="A16767" s="1">
        <v>4.90693006E8</v>
      </c>
      <c r="B16767" s="2">
        <v>15627.0</v>
      </c>
      <c r="C16767" s="1" t="s">
        <v>5</v>
      </c>
      <c r="D16767" s="1" t="s">
        <v>14289</v>
      </c>
      <c r="E16767" s="1" t="s">
        <v>7</v>
      </c>
    </row>
    <row r="16768">
      <c r="A16768" s="1">
        <v>4.90693009E8</v>
      </c>
      <c r="B16768" s="2">
        <v>15636.0</v>
      </c>
      <c r="C16768" s="1" t="s">
        <v>5</v>
      </c>
      <c r="D16768" s="1" t="s">
        <v>11</v>
      </c>
      <c r="E16768" s="1" t="s">
        <v>7</v>
      </c>
    </row>
    <row r="16769">
      <c r="A16769" s="1">
        <v>4.90693019E8</v>
      </c>
      <c r="B16769" s="2">
        <v>15649.0</v>
      </c>
      <c r="C16769" s="1" t="s">
        <v>5</v>
      </c>
      <c r="D16769" s="1" t="s">
        <v>14290</v>
      </c>
      <c r="E16769" s="1" t="s">
        <v>7</v>
      </c>
    </row>
    <row r="16770">
      <c r="A16770" s="1">
        <v>4.90693027E8</v>
      </c>
      <c r="B16770" s="2">
        <v>15639.0</v>
      </c>
      <c r="C16770" s="1" t="s">
        <v>5</v>
      </c>
      <c r="D16770" s="1" t="s">
        <v>14291</v>
      </c>
      <c r="E16770" s="1" t="s">
        <v>11</v>
      </c>
    </row>
    <row r="16771">
      <c r="A16771" s="1">
        <v>4.90693063E8</v>
      </c>
      <c r="B16771" s="2">
        <v>15617.0</v>
      </c>
      <c r="C16771" s="1" t="s">
        <v>5</v>
      </c>
      <c r="D16771" s="1" t="s">
        <v>11</v>
      </c>
      <c r="E16771" s="1" t="s">
        <v>7</v>
      </c>
    </row>
    <row r="16772">
      <c r="A16772" s="1">
        <v>4.90693186E8</v>
      </c>
      <c r="B16772" s="2">
        <v>15638.0</v>
      </c>
      <c r="C16772" s="1" t="s">
        <v>5</v>
      </c>
      <c r="D16772" s="1" t="s">
        <v>14292</v>
      </c>
      <c r="E16772" s="1" t="s">
        <v>14293</v>
      </c>
    </row>
    <row r="16773">
      <c r="A16773" s="1">
        <v>4.9069325E8</v>
      </c>
      <c r="B16773" s="2">
        <v>15588.0</v>
      </c>
      <c r="C16773" s="1" t="s">
        <v>5</v>
      </c>
      <c r="D16773" s="1" t="s">
        <v>14294</v>
      </c>
      <c r="E16773" s="1" t="s">
        <v>14295</v>
      </c>
    </row>
    <row r="16774">
      <c r="A16774" s="1">
        <v>4.90693258E8</v>
      </c>
      <c r="B16774" s="2">
        <v>15649.0</v>
      </c>
      <c r="C16774" s="1" t="s">
        <v>5</v>
      </c>
      <c r="D16774" s="1" t="s">
        <v>14296</v>
      </c>
      <c r="E16774" s="1" t="s">
        <v>14297</v>
      </c>
    </row>
    <row r="16775">
      <c r="A16775" s="1">
        <v>4.90693321E8</v>
      </c>
      <c r="B16775" s="2">
        <v>15630.0</v>
      </c>
      <c r="C16775" s="1" t="s">
        <v>5</v>
      </c>
      <c r="D16775" s="1" t="s">
        <v>14298</v>
      </c>
      <c r="E16775" s="1" t="s">
        <v>7</v>
      </c>
    </row>
    <row r="16776">
      <c r="A16776" s="1">
        <v>4.90693337E8</v>
      </c>
      <c r="B16776" s="2">
        <v>15649.0</v>
      </c>
      <c r="C16776" s="1" t="s">
        <v>5</v>
      </c>
      <c r="D16776" s="1" t="s">
        <v>14299</v>
      </c>
      <c r="E16776" s="1" t="s">
        <v>11</v>
      </c>
    </row>
    <row r="16777">
      <c r="A16777" s="1">
        <v>4.90693409E8</v>
      </c>
      <c r="B16777" s="2">
        <v>15648.0</v>
      </c>
      <c r="C16777" s="1" t="s">
        <v>5</v>
      </c>
      <c r="D16777" s="1" t="s">
        <v>14300</v>
      </c>
      <c r="E16777" s="1" t="s">
        <v>7</v>
      </c>
    </row>
    <row r="16778">
      <c r="A16778" s="1">
        <v>4.90693417E8</v>
      </c>
      <c r="B16778" s="2">
        <v>15647.0</v>
      </c>
      <c r="C16778" s="1" t="s">
        <v>5</v>
      </c>
      <c r="D16778" s="1" t="s">
        <v>14301</v>
      </c>
      <c r="E16778" s="1" t="s">
        <v>7</v>
      </c>
    </row>
    <row r="16779">
      <c r="A16779" s="1">
        <v>4.90693429E8</v>
      </c>
      <c r="B16779" s="2">
        <v>15637.0</v>
      </c>
      <c r="C16779" s="1" t="s">
        <v>5</v>
      </c>
      <c r="D16779" s="1" t="s">
        <v>14302</v>
      </c>
      <c r="E16779" s="1" t="s">
        <v>7</v>
      </c>
    </row>
    <row r="16780">
      <c r="A16780" s="1">
        <v>4.90693466E8</v>
      </c>
      <c r="B16780" s="2">
        <v>15636.0</v>
      </c>
      <c r="C16780" s="1" t="s">
        <v>5</v>
      </c>
      <c r="D16780" s="1" t="s">
        <v>14303</v>
      </c>
      <c r="E16780" s="1" t="s">
        <v>14304</v>
      </c>
    </row>
    <row r="16781">
      <c r="A16781" s="1">
        <v>4.90693503E8</v>
      </c>
      <c r="B16781" s="2">
        <v>15646.0</v>
      </c>
      <c r="C16781" s="1" t="s">
        <v>5</v>
      </c>
      <c r="D16781" s="1" t="s">
        <v>14305</v>
      </c>
      <c r="E16781" s="1" t="s">
        <v>7</v>
      </c>
    </row>
    <row r="16782">
      <c r="A16782" s="1">
        <v>4.90693538E8</v>
      </c>
      <c r="B16782" s="2">
        <v>15646.0</v>
      </c>
      <c r="C16782" s="1" t="s">
        <v>5</v>
      </c>
      <c r="D16782" s="1" t="s">
        <v>14306</v>
      </c>
      <c r="E16782" s="1" t="s">
        <v>7</v>
      </c>
    </row>
    <row r="16783">
      <c r="A16783" s="1">
        <v>4.90693672E8</v>
      </c>
      <c r="B16783" s="2">
        <v>15636.0</v>
      </c>
      <c r="C16783" s="1" t="s">
        <v>5</v>
      </c>
      <c r="D16783" s="1" t="s">
        <v>11</v>
      </c>
      <c r="E16783" s="1" t="s">
        <v>7</v>
      </c>
    </row>
    <row r="16784">
      <c r="A16784" s="1">
        <v>4.90693706E8</v>
      </c>
      <c r="B16784" s="2">
        <v>15636.0</v>
      </c>
      <c r="C16784" s="1" t="s">
        <v>5</v>
      </c>
      <c r="D16784" s="1" t="s">
        <v>11</v>
      </c>
      <c r="E16784" s="1" t="s">
        <v>7</v>
      </c>
    </row>
    <row r="16785">
      <c r="A16785" s="1">
        <v>4.90693715E8</v>
      </c>
      <c r="B16785" s="2">
        <v>15652.0</v>
      </c>
      <c r="C16785" s="1" t="s">
        <v>5</v>
      </c>
      <c r="D16785" s="1" t="s">
        <v>14307</v>
      </c>
      <c r="E16785" s="1" t="s">
        <v>14308</v>
      </c>
    </row>
    <row r="16786">
      <c r="A16786" s="1">
        <v>4.90693766E8</v>
      </c>
      <c r="B16786" s="2">
        <v>15656.0</v>
      </c>
      <c r="C16786" s="1" t="s">
        <v>5</v>
      </c>
      <c r="D16786" s="1" t="s">
        <v>14309</v>
      </c>
      <c r="E16786" s="1" t="s">
        <v>14310</v>
      </c>
    </row>
    <row r="16787">
      <c r="A16787" s="1">
        <v>4.90693817E8</v>
      </c>
      <c r="B16787" s="2">
        <v>15662.0</v>
      </c>
      <c r="C16787" s="1" t="s">
        <v>5</v>
      </c>
      <c r="D16787" s="1" t="s">
        <v>14311</v>
      </c>
      <c r="E16787" s="1" t="s">
        <v>7</v>
      </c>
    </row>
    <row r="16788">
      <c r="A16788" s="1">
        <v>4.90693961E8</v>
      </c>
      <c r="B16788" s="2">
        <v>15653.0</v>
      </c>
      <c r="C16788" s="1" t="s">
        <v>5</v>
      </c>
      <c r="D16788" s="1" t="s">
        <v>11</v>
      </c>
      <c r="E16788" s="1" t="s">
        <v>7</v>
      </c>
    </row>
    <row r="16789">
      <c r="A16789" s="1">
        <v>4.90693972E8</v>
      </c>
      <c r="B16789" s="2">
        <v>15622.0</v>
      </c>
      <c r="C16789" s="1" t="s">
        <v>5</v>
      </c>
      <c r="D16789" s="1" t="s">
        <v>14312</v>
      </c>
      <c r="E16789" s="1" t="s">
        <v>7</v>
      </c>
    </row>
    <row r="16790">
      <c r="A16790" s="1">
        <v>4.90693973E8</v>
      </c>
      <c r="B16790" s="2">
        <v>15628.0</v>
      </c>
      <c r="C16790" s="1" t="s">
        <v>5</v>
      </c>
      <c r="D16790" s="1" t="s">
        <v>14313</v>
      </c>
      <c r="E16790" s="1" t="s">
        <v>14314</v>
      </c>
    </row>
    <row r="16791">
      <c r="A16791" s="1">
        <v>4.90694052E8</v>
      </c>
      <c r="B16791" s="2">
        <v>15625.0</v>
      </c>
      <c r="C16791" s="1" t="s">
        <v>5</v>
      </c>
      <c r="D16791" s="1" t="s">
        <v>11</v>
      </c>
      <c r="E16791" s="1" t="s">
        <v>7</v>
      </c>
    </row>
    <row r="16792">
      <c r="A16792" s="1">
        <v>4.90694106E8</v>
      </c>
      <c r="B16792" s="2">
        <v>15705.0</v>
      </c>
      <c r="C16792" s="1" t="s">
        <v>5</v>
      </c>
      <c r="D16792" s="1" t="s">
        <v>14315</v>
      </c>
      <c r="E16792" s="1" t="s">
        <v>7</v>
      </c>
    </row>
    <row r="16793">
      <c r="A16793" s="1">
        <v>4.90694198E8</v>
      </c>
      <c r="B16793" s="2">
        <v>15652.0</v>
      </c>
      <c r="C16793" s="1" t="s">
        <v>5</v>
      </c>
      <c r="D16793" s="1" t="s">
        <v>14316</v>
      </c>
      <c r="E16793" s="1" t="s">
        <v>7</v>
      </c>
    </row>
    <row r="16794">
      <c r="A16794" s="1">
        <v>4.90694257E8</v>
      </c>
      <c r="B16794" s="2">
        <v>15634.0</v>
      </c>
      <c r="C16794" s="1" t="s">
        <v>5</v>
      </c>
      <c r="D16794" s="1" t="s">
        <v>14317</v>
      </c>
      <c r="E16794" s="1" t="s">
        <v>7</v>
      </c>
    </row>
    <row r="16795">
      <c r="A16795" s="1">
        <v>4.90694275E8</v>
      </c>
      <c r="B16795" s="2">
        <v>15705.0</v>
      </c>
      <c r="C16795" s="1" t="s">
        <v>5</v>
      </c>
      <c r="D16795" s="1" t="s">
        <v>14318</v>
      </c>
      <c r="E16795" s="1" t="s">
        <v>7</v>
      </c>
    </row>
    <row r="16796">
      <c r="A16796" s="1">
        <v>4.90694313E8</v>
      </c>
      <c r="B16796" s="2">
        <v>15656.0</v>
      </c>
      <c r="C16796" s="1" t="s">
        <v>5</v>
      </c>
      <c r="D16796" s="1" t="s">
        <v>14319</v>
      </c>
      <c r="E16796" s="1" t="s">
        <v>7</v>
      </c>
    </row>
    <row r="16797">
      <c r="A16797" s="1">
        <v>4.90694405E8</v>
      </c>
      <c r="B16797" s="2">
        <v>15623.0</v>
      </c>
      <c r="C16797" s="1" t="s">
        <v>5</v>
      </c>
      <c r="D16797" s="1" t="s">
        <v>14320</v>
      </c>
      <c r="E16797" s="1" t="s">
        <v>7</v>
      </c>
    </row>
    <row r="16798">
      <c r="A16798" s="1">
        <v>4.90694445E8</v>
      </c>
      <c r="B16798" s="2">
        <v>15650.0</v>
      </c>
      <c r="C16798" s="1" t="s">
        <v>5</v>
      </c>
      <c r="D16798" s="1" t="s">
        <v>14321</v>
      </c>
      <c r="E16798" s="1" t="s">
        <v>7</v>
      </c>
    </row>
    <row r="16799">
      <c r="A16799" s="1">
        <v>4.90694507E8</v>
      </c>
      <c r="B16799" s="2">
        <v>15632.0</v>
      </c>
      <c r="C16799" s="1" t="s">
        <v>5</v>
      </c>
      <c r="D16799" s="1" t="s">
        <v>11</v>
      </c>
      <c r="E16799" s="1" t="s">
        <v>7</v>
      </c>
    </row>
    <row r="16800">
      <c r="A16800" s="1">
        <v>4.90694522E8</v>
      </c>
      <c r="B16800" s="2">
        <v>15619.0</v>
      </c>
      <c r="C16800" s="1" t="s">
        <v>5</v>
      </c>
      <c r="D16800" s="1" t="s">
        <v>11</v>
      </c>
      <c r="E16800" s="1" t="s">
        <v>7</v>
      </c>
    </row>
    <row r="16801">
      <c r="A16801" s="1">
        <v>4.90694525E8</v>
      </c>
      <c r="B16801" s="2">
        <v>15649.0</v>
      </c>
      <c r="C16801" s="1" t="s">
        <v>5</v>
      </c>
      <c r="D16801" s="1" t="s">
        <v>14322</v>
      </c>
      <c r="E16801" s="1" t="s">
        <v>14323</v>
      </c>
    </row>
    <row r="16802">
      <c r="A16802" s="1">
        <v>4.90694641E8</v>
      </c>
      <c r="B16802" s="2">
        <v>15646.0</v>
      </c>
      <c r="C16802" s="1" t="s">
        <v>5</v>
      </c>
      <c r="D16802" s="1" t="s">
        <v>14324</v>
      </c>
      <c r="E16802" s="1" t="s">
        <v>14325</v>
      </c>
    </row>
    <row r="16803">
      <c r="A16803" s="1">
        <v>4.90694668E8</v>
      </c>
      <c r="B16803" s="2">
        <v>15698.0</v>
      </c>
      <c r="C16803" s="1" t="s">
        <v>5</v>
      </c>
      <c r="D16803" s="1" t="s">
        <v>14326</v>
      </c>
      <c r="E16803" s="1" t="s">
        <v>7</v>
      </c>
    </row>
    <row r="16804">
      <c r="A16804" s="1">
        <v>4.90694681E8</v>
      </c>
      <c r="B16804" s="2">
        <v>15624.0</v>
      </c>
      <c r="C16804" s="1" t="s">
        <v>5</v>
      </c>
      <c r="D16804" s="1" t="s">
        <v>14327</v>
      </c>
      <c r="E16804" s="1" t="s">
        <v>7</v>
      </c>
    </row>
    <row r="16805">
      <c r="A16805" s="1">
        <v>4.90694702E8</v>
      </c>
      <c r="B16805" s="2">
        <v>15654.0</v>
      </c>
      <c r="C16805" s="1" t="s">
        <v>5</v>
      </c>
      <c r="D16805" s="1" t="s">
        <v>11</v>
      </c>
      <c r="E16805" s="1" t="s">
        <v>7</v>
      </c>
    </row>
    <row r="16806">
      <c r="A16806" s="1">
        <v>4.90694706E8</v>
      </c>
      <c r="B16806" s="2">
        <v>15700.0</v>
      </c>
      <c r="C16806" s="1" t="s">
        <v>5</v>
      </c>
      <c r="D16806" s="1" t="s">
        <v>14328</v>
      </c>
      <c r="E16806" s="1" t="s">
        <v>7</v>
      </c>
    </row>
    <row r="16807">
      <c r="A16807" s="1">
        <v>4.90694733E8</v>
      </c>
      <c r="B16807" s="2">
        <v>15656.0</v>
      </c>
      <c r="C16807" s="1" t="s">
        <v>5</v>
      </c>
      <c r="D16807" s="1" t="s">
        <v>11</v>
      </c>
      <c r="E16807" s="1" t="s">
        <v>7</v>
      </c>
    </row>
    <row r="16808">
      <c r="A16808" s="1">
        <v>4.90694745E8</v>
      </c>
      <c r="B16808" s="2">
        <v>15654.0</v>
      </c>
      <c r="C16808" s="1" t="s">
        <v>5</v>
      </c>
      <c r="D16808" s="1" t="s">
        <v>14329</v>
      </c>
      <c r="E16808" s="1" t="s">
        <v>7</v>
      </c>
    </row>
    <row r="16809">
      <c r="A16809" s="1">
        <v>4.90694746E8</v>
      </c>
      <c r="B16809" s="2">
        <v>15631.0</v>
      </c>
      <c r="C16809" s="1" t="s">
        <v>5</v>
      </c>
      <c r="D16809" s="1" t="s">
        <v>14330</v>
      </c>
      <c r="E16809" s="1" t="s">
        <v>11</v>
      </c>
    </row>
    <row r="16810">
      <c r="A16810" s="1">
        <v>4.90694809E8</v>
      </c>
      <c r="B16810" s="2">
        <v>15630.0</v>
      </c>
      <c r="C16810" s="1" t="s">
        <v>5</v>
      </c>
      <c r="D16810" s="1" t="s">
        <v>11</v>
      </c>
      <c r="E16810" s="1" t="s">
        <v>7</v>
      </c>
    </row>
    <row r="16811">
      <c r="A16811" s="1">
        <v>4.90694823E8</v>
      </c>
      <c r="B16811" s="2">
        <v>15698.0</v>
      </c>
      <c r="C16811" s="1" t="s">
        <v>5</v>
      </c>
      <c r="D16811" s="1" t="s">
        <v>11</v>
      </c>
      <c r="E16811" s="1" t="s">
        <v>7</v>
      </c>
    </row>
    <row r="16812">
      <c r="A16812" s="1">
        <v>4.90694836E8</v>
      </c>
      <c r="B16812" s="2">
        <v>15625.0</v>
      </c>
      <c r="C16812" s="1" t="s">
        <v>5</v>
      </c>
      <c r="D16812" s="1" t="s">
        <v>14331</v>
      </c>
      <c r="E16812" s="1" t="s">
        <v>11</v>
      </c>
    </row>
    <row r="16813">
      <c r="A16813" s="1">
        <v>4.90694909E8</v>
      </c>
      <c r="B16813" s="2">
        <v>15704.0</v>
      </c>
      <c r="C16813" s="1" t="s">
        <v>5</v>
      </c>
      <c r="D16813" s="1" t="s">
        <v>14332</v>
      </c>
      <c r="E16813" s="1" t="s">
        <v>7</v>
      </c>
    </row>
    <row r="16814">
      <c r="A16814" s="1">
        <v>4.90695007E8</v>
      </c>
      <c r="B16814" s="2">
        <v>15650.0</v>
      </c>
      <c r="C16814" s="1" t="s">
        <v>5</v>
      </c>
      <c r="D16814" s="1" t="s">
        <v>14333</v>
      </c>
      <c r="E16814" s="1" t="s">
        <v>7</v>
      </c>
    </row>
    <row r="16815">
      <c r="A16815" s="1">
        <v>4.90695009E8</v>
      </c>
      <c r="B16815" s="2">
        <v>15699.0</v>
      </c>
      <c r="C16815" s="1" t="s">
        <v>5</v>
      </c>
      <c r="D16815" s="1" t="s">
        <v>11</v>
      </c>
      <c r="E16815" s="1" t="s">
        <v>7</v>
      </c>
    </row>
    <row r="16816">
      <c r="A16816" s="1">
        <v>4.90695025E8</v>
      </c>
      <c r="B16816" s="2">
        <v>15641.0</v>
      </c>
      <c r="C16816" s="1" t="s">
        <v>5</v>
      </c>
      <c r="D16816" s="1" t="s">
        <v>14334</v>
      </c>
      <c r="E16816" s="1" t="s">
        <v>7</v>
      </c>
    </row>
    <row r="16817">
      <c r="A16817" s="1">
        <v>4.90695105E8</v>
      </c>
      <c r="B16817" s="2">
        <v>15653.0</v>
      </c>
      <c r="C16817" s="1" t="s">
        <v>5</v>
      </c>
      <c r="D16817" s="1" t="s">
        <v>14335</v>
      </c>
      <c r="E16817" s="1" t="s">
        <v>11</v>
      </c>
    </row>
    <row r="16818">
      <c r="A16818" s="1">
        <v>4.90695142E8</v>
      </c>
      <c r="B16818" s="2">
        <v>15648.0</v>
      </c>
      <c r="C16818" s="1" t="s">
        <v>5</v>
      </c>
      <c r="D16818" s="1" t="s">
        <v>14336</v>
      </c>
      <c r="E16818" s="1" t="s">
        <v>7</v>
      </c>
    </row>
    <row r="16819">
      <c r="A16819" s="1">
        <v>4.90695183E8</v>
      </c>
      <c r="B16819" s="2">
        <v>15697.0</v>
      </c>
      <c r="C16819" s="1" t="s">
        <v>5</v>
      </c>
      <c r="D16819" s="1" t="s">
        <v>14337</v>
      </c>
      <c r="E16819" s="1" t="s">
        <v>7</v>
      </c>
    </row>
    <row r="16820">
      <c r="A16820" s="1">
        <v>4.90695186E8</v>
      </c>
      <c r="B16820" s="2">
        <v>15655.0</v>
      </c>
      <c r="C16820" s="1" t="s">
        <v>5</v>
      </c>
      <c r="D16820" s="1" t="s">
        <v>14338</v>
      </c>
      <c r="E16820" s="1" t="s">
        <v>11</v>
      </c>
    </row>
    <row r="16821">
      <c r="A16821" s="1">
        <v>4.90695205E8</v>
      </c>
      <c r="B16821" s="2">
        <v>15697.0</v>
      </c>
      <c r="C16821" s="1" t="s">
        <v>5</v>
      </c>
      <c r="D16821" s="1" t="s">
        <v>14339</v>
      </c>
      <c r="E16821" s="1" t="s">
        <v>11</v>
      </c>
    </row>
    <row r="16822">
      <c r="A16822" s="1">
        <v>4.90695335E8</v>
      </c>
      <c r="B16822" s="2">
        <v>15620.0</v>
      </c>
      <c r="C16822" s="1" t="s">
        <v>5</v>
      </c>
      <c r="D16822" s="1" t="s">
        <v>14340</v>
      </c>
      <c r="E16822" s="1" t="s">
        <v>7</v>
      </c>
    </row>
    <row r="16823">
      <c r="A16823" s="1">
        <v>4.90695356E8</v>
      </c>
      <c r="B16823" s="2">
        <v>15626.0</v>
      </c>
      <c r="C16823" s="1" t="s">
        <v>5</v>
      </c>
      <c r="D16823" s="1" t="s">
        <v>14341</v>
      </c>
      <c r="E16823" s="1" t="s">
        <v>11</v>
      </c>
    </row>
    <row r="16824">
      <c r="A16824" s="1">
        <v>4.90695362E8</v>
      </c>
      <c r="B16824" s="2">
        <v>15650.0</v>
      </c>
      <c r="C16824" s="1" t="s">
        <v>5</v>
      </c>
      <c r="D16824" s="1" t="s">
        <v>14342</v>
      </c>
      <c r="E16824" s="1" t="s">
        <v>7</v>
      </c>
    </row>
    <row r="16825">
      <c r="A16825" s="1">
        <v>4.90695375E8</v>
      </c>
      <c r="B16825" s="2">
        <v>15697.0</v>
      </c>
      <c r="C16825" s="1" t="s">
        <v>5</v>
      </c>
      <c r="D16825" s="1" t="s">
        <v>14343</v>
      </c>
      <c r="E16825" s="1" t="s">
        <v>7</v>
      </c>
    </row>
    <row r="16826">
      <c r="A16826" s="1">
        <v>4.90695418E8</v>
      </c>
      <c r="B16826" s="2">
        <v>15624.0</v>
      </c>
      <c r="C16826" s="1" t="s">
        <v>5</v>
      </c>
      <c r="D16826" s="1" t="s">
        <v>14344</v>
      </c>
      <c r="E16826" s="1" t="s">
        <v>7</v>
      </c>
    </row>
    <row r="16827">
      <c r="A16827" s="1">
        <v>4.90695482E8</v>
      </c>
      <c r="B16827" s="2">
        <v>15702.0</v>
      </c>
      <c r="C16827" s="1" t="s">
        <v>5</v>
      </c>
      <c r="D16827" s="1" t="s">
        <v>14345</v>
      </c>
      <c r="E16827" s="1" t="s">
        <v>7</v>
      </c>
    </row>
    <row r="16828">
      <c r="A16828" s="1">
        <v>4.90695506E8</v>
      </c>
      <c r="B16828" s="2">
        <v>15696.0</v>
      </c>
      <c r="C16828" s="1" t="s">
        <v>5</v>
      </c>
      <c r="D16828" s="1" t="s">
        <v>14346</v>
      </c>
      <c r="E16828" s="1" t="s">
        <v>11</v>
      </c>
    </row>
    <row r="16829">
      <c r="A16829" s="1">
        <v>4.90695573E8</v>
      </c>
      <c r="B16829" s="2">
        <v>15695.0</v>
      </c>
      <c r="C16829" s="1" t="s">
        <v>5</v>
      </c>
      <c r="D16829" s="1" t="s">
        <v>14347</v>
      </c>
      <c r="E16829" s="1" t="s">
        <v>11</v>
      </c>
    </row>
    <row r="16830">
      <c r="A16830" s="1">
        <v>4.90695585E8</v>
      </c>
      <c r="B16830" s="2">
        <v>15646.0</v>
      </c>
      <c r="C16830" s="1" t="s">
        <v>5</v>
      </c>
      <c r="D16830" s="1" t="s">
        <v>14348</v>
      </c>
      <c r="E16830" s="1" t="s">
        <v>11</v>
      </c>
    </row>
    <row r="16831">
      <c r="A16831" s="1">
        <v>4.90695746E8</v>
      </c>
      <c r="B16831" s="2">
        <v>15694.0</v>
      </c>
      <c r="C16831" s="1" t="s">
        <v>5</v>
      </c>
      <c r="D16831" s="1" t="s">
        <v>14349</v>
      </c>
      <c r="E16831" s="1" t="s">
        <v>7</v>
      </c>
    </row>
    <row r="16832">
      <c r="A16832" s="1">
        <v>4.90695752E8</v>
      </c>
      <c r="B16832" s="2">
        <v>15700.0</v>
      </c>
      <c r="C16832" s="1" t="s">
        <v>5</v>
      </c>
      <c r="D16832" s="1" t="s">
        <v>14350</v>
      </c>
      <c r="E16832" s="1" t="s">
        <v>7</v>
      </c>
    </row>
    <row r="16833">
      <c r="A16833" s="1">
        <v>4.90695758E8</v>
      </c>
      <c r="B16833" s="2">
        <v>15618.0</v>
      </c>
      <c r="C16833" s="1" t="s">
        <v>5</v>
      </c>
      <c r="D16833" s="1" t="s">
        <v>14351</v>
      </c>
      <c r="E16833" s="1" t="s">
        <v>7</v>
      </c>
    </row>
    <row r="16834">
      <c r="A16834" s="1">
        <v>4.90695883E8</v>
      </c>
      <c r="B16834" s="2">
        <v>15620.0</v>
      </c>
      <c r="C16834" s="1" t="s">
        <v>5</v>
      </c>
      <c r="D16834" s="1" t="s">
        <v>11</v>
      </c>
      <c r="E16834" s="1" t="s">
        <v>7</v>
      </c>
    </row>
    <row r="16835">
      <c r="A16835" s="1">
        <v>4.90695973E8</v>
      </c>
      <c r="B16835" s="2">
        <v>15649.0</v>
      </c>
      <c r="C16835" s="1" t="s">
        <v>5</v>
      </c>
      <c r="D16835" s="1" t="s">
        <v>14352</v>
      </c>
      <c r="E16835" s="1" t="s">
        <v>7</v>
      </c>
    </row>
    <row r="16836">
      <c r="A16836" s="1">
        <v>4.90695977E8</v>
      </c>
      <c r="B16836" s="2">
        <v>15633.0</v>
      </c>
      <c r="C16836" s="1" t="s">
        <v>5</v>
      </c>
      <c r="D16836" s="1" t="s">
        <v>11</v>
      </c>
      <c r="E16836" s="1" t="s">
        <v>7</v>
      </c>
    </row>
    <row r="16837">
      <c r="A16837" s="1">
        <v>4.90695996E8</v>
      </c>
      <c r="B16837" s="2">
        <v>15703.0</v>
      </c>
      <c r="C16837" s="1" t="s">
        <v>5</v>
      </c>
      <c r="D16837" s="1" t="s">
        <v>14353</v>
      </c>
      <c r="E16837" s="1" t="s">
        <v>7</v>
      </c>
    </row>
    <row r="16838">
      <c r="A16838" s="1">
        <v>4.90696079E8</v>
      </c>
      <c r="B16838" s="2">
        <v>15672.0</v>
      </c>
      <c r="C16838" s="1" t="s">
        <v>5</v>
      </c>
      <c r="D16838" s="1" t="s">
        <v>14354</v>
      </c>
      <c r="E16838" s="1" t="s">
        <v>11</v>
      </c>
    </row>
    <row r="16839">
      <c r="A16839" s="1">
        <v>4.90696082E8</v>
      </c>
      <c r="B16839" s="2">
        <v>15698.0</v>
      </c>
      <c r="C16839" s="1" t="s">
        <v>5</v>
      </c>
      <c r="D16839" s="1" t="s">
        <v>14355</v>
      </c>
      <c r="E16839" s="1" t="s">
        <v>14356</v>
      </c>
    </row>
    <row r="16840">
      <c r="A16840" s="1">
        <v>4.90696091E8</v>
      </c>
      <c r="B16840" s="2">
        <v>15669.0</v>
      </c>
      <c r="C16840" s="1" t="s">
        <v>5</v>
      </c>
      <c r="D16840" s="1" t="s">
        <v>14357</v>
      </c>
      <c r="E16840" s="1" t="s">
        <v>7</v>
      </c>
    </row>
    <row r="16841">
      <c r="A16841" s="1">
        <v>4.90696106E8</v>
      </c>
      <c r="B16841" s="2">
        <v>15703.0</v>
      </c>
      <c r="C16841" s="1" t="s">
        <v>5</v>
      </c>
      <c r="D16841" s="1" t="s">
        <v>14358</v>
      </c>
      <c r="E16841" s="1" t="s">
        <v>7</v>
      </c>
    </row>
    <row r="16842">
      <c r="A16842" s="1">
        <v>4.90696123E8</v>
      </c>
      <c r="B16842" s="2">
        <v>15648.0</v>
      </c>
      <c r="C16842" s="1" t="s">
        <v>5</v>
      </c>
      <c r="D16842" s="1" t="s">
        <v>14359</v>
      </c>
      <c r="E16842" s="1" t="s">
        <v>7</v>
      </c>
    </row>
    <row r="16843">
      <c r="A16843" s="1">
        <v>4.90696223E8</v>
      </c>
      <c r="B16843" s="2">
        <v>15666.0</v>
      </c>
      <c r="C16843" s="1" t="s">
        <v>5</v>
      </c>
      <c r="D16843" s="1" t="s">
        <v>14360</v>
      </c>
      <c r="E16843" s="1" t="s">
        <v>11</v>
      </c>
    </row>
    <row r="16844">
      <c r="A16844" s="1">
        <v>4.90696257E8</v>
      </c>
      <c r="B16844" s="2">
        <v>15667.0</v>
      </c>
      <c r="C16844" s="1" t="s">
        <v>5</v>
      </c>
      <c r="D16844" s="1" t="s">
        <v>14361</v>
      </c>
      <c r="E16844" s="1" t="s">
        <v>11</v>
      </c>
    </row>
    <row r="16845">
      <c r="A16845" s="1">
        <v>4.90696269E8</v>
      </c>
      <c r="B16845" s="2">
        <v>15689.0</v>
      </c>
      <c r="C16845" s="1" t="s">
        <v>5</v>
      </c>
      <c r="D16845" s="1" t="s">
        <v>11</v>
      </c>
      <c r="E16845" s="1" t="s">
        <v>7</v>
      </c>
    </row>
    <row r="16846">
      <c r="A16846" s="1">
        <v>4.90696294E8</v>
      </c>
      <c r="B16846" s="2">
        <v>15700.0</v>
      </c>
      <c r="C16846" s="1" t="s">
        <v>5</v>
      </c>
      <c r="D16846" s="1" t="s">
        <v>14362</v>
      </c>
      <c r="E16846" s="1" t="s">
        <v>7</v>
      </c>
    </row>
    <row r="16847">
      <c r="A16847" s="1">
        <v>4.90696301E8</v>
      </c>
      <c r="B16847" s="2">
        <v>15700.0</v>
      </c>
      <c r="C16847" s="1" t="s">
        <v>5</v>
      </c>
      <c r="D16847" s="1" t="s">
        <v>14363</v>
      </c>
      <c r="E16847" s="1" t="s">
        <v>14364</v>
      </c>
    </row>
    <row r="16848">
      <c r="A16848" s="1">
        <v>4.90696384E8</v>
      </c>
      <c r="B16848" s="2">
        <v>15687.0</v>
      </c>
      <c r="C16848" s="1" t="s">
        <v>5</v>
      </c>
      <c r="D16848" s="1" t="s">
        <v>14365</v>
      </c>
      <c r="E16848" s="1" t="s">
        <v>7</v>
      </c>
    </row>
    <row r="16849">
      <c r="A16849" s="1">
        <v>4.90696417E8</v>
      </c>
      <c r="B16849" s="2">
        <v>15698.0</v>
      </c>
      <c r="C16849" s="1" t="s">
        <v>5</v>
      </c>
      <c r="D16849" s="1" t="s">
        <v>14366</v>
      </c>
      <c r="E16849" s="1" t="s">
        <v>7</v>
      </c>
    </row>
    <row r="16850">
      <c r="A16850" s="1">
        <v>4.90696451E8</v>
      </c>
      <c r="B16850" s="2">
        <v>15646.0</v>
      </c>
      <c r="C16850" s="1" t="s">
        <v>5</v>
      </c>
      <c r="D16850" s="1" t="s">
        <v>14367</v>
      </c>
      <c r="E16850" s="1" t="s">
        <v>11</v>
      </c>
    </row>
    <row r="16851">
      <c r="A16851" s="1">
        <v>4.90696489E8</v>
      </c>
      <c r="B16851" s="2">
        <v>15686.0</v>
      </c>
      <c r="C16851" s="1" t="s">
        <v>5</v>
      </c>
      <c r="D16851" s="1" t="s">
        <v>11</v>
      </c>
      <c r="E16851" s="1" t="s">
        <v>7</v>
      </c>
    </row>
    <row r="16852">
      <c r="A16852" s="1">
        <v>4.90696493E8</v>
      </c>
      <c r="B16852" s="2">
        <v>15646.0</v>
      </c>
      <c r="C16852" s="1" t="s">
        <v>5</v>
      </c>
      <c r="D16852" s="1" t="s">
        <v>14368</v>
      </c>
      <c r="E16852" s="1" t="s">
        <v>7</v>
      </c>
    </row>
    <row r="16853">
      <c r="A16853" s="1">
        <v>4.90696497E8</v>
      </c>
      <c r="B16853" s="2">
        <v>15632.0</v>
      </c>
      <c r="C16853" s="1" t="s">
        <v>5</v>
      </c>
      <c r="D16853" s="1" t="s">
        <v>14369</v>
      </c>
      <c r="E16853" s="1" t="s">
        <v>7</v>
      </c>
    </row>
    <row r="16854">
      <c r="A16854" s="1">
        <v>4.90696509E8</v>
      </c>
      <c r="B16854" s="2">
        <v>15664.0</v>
      </c>
      <c r="C16854" s="1" t="s">
        <v>5</v>
      </c>
      <c r="D16854" s="1" t="s">
        <v>14370</v>
      </c>
      <c r="E16854" s="1" t="s">
        <v>11</v>
      </c>
    </row>
    <row r="16855">
      <c r="A16855" s="1">
        <v>4.90696521E8</v>
      </c>
      <c r="B16855" s="2">
        <v>15674.0</v>
      </c>
      <c r="C16855" s="1" t="s">
        <v>5</v>
      </c>
      <c r="D16855" s="1" t="s">
        <v>14371</v>
      </c>
      <c r="E16855" s="1" t="s">
        <v>7</v>
      </c>
    </row>
    <row r="16856">
      <c r="A16856" s="1">
        <v>4.90696542E8</v>
      </c>
      <c r="B16856" s="2">
        <v>15690.0</v>
      </c>
      <c r="C16856" s="1" t="s">
        <v>5</v>
      </c>
      <c r="D16856" s="1" t="s">
        <v>11</v>
      </c>
      <c r="E16856" s="1" t="s">
        <v>7</v>
      </c>
    </row>
    <row r="16857">
      <c r="A16857" s="1">
        <v>4.90696666E8</v>
      </c>
      <c r="B16857" s="2">
        <v>15616.0</v>
      </c>
      <c r="C16857" s="1" t="s">
        <v>5</v>
      </c>
      <c r="D16857" s="1" t="s">
        <v>14372</v>
      </c>
      <c r="E16857" s="1" t="s">
        <v>11</v>
      </c>
    </row>
    <row r="16858">
      <c r="A16858" s="1">
        <v>4.90696676E8</v>
      </c>
      <c r="B16858" s="2">
        <v>15631.0</v>
      </c>
      <c r="C16858" s="1" t="s">
        <v>5</v>
      </c>
      <c r="D16858" s="1" t="s">
        <v>14373</v>
      </c>
      <c r="E16858" s="1" t="s">
        <v>11</v>
      </c>
    </row>
    <row r="16859">
      <c r="A16859" s="1">
        <v>4.90696681E8</v>
      </c>
      <c r="B16859" s="2">
        <v>15695.0</v>
      </c>
      <c r="C16859" s="1" t="s">
        <v>5</v>
      </c>
      <c r="D16859" s="1" t="s">
        <v>14374</v>
      </c>
      <c r="E16859" s="1" t="s">
        <v>11</v>
      </c>
    </row>
    <row r="16860">
      <c r="A16860" s="1">
        <v>4.90696766E8</v>
      </c>
      <c r="B16860" s="2">
        <v>15686.0</v>
      </c>
      <c r="C16860" s="1" t="s">
        <v>5</v>
      </c>
      <c r="D16860" s="1" t="s">
        <v>14375</v>
      </c>
      <c r="E16860" s="1" t="s">
        <v>11</v>
      </c>
    </row>
    <row r="16861">
      <c r="A16861" s="1">
        <v>4.90696771E8</v>
      </c>
      <c r="B16861" s="2">
        <v>15630.0</v>
      </c>
      <c r="C16861" s="1" t="s">
        <v>5</v>
      </c>
      <c r="D16861" s="1" t="s">
        <v>14376</v>
      </c>
      <c r="E16861" s="1" t="s">
        <v>7</v>
      </c>
    </row>
    <row r="16862">
      <c r="A16862" s="1">
        <v>4.90696802E8</v>
      </c>
      <c r="B16862" s="2">
        <v>15705.0</v>
      </c>
      <c r="C16862" s="1" t="s">
        <v>5</v>
      </c>
      <c r="D16862" s="1" t="s">
        <v>14377</v>
      </c>
      <c r="E16862" s="1" t="s">
        <v>7</v>
      </c>
    </row>
    <row r="16863">
      <c r="A16863" s="1">
        <v>4.90696809E8</v>
      </c>
      <c r="B16863" s="2">
        <v>15664.0</v>
      </c>
      <c r="C16863" s="1" t="s">
        <v>5</v>
      </c>
      <c r="D16863" s="1" t="s">
        <v>14378</v>
      </c>
      <c r="E16863" s="1" t="s">
        <v>7</v>
      </c>
    </row>
    <row r="16864">
      <c r="A16864" s="1">
        <v>4.90696826E8</v>
      </c>
      <c r="B16864" s="2">
        <v>15684.0</v>
      </c>
      <c r="C16864" s="1" t="s">
        <v>5</v>
      </c>
      <c r="D16864" s="1" t="s">
        <v>14379</v>
      </c>
      <c r="E16864" s="1" t="s">
        <v>7</v>
      </c>
    </row>
    <row r="16865">
      <c r="A16865" s="1">
        <v>4.90696833E8</v>
      </c>
      <c r="B16865" s="2">
        <v>15615.0</v>
      </c>
      <c r="C16865" s="1" t="s">
        <v>5</v>
      </c>
      <c r="D16865" s="1" t="s">
        <v>14380</v>
      </c>
      <c r="E16865" s="1" t="s">
        <v>14381</v>
      </c>
    </row>
    <row r="16866">
      <c r="A16866" s="1">
        <v>4.90696858E8</v>
      </c>
      <c r="B16866" s="2">
        <v>15616.0</v>
      </c>
      <c r="C16866" s="1" t="s">
        <v>5</v>
      </c>
      <c r="D16866" s="1" t="s">
        <v>14382</v>
      </c>
      <c r="E16866" s="1" t="s">
        <v>11</v>
      </c>
    </row>
    <row r="16867">
      <c r="A16867" s="1">
        <v>4.90696909E8</v>
      </c>
      <c r="B16867" s="2">
        <v>15616.0</v>
      </c>
      <c r="C16867" s="1" t="s">
        <v>5</v>
      </c>
      <c r="D16867" s="1" t="s">
        <v>14383</v>
      </c>
      <c r="E16867" s="1" t="s">
        <v>7</v>
      </c>
    </row>
    <row r="16868">
      <c r="A16868" s="1">
        <v>4.90696945E8</v>
      </c>
      <c r="B16868" s="2">
        <v>15683.0</v>
      </c>
      <c r="C16868" s="1" t="s">
        <v>5</v>
      </c>
      <c r="D16868" s="1" t="s">
        <v>11</v>
      </c>
      <c r="E16868" s="1" t="s">
        <v>7</v>
      </c>
    </row>
    <row r="16869">
      <c r="A16869" s="1">
        <v>4.90696969E8</v>
      </c>
      <c r="B16869" s="2">
        <v>15674.0</v>
      </c>
      <c r="C16869" s="1" t="s">
        <v>5</v>
      </c>
      <c r="D16869" s="1" t="s">
        <v>14384</v>
      </c>
      <c r="E16869" s="1" t="s">
        <v>7</v>
      </c>
    </row>
    <row r="16870">
      <c r="A16870" s="1">
        <v>4.90696991E8</v>
      </c>
      <c r="B16870" s="2">
        <v>15691.0</v>
      </c>
      <c r="C16870" s="1" t="s">
        <v>5</v>
      </c>
      <c r="D16870" s="1" t="s">
        <v>14385</v>
      </c>
      <c r="E16870" s="1" t="s">
        <v>7</v>
      </c>
    </row>
    <row r="16871">
      <c r="A16871" s="1">
        <v>4.90696998E8</v>
      </c>
      <c r="B16871" s="2">
        <v>15691.0</v>
      </c>
      <c r="C16871" s="1" t="s">
        <v>5</v>
      </c>
      <c r="D16871" s="1" t="s">
        <v>14386</v>
      </c>
      <c r="E16871" s="1" t="s">
        <v>7</v>
      </c>
    </row>
    <row r="16872">
      <c r="A16872" s="1">
        <v>4.90697063E8</v>
      </c>
      <c r="B16872" s="2">
        <v>15690.0</v>
      </c>
      <c r="C16872" s="1" t="s">
        <v>5</v>
      </c>
      <c r="D16872" s="1" t="s">
        <v>14387</v>
      </c>
      <c r="E16872" s="1" t="s">
        <v>7</v>
      </c>
    </row>
    <row r="16873">
      <c r="A16873" s="1">
        <v>4.90697064E8</v>
      </c>
      <c r="B16873" s="2">
        <v>15616.0</v>
      </c>
      <c r="C16873" s="1" t="s">
        <v>5</v>
      </c>
      <c r="D16873" s="1" t="s">
        <v>14388</v>
      </c>
      <c r="E16873" s="1" t="s">
        <v>7</v>
      </c>
    </row>
    <row r="16874">
      <c r="A16874" s="1">
        <v>4.90697122E8</v>
      </c>
      <c r="B16874" s="2">
        <v>15689.0</v>
      </c>
      <c r="C16874" s="1" t="s">
        <v>5</v>
      </c>
      <c r="D16874" s="1" t="s">
        <v>14389</v>
      </c>
      <c r="E16874" s="1" t="s">
        <v>7</v>
      </c>
    </row>
    <row r="16875">
      <c r="A16875" s="1">
        <v>4.90697223E8</v>
      </c>
      <c r="B16875" s="2">
        <v>15681.0</v>
      </c>
      <c r="C16875" s="1" t="s">
        <v>5</v>
      </c>
      <c r="D16875" s="1" t="s">
        <v>14390</v>
      </c>
      <c r="E16875" s="1" t="s">
        <v>7</v>
      </c>
    </row>
    <row r="16876">
      <c r="A16876" s="1">
        <v>4.906973E8</v>
      </c>
      <c r="B16876" s="2">
        <v>15680.0</v>
      </c>
      <c r="C16876" s="1" t="s">
        <v>5</v>
      </c>
      <c r="D16876" s="1" t="s">
        <v>14391</v>
      </c>
      <c r="E16876" s="1" t="s">
        <v>11</v>
      </c>
    </row>
    <row r="16877">
      <c r="A16877" s="1">
        <v>4.90697309E8</v>
      </c>
      <c r="B16877" s="2">
        <v>15691.0</v>
      </c>
      <c r="C16877" s="1" t="s">
        <v>5</v>
      </c>
      <c r="D16877" s="1" t="s">
        <v>14392</v>
      </c>
      <c r="E16877" s="1" t="s">
        <v>7</v>
      </c>
    </row>
    <row r="16878">
      <c r="A16878" s="1">
        <v>4.90697387E8</v>
      </c>
      <c r="B16878" s="2">
        <v>15669.0</v>
      </c>
      <c r="C16878" s="1" t="s">
        <v>5</v>
      </c>
      <c r="D16878" s="1" t="s">
        <v>14393</v>
      </c>
      <c r="E16878" s="1" t="s">
        <v>11</v>
      </c>
    </row>
    <row r="16879">
      <c r="A16879" s="1">
        <v>4.90697408E8</v>
      </c>
      <c r="B16879" s="2">
        <v>15687.0</v>
      </c>
      <c r="C16879" s="1" t="s">
        <v>5</v>
      </c>
      <c r="D16879" s="1" t="s">
        <v>14394</v>
      </c>
      <c r="E16879" s="1" t="s">
        <v>7</v>
      </c>
    </row>
    <row r="16880">
      <c r="A16880" s="1">
        <v>4.90697448E8</v>
      </c>
      <c r="B16880" s="2">
        <v>15687.0</v>
      </c>
      <c r="C16880" s="1" t="s">
        <v>5</v>
      </c>
      <c r="D16880" s="1" t="s">
        <v>14395</v>
      </c>
      <c r="E16880" s="1" t="s">
        <v>7</v>
      </c>
    </row>
    <row r="16881">
      <c r="A16881" s="1">
        <v>4.90697502E8</v>
      </c>
      <c r="B16881" s="2">
        <v>15753.0</v>
      </c>
      <c r="C16881" s="1" t="s">
        <v>5</v>
      </c>
      <c r="D16881" s="1" t="s">
        <v>11</v>
      </c>
      <c r="E16881" s="1" t="s">
        <v>7</v>
      </c>
    </row>
    <row r="16882">
      <c r="A16882" s="1">
        <v>4.90697527E8</v>
      </c>
      <c r="B16882" s="2">
        <v>15692.0</v>
      </c>
      <c r="C16882" s="1" t="s">
        <v>5</v>
      </c>
      <c r="D16882" s="1" t="s">
        <v>14396</v>
      </c>
      <c r="E16882" s="1" t="s">
        <v>7</v>
      </c>
    </row>
    <row r="16883">
      <c r="A16883" s="1">
        <v>4.90697538E8</v>
      </c>
      <c r="B16883" s="2">
        <v>15697.0</v>
      </c>
      <c r="C16883" s="1" t="s">
        <v>5</v>
      </c>
      <c r="D16883" s="1" t="s">
        <v>14397</v>
      </c>
      <c r="E16883" s="1" t="s">
        <v>14398</v>
      </c>
    </row>
    <row r="16884">
      <c r="A16884" s="1">
        <v>4.90697547E8</v>
      </c>
      <c r="B16884" s="2">
        <v>15753.0</v>
      </c>
      <c r="C16884" s="1" t="s">
        <v>5</v>
      </c>
      <c r="D16884" s="1" t="s">
        <v>11</v>
      </c>
      <c r="E16884" s="1" t="s">
        <v>7</v>
      </c>
    </row>
    <row r="16885">
      <c r="A16885" s="1">
        <v>4.90697627E8</v>
      </c>
      <c r="B16885" s="2">
        <v>15744.0</v>
      </c>
      <c r="C16885" s="1" t="s">
        <v>5</v>
      </c>
      <c r="D16885" s="1" t="s">
        <v>14399</v>
      </c>
      <c r="E16885" s="1" t="s">
        <v>7</v>
      </c>
    </row>
    <row r="16886">
      <c r="A16886" s="1">
        <v>4.90697652E8</v>
      </c>
      <c r="B16886" s="2">
        <v>15698.0</v>
      </c>
      <c r="C16886" s="1" t="s">
        <v>5</v>
      </c>
      <c r="D16886" s="1" t="s">
        <v>11</v>
      </c>
      <c r="E16886" s="1" t="s">
        <v>7</v>
      </c>
    </row>
    <row r="16887">
      <c r="A16887" s="1">
        <v>4.90697659E8</v>
      </c>
      <c r="B16887" s="2">
        <v>15743.0</v>
      </c>
      <c r="C16887" s="1" t="s">
        <v>5</v>
      </c>
      <c r="D16887" s="1" t="s">
        <v>11</v>
      </c>
      <c r="E16887" s="1" t="s">
        <v>7</v>
      </c>
    </row>
    <row r="16888">
      <c r="A16888" s="1">
        <v>4.90697721E8</v>
      </c>
      <c r="B16888" s="2">
        <v>15677.0</v>
      </c>
      <c r="C16888" s="1" t="s">
        <v>5</v>
      </c>
      <c r="D16888" s="1" t="s">
        <v>11</v>
      </c>
      <c r="E16888" s="1" t="s">
        <v>7</v>
      </c>
    </row>
    <row r="16889">
      <c r="A16889" s="1">
        <v>4.90697737E8</v>
      </c>
      <c r="B16889" s="2">
        <v>15680.0</v>
      </c>
      <c r="C16889" s="1" t="s">
        <v>5</v>
      </c>
      <c r="D16889" s="1" t="s">
        <v>11</v>
      </c>
      <c r="E16889" s="1" t="s">
        <v>7</v>
      </c>
    </row>
    <row r="16890">
      <c r="A16890" s="1">
        <v>4.90697742E8</v>
      </c>
      <c r="B16890" s="2">
        <v>15698.0</v>
      </c>
      <c r="C16890" s="1" t="s">
        <v>5</v>
      </c>
      <c r="D16890" s="1" t="s">
        <v>14400</v>
      </c>
      <c r="E16890" s="1" t="s">
        <v>7</v>
      </c>
    </row>
    <row r="16891">
      <c r="A16891" s="1">
        <v>4.90697783E8</v>
      </c>
      <c r="B16891" s="2">
        <v>15690.0</v>
      </c>
      <c r="C16891" s="1" t="s">
        <v>5</v>
      </c>
      <c r="D16891" s="1" t="s">
        <v>14401</v>
      </c>
      <c r="E16891" s="1" t="s">
        <v>11</v>
      </c>
    </row>
    <row r="16892">
      <c r="A16892" s="1">
        <v>4.90697897E8</v>
      </c>
      <c r="B16892" s="2">
        <v>15689.0</v>
      </c>
      <c r="C16892" s="1" t="s">
        <v>5</v>
      </c>
      <c r="D16892" s="1" t="s">
        <v>14402</v>
      </c>
      <c r="E16892" s="1" t="s">
        <v>11</v>
      </c>
    </row>
    <row r="16893">
      <c r="A16893" s="1">
        <v>4.90697916E8</v>
      </c>
      <c r="B16893" s="2">
        <v>15688.0</v>
      </c>
      <c r="C16893" s="1" t="s">
        <v>5</v>
      </c>
      <c r="D16893" s="1" t="s">
        <v>14403</v>
      </c>
      <c r="E16893" s="1" t="s">
        <v>7</v>
      </c>
    </row>
    <row r="16894">
      <c r="A16894" s="1">
        <v>4.90697948E8</v>
      </c>
      <c r="B16894" s="2">
        <v>15742.0</v>
      </c>
      <c r="C16894" s="1" t="s">
        <v>5</v>
      </c>
      <c r="D16894" s="1" t="s">
        <v>14404</v>
      </c>
      <c r="E16894" s="1" t="s">
        <v>7</v>
      </c>
    </row>
    <row r="16895">
      <c r="A16895" s="1">
        <v>4.90697986E8</v>
      </c>
      <c r="B16895" s="2">
        <v>15619.0</v>
      </c>
      <c r="C16895" s="1" t="s">
        <v>5</v>
      </c>
      <c r="D16895" s="1" t="s">
        <v>14405</v>
      </c>
      <c r="E16895" s="1" t="s">
        <v>11</v>
      </c>
    </row>
    <row r="16896">
      <c r="A16896" s="1">
        <v>4.90698053E8</v>
      </c>
      <c r="B16896" s="2">
        <v>15690.0</v>
      </c>
      <c r="C16896" s="1" t="s">
        <v>5</v>
      </c>
      <c r="D16896" s="1" t="s">
        <v>11</v>
      </c>
      <c r="E16896" s="1" t="s">
        <v>7</v>
      </c>
    </row>
    <row r="16897">
      <c r="A16897" s="1">
        <v>4.90698067E8</v>
      </c>
      <c r="B16897" s="2">
        <v>15694.0</v>
      </c>
      <c r="C16897" s="1" t="s">
        <v>5</v>
      </c>
      <c r="D16897" s="1" t="s">
        <v>11</v>
      </c>
      <c r="E16897" s="1" t="s">
        <v>7</v>
      </c>
    </row>
    <row r="16898">
      <c r="A16898" s="1">
        <v>4.90698075E8</v>
      </c>
      <c r="B16898" s="2">
        <v>15752.0</v>
      </c>
      <c r="C16898" s="1" t="s">
        <v>5</v>
      </c>
      <c r="D16898" s="1" t="s">
        <v>14406</v>
      </c>
      <c r="E16898" s="1" t="s">
        <v>7</v>
      </c>
    </row>
    <row r="16899">
      <c r="A16899" s="1">
        <v>4.90698086E8</v>
      </c>
      <c r="B16899" s="2">
        <v>15619.0</v>
      </c>
      <c r="C16899" s="1" t="s">
        <v>5</v>
      </c>
      <c r="D16899" s="1" t="s">
        <v>14407</v>
      </c>
      <c r="E16899" s="1" t="s">
        <v>11</v>
      </c>
    </row>
    <row r="16900">
      <c r="A16900" s="1">
        <v>4.90698128E8</v>
      </c>
      <c r="B16900" s="2">
        <v>15735.0</v>
      </c>
      <c r="C16900" s="1" t="s">
        <v>5</v>
      </c>
      <c r="D16900" s="1" t="s">
        <v>14408</v>
      </c>
      <c r="E16900" s="1" t="s">
        <v>7</v>
      </c>
    </row>
    <row r="16901">
      <c r="A16901" s="1">
        <v>4.90698178E8</v>
      </c>
      <c r="B16901" s="2">
        <v>15676.0</v>
      </c>
      <c r="C16901" s="1" t="s">
        <v>5</v>
      </c>
      <c r="D16901" s="1" t="s">
        <v>14409</v>
      </c>
      <c r="E16901" s="1" t="s">
        <v>7</v>
      </c>
    </row>
    <row r="16902">
      <c r="A16902" s="1">
        <v>4.90698243E8</v>
      </c>
      <c r="B16902" s="2">
        <v>15793.0</v>
      </c>
      <c r="C16902" s="1" t="s">
        <v>5</v>
      </c>
      <c r="D16902" s="1" t="s">
        <v>11</v>
      </c>
      <c r="E16902" s="1" t="s">
        <v>7</v>
      </c>
    </row>
    <row r="16903">
      <c r="A16903" s="1">
        <v>4.90698299E8</v>
      </c>
      <c r="B16903" s="2">
        <v>15685.0</v>
      </c>
      <c r="C16903" s="1" t="s">
        <v>5</v>
      </c>
      <c r="D16903" s="1" t="s">
        <v>14410</v>
      </c>
      <c r="E16903" s="1" t="s">
        <v>7</v>
      </c>
    </row>
    <row r="16904">
      <c r="A16904" s="1">
        <v>4.90698301E8</v>
      </c>
      <c r="B16904" s="2">
        <v>15739.0</v>
      </c>
      <c r="C16904" s="1" t="s">
        <v>5</v>
      </c>
      <c r="D16904" s="1" t="s">
        <v>14411</v>
      </c>
      <c r="E16904" s="1" t="s">
        <v>14412</v>
      </c>
    </row>
    <row r="16905">
      <c r="A16905" s="1">
        <v>4.90698319E8</v>
      </c>
      <c r="B16905" s="2">
        <v>15735.0</v>
      </c>
      <c r="C16905" s="1" t="s">
        <v>5</v>
      </c>
      <c r="D16905" s="1" t="s">
        <v>14413</v>
      </c>
      <c r="E16905" s="1" t="s">
        <v>7</v>
      </c>
    </row>
    <row r="16906">
      <c r="A16906" s="1">
        <v>4.90698328E8</v>
      </c>
      <c r="B16906" s="2">
        <v>15790.0</v>
      </c>
      <c r="C16906" s="1" t="s">
        <v>5</v>
      </c>
      <c r="D16906" s="1" t="s">
        <v>14414</v>
      </c>
      <c r="E16906" s="1" t="s">
        <v>7</v>
      </c>
    </row>
    <row r="16907">
      <c r="A16907" s="1">
        <v>4.90698382E8</v>
      </c>
      <c r="B16907" s="2">
        <v>15752.0</v>
      </c>
      <c r="C16907" s="1" t="s">
        <v>5</v>
      </c>
      <c r="D16907" s="1" t="s">
        <v>14415</v>
      </c>
      <c r="E16907" s="1" t="s">
        <v>11</v>
      </c>
    </row>
    <row r="16908">
      <c r="A16908" s="1">
        <v>4.90698403E8</v>
      </c>
      <c r="B16908" s="2">
        <v>15791.0</v>
      </c>
      <c r="C16908" s="1" t="s">
        <v>5</v>
      </c>
      <c r="D16908" s="1" t="s">
        <v>11</v>
      </c>
      <c r="E16908" s="1" t="s">
        <v>7</v>
      </c>
    </row>
    <row r="16909">
      <c r="A16909" s="1">
        <v>4.9069842E8</v>
      </c>
      <c r="B16909" s="2">
        <v>15752.0</v>
      </c>
      <c r="C16909" s="1" t="s">
        <v>5</v>
      </c>
      <c r="D16909" s="1" t="s">
        <v>14416</v>
      </c>
      <c r="E16909" s="1" t="s">
        <v>7</v>
      </c>
    </row>
    <row r="16910">
      <c r="A16910" s="1">
        <v>4.90698427E8</v>
      </c>
      <c r="B16910" s="2">
        <v>15732.0</v>
      </c>
      <c r="C16910" s="1" t="s">
        <v>5</v>
      </c>
      <c r="D16910" s="1" t="s">
        <v>14417</v>
      </c>
      <c r="E16910" s="1" t="s">
        <v>11</v>
      </c>
    </row>
    <row r="16911">
      <c r="A16911" s="1">
        <v>4.90698443E8</v>
      </c>
      <c r="B16911" s="2">
        <v>15758.0</v>
      </c>
      <c r="C16911" s="1" t="s">
        <v>5</v>
      </c>
      <c r="D16911" s="1" t="s">
        <v>11</v>
      </c>
      <c r="E16911" s="1" t="s">
        <v>7</v>
      </c>
    </row>
    <row r="16912">
      <c r="A16912" s="1">
        <v>4.90698457E8</v>
      </c>
      <c r="B16912" s="2">
        <v>15736.0</v>
      </c>
      <c r="C16912" s="1" t="s">
        <v>5</v>
      </c>
      <c r="D16912" s="1" t="s">
        <v>11</v>
      </c>
      <c r="E16912" s="1" t="s">
        <v>7</v>
      </c>
    </row>
    <row r="16913">
      <c r="A16913" s="1">
        <v>4.90698468E8</v>
      </c>
      <c r="B16913" s="2">
        <v>15790.0</v>
      </c>
      <c r="C16913" s="1" t="s">
        <v>5</v>
      </c>
      <c r="D16913" s="1" t="s">
        <v>14418</v>
      </c>
      <c r="E16913" s="1" t="s">
        <v>7</v>
      </c>
    </row>
    <row r="16914">
      <c r="A16914" s="1">
        <v>4.90698595E8</v>
      </c>
      <c r="B16914" s="2">
        <v>15685.0</v>
      </c>
      <c r="C16914" s="1" t="s">
        <v>5</v>
      </c>
      <c r="D16914" s="1" t="s">
        <v>14419</v>
      </c>
      <c r="E16914" s="1" t="s">
        <v>7</v>
      </c>
    </row>
    <row r="16915">
      <c r="A16915" s="1">
        <v>4.90698655E8</v>
      </c>
      <c r="B16915" s="2">
        <v>15688.0</v>
      </c>
      <c r="C16915" s="1" t="s">
        <v>5</v>
      </c>
      <c r="D16915" s="1" t="s">
        <v>11</v>
      </c>
      <c r="E16915" s="1" t="s">
        <v>7</v>
      </c>
    </row>
    <row r="16916">
      <c r="A16916" s="1">
        <v>4.90698657E8</v>
      </c>
      <c r="B16916" s="2">
        <v>15678.0</v>
      </c>
      <c r="C16916" s="1" t="s">
        <v>5</v>
      </c>
      <c r="D16916" s="1" t="s">
        <v>14420</v>
      </c>
      <c r="E16916" s="1" t="s">
        <v>11</v>
      </c>
    </row>
    <row r="16917">
      <c r="A16917" s="1">
        <v>4.90698681E8</v>
      </c>
      <c r="B16917" s="2">
        <v>15788.0</v>
      </c>
      <c r="C16917" s="1" t="s">
        <v>5</v>
      </c>
      <c r="D16917" s="1" t="s">
        <v>14421</v>
      </c>
      <c r="E16917" s="1" t="s">
        <v>7</v>
      </c>
    </row>
    <row r="16918">
      <c r="A16918" s="1">
        <v>4.90698692E8</v>
      </c>
      <c r="B16918" s="2">
        <v>15683.0</v>
      </c>
      <c r="C16918" s="1" t="s">
        <v>5</v>
      </c>
      <c r="D16918" s="1" t="s">
        <v>14422</v>
      </c>
      <c r="E16918" s="1" t="s">
        <v>11</v>
      </c>
    </row>
    <row r="16919">
      <c r="A16919" s="1">
        <v>4.90698707E8</v>
      </c>
      <c r="B16919" s="2">
        <v>15740.0</v>
      </c>
      <c r="C16919" s="1" t="s">
        <v>5</v>
      </c>
      <c r="D16919" s="1" t="s">
        <v>11</v>
      </c>
      <c r="E16919" s="1" t="s">
        <v>7</v>
      </c>
    </row>
    <row r="16920">
      <c r="A16920" s="1">
        <v>4.90698766E8</v>
      </c>
      <c r="B16920" s="2">
        <v>15793.0</v>
      </c>
      <c r="C16920" s="1" t="s">
        <v>5</v>
      </c>
      <c r="D16920" s="1" t="s">
        <v>14423</v>
      </c>
      <c r="E16920" s="1" t="s">
        <v>11</v>
      </c>
    </row>
    <row r="16921">
      <c r="A16921" s="1">
        <v>4.90698783E8</v>
      </c>
      <c r="B16921" s="2">
        <v>15691.0</v>
      </c>
      <c r="C16921" s="1" t="s">
        <v>5</v>
      </c>
      <c r="D16921" s="1" t="s">
        <v>11</v>
      </c>
      <c r="E16921" s="1" t="s">
        <v>7</v>
      </c>
    </row>
    <row r="16922">
      <c r="A16922" s="1">
        <v>4.90698827E8</v>
      </c>
      <c r="B16922" s="2">
        <v>15730.0</v>
      </c>
      <c r="C16922" s="1" t="s">
        <v>5</v>
      </c>
      <c r="D16922" s="1" t="s">
        <v>11</v>
      </c>
      <c r="E16922" s="1" t="s">
        <v>7</v>
      </c>
    </row>
    <row r="16923">
      <c r="A16923" s="1">
        <v>4.90698878E8</v>
      </c>
      <c r="B16923" s="2">
        <v>15742.0</v>
      </c>
      <c r="C16923" s="1" t="s">
        <v>5</v>
      </c>
      <c r="D16923" s="1" t="s">
        <v>11</v>
      </c>
      <c r="E16923" s="1" t="s">
        <v>7</v>
      </c>
    </row>
    <row r="16924">
      <c r="A16924" s="1">
        <v>4.90698955E8</v>
      </c>
      <c r="B16924" s="2">
        <v>15784.0</v>
      </c>
      <c r="C16924" s="1" t="s">
        <v>5</v>
      </c>
      <c r="D16924" s="1" t="s">
        <v>14424</v>
      </c>
      <c r="E16924" s="1" t="s">
        <v>7</v>
      </c>
    </row>
    <row r="16925">
      <c r="A16925" s="1">
        <v>4.90698975E8</v>
      </c>
      <c r="B16925" s="2">
        <v>15786.0</v>
      </c>
      <c r="C16925" s="1" t="s">
        <v>5</v>
      </c>
      <c r="D16925" s="1" t="s">
        <v>11</v>
      </c>
      <c r="E16925" s="1" t="s">
        <v>7</v>
      </c>
    </row>
    <row r="16926">
      <c r="A16926" s="1">
        <v>4.90698988E8</v>
      </c>
      <c r="B16926" s="2">
        <v>15738.0</v>
      </c>
      <c r="C16926" s="1" t="s">
        <v>5</v>
      </c>
      <c r="D16926" s="1" t="s">
        <v>14425</v>
      </c>
      <c r="E16926" s="1" t="s">
        <v>7</v>
      </c>
    </row>
    <row r="16927">
      <c r="A16927" s="1">
        <v>4.90699056E8</v>
      </c>
      <c r="B16927" s="2">
        <v>15783.0</v>
      </c>
      <c r="C16927" s="1" t="s">
        <v>5</v>
      </c>
      <c r="D16927" s="1" t="s">
        <v>14426</v>
      </c>
      <c r="E16927" s="1" t="s">
        <v>7</v>
      </c>
    </row>
    <row r="16928">
      <c r="A16928" s="1">
        <v>4.90699072E8</v>
      </c>
      <c r="B16928" s="2">
        <v>15795.0</v>
      </c>
      <c r="C16928" s="1" t="s">
        <v>5</v>
      </c>
      <c r="D16928" s="1" t="s">
        <v>14427</v>
      </c>
      <c r="E16928" s="1" t="s">
        <v>11</v>
      </c>
    </row>
    <row r="16929">
      <c r="A16929" s="1">
        <v>4.90699099E8</v>
      </c>
      <c r="B16929" s="2">
        <v>15793.0</v>
      </c>
      <c r="C16929" s="1" t="s">
        <v>5</v>
      </c>
      <c r="D16929" s="1" t="s">
        <v>14428</v>
      </c>
      <c r="E16929" s="1" t="s">
        <v>7</v>
      </c>
    </row>
    <row r="16930">
      <c r="A16930" s="1">
        <v>4.90699119E8</v>
      </c>
      <c r="B16930" s="2">
        <v>15792.0</v>
      </c>
      <c r="C16930" s="1" t="s">
        <v>5</v>
      </c>
      <c r="D16930" s="1" t="s">
        <v>14429</v>
      </c>
      <c r="E16930" s="1" t="s">
        <v>7</v>
      </c>
    </row>
    <row r="16931">
      <c r="A16931" s="1">
        <v>4.90699188E8</v>
      </c>
      <c r="B16931" s="2">
        <v>15736.0</v>
      </c>
      <c r="C16931" s="1" t="s">
        <v>5</v>
      </c>
      <c r="D16931" s="1" t="s">
        <v>14430</v>
      </c>
      <c r="E16931" s="1" t="s">
        <v>7</v>
      </c>
    </row>
    <row r="16932">
      <c r="A16932" s="1">
        <v>4.90699228E8</v>
      </c>
      <c r="B16932" s="2">
        <v>15730.0</v>
      </c>
      <c r="C16932" s="1" t="s">
        <v>5</v>
      </c>
      <c r="D16932" s="1" t="s">
        <v>14431</v>
      </c>
      <c r="E16932" s="1" t="s">
        <v>11</v>
      </c>
    </row>
    <row r="16933">
      <c r="A16933" s="1">
        <v>4.90699251E8</v>
      </c>
      <c r="B16933" s="2">
        <v>15729.0</v>
      </c>
      <c r="C16933" s="1" t="s">
        <v>5</v>
      </c>
      <c r="D16933" s="1" t="s">
        <v>14432</v>
      </c>
      <c r="E16933" s="1" t="s">
        <v>7</v>
      </c>
    </row>
    <row r="16934">
      <c r="A16934" s="1">
        <v>4.90699288E8</v>
      </c>
      <c r="B16934" s="2">
        <v>15735.0</v>
      </c>
      <c r="C16934" s="1" t="s">
        <v>5</v>
      </c>
      <c r="D16934" s="1" t="s">
        <v>14433</v>
      </c>
      <c r="E16934" s="1" t="s">
        <v>7</v>
      </c>
    </row>
    <row r="16935">
      <c r="A16935" s="1">
        <v>4.90699305E8</v>
      </c>
      <c r="B16935" s="2">
        <v>15793.0</v>
      </c>
      <c r="C16935" s="1" t="s">
        <v>5</v>
      </c>
      <c r="D16935" s="1" t="s">
        <v>14434</v>
      </c>
      <c r="E16935" s="1" t="s">
        <v>7</v>
      </c>
    </row>
    <row r="16936">
      <c r="A16936" s="1">
        <v>4.90699411E8</v>
      </c>
      <c r="B16936" s="2">
        <v>15726.0</v>
      </c>
      <c r="C16936" s="1" t="s">
        <v>5</v>
      </c>
      <c r="D16936" s="1" t="s">
        <v>14435</v>
      </c>
      <c r="E16936" s="1" t="s">
        <v>14436</v>
      </c>
    </row>
    <row r="16937">
      <c r="A16937" s="1">
        <v>4.90699446E8</v>
      </c>
      <c r="B16937" s="2">
        <v>15677.0</v>
      </c>
      <c r="C16937" s="1" t="s">
        <v>5</v>
      </c>
      <c r="D16937" s="1" t="s">
        <v>11</v>
      </c>
      <c r="E16937" s="1" t="s">
        <v>7</v>
      </c>
    </row>
    <row r="16938">
      <c r="A16938" s="1">
        <v>4.90699532E8</v>
      </c>
      <c r="B16938" s="2">
        <v>15682.0</v>
      </c>
      <c r="C16938" s="1" t="s">
        <v>5</v>
      </c>
      <c r="D16938" s="1" t="s">
        <v>14437</v>
      </c>
      <c r="E16938" s="1" t="s">
        <v>7</v>
      </c>
    </row>
    <row r="16939">
      <c r="A16939" s="1">
        <v>4.90699613E8</v>
      </c>
      <c r="B16939" s="2">
        <v>15681.0</v>
      </c>
      <c r="C16939" s="1" t="s">
        <v>5</v>
      </c>
      <c r="D16939" s="1" t="s">
        <v>14438</v>
      </c>
      <c r="E16939" s="1" t="s">
        <v>7</v>
      </c>
    </row>
    <row r="16940">
      <c r="A16940" s="1">
        <v>4.90699614E8</v>
      </c>
      <c r="B16940" s="2">
        <v>15752.0</v>
      </c>
      <c r="C16940" s="1" t="s">
        <v>5</v>
      </c>
      <c r="D16940" s="1" t="s">
        <v>14439</v>
      </c>
      <c r="E16940" s="1" t="s">
        <v>11</v>
      </c>
    </row>
    <row r="16941">
      <c r="A16941" s="1">
        <v>4.90699628E8</v>
      </c>
      <c r="B16941" s="2">
        <v>15733.0</v>
      </c>
      <c r="C16941" s="1" t="s">
        <v>5</v>
      </c>
      <c r="D16941" s="1" t="s">
        <v>14440</v>
      </c>
      <c r="E16941" s="1" t="s">
        <v>7</v>
      </c>
    </row>
    <row r="16942">
      <c r="A16942" s="1">
        <v>4.90699667E8</v>
      </c>
      <c r="B16942" s="2">
        <v>15727.0</v>
      </c>
      <c r="C16942" s="1" t="s">
        <v>5</v>
      </c>
      <c r="D16942" s="1" t="s">
        <v>14441</v>
      </c>
      <c r="E16942" s="1" t="s">
        <v>7</v>
      </c>
    </row>
    <row r="16943">
      <c r="A16943" s="1">
        <v>4.90699702E8</v>
      </c>
      <c r="B16943" s="2">
        <v>15736.0</v>
      </c>
      <c r="C16943" s="1" t="s">
        <v>5</v>
      </c>
      <c r="D16943" s="1" t="s">
        <v>14442</v>
      </c>
      <c r="E16943" s="1" t="s">
        <v>7</v>
      </c>
    </row>
    <row r="16944">
      <c r="A16944" s="1">
        <v>4.90699719E8</v>
      </c>
      <c r="B16944" s="2">
        <v>15744.0</v>
      </c>
      <c r="C16944" s="1" t="s">
        <v>5</v>
      </c>
      <c r="D16944" s="1" t="s">
        <v>14443</v>
      </c>
      <c r="E16944" s="1" t="s">
        <v>7</v>
      </c>
    </row>
    <row r="16945">
      <c r="A16945" s="1">
        <v>4.90699725E8</v>
      </c>
      <c r="B16945" s="2">
        <v>15726.0</v>
      </c>
      <c r="C16945" s="1" t="s">
        <v>5</v>
      </c>
      <c r="D16945" s="1" t="s">
        <v>14444</v>
      </c>
      <c r="E16945" s="1" t="s">
        <v>14445</v>
      </c>
    </row>
    <row r="16946">
      <c r="A16946" s="1">
        <v>4.90699814E8</v>
      </c>
      <c r="B16946" s="2">
        <v>15737.0</v>
      </c>
      <c r="C16946" s="1" t="s">
        <v>5</v>
      </c>
      <c r="D16946" s="1" t="s">
        <v>14446</v>
      </c>
      <c r="E16946" s="1" t="s">
        <v>7</v>
      </c>
    </row>
    <row r="16947">
      <c r="A16947" s="1">
        <v>4.90699825E8</v>
      </c>
      <c r="B16947" s="2">
        <v>15724.0</v>
      </c>
      <c r="C16947" s="1" t="s">
        <v>5</v>
      </c>
      <c r="D16947" s="1" t="s">
        <v>14447</v>
      </c>
      <c r="E16947" s="1" t="s">
        <v>7</v>
      </c>
    </row>
    <row r="16948">
      <c r="A16948" s="1">
        <v>4.90699872E8</v>
      </c>
      <c r="B16948" s="2">
        <v>15789.0</v>
      </c>
      <c r="C16948" s="1" t="s">
        <v>5</v>
      </c>
      <c r="D16948" s="1" t="s">
        <v>11</v>
      </c>
      <c r="E16948" s="1" t="s">
        <v>7</v>
      </c>
    </row>
    <row r="16949">
      <c r="A16949" s="1">
        <v>4.90699922E8</v>
      </c>
      <c r="B16949" s="2">
        <v>15725.0</v>
      </c>
      <c r="C16949" s="1" t="s">
        <v>5</v>
      </c>
      <c r="D16949" s="1" t="s">
        <v>14448</v>
      </c>
      <c r="E16949" s="1" t="s">
        <v>7</v>
      </c>
    </row>
    <row r="16950">
      <c r="A16950" s="1">
        <v>4.90699942E8</v>
      </c>
      <c r="B16950" s="2">
        <v>15723.0</v>
      </c>
      <c r="C16950" s="1" t="s">
        <v>5</v>
      </c>
      <c r="D16950" s="1" t="s">
        <v>14449</v>
      </c>
      <c r="E16950" s="1" t="s">
        <v>7</v>
      </c>
    </row>
    <row r="16951">
      <c r="A16951" s="1">
        <v>4.90699944E8</v>
      </c>
      <c r="B16951" s="2">
        <v>15789.0</v>
      </c>
      <c r="C16951" s="1" t="s">
        <v>5</v>
      </c>
      <c r="D16951" s="1" t="s">
        <v>14450</v>
      </c>
      <c r="E16951" s="1" t="s">
        <v>7</v>
      </c>
    </row>
    <row r="16952">
      <c r="A16952" s="1">
        <v>4.90699956E8</v>
      </c>
      <c r="B16952" s="2">
        <v>15681.0</v>
      </c>
      <c r="C16952" s="1" t="s">
        <v>5</v>
      </c>
      <c r="D16952" s="1" t="s">
        <v>11</v>
      </c>
      <c r="E16952" s="1" t="s">
        <v>7</v>
      </c>
    </row>
    <row r="16953">
      <c r="A16953" s="1">
        <v>4.90699977E8</v>
      </c>
      <c r="B16953" s="2">
        <v>15725.0</v>
      </c>
      <c r="C16953" s="1" t="s">
        <v>5</v>
      </c>
      <c r="D16953" s="1" t="s">
        <v>14451</v>
      </c>
      <c r="E16953" s="1" t="s">
        <v>7</v>
      </c>
    </row>
    <row r="16954">
      <c r="A16954" s="1">
        <v>4.90700003E8</v>
      </c>
      <c r="B16954" s="2">
        <v>15775.0</v>
      </c>
      <c r="C16954" s="1" t="s">
        <v>5</v>
      </c>
      <c r="D16954" s="1" t="s">
        <v>14452</v>
      </c>
      <c r="E16954" s="1" t="s">
        <v>7</v>
      </c>
    </row>
    <row r="16955">
      <c r="A16955" s="1">
        <v>4.90700072E8</v>
      </c>
      <c r="B16955" s="2">
        <v>15739.0</v>
      </c>
      <c r="C16955" s="1" t="s">
        <v>5</v>
      </c>
      <c r="D16955" s="1" t="s">
        <v>11</v>
      </c>
      <c r="E16955" s="1" t="s">
        <v>7</v>
      </c>
    </row>
    <row r="16956">
      <c r="A16956" s="1">
        <v>4.90700137E8</v>
      </c>
      <c r="B16956" s="2">
        <v>15774.0</v>
      </c>
      <c r="C16956" s="1" t="s">
        <v>5</v>
      </c>
      <c r="D16956" s="1" t="s">
        <v>11</v>
      </c>
      <c r="E16956" s="1" t="s">
        <v>7</v>
      </c>
    </row>
    <row r="16957">
      <c r="A16957" s="1">
        <v>4.90700169E8</v>
      </c>
      <c r="B16957" s="2">
        <v>15774.0</v>
      </c>
      <c r="C16957" s="1" t="s">
        <v>5</v>
      </c>
      <c r="D16957" s="1" t="s">
        <v>14453</v>
      </c>
      <c r="E16957" s="1" t="s">
        <v>7</v>
      </c>
    </row>
    <row r="16958">
      <c r="A16958" s="1">
        <v>4.90700225E8</v>
      </c>
      <c r="B16958" s="2">
        <v>15777.0</v>
      </c>
      <c r="C16958" s="1" t="s">
        <v>5</v>
      </c>
      <c r="D16958" s="1" t="s">
        <v>11</v>
      </c>
      <c r="E16958" s="1" t="s">
        <v>7</v>
      </c>
    </row>
    <row r="16959">
      <c r="A16959" s="1">
        <v>4.90700246E8</v>
      </c>
      <c r="B16959" s="2">
        <v>15786.0</v>
      </c>
      <c r="C16959" s="1" t="s">
        <v>5</v>
      </c>
      <c r="D16959" s="1" t="s">
        <v>14454</v>
      </c>
      <c r="E16959" s="1" t="s">
        <v>7</v>
      </c>
    </row>
    <row r="16960">
      <c r="A16960" s="1">
        <v>4.90700269E8</v>
      </c>
      <c r="B16960" s="2">
        <v>15679.0</v>
      </c>
      <c r="C16960" s="1" t="s">
        <v>5</v>
      </c>
      <c r="D16960" s="1" t="s">
        <v>14455</v>
      </c>
      <c r="E16960" s="1" t="s">
        <v>7</v>
      </c>
    </row>
    <row r="16961">
      <c r="A16961" s="1">
        <v>4.90700302E8</v>
      </c>
      <c r="B16961" s="2">
        <v>15684.0</v>
      </c>
      <c r="C16961" s="1" t="s">
        <v>5</v>
      </c>
      <c r="D16961" s="1" t="s">
        <v>14456</v>
      </c>
      <c r="E16961" s="1" t="s">
        <v>7</v>
      </c>
    </row>
    <row r="16962">
      <c r="A16962" s="1">
        <v>4.90700305E8</v>
      </c>
      <c r="B16962" s="2">
        <v>15791.0</v>
      </c>
      <c r="C16962" s="1" t="s">
        <v>5</v>
      </c>
      <c r="D16962" s="1" t="s">
        <v>11</v>
      </c>
      <c r="E16962" s="1" t="s">
        <v>7</v>
      </c>
    </row>
    <row r="16963">
      <c r="A16963" s="1">
        <v>4.90700342E8</v>
      </c>
      <c r="B16963" s="2">
        <v>15776.0</v>
      </c>
      <c r="C16963" s="1" t="s">
        <v>5</v>
      </c>
      <c r="D16963" s="1" t="s">
        <v>14457</v>
      </c>
      <c r="E16963" s="1" t="s">
        <v>7</v>
      </c>
    </row>
    <row r="16964">
      <c r="A16964" s="1">
        <v>4.90700382E8</v>
      </c>
      <c r="B16964" s="2">
        <v>15732.0</v>
      </c>
      <c r="C16964" s="1" t="s">
        <v>5</v>
      </c>
      <c r="D16964" s="1" t="s">
        <v>14458</v>
      </c>
      <c r="E16964" s="1" t="s">
        <v>7</v>
      </c>
    </row>
    <row r="16965">
      <c r="A16965" s="1">
        <v>4.90700401E8</v>
      </c>
      <c r="B16965" s="2">
        <v>15676.0</v>
      </c>
      <c r="C16965" s="1" t="s">
        <v>5</v>
      </c>
      <c r="D16965" s="1" t="s">
        <v>11</v>
      </c>
      <c r="E16965" s="1" t="s">
        <v>7</v>
      </c>
    </row>
    <row r="16966">
      <c r="A16966" s="1">
        <v>4.9070045E8</v>
      </c>
      <c r="B16966" s="2">
        <v>15726.0</v>
      </c>
      <c r="C16966" s="1" t="s">
        <v>5</v>
      </c>
      <c r="D16966" s="1" t="s">
        <v>14459</v>
      </c>
      <c r="E16966" s="1" t="s">
        <v>11</v>
      </c>
    </row>
    <row r="16967">
      <c r="A16967" s="1">
        <v>4.90700464E8</v>
      </c>
      <c r="B16967" s="2">
        <v>15683.0</v>
      </c>
      <c r="C16967" s="1" t="s">
        <v>5</v>
      </c>
      <c r="D16967" s="1" t="s">
        <v>14460</v>
      </c>
      <c r="E16967" s="1" t="s">
        <v>11</v>
      </c>
    </row>
    <row r="16968">
      <c r="A16968" s="1">
        <v>4.9070056E8</v>
      </c>
      <c r="B16968" s="2">
        <v>15719.0</v>
      </c>
      <c r="C16968" s="1" t="s">
        <v>5</v>
      </c>
      <c r="D16968" s="1" t="s">
        <v>14461</v>
      </c>
      <c r="E16968" s="1" t="s">
        <v>7</v>
      </c>
    </row>
    <row r="16969">
      <c r="A16969" s="1">
        <v>4.90700591E8</v>
      </c>
      <c r="B16969" s="2">
        <v>15789.0</v>
      </c>
      <c r="C16969" s="1" t="s">
        <v>5</v>
      </c>
      <c r="D16969" s="1" t="s">
        <v>14462</v>
      </c>
      <c r="E16969" s="1" t="s">
        <v>14463</v>
      </c>
    </row>
    <row r="16970">
      <c r="A16970" s="1">
        <v>4.90700646E8</v>
      </c>
      <c r="B16970" s="2">
        <v>15726.0</v>
      </c>
      <c r="C16970" s="1" t="s">
        <v>5</v>
      </c>
      <c r="D16970" s="1" t="s">
        <v>14464</v>
      </c>
      <c r="E16970" s="1" t="s">
        <v>7</v>
      </c>
    </row>
    <row r="16971">
      <c r="A16971" s="1">
        <v>4.90700678E8</v>
      </c>
      <c r="B16971" s="2">
        <v>15787.0</v>
      </c>
      <c r="C16971" s="1" t="s">
        <v>5</v>
      </c>
      <c r="D16971" s="1" t="s">
        <v>14465</v>
      </c>
      <c r="E16971" s="1" t="s">
        <v>11</v>
      </c>
    </row>
    <row r="16972">
      <c r="A16972" s="1">
        <v>4.90700721E8</v>
      </c>
      <c r="B16972" s="2">
        <v>15758.0</v>
      </c>
      <c r="C16972" s="1" t="s">
        <v>5</v>
      </c>
      <c r="D16972" s="1" t="s">
        <v>11</v>
      </c>
      <c r="E16972" s="1" t="s">
        <v>7</v>
      </c>
    </row>
    <row r="16973">
      <c r="A16973" s="1">
        <v>4.90700734E8</v>
      </c>
      <c r="B16973" s="2">
        <v>15730.0</v>
      </c>
      <c r="C16973" s="1" t="s">
        <v>5</v>
      </c>
      <c r="D16973" s="1" t="s">
        <v>11</v>
      </c>
      <c r="E16973" s="1" t="s">
        <v>7</v>
      </c>
    </row>
    <row r="16974">
      <c r="A16974" s="1">
        <v>4.90700742E8</v>
      </c>
      <c r="B16974" s="2">
        <v>15716.0</v>
      </c>
      <c r="C16974" s="1" t="s">
        <v>5</v>
      </c>
      <c r="D16974" s="1" t="s">
        <v>14466</v>
      </c>
      <c r="E16974" s="1" t="s">
        <v>7</v>
      </c>
    </row>
    <row r="16975">
      <c r="A16975" s="1">
        <v>4.90700757E8</v>
      </c>
      <c r="B16975" s="2">
        <v>15773.0</v>
      </c>
      <c r="C16975" s="1" t="s">
        <v>5</v>
      </c>
      <c r="D16975" s="1" t="s">
        <v>14467</v>
      </c>
      <c r="E16975" s="1" t="s">
        <v>7</v>
      </c>
    </row>
    <row r="16976">
      <c r="A16976" s="1">
        <v>4.90700812E8</v>
      </c>
      <c r="B16976" s="2">
        <v>15717.0</v>
      </c>
      <c r="C16976" s="1" t="s">
        <v>5</v>
      </c>
      <c r="D16976" s="1" t="s">
        <v>14468</v>
      </c>
      <c r="E16976" s="1" t="s">
        <v>7</v>
      </c>
    </row>
    <row r="16977">
      <c r="A16977" s="1">
        <v>4.9070082E8</v>
      </c>
      <c r="B16977" s="2">
        <v>15777.0</v>
      </c>
      <c r="C16977" s="1" t="s">
        <v>5</v>
      </c>
      <c r="D16977" s="1" t="s">
        <v>14469</v>
      </c>
      <c r="E16977" s="1" t="s">
        <v>7</v>
      </c>
    </row>
    <row r="16978">
      <c r="A16978" s="1">
        <v>4.90700911E8</v>
      </c>
      <c r="B16978" s="2">
        <v>15781.0</v>
      </c>
      <c r="C16978" s="1" t="s">
        <v>5</v>
      </c>
      <c r="D16978" s="1" t="s">
        <v>14470</v>
      </c>
      <c r="E16978" s="1" t="s">
        <v>7</v>
      </c>
    </row>
    <row r="16979">
      <c r="A16979" s="1">
        <v>4.90700937E8</v>
      </c>
      <c r="B16979" s="2">
        <v>15728.0</v>
      </c>
      <c r="C16979" s="1" t="s">
        <v>5</v>
      </c>
      <c r="D16979" s="1" t="s">
        <v>14471</v>
      </c>
      <c r="E16979" s="1" t="s">
        <v>7</v>
      </c>
    </row>
    <row r="16980">
      <c r="A16980" s="1">
        <v>4.90700943E8</v>
      </c>
      <c r="B16980" s="2">
        <v>15788.0</v>
      </c>
      <c r="C16980" s="1" t="s">
        <v>5</v>
      </c>
      <c r="D16980" s="1" t="s">
        <v>14472</v>
      </c>
      <c r="E16980" s="1" t="s">
        <v>7</v>
      </c>
    </row>
    <row r="16981">
      <c r="A16981" s="1">
        <v>4.90700974E8</v>
      </c>
      <c r="B16981" s="2">
        <v>15717.0</v>
      </c>
      <c r="C16981" s="1" t="s">
        <v>5</v>
      </c>
      <c r="D16981" s="1" t="s">
        <v>11</v>
      </c>
      <c r="E16981" s="1" t="s">
        <v>7</v>
      </c>
    </row>
    <row r="16982">
      <c r="A16982" s="1">
        <v>4.90701044E8</v>
      </c>
      <c r="B16982" s="2">
        <v>15716.0</v>
      </c>
      <c r="C16982" s="1" t="s">
        <v>5</v>
      </c>
      <c r="D16982" s="1" t="s">
        <v>14473</v>
      </c>
      <c r="E16982" s="1" t="s">
        <v>7</v>
      </c>
    </row>
    <row r="16983">
      <c r="A16983" s="1">
        <v>4.9070105E8</v>
      </c>
      <c r="B16983" s="2">
        <v>15727.0</v>
      </c>
      <c r="C16983" s="1" t="s">
        <v>5</v>
      </c>
      <c r="D16983" s="1" t="s">
        <v>14474</v>
      </c>
      <c r="E16983" s="1" t="s">
        <v>14475</v>
      </c>
    </row>
    <row r="16984">
      <c r="A16984" s="1">
        <v>4.90701061E8</v>
      </c>
      <c r="B16984" s="2">
        <v>15723.0</v>
      </c>
      <c r="C16984" s="1" t="s">
        <v>5</v>
      </c>
      <c r="D16984" s="1" t="s">
        <v>14476</v>
      </c>
      <c r="E16984" s="1" t="s">
        <v>11</v>
      </c>
    </row>
    <row r="16985">
      <c r="A16985" s="1">
        <v>4.90701062E8</v>
      </c>
      <c r="B16985" s="2">
        <v>15788.0</v>
      </c>
      <c r="C16985" s="1" t="s">
        <v>5</v>
      </c>
      <c r="D16985" s="1" t="s">
        <v>14477</v>
      </c>
      <c r="E16985" s="1" t="s">
        <v>11</v>
      </c>
    </row>
    <row r="16986">
      <c r="A16986" s="1">
        <v>4.90701143E8</v>
      </c>
      <c r="B16986" s="2">
        <v>15715.0</v>
      </c>
      <c r="C16986" s="1" t="s">
        <v>5</v>
      </c>
      <c r="D16986" s="1" t="s">
        <v>14478</v>
      </c>
      <c r="E16986" s="1" t="s">
        <v>11</v>
      </c>
    </row>
    <row r="16987">
      <c r="A16987" s="1">
        <v>4.90701167E8</v>
      </c>
      <c r="B16987" s="2">
        <v>15788.0</v>
      </c>
      <c r="C16987" s="1" t="s">
        <v>5</v>
      </c>
      <c r="D16987" s="1" t="s">
        <v>14479</v>
      </c>
      <c r="E16987" s="1" t="s">
        <v>7</v>
      </c>
    </row>
    <row r="16988">
      <c r="A16988" s="1">
        <v>4.90701171E8</v>
      </c>
      <c r="B16988" s="2">
        <v>15780.0</v>
      </c>
      <c r="C16988" s="1" t="s">
        <v>5</v>
      </c>
      <c r="D16988" s="1" t="s">
        <v>14480</v>
      </c>
      <c r="E16988" s="1" t="s">
        <v>11</v>
      </c>
    </row>
    <row r="16989">
      <c r="A16989" s="1">
        <v>4.90701267E8</v>
      </c>
      <c r="B16989" s="2">
        <v>15770.0</v>
      </c>
      <c r="C16989" s="1" t="s">
        <v>5</v>
      </c>
      <c r="D16989" s="1" t="s">
        <v>14481</v>
      </c>
      <c r="E16989" s="1" t="s">
        <v>7</v>
      </c>
    </row>
    <row r="16990">
      <c r="A16990" s="1">
        <v>4.9070129E8</v>
      </c>
      <c r="B16990" s="2">
        <v>15733.0</v>
      </c>
      <c r="C16990" s="1" t="s">
        <v>5</v>
      </c>
      <c r="D16990" s="1" t="s">
        <v>11</v>
      </c>
      <c r="E16990" s="1" t="s">
        <v>7</v>
      </c>
    </row>
    <row r="16991">
      <c r="A16991" s="1">
        <v>4.90701358E8</v>
      </c>
      <c r="B16991" s="2">
        <v>15720.0</v>
      </c>
      <c r="C16991" s="1" t="s">
        <v>5</v>
      </c>
      <c r="D16991" s="1" t="s">
        <v>11</v>
      </c>
      <c r="E16991" s="1" t="s">
        <v>7</v>
      </c>
    </row>
    <row r="16992">
      <c r="A16992" s="1">
        <v>4.90701635E8</v>
      </c>
      <c r="B16992" s="2">
        <v>15732.0</v>
      </c>
      <c r="C16992" s="1" t="s">
        <v>5</v>
      </c>
      <c r="D16992" s="1" t="s">
        <v>14482</v>
      </c>
      <c r="E16992" s="1" t="s">
        <v>14483</v>
      </c>
    </row>
    <row r="16993">
      <c r="A16993" s="1">
        <v>4.90701644E8</v>
      </c>
      <c r="B16993" s="2">
        <v>15825.0</v>
      </c>
      <c r="C16993" s="1" t="s">
        <v>5</v>
      </c>
      <c r="D16993" s="1" t="s">
        <v>11</v>
      </c>
      <c r="E16993" s="1" t="s">
        <v>7</v>
      </c>
    </row>
    <row r="16994">
      <c r="A16994" s="1">
        <v>4.90701649E8</v>
      </c>
      <c r="B16994" s="2">
        <v>15786.0</v>
      </c>
      <c r="C16994" s="1" t="s">
        <v>5</v>
      </c>
      <c r="D16994" s="1" t="s">
        <v>14484</v>
      </c>
      <c r="E16994" s="1" t="s">
        <v>14485</v>
      </c>
    </row>
    <row r="16995">
      <c r="A16995" s="1">
        <v>4.90701657E8</v>
      </c>
      <c r="B16995" s="2">
        <v>15715.0</v>
      </c>
      <c r="C16995" s="1" t="s">
        <v>5</v>
      </c>
      <c r="D16995" s="1" t="s">
        <v>14486</v>
      </c>
      <c r="E16995" s="1" t="s">
        <v>7</v>
      </c>
    </row>
    <row r="16996">
      <c r="A16996" s="1">
        <v>4.90701772E8</v>
      </c>
      <c r="B16996" s="2">
        <v>15784.0</v>
      </c>
      <c r="C16996" s="1" t="s">
        <v>5</v>
      </c>
      <c r="D16996" s="1" t="s">
        <v>14487</v>
      </c>
      <c r="E16996" s="1" t="s">
        <v>7</v>
      </c>
    </row>
    <row r="16997">
      <c r="A16997" s="1">
        <v>4.90701906E8</v>
      </c>
      <c r="B16997" s="2">
        <v>15824.0</v>
      </c>
      <c r="C16997" s="1" t="s">
        <v>5</v>
      </c>
      <c r="D16997" s="1" t="s">
        <v>14488</v>
      </c>
      <c r="E16997" s="1" t="s">
        <v>7</v>
      </c>
    </row>
    <row r="16998">
      <c r="A16998" s="1">
        <v>4.9070195E8</v>
      </c>
      <c r="B16998" s="2">
        <v>15794.0</v>
      </c>
      <c r="C16998" s="1" t="s">
        <v>5</v>
      </c>
      <c r="D16998" s="1" t="s">
        <v>11</v>
      </c>
      <c r="E16998" s="1" t="s">
        <v>7</v>
      </c>
    </row>
    <row r="16999">
      <c r="A16999" s="1">
        <v>4.90701977E8</v>
      </c>
      <c r="B16999" s="2">
        <v>15791.0</v>
      </c>
      <c r="C16999" s="1" t="s">
        <v>5</v>
      </c>
      <c r="D16999" s="1" t="s">
        <v>11</v>
      </c>
      <c r="E16999" s="1" t="s">
        <v>7</v>
      </c>
    </row>
    <row r="17000">
      <c r="A17000" s="1">
        <v>4.90701981E8</v>
      </c>
      <c r="B17000" s="2">
        <v>15721.0</v>
      </c>
      <c r="C17000" s="1" t="s">
        <v>5</v>
      </c>
      <c r="D17000" s="1" t="s">
        <v>11</v>
      </c>
      <c r="E17000" s="1" t="s">
        <v>7</v>
      </c>
    </row>
    <row r="17001">
      <c r="A17001" s="1">
        <v>4.90702061E8</v>
      </c>
      <c r="B17001" s="2">
        <v>15710.0</v>
      </c>
      <c r="C17001" s="1" t="s">
        <v>5</v>
      </c>
      <c r="D17001" s="1" t="s">
        <v>14489</v>
      </c>
      <c r="E17001" s="1" t="s">
        <v>7</v>
      </c>
    </row>
    <row r="17002">
      <c r="A17002" s="1">
        <v>4.90702062E8</v>
      </c>
      <c r="B17002" s="2">
        <v>15718.0</v>
      </c>
      <c r="C17002" s="1" t="s">
        <v>5</v>
      </c>
      <c r="D17002" s="1" t="s">
        <v>14490</v>
      </c>
      <c r="E17002" s="1" t="s">
        <v>11</v>
      </c>
    </row>
    <row r="17003">
      <c r="A17003" s="1">
        <v>4.90702069E8</v>
      </c>
      <c r="B17003" s="2">
        <v>15786.0</v>
      </c>
      <c r="C17003" s="1" t="s">
        <v>5</v>
      </c>
      <c r="D17003" s="1" t="s">
        <v>14491</v>
      </c>
      <c r="E17003" s="1" t="s">
        <v>7</v>
      </c>
    </row>
    <row r="17004">
      <c r="A17004" s="1">
        <v>4.90702144E8</v>
      </c>
      <c r="B17004" s="2">
        <v>15720.0</v>
      </c>
      <c r="C17004" s="1" t="s">
        <v>5</v>
      </c>
      <c r="D17004" s="1" t="s">
        <v>7</v>
      </c>
      <c r="E17004" s="1" t="s">
        <v>7</v>
      </c>
    </row>
    <row r="17005">
      <c r="A17005" s="1">
        <v>4.90702235E8</v>
      </c>
      <c r="B17005" s="2">
        <v>15726.0</v>
      </c>
      <c r="C17005" s="1" t="s">
        <v>5</v>
      </c>
      <c r="D17005" s="1" t="s">
        <v>14492</v>
      </c>
      <c r="E17005" s="1" t="s">
        <v>7</v>
      </c>
    </row>
    <row r="17006">
      <c r="A17006" s="1">
        <v>4.90702387E8</v>
      </c>
      <c r="B17006" s="2">
        <v>15726.0</v>
      </c>
      <c r="C17006" s="1" t="s">
        <v>5</v>
      </c>
      <c r="D17006" s="1" t="s">
        <v>11</v>
      </c>
      <c r="E17006" s="1" t="s">
        <v>7</v>
      </c>
    </row>
    <row r="17007">
      <c r="A17007" s="1">
        <v>4.9070241E8</v>
      </c>
      <c r="B17007" s="2">
        <v>15788.0</v>
      </c>
      <c r="C17007" s="1" t="s">
        <v>5</v>
      </c>
      <c r="D17007" s="1" t="s">
        <v>14493</v>
      </c>
      <c r="E17007" s="1" t="s">
        <v>7</v>
      </c>
    </row>
    <row r="17008">
      <c r="A17008" s="1">
        <v>4.90702413E8</v>
      </c>
      <c r="B17008" s="2">
        <v>15826.0</v>
      </c>
      <c r="C17008" s="1" t="s">
        <v>5</v>
      </c>
      <c r="D17008" s="1" t="s">
        <v>11</v>
      </c>
      <c r="E17008" s="1" t="s">
        <v>7</v>
      </c>
    </row>
    <row r="17009">
      <c r="A17009" s="1">
        <v>4.90702427E8</v>
      </c>
      <c r="B17009" s="2">
        <v>15707.0</v>
      </c>
      <c r="C17009" s="1" t="s">
        <v>5</v>
      </c>
      <c r="D17009" s="1" t="s">
        <v>14494</v>
      </c>
      <c r="E17009" s="1" t="s">
        <v>11</v>
      </c>
    </row>
    <row r="17010">
      <c r="A17010" s="1">
        <v>4.90702435E8</v>
      </c>
      <c r="B17010" s="2">
        <v>15709.0</v>
      </c>
      <c r="C17010" s="1" t="s">
        <v>5</v>
      </c>
      <c r="D17010" s="1" t="s">
        <v>14495</v>
      </c>
      <c r="E17010" s="1" t="s">
        <v>14496</v>
      </c>
    </row>
    <row r="17011">
      <c r="A17011" s="1">
        <v>4.90702537E8</v>
      </c>
      <c r="B17011" s="2">
        <v>15765.0</v>
      </c>
      <c r="C17011" s="1" t="s">
        <v>5</v>
      </c>
      <c r="D17011" s="1" t="s">
        <v>14497</v>
      </c>
      <c r="E17011" s="1" t="s">
        <v>11</v>
      </c>
    </row>
    <row r="17012">
      <c r="A17012" s="1">
        <v>4.90702617E8</v>
      </c>
      <c r="B17012" s="2">
        <v>15768.0</v>
      </c>
      <c r="C17012" s="1" t="s">
        <v>5</v>
      </c>
      <c r="D17012" s="1" t="s">
        <v>11</v>
      </c>
      <c r="E17012" s="1" t="s">
        <v>7</v>
      </c>
    </row>
    <row r="17013">
      <c r="A17013" s="1">
        <v>4.90702667E8</v>
      </c>
      <c r="B17013" s="2">
        <v>15716.0</v>
      </c>
      <c r="C17013" s="1" t="s">
        <v>5</v>
      </c>
      <c r="D17013" s="1" t="s">
        <v>14498</v>
      </c>
      <c r="E17013" s="1" t="s">
        <v>7</v>
      </c>
    </row>
    <row r="17014">
      <c r="A17014" s="1">
        <v>4.90702668E8</v>
      </c>
      <c r="B17014" s="2">
        <v>15824.0</v>
      </c>
      <c r="C17014" s="1" t="s">
        <v>5</v>
      </c>
      <c r="D17014" s="1" t="s">
        <v>14499</v>
      </c>
      <c r="E17014" s="1" t="s">
        <v>14500</v>
      </c>
    </row>
    <row r="17015">
      <c r="A17015" s="1">
        <v>4.90702703E8</v>
      </c>
      <c r="B17015" s="2">
        <v>15784.0</v>
      </c>
      <c r="C17015" s="1" t="s">
        <v>5</v>
      </c>
      <c r="D17015" s="1" t="s">
        <v>14501</v>
      </c>
      <c r="E17015" s="1" t="s">
        <v>7</v>
      </c>
    </row>
    <row r="17016">
      <c r="A17016" s="1">
        <v>4.90702749E8</v>
      </c>
      <c r="B17016" s="2">
        <v>15708.0</v>
      </c>
      <c r="C17016" s="1" t="s">
        <v>5</v>
      </c>
      <c r="D17016" s="1" t="s">
        <v>14502</v>
      </c>
      <c r="E17016" s="1" t="s">
        <v>11</v>
      </c>
    </row>
    <row r="17017">
      <c r="A17017" s="1">
        <v>4.90702781E8</v>
      </c>
      <c r="B17017" s="2">
        <v>15780.0</v>
      </c>
      <c r="C17017" s="1" t="s">
        <v>5</v>
      </c>
      <c r="D17017" s="1" t="s">
        <v>11</v>
      </c>
      <c r="E17017" s="1" t="s">
        <v>7</v>
      </c>
    </row>
    <row r="17018">
      <c r="A17018" s="1">
        <v>4.90702786E8</v>
      </c>
      <c r="B17018" s="2">
        <v>15713.0</v>
      </c>
      <c r="C17018" s="1" t="s">
        <v>5</v>
      </c>
      <c r="D17018" s="1" t="s">
        <v>14503</v>
      </c>
      <c r="E17018" s="1" t="s">
        <v>14504</v>
      </c>
    </row>
    <row r="17019">
      <c r="A17019" s="1">
        <v>4.90702808E8</v>
      </c>
      <c r="B17019" s="2">
        <v>15712.0</v>
      </c>
      <c r="C17019" s="1" t="s">
        <v>5</v>
      </c>
      <c r="D17019" s="1" t="s">
        <v>14505</v>
      </c>
      <c r="E17019" s="1" t="s">
        <v>7</v>
      </c>
    </row>
    <row r="17020">
      <c r="A17020" s="1">
        <v>4.9070282E8</v>
      </c>
      <c r="B17020" s="2">
        <v>15824.0</v>
      </c>
      <c r="C17020" s="1" t="s">
        <v>5</v>
      </c>
      <c r="D17020" s="1" t="s">
        <v>14506</v>
      </c>
      <c r="E17020" s="1" t="s">
        <v>11</v>
      </c>
    </row>
    <row r="17021">
      <c r="A17021" s="1">
        <v>4.90702841E8</v>
      </c>
      <c r="B17021" s="2">
        <v>15735.0</v>
      </c>
      <c r="C17021" s="1" t="s">
        <v>5</v>
      </c>
      <c r="D17021" s="1" t="s">
        <v>14507</v>
      </c>
      <c r="E17021" s="1" t="s">
        <v>14508</v>
      </c>
    </row>
    <row r="17022">
      <c r="A17022" s="1">
        <v>4.90702942E8</v>
      </c>
      <c r="B17022" s="2">
        <v>15815.0</v>
      </c>
      <c r="C17022" s="1" t="s">
        <v>5</v>
      </c>
      <c r="D17022" s="1" t="s">
        <v>14509</v>
      </c>
      <c r="E17022" s="1" t="s">
        <v>7</v>
      </c>
    </row>
    <row r="17023">
      <c r="A17023" s="1">
        <v>4.90702943E8</v>
      </c>
      <c r="B17023" s="2">
        <v>15779.0</v>
      </c>
      <c r="C17023" s="1" t="s">
        <v>5</v>
      </c>
      <c r="D17023" s="1" t="s">
        <v>11</v>
      </c>
      <c r="E17023" s="1" t="s">
        <v>7</v>
      </c>
    </row>
    <row r="17024">
      <c r="A17024" s="1">
        <v>4.90702998E8</v>
      </c>
      <c r="B17024" s="2">
        <v>15765.0</v>
      </c>
      <c r="C17024" s="1" t="s">
        <v>5</v>
      </c>
      <c r="D17024" s="1" t="s">
        <v>14510</v>
      </c>
      <c r="E17024" s="1" t="s">
        <v>7</v>
      </c>
    </row>
    <row r="17025">
      <c r="A17025" s="1">
        <v>4.907031E8</v>
      </c>
      <c r="B17025" s="2">
        <v>15716.0</v>
      </c>
      <c r="C17025" s="1" t="s">
        <v>5</v>
      </c>
      <c r="D17025" s="1" t="s">
        <v>14511</v>
      </c>
      <c r="E17025" s="1" t="s">
        <v>7</v>
      </c>
    </row>
    <row r="17026">
      <c r="A17026" s="1">
        <v>4.90703137E8</v>
      </c>
      <c r="B17026" s="2">
        <v>15715.0</v>
      </c>
      <c r="C17026" s="1" t="s">
        <v>5</v>
      </c>
      <c r="D17026" s="1" t="s">
        <v>11</v>
      </c>
      <c r="E17026" s="1" t="s">
        <v>7</v>
      </c>
    </row>
    <row r="17027">
      <c r="A17027" s="1">
        <v>4.9070314E8</v>
      </c>
      <c r="B17027" s="2">
        <v>15766.0</v>
      </c>
      <c r="C17027" s="1" t="s">
        <v>5</v>
      </c>
      <c r="D17027" s="1" t="s">
        <v>14512</v>
      </c>
      <c r="E17027" s="1" t="s">
        <v>11</v>
      </c>
    </row>
    <row r="17028">
      <c r="A17028" s="1">
        <v>4.90703157E8</v>
      </c>
      <c r="B17028" s="2">
        <v>15724.0</v>
      </c>
      <c r="C17028" s="1" t="s">
        <v>5</v>
      </c>
      <c r="D17028" s="1" t="s">
        <v>11</v>
      </c>
      <c r="E17028" s="1" t="s">
        <v>7</v>
      </c>
    </row>
    <row r="17029">
      <c r="A17029" s="1">
        <v>4.90703202E8</v>
      </c>
      <c r="B17029" s="2">
        <v>15781.0</v>
      </c>
      <c r="C17029" s="1" t="s">
        <v>5</v>
      </c>
      <c r="D17029" s="1" t="s">
        <v>11</v>
      </c>
      <c r="E17029" s="1" t="s">
        <v>7</v>
      </c>
    </row>
    <row r="17030">
      <c r="A17030" s="1">
        <v>4.90703208E8</v>
      </c>
      <c r="B17030" s="2">
        <v>15766.0</v>
      </c>
      <c r="C17030" s="1" t="s">
        <v>5</v>
      </c>
      <c r="D17030" s="1" t="s">
        <v>11</v>
      </c>
      <c r="E17030" s="1" t="s">
        <v>7</v>
      </c>
    </row>
    <row r="17031">
      <c r="A17031" s="1">
        <v>4.90703214E8</v>
      </c>
      <c r="B17031" s="2">
        <v>15760.0</v>
      </c>
      <c r="C17031" s="1" t="s">
        <v>5</v>
      </c>
      <c r="D17031" s="1" t="s">
        <v>14513</v>
      </c>
      <c r="E17031" s="1" t="s">
        <v>7</v>
      </c>
    </row>
    <row r="17032">
      <c r="A17032" s="1">
        <v>4.90703223E8</v>
      </c>
      <c r="B17032" s="2">
        <v>15714.0</v>
      </c>
      <c r="C17032" s="1" t="s">
        <v>5</v>
      </c>
      <c r="D17032" s="1" t="s">
        <v>14514</v>
      </c>
      <c r="E17032" s="1" t="s">
        <v>7</v>
      </c>
    </row>
    <row r="17033">
      <c r="A17033" s="1">
        <v>4.90703235E8</v>
      </c>
      <c r="B17033" s="2">
        <v>15780.0</v>
      </c>
      <c r="C17033" s="1" t="s">
        <v>5</v>
      </c>
      <c r="D17033" s="1" t="s">
        <v>14515</v>
      </c>
      <c r="E17033" s="1" t="s">
        <v>14516</v>
      </c>
    </row>
    <row r="17034">
      <c r="A17034" s="1">
        <v>4.90703252E8</v>
      </c>
      <c r="B17034" s="2">
        <v>15712.0</v>
      </c>
      <c r="C17034" s="1" t="s">
        <v>5</v>
      </c>
      <c r="D17034" s="1" t="s">
        <v>14517</v>
      </c>
      <c r="E17034" s="1" t="s">
        <v>7</v>
      </c>
    </row>
    <row r="17035">
      <c r="A17035" s="1">
        <v>4.90703307E8</v>
      </c>
      <c r="B17035" s="2">
        <v>15786.0</v>
      </c>
      <c r="C17035" s="1" t="s">
        <v>5</v>
      </c>
      <c r="D17035" s="1" t="s">
        <v>14518</v>
      </c>
      <c r="E17035" s="1" t="s">
        <v>7</v>
      </c>
    </row>
    <row r="17036">
      <c r="A17036" s="1">
        <v>4.90703316E8</v>
      </c>
      <c r="B17036" s="2">
        <v>15719.0</v>
      </c>
      <c r="C17036" s="1" t="s">
        <v>5</v>
      </c>
      <c r="D17036" s="1" t="s">
        <v>14519</v>
      </c>
      <c r="E17036" s="1" t="s">
        <v>7</v>
      </c>
    </row>
    <row r="17037">
      <c r="A17037" s="1">
        <v>4.90703321E8</v>
      </c>
      <c r="B17037" s="2">
        <v>15782.0</v>
      </c>
      <c r="C17037" s="1" t="s">
        <v>5</v>
      </c>
      <c r="D17037" s="1" t="s">
        <v>14520</v>
      </c>
      <c r="E17037" s="1" t="s">
        <v>7</v>
      </c>
    </row>
    <row r="17038">
      <c r="A17038" s="1">
        <v>4.9070334E8</v>
      </c>
      <c r="B17038" s="2">
        <v>15760.0</v>
      </c>
      <c r="C17038" s="1" t="s">
        <v>5</v>
      </c>
      <c r="D17038" s="1" t="s">
        <v>14521</v>
      </c>
      <c r="E17038" s="1" t="s">
        <v>7</v>
      </c>
    </row>
    <row r="17039">
      <c r="A17039" s="1">
        <v>4.90703347E8</v>
      </c>
      <c r="B17039" s="2">
        <v>15814.0</v>
      </c>
      <c r="C17039" s="1" t="s">
        <v>5</v>
      </c>
      <c r="D17039" s="1" t="s">
        <v>11</v>
      </c>
      <c r="E17039" s="1" t="s">
        <v>7</v>
      </c>
    </row>
    <row r="17040">
      <c r="A17040" s="1">
        <v>4.90703362E8</v>
      </c>
      <c r="B17040" s="2">
        <v>15732.0</v>
      </c>
      <c r="C17040" s="1" t="s">
        <v>5</v>
      </c>
      <c r="D17040" s="1" t="s">
        <v>11</v>
      </c>
      <c r="E17040" s="1" t="s">
        <v>7</v>
      </c>
    </row>
    <row r="17041">
      <c r="A17041" s="1">
        <v>4.90703393E8</v>
      </c>
      <c r="B17041" s="2">
        <v>15709.0</v>
      </c>
      <c r="C17041" s="1" t="s">
        <v>5</v>
      </c>
      <c r="D17041" s="1" t="s">
        <v>11</v>
      </c>
      <c r="E17041" s="1" t="s">
        <v>7</v>
      </c>
    </row>
    <row r="17042">
      <c r="A17042" s="1">
        <v>4.9070345E8</v>
      </c>
      <c r="B17042" s="2">
        <v>15825.0</v>
      </c>
      <c r="C17042" s="1" t="s">
        <v>5</v>
      </c>
      <c r="D17042" s="1" t="s">
        <v>14522</v>
      </c>
      <c r="E17042" s="1" t="s">
        <v>7</v>
      </c>
    </row>
    <row r="17043">
      <c r="A17043" s="1">
        <v>4.90703513E8</v>
      </c>
      <c r="B17043" s="2">
        <v>15812.0</v>
      </c>
      <c r="C17043" s="1" t="s">
        <v>5</v>
      </c>
      <c r="D17043" s="1" t="s">
        <v>14523</v>
      </c>
      <c r="E17043" s="1" t="s">
        <v>7</v>
      </c>
    </row>
    <row r="17044">
      <c r="A17044" s="1">
        <v>4.90703557E8</v>
      </c>
      <c r="B17044" s="2">
        <v>15811.0</v>
      </c>
      <c r="C17044" s="1" t="s">
        <v>5</v>
      </c>
      <c r="D17044" s="1" t="s">
        <v>11</v>
      </c>
      <c r="E17044" s="1" t="s">
        <v>7</v>
      </c>
    </row>
    <row r="17045">
      <c r="A17045" s="1">
        <v>4.90703568E8</v>
      </c>
      <c r="B17045" s="2">
        <v>15709.0</v>
      </c>
      <c r="C17045" s="1" t="s">
        <v>5</v>
      </c>
      <c r="D17045" s="1" t="s">
        <v>14524</v>
      </c>
      <c r="E17045" s="1" t="s">
        <v>14525</v>
      </c>
    </row>
    <row r="17046">
      <c r="A17046" s="1">
        <v>4.90703593E8</v>
      </c>
      <c r="B17046" s="2">
        <v>15786.0</v>
      </c>
      <c r="C17046" s="1" t="s">
        <v>5</v>
      </c>
      <c r="D17046" s="1" t="s">
        <v>14526</v>
      </c>
      <c r="E17046" s="1" t="s">
        <v>7</v>
      </c>
    </row>
    <row r="17047">
      <c r="A17047" s="1">
        <v>4.90703627E8</v>
      </c>
      <c r="B17047" s="2">
        <v>15756.0</v>
      </c>
      <c r="C17047" s="1" t="s">
        <v>5</v>
      </c>
      <c r="D17047" s="1" t="s">
        <v>14527</v>
      </c>
      <c r="E17047" s="1" t="s">
        <v>7</v>
      </c>
    </row>
    <row r="17048">
      <c r="A17048" s="1">
        <v>4.90703684E8</v>
      </c>
      <c r="B17048" s="2">
        <v>15713.0</v>
      </c>
      <c r="C17048" s="1" t="s">
        <v>5</v>
      </c>
      <c r="D17048" s="1" t="s">
        <v>14528</v>
      </c>
      <c r="E17048" s="1" t="s">
        <v>7</v>
      </c>
    </row>
    <row r="17049">
      <c r="A17049" s="1">
        <v>4.90703821E8</v>
      </c>
      <c r="B17049" s="2">
        <v>15818.0</v>
      </c>
      <c r="C17049" s="1" t="s">
        <v>5</v>
      </c>
      <c r="D17049" s="1" t="s">
        <v>14529</v>
      </c>
      <c r="E17049" s="1" t="s">
        <v>7</v>
      </c>
    </row>
    <row r="17050">
      <c r="A17050" s="1">
        <v>4.90703838E8</v>
      </c>
      <c r="B17050" s="2">
        <v>15761.0</v>
      </c>
      <c r="C17050" s="1" t="s">
        <v>5</v>
      </c>
      <c r="D17050" s="1" t="s">
        <v>11</v>
      </c>
      <c r="E17050" s="1" t="s">
        <v>7</v>
      </c>
    </row>
    <row r="17051">
      <c r="A17051" s="1">
        <v>4.90703873E8</v>
      </c>
      <c r="B17051" s="2">
        <v>15709.0</v>
      </c>
      <c r="C17051" s="1" t="s">
        <v>5</v>
      </c>
      <c r="D17051" s="1" t="s">
        <v>14530</v>
      </c>
      <c r="E17051" s="1" t="s">
        <v>11</v>
      </c>
    </row>
    <row r="17052">
      <c r="A17052" s="1">
        <v>4.90703902E8</v>
      </c>
      <c r="B17052" s="2">
        <v>15727.0</v>
      </c>
      <c r="C17052" s="1" t="s">
        <v>5</v>
      </c>
      <c r="D17052" s="1" t="s">
        <v>14531</v>
      </c>
      <c r="E17052" s="1" t="s">
        <v>7</v>
      </c>
    </row>
    <row r="17053">
      <c r="A17053" s="1">
        <v>4.90703942E8</v>
      </c>
      <c r="B17053" s="2">
        <v>15825.0</v>
      </c>
      <c r="C17053" s="1" t="s">
        <v>5</v>
      </c>
      <c r="D17053" s="1" t="s">
        <v>14532</v>
      </c>
      <c r="E17053" s="1" t="s">
        <v>7</v>
      </c>
    </row>
    <row r="17054">
      <c r="A17054" s="1">
        <v>4.90703943E8</v>
      </c>
      <c r="B17054" s="2">
        <v>15784.0</v>
      </c>
      <c r="C17054" s="1" t="s">
        <v>5</v>
      </c>
      <c r="D17054" s="1" t="s">
        <v>11</v>
      </c>
      <c r="E17054" s="1" t="s">
        <v>7</v>
      </c>
    </row>
    <row r="17055">
      <c r="A17055" s="1">
        <v>4.90703974E8</v>
      </c>
      <c r="B17055" s="2">
        <v>15765.0</v>
      </c>
      <c r="C17055" s="1" t="s">
        <v>5</v>
      </c>
      <c r="D17055" s="1" t="s">
        <v>11</v>
      </c>
      <c r="E17055" s="1" t="s">
        <v>7</v>
      </c>
    </row>
    <row r="17056">
      <c r="A17056" s="1">
        <v>4.90703977E8</v>
      </c>
      <c r="B17056" s="2">
        <v>15753.0</v>
      </c>
      <c r="C17056" s="1" t="s">
        <v>5</v>
      </c>
      <c r="D17056" s="1" t="s">
        <v>14533</v>
      </c>
      <c r="E17056" s="1" t="s">
        <v>11</v>
      </c>
    </row>
    <row r="17057">
      <c r="A17057" s="1">
        <v>4.90704053E8</v>
      </c>
      <c r="B17057" s="2">
        <v>15821.0</v>
      </c>
      <c r="C17057" s="1" t="s">
        <v>5</v>
      </c>
      <c r="D17057" s="1" t="s">
        <v>11</v>
      </c>
      <c r="E17057" s="1" t="s">
        <v>7</v>
      </c>
    </row>
    <row r="17058">
      <c r="A17058" s="1">
        <v>4.90704131E8</v>
      </c>
      <c r="B17058" s="2">
        <v>15784.0</v>
      </c>
      <c r="C17058" s="1" t="s">
        <v>5</v>
      </c>
      <c r="D17058" s="1" t="s">
        <v>11</v>
      </c>
      <c r="E17058" s="1" t="s">
        <v>7</v>
      </c>
    </row>
    <row r="17059">
      <c r="A17059" s="1">
        <v>4.90704132E8</v>
      </c>
      <c r="B17059" s="2">
        <v>15751.0</v>
      </c>
      <c r="C17059" s="1" t="s">
        <v>5</v>
      </c>
      <c r="D17059" s="1" t="s">
        <v>14534</v>
      </c>
      <c r="E17059" s="1" t="s">
        <v>7</v>
      </c>
    </row>
    <row r="17060">
      <c r="A17060" s="1">
        <v>4.90704143E8</v>
      </c>
      <c r="B17060" s="2">
        <v>15820.0</v>
      </c>
      <c r="C17060" s="1" t="s">
        <v>5</v>
      </c>
      <c r="D17060" s="1" t="s">
        <v>14535</v>
      </c>
      <c r="E17060" s="1" t="s">
        <v>7</v>
      </c>
    </row>
    <row r="17061">
      <c r="A17061" s="1">
        <v>4.90704165E8</v>
      </c>
      <c r="B17061" s="2">
        <v>15709.0</v>
      </c>
      <c r="C17061" s="1" t="s">
        <v>5</v>
      </c>
      <c r="D17061" s="1" t="s">
        <v>14536</v>
      </c>
      <c r="E17061" s="1" t="s">
        <v>7</v>
      </c>
    </row>
    <row r="17062">
      <c r="A17062" s="1">
        <v>4.90704166E8</v>
      </c>
      <c r="B17062" s="2">
        <v>15764.0</v>
      </c>
      <c r="C17062" s="1" t="s">
        <v>5</v>
      </c>
      <c r="D17062" s="1" t="s">
        <v>14537</v>
      </c>
      <c r="E17062" s="1" t="s">
        <v>11</v>
      </c>
    </row>
    <row r="17063">
      <c r="A17063" s="1">
        <v>4.90704209E8</v>
      </c>
      <c r="B17063" s="2">
        <v>15779.0</v>
      </c>
      <c r="C17063" s="1" t="s">
        <v>5</v>
      </c>
      <c r="D17063" s="1" t="s">
        <v>14538</v>
      </c>
      <c r="E17063" s="1" t="s">
        <v>7</v>
      </c>
    </row>
    <row r="17064">
      <c r="A17064" s="1">
        <v>4.90704213E8</v>
      </c>
      <c r="B17064" s="2">
        <v>15751.0</v>
      </c>
      <c r="C17064" s="1" t="s">
        <v>5</v>
      </c>
      <c r="D17064" s="1" t="s">
        <v>14539</v>
      </c>
      <c r="E17064" s="1" t="s">
        <v>11</v>
      </c>
    </row>
    <row r="17065">
      <c r="A17065" s="1">
        <v>4.90704251E8</v>
      </c>
      <c r="B17065" s="2">
        <v>15784.0</v>
      </c>
      <c r="C17065" s="1" t="s">
        <v>5</v>
      </c>
      <c r="D17065" s="1" t="s">
        <v>14540</v>
      </c>
      <c r="E17065" s="1" t="s">
        <v>7</v>
      </c>
    </row>
    <row r="17066">
      <c r="A17066" s="1">
        <v>4.90704343E8</v>
      </c>
      <c r="B17066" s="2">
        <v>15708.0</v>
      </c>
      <c r="C17066" s="1" t="s">
        <v>5</v>
      </c>
      <c r="D17066" s="1" t="s">
        <v>14541</v>
      </c>
      <c r="E17066" s="1" t="s">
        <v>7</v>
      </c>
    </row>
    <row r="17067">
      <c r="A17067" s="1">
        <v>4.907044E8</v>
      </c>
      <c r="B17067" s="2">
        <v>15708.0</v>
      </c>
      <c r="C17067" s="1" t="s">
        <v>5</v>
      </c>
      <c r="D17067" s="1" t="s">
        <v>14542</v>
      </c>
      <c r="E17067" s="1" t="s">
        <v>11</v>
      </c>
    </row>
    <row r="17068">
      <c r="A17068" s="1">
        <v>4.90704485E8</v>
      </c>
      <c r="B17068" s="2">
        <v>15778.0</v>
      </c>
      <c r="C17068" s="1" t="s">
        <v>5</v>
      </c>
      <c r="D17068" s="1" t="s">
        <v>11</v>
      </c>
      <c r="E17068" s="1" t="s">
        <v>7</v>
      </c>
    </row>
    <row r="17069">
      <c r="A17069" s="1">
        <v>4.90704497E8</v>
      </c>
      <c r="B17069" s="2">
        <v>15763.0</v>
      </c>
      <c r="C17069" s="1" t="s">
        <v>5</v>
      </c>
      <c r="D17069" s="1" t="s">
        <v>11</v>
      </c>
      <c r="E17069" s="1" t="s">
        <v>7</v>
      </c>
    </row>
    <row r="17070">
      <c r="A17070" s="1">
        <v>4.90704502E8</v>
      </c>
      <c r="B17070" s="2">
        <v>15707.0</v>
      </c>
      <c r="C17070" s="1" t="s">
        <v>5</v>
      </c>
      <c r="D17070" s="1" t="s">
        <v>14543</v>
      </c>
      <c r="E17070" s="1" t="s">
        <v>7</v>
      </c>
    </row>
    <row r="17071">
      <c r="A17071" s="1">
        <v>4.90704504E8</v>
      </c>
      <c r="B17071" s="2">
        <v>15783.0</v>
      </c>
      <c r="C17071" s="1" t="s">
        <v>5</v>
      </c>
      <c r="D17071" s="1" t="s">
        <v>11</v>
      </c>
      <c r="E17071" s="1" t="s">
        <v>7</v>
      </c>
    </row>
    <row r="17072">
      <c r="A17072" s="1">
        <v>4.90704508E8</v>
      </c>
      <c r="B17072" s="2">
        <v>15820.0</v>
      </c>
      <c r="C17072" s="1" t="s">
        <v>5</v>
      </c>
      <c r="D17072" s="1" t="s">
        <v>11</v>
      </c>
      <c r="E17072" s="1" t="s">
        <v>7</v>
      </c>
    </row>
    <row r="17073">
      <c r="A17073" s="1">
        <v>4.90704619E8</v>
      </c>
      <c r="B17073" s="2">
        <v>15715.0</v>
      </c>
      <c r="C17073" s="1" t="s">
        <v>5</v>
      </c>
      <c r="D17073" s="1" t="s">
        <v>14544</v>
      </c>
      <c r="E17073" s="1" t="s">
        <v>7</v>
      </c>
    </row>
    <row r="17074">
      <c r="A17074" s="1">
        <v>4.90704633E8</v>
      </c>
      <c r="B17074" s="2">
        <v>15768.0</v>
      </c>
      <c r="C17074" s="1" t="s">
        <v>5</v>
      </c>
      <c r="D17074" s="1" t="s">
        <v>14545</v>
      </c>
      <c r="E17074" s="1" t="s">
        <v>7</v>
      </c>
    </row>
    <row r="17075">
      <c r="A17075" s="1">
        <v>4.90704661E8</v>
      </c>
      <c r="B17075" s="2">
        <v>15777.0</v>
      </c>
      <c r="C17075" s="1" t="s">
        <v>5</v>
      </c>
      <c r="D17075" s="1" t="s">
        <v>14546</v>
      </c>
      <c r="E17075" s="1" t="s">
        <v>7</v>
      </c>
    </row>
    <row r="17076">
      <c r="A17076" s="1">
        <v>4.90704681E8</v>
      </c>
      <c r="B17076" s="2">
        <v>15777.0</v>
      </c>
      <c r="C17076" s="1" t="s">
        <v>5</v>
      </c>
      <c r="D17076" s="1" t="s">
        <v>11</v>
      </c>
      <c r="E17076" s="1" t="s">
        <v>7</v>
      </c>
    </row>
    <row r="17077">
      <c r="A17077" s="1">
        <v>4.90704969E8</v>
      </c>
      <c r="B17077" s="2">
        <v>15780.0</v>
      </c>
      <c r="C17077" s="1" t="s">
        <v>5</v>
      </c>
      <c r="D17077" s="1" t="s">
        <v>14547</v>
      </c>
      <c r="E17077" s="1" t="s">
        <v>7</v>
      </c>
    </row>
    <row r="17078">
      <c r="A17078" s="1">
        <v>4.90704988E8</v>
      </c>
      <c r="B17078" s="2">
        <v>15761.0</v>
      </c>
      <c r="C17078" s="1" t="s">
        <v>5</v>
      </c>
      <c r="D17078" s="1" t="s">
        <v>14548</v>
      </c>
      <c r="E17078" s="1" t="s">
        <v>7</v>
      </c>
    </row>
    <row r="17079">
      <c r="A17079" s="1">
        <v>4.90705143E8</v>
      </c>
      <c r="B17079" s="2">
        <v>15709.0</v>
      </c>
      <c r="C17079" s="1" t="s">
        <v>5</v>
      </c>
      <c r="D17079" s="1" t="s">
        <v>14549</v>
      </c>
      <c r="E17079" s="1" t="s">
        <v>11</v>
      </c>
    </row>
    <row r="17080">
      <c r="A17080" s="1">
        <v>4.90705233E8</v>
      </c>
      <c r="B17080" s="2">
        <v>15762.0</v>
      </c>
      <c r="C17080" s="1" t="s">
        <v>5</v>
      </c>
      <c r="D17080" s="1" t="s">
        <v>11</v>
      </c>
      <c r="E17080" s="1" t="s">
        <v>7</v>
      </c>
    </row>
    <row r="17081">
      <c r="A17081" s="1">
        <v>4.90705243E8</v>
      </c>
      <c r="B17081" s="2">
        <v>15758.0</v>
      </c>
      <c r="C17081" s="1" t="s">
        <v>5</v>
      </c>
      <c r="D17081" s="1" t="s">
        <v>14550</v>
      </c>
      <c r="E17081" s="1" t="s">
        <v>7</v>
      </c>
    </row>
    <row r="17082">
      <c r="A17082" s="1">
        <v>4.90705306E8</v>
      </c>
      <c r="B17082" s="2">
        <v>15710.0</v>
      </c>
      <c r="C17082" s="1" t="s">
        <v>5</v>
      </c>
      <c r="D17082" s="1" t="s">
        <v>14551</v>
      </c>
      <c r="E17082" s="1" t="s">
        <v>7</v>
      </c>
    </row>
    <row r="17083">
      <c r="A17083" s="1">
        <v>4.90705331E8</v>
      </c>
      <c r="B17083" s="2">
        <v>15778.0</v>
      </c>
      <c r="C17083" s="1" t="s">
        <v>5</v>
      </c>
      <c r="D17083" s="1" t="s">
        <v>14552</v>
      </c>
      <c r="E17083" s="1" t="s">
        <v>7</v>
      </c>
    </row>
    <row r="17084">
      <c r="A17084" s="1">
        <v>4.90705342E8</v>
      </c>
      <c r="B17084" s="2">
        <v>15772.0</v>
      </c>
      <c r="C17084" s="1" t="s">
        <v>5</v>
      </c>
      <c r="D17084" s="1" t="s">
        <v>11</v>
      </c>
      <c r="E17084" s="1" t="s">
        <v>7</v>
      </c>
    </row>
    <row r="17085">
      <c r="A17085" s="1">
        <v>4.90705374E8</v>
      </c>
      <c r="B17085" s="2">
        <v>15711.0</v>
      </c>
      <c r="C17085" s="1" t="s">
        <v>5</v>
      </c>
      <c r="D17085" s="1" t="s">
        <v>11</v>
      </c>
      <c r="E17085" s="1" t="s">
        <v>7</v>
      </c>
    </row>
    <row r="17086">
      <c r="A17086" s="1">
        <v>4.90705403E8</v>
      </c>
      <c r="B17086" s="2">
        <v>15758.0</v>
      </c>
      <c r="C17086" s="1" t="s">
        <v>5</v>
      </c>
      <c r="D17086" s="1" t="s">
        <v>14553</v>
      </c>
      <c r="E17086" s="1" t="s">
        <v>7</v>
      </c>
    </row>
    <row r="17087">
      <c r="A17087" s="1">
        <v>4.90705408E8</v>
      </c>
      <c r="B17087" s="2">
        <v>15717.0</v>
      </c>
      <c r="C17087" s="1" t="s">
        <v>5</v>
      </c>
      <c r="D17087" s="1" t="s">
        <v>14554</v>
      </c>
      <c r="E17087" s="1" t="s">
        <v>7</v>
      </c>
    </row>
    <row r="17088">
      <c r="A17088" s="1">
        <v>4.90705532E8</v>
      </c>
      <c r="B17088" s="2">
        <v>15709.0</v>
      </c>
      <c r="C17088" s="1" t="s">
        <v>5</v>
      </c>
      <c r="D17088" s="1" t="s">
        <v>14555</v>
      </c>
      <c r="E17088" s="1" t="s">
        <v>11</v>
      </c>
    </row>
    <row r="17089">
      <c r="A17089" s="1">
        <v>4.90705557E8</v>
      </c>
      <c r="B17089" s="2">
        <v>15749.0</v>
      </c>
      <c r="C17089" s="1" t="s">
        <v>5</v>
      </c>
      <c r="D17089" s="1" t="s">
        <v>14556</v>
      </c>
      <c r="E17089" s="1" t="s">
        <v>7</v>
      </c>
    </row>
    <row r="17090">
      <c r="A17090" s="1">
        <v>4.90705624E8</v>
      </c>
      <c r="B17090" s="2">
        <v>15708.0</v>
      </c>
      <c r="C17090" s="1" t="s">
        <v>5</v>
      </c>
      <c r="D17090" s="1" t="s">
        <v>14557</v>
      </c>
      <c r="E17090" s="1" t="s">
        <v>11</v>
      </c>
    </row>
    <row r="17091">
      <c r="A17091" s="1">
        <v>4.90705629E8</v>
      </c>
      <c r="B17091" s="2">
        <v>15805.0</v>
      </c>
      <c r="C17091" s="1" t="s">
        <v>5</v>
      </c>
      <c r="D17091" s="1" t="s">
        <v>14558</v>
      </c>
      <c r="E17091" s="1" t="s">
        <v>7</v>
      </c>
    </row>
    <row r="17092">
      <c r="A17092" s="1">
        <v>4.90705678E8</v>
      </c>
      <c r="B17092" s="2">
        <v>15798.0</v>
      </c>
      <c r="C17092" s="1" t="s">
        <v>5</v>
      </c>
      <c r="D17092" s="1" t="s">
        <v>14559</v>
      </c>
      <c r="E17092" s="1" t="s">
        <v>11</v>
      </c>
    </row>
    <row r="17093">
      <c r="A17093" s="1">
        <v>4.90705758E8</v>
      </c>
      <c r="B17093" s="2">
        <v>15740.0</v>
      </c>
      <c r="C17093" s="1" t="s">
        <v>5</v>
      </c>
      <c r="D17093" s="1" t="s">
        <v>14560</v>
      </c>
      <c r="E17093" s="1" t="s">
        <v>11</v>
      </c>
    </row>
    <row r="17094">
      <c r="A17094" s="1">
        <v>4.90705769E8</v>
      </c>
      <c r="B17094" s="2">
        <v>15809.0</v>
      </c>
      <c r="C17094" s="1" t="s">
        <v>5</v>
      </c>
      <c r="D17094" s="1" t="s">
        <v>14561</v>
      </c>
      <c r="E17094" s="1" t="s">
        <v>7</v>
      </c>
    </row>
    <row r="17095">
      <c r="A17095" s="1">
        <v>4.90705793E8</v>
      </c>
      <c r="B17095" s="2">
        <v>15809.0</v>
      </c>
      <c r="C17095" s="1" t="s">
        <v>5</v>
      </c>
      <c r="D17095" s="1" t="s">
        <v>14562</v>
      </c>
      <c r="E17095" s="1" t="s">
        <v>11</v>
      </c>
    </row>
    <row r="17096">
      <c r="A17096" s="1">
        <v>4.90705829E8</v>
      </c>
      <c r="B17096" s="2">
        <v>15709.0</v>
      </c>
      <c r="C17096" s="1" t="s">
        <v>5</v>
      </c>
      <c r="D17096" s="1" t="s">
        <v>14563</v>
      </c>
      <c r="E17096" s="1" t="s">
        <v>11</v>
      </c>
    </row>
    <row r="17097">
      <c r="A17097" s="1">
        <v>4.90705838E8</v>
      </c>
      <c r="B17097" s="2">
        <v>15770.0</v>
      </c>
      <c r="C17097" s="1" t="s">
        <v>5</v>
      </c>
      <c r="D17097" s="1" t="s">
        <v>14564</v>
      </c>
      <c r="E17097" s="1" t="s">
        <v>7</v>
      </c>
    </row>
    <row r="17098">
      <c r="A17098" s="1">
        <v>4.90705841E8</v>
      </c>
      <c r="B17098" s="2">
        <v>15824.0</v>
      </c>
      <c r="C17098" s="1" t="s">
        <v>5</v>
      </c>
      <c r="D17098" s="1" t="s">
        <v>14565</v>
      </c>
      <c r="E17098" s="1" t="s">
        <v>11</v>
      </c>
    </row>
    <row r="17099">
      <c r="A17099" s="1">
        <v>4.90705921E8</v>
      </c>
      <c r="B17099" s="2">
        <v>15774.0</v>
      </c>
      <c r="C17099" s="1" t="s">
        <v>5</v>
      </c>
      <c r="D17099" s="1" t="s">
        <v>14566</v>
      </c>
      <c r="E17099" s="1" t="s">
        <v>7</v>
      </c>
    </row>
    <row r="17100">
      <c r="A17100" s="1">
        <v>4.90705944E8</v>
      </c>
      <c r="B17100" s="2">
        <v>15812.0</v>
      </c>
      <c r="C17100" s="1" t="s">
        <v>5</v>
      </c>
      <c r="D17100" s="1" t="s">
        <v>14567</v>
      </c>
      <c r="E17100" s="1" t="s">
        <v>7</v>
      </c>
    </row>
    <row r="17101">
      <c r="A17101" s="1">
        <v>4.90705997E8</v>
      </c>
      <c r="B17101" s="2">
        <v>15707.0</v>
      </c>
      <c r="C17101" s="1" t="s">
        <v>5</v>
      </c>
      <c r="D17101" s="1" t="s">
        <v>11</v>
      </c>
      <c r="E17101" s="1" t="s">
        <v>7</v>
      </c>
    </row>
    <row r="17102">
      <c r="A17102" s="1">
        <v>4.90705998E8</v>
      </c>
      <c r="B17102" s="2">
        <v>15767.0</v>
      </c>
      <c r="C17102" s="1" t="s">
        <v>5</v>
      </c>
      <c r="D17102" s="1" t="s">
        <v>14568</v>
      </c>
      <c r="E17102" s="1" t="s">
        <v>7</v>
      </c>
    </row>
    <row r="17103">
      <c r="A17103" s="1">
        <v>4.90706041E8</v>
      </c>
      <c r="B17103" s="2">
        <v>15713.0</v>
      </c>
      <c r="C17103" s="1" t="s">
        <v>5</v>
      </c>
      <c r="D17103" s="1" t="s">
        <v>11</v>
      </c>
      <c r="E17103" s="1" t="s">
        <v>7</v>
      </c>
    </row>
    <row r="17104">
      <c r="A17104" s="1">
        <v>4.90706075E8</v>
      </c>
      <c r="B17104" s="2">
        <v>15821.0</v>
      </c>
      <c r="C17104" s="1" t="s">
        <v>5</v>
      </c>
      <c r="D17104" s="1" t="s">
        <v>11</v>
      </c>
      <c r="E17104" s="1" t="s">
        <v>7</v>
      </c>
    </row>
    <row r="17105">
      <c r="A17105" s="1">
        <v>4.90706092E8</v>
      </c>
      <c r="B17105" s="2">
        <v>15760.0</v>
      </c>
      <c r="C17105" s="1" t="s">
        <v>5</v>
      </c>
      <c r="D17105" s="1" t="s">
        <v>14569</v>
      </c>
      <c r="E17105" s="1" t="s">
        <v>14570</v>
      </c>
    </row>
    <row r="17106">
      <c r="A17106" s="1">
        <v>4.90706102E8</v>
      </c>
      <c r="B17106" s="2">
        <v>15707.0</v>
      </c>
      <c r="C17106" s="1" t="s">
        <v>5</v>
      </c>
      <c r="D17106" s="1" t="s">
        <v>11</v>
      </c>
      <c r="E17106" s="1" t="s">
        <v>7</v>
      </c>
    </row>
    <row r="17107">
      <c r="A17107" s="1">
        <v>4.90706125E8</v>
      </c>
      <c r="B17107" s="2">
        <v>15751.0</v>
      </c>
      <c r="C17107" s="1" t="s">
        <v>5</v>
      </c>
      <c r="D17107" s="1" t="s">
        <v>14571</v>
      </c>
      <c r="E17107" s="1" t="s">
        <v>7</v>
      </c>
    </row>
    <row r="17108">
      <c r="A17108" s="1">
        <v>4.90706142E8</v>
      </c>
      <c r="B17108" s="2">
        <v>15820.0</v>
      </c>
      <c r="C17108" s="1" t="s">
        <v>5</v>
      </c>
      <c r="D17108" s="1" t="s">
        <v>14572</v>
      </c>
      <c r="E17108" s="1" t="s">
        <v>14573</v>
      </c>
    </row>
    <row r="17109">
      <c r="A17109" s="1">
        <v>4.90706224E8</v>
      </c>
      <c r="B17109" s="2">
        <v>15760.0</v>
      </c>
      <c r="C17109" s="1" t="s">
        <v>5</v>
      </c>
      <c r="D17109" s="1" t="s">
        <v>14574</v>
      </c>
      <c r="E17109" s="1" t="s">
        <v>11</v>
      </c>
    </row>
    <row r="17110">
      <c r="A17110" s="1">
        <v>4.90706242E8</v>
      </c>
      <c r="B17110" s="2">
        <v>15800.0</v>
      </c>
      <c r="C17110" s="1" t="s">
        <v>5</v>
      </c>
      <c r="D17110" s="1" t="s">
        <v>14575</v>
      </c>
      <c r="E17110" s="1" t="s">
        <v>7</v>
      </c>
    </row>
    <row r="17111">
      <c r="A17111" s="1">
        <v>4.90706249E8</v>
      </c>
      <c r="B17111" s="2">
        <v>15812.0</v>
      </c>
      <c r="C17111" s="1" t="s">
        <v>5</v>
      </c>
      <c r="D17111" s="1" t="s">
        <v>11</v>
      </c>
      <c r="E17111" s="1" t="s">
        <v>7</v>
      </c>
    </row>
    <row r="17112">
      <c r="A17112" s="1">
        <v>4.90706275E8</v>
      </c>
      <c r="B17112" s="3">
        <v>15854.0</v>
      </c>
      <c r="C17112" s="1" t="s">
        <v>5</v>
      </c>
      <c r="D17112" s="1" t="s">
        <v>14576</v>
      </c>
      <c r="E17112" s="1" t="s">
        <v>11</v>
      </c>
    </row>
    <row r="17113">
      <c r="A17113" s="1">
        <v>4.90706294E8</v>
      </c>
      <c r="B17113" s="2">
        <v>15807.0</v>
      </c>
      <c r="C17113" s="1" t="s">
        <v>5</v>
      </c>
      <c r="D17113" s="1" t="s">
        <v>14577</v>
      </c>
      <c r="E17113" s="1" t="s">
        <v>11</v>
      </c>
    </row>
    <row r="17114">
      <c r="A17114" s="1">
        <v>4.90706313E8</v>
      </c>
      <c r="B17114" s="2">
        <v>15759.0</v>
      </c>
      <c r="C17114" s="1" t="s">
        <v>5</v>
      </c>
      <c r="D17114" s="1" t="s">
        <v>14578</v>
      </c>
      <c r="E17114" s="1" t="s">
        <v>11</v>
      </c>
    </row>
    <row r="17115">
      <c r="A17115" s="1">
        <v>4.90706333E8</v>
      </c>
      <c r="B17115" s="2">
        <v>15748.0</v>
      </c>
      <c r="C17115" s="1" t="s">
        <v>5</v>
      </c>
      <c r="D17115" s="1" t="s">
        <v>14579</v>
      </c>
      <c r="E17115" s="1" t="s">
        <v>7</v>
      </c>
    </row>
    <row r="17116">
      <c r="A17116" s="1">
        <v>4.90706357E8</v>
      </c>
      <c r="B17116" s="2">
        <v>15771.0</v>
      </c>
      <c r="C17116" s="1" t="s">
        <v>5</v>
      </c>
      <c r="D17116" s="1" t="s">
        <v>14580</v>
      </c>
      <c r="E17116" s="1" t="s">
        <v>14581</v>
      </c>
    </row>
    <row r="17117">
      <c r="A17117" s="1">
        <v>4.90706383E8</v>
      </c>
      <c r="B17117" s="2">
        <v>15748.0</v>
      </c>
      <c r="C17117" s="1" t="s">
        <v>5</v>
      </c>
      <c r="D17117" s="1" t="s">
        <v>14582</v>
      </c>
      <c r="E17117" s="1" t="s">
        <v>11</v>
      </c>
    </row>
    <row r="17118">
      <c r="A17118" s="1">
        <v>4.90706426E8</v>
      </c>
      <c r="B17118" s="2">
        <v>15807.0</v>
      </c>
      <c r="C17118" s="1" t="s">
        <v>5</v>
      </c>
      <c r="D17118" s="1" t="s">
        <v>14583</v>
      </c>
      <c r="E17118" s="1" t="s">
        <v>11</v>
      </c>
    </row>
    <row r="17119">
      <c r="A17119" s="1">
        <v>4.90706516E8</v>
      </c>
      <c r="B17119" s="2">
        <v>15755.0</v>
      </c>
      <c r="C17119" s="1" t="s">
        <v>5</v>
      </c>
      <c r="D17119" s="1" t="s">
        <v>14584</v>
      </c>
      <c r="E17119" s="1" t="s">
        <v>7</v>
      </c>
    </row>
    <row r="17120">
      <c r="A17120" s="1">
        <v>4.90706542E8</v>
      </c>
      <c r="B17120" s="2">
        <v>15746.0</v>
      </c>
      <c r="C17120" s="1" t="s">
        <v>5</v>
      </c>
      <c r="D17120" s="1" t="s">
        <v>14585</v>
      </c>
      <c r="E17120" s="1" t="s">
        <v>7</v>
      </c>
    </row>
    <row r="17121">
      <c r="A17121" s="1">
        <v>4.90706642E8</v>
      </c>
      <c r="B17121" s="2">
        <v>15754.0</v>
      </c>
      <c r="C17121" s="1" t="s">
        <v>5</v>
      </c>
      <c r="D17121" s="1" t="s">
        <v>14586</v>
      </c>
      <c r="E17121" s="1" t="s">
        <v>7</v>
      </c>
    </row>
    <row r="17122">
      <c r="A17122" s="1">
        <v>4.90706744E8</v>
      </c>
      <c r="B17122" s="2">
        <v>15707.0</v>
      </c>
      <c r="C17122" s="1" t="s">
        <v>5</v>
      </c>
      <c r="D17122" s="1" t="s">
        <v>14587</v>
      </c>
      <c r="E17122" s="1" t="s">
        <v>7</v>
      </c>
    </row>
    <row r="17123">
      <c r="A17123" s="1">
        <v>4.90706793E8</v>
      </c>
      <c r="B17123" s="3">
        <v>15856.0</v>
      </c>
      <c r="C17123" s="1" t="s">
        <v>5</v>
      </c>
      <c r="D17123" s="1" t="s">
        <v>14588</v>
      </c>
      <c r="E17123" s="1" t="s">
        <v>11</v>
      </c>
    </row>
    <row r="17124">
      <c r="A17124" s="1">
        <v>4.90706841E8</v>
      </c>
      <c r="B17124" s="2">
        <v>15807.0</v>
      </c>
      <c r="C17124" s="1" t="s">
        <v>5</v>
      </c>
      <c r="D17124" s="1" t="s">
        <v>14589</v>
      </c>
      <c r="E17124" s="1" t="s">
        <v>11</v>
      </c>
    </row>
    <row r="17125">
      <c r="A17125" s="1">
        <v>4.90706886E8</v>
      </c>
      <c r="B17125" s="2">
        <v>15767.0</v>
      </c>
      <c r="C17125" s="1" t="s">
        <v>5</v>
      </c>
      <c r="D17125" s="1" t="s">
        <v>11</v>
      </c>
      <c r="E17125" s="1" t="s">
        <v>7</v>
      </c>
    </row>
    <row r="17126">
      <c r="A17126" s="1">
        <v>4.90706969E8</v>
      </c>
      <c r="B17126" s="2">
        <v>15741.0</v>
      </c>
      <c r="C17126" s="1" t="s">
        <v>5</v>
      </c>
      <c r="D17126" s="1" t="s">
        <v>14590</v>
      </c>
      <c r="E17126" s="1" t="s">
        <v>7</v>
      </c>
    </row>
    <row r="17127">
      <c r="A17127" s="1">
        <v>4.90706984E8</v>
      </c>
      <c r="B17127" s="2">
        <v>15812.0</v>
      </c>
      <c r="C17127" s="1" t="s">
        <v>5</v>
      </c>
      <c r="D17127" s="1" t="s">
        <v>11</v>
      </c>
      <c r="E17127" s="1" t="s">
        <v>7</v>
      </c>
    </row>
    <row r="17128">
      <c r="A17128" s="1">
        <v>4.90706988E8</v>
      </c>
      <c r="B17128" s="2">
        <v>15801.0</v>
      </c>
      <c r="C17128" s="1" t="s">
        <v>5</v>
      </c>
      <c r="D17128" s="1" t="s">
        <v>11</v>
      </c>
      <c r="E17128" s="1" t="s">
        <v>7</v>
      </c>
    </row>
    <row r="17129">
      <c r="A17129" s="1">
        <v>4.90707037E8</v>
      </c>
      <c r="B17129" s="2">
        <v>15754.0</v>
      </c>
      <c r="C17129" s="1" t="s">
        <v>5</v>
      </c>
      <c r="D17129" s="1" t="s">
        <v>14591</v>
      </c>
      <c r="E17129" s="1" t="s">
        <v>7</v>
      </c>
    </row>
    <row r="17130">
      <c r="A17130" s="1">
        <v>4.90707041E8</v>
      </c>
      <c r="B17130" s="2">
        <v>15749.0</v>
      </c>
      <c r="C17130" s="1" t="s">
        <v>5</v>
      </c>
      <c r="D17130" s="1" t="s">
        <v>14592</v>
      </c>
      <c r="E17130" s="1" t="s">
        <v>11</v>
      </c>
    </row>
    <row r="17131">
      <c r="A17131" s="1">
        <v>4.90707081E8</v>
      </c>
      <c r="B17131" s="3">
        <v>15848.0</v>
      </c>
      <c r="C17131" s="1" t="s">
        <v>5</v>
      </c>
      <c r="D17131" s="1" t="s">
        <v>14593</v>
      </c>
      <c r="E17131" s="1" t="s">
        <v>11</v>
      </c>
    </row>
    <row r="17132">
      <c r="A17132" s="1">
        <v>4.90707113E8</v>
      </c>
      <c r="B17132" s="2">
        <v>15754.0</v>
      </c>
      <c r="C17132" s="1" t="s">
        <v>5</v>
      </c>
      <c r="D17132" s="1" t="s">
        <v>14594</v>
      </c>
      <c r="E17132" s="1" t="s">
        <v>7</v>
      </c>
    </row>
    <row r="17133">
      <c r="A17133" s="1">
        <v>4.90707183E8</v>
      </c>
      <c r="B17133" s="2">
        <v>15816.0</v>
      </c>
      <c r="C17133" s="1" t="s">
        <v>5</v>
      </c>
      <c r="D17133" s="1" t="s">
        <v>14595</v>
      </c>
      <c r="E17133" s="1" t="s">
        <v>11</v>
      </c>
    </row>
    <row r="17134">
      <c r="A17134" s="1">
        <v>4.90707251E8</v>
      </c>
      <c r="B17134" s="2">
        <v>15798.0</v>
      </c>
      <c r="C17134" s="1" t="s">
        <v>5</v>
      </c>
      <c r="D17134" s="1" t="s">
        <v>14596</v>
      </c>
      <c r="E17134" s="1" t="s">
        <v>7</v>
      </c>
    </row>
    <row r="17135">
      <c r="A17135" s="1">
        <v>4.90707322E8</v>
      </c>
      <c r="B17135" s="2">
        <v>15812.0</v>
      </c>
      <c r="C17135" s="1" t="s">
        <v>5</v>
      </c>
      <c r="D17135" s="1" t="s">
        <v>14597</v>
      </c>
      <c r="E17135" s="1" t="s">
        <v>11</v>
      </c>
    </row>
    <row r="17136">
      <c r="A17136" s="1">
        <v>4.90707328E8</v>
      </c>
      <c r="B17136" s="2">
        <v>15746.0</v>
      </c>
      <c r="C17136" s="1" t="s">
        <v>5</v>
      </c>
      <c r="D17136" s="1" t="s">
        <v>14598</v>
      </c>
      <c r="E17136" s="1" t="s">
        <v>14599</v>
      </c>
    </row>
    <row r="17137">
      <c r="A17137" s="1">
        <v>4.90707348E8</v>
      </c>
      <c r="B17137" s="2">
        <v>15751.0</v>
      </c>
      <c r="C17137" s="1" t="s">
        <v>5</v>
      </c>
      <c r="D17137" s="1" t="s">
        <v>11</v>
      </c>
      <c r="E17137" s="1" t="s">
        <v>7</v>
      </c>
    </row>
    <row r="17138">
      <c r="A17138" s="1">
        <v>4.90707406E8</v>
      </c>
      <c r="B17138" s="2">
        <v>15820.0</v>
      </c>
      <c r="C17138" s="1" t="s">
        <v>5</v>
      </c>
      <c r="D17138" s="1" t="s">
        <v>14600</v>
      </c>
      <c r="E17138" s="1" t="s">
        <v>7</v>
      </c>
    </row>
    <row r="17139">
      <c r="A17139" s="1">
        <v>4.90707473E8</v>
      </c>
      <c r="B17139" s="2">
        <v>15749.0</v>
      </c>
      <c r="C17139" s="1" t="s">
        <v>5</v>
      </c>
      <c r="D17139" s="1" t="s">
        <v>14601</v>
      </c>
      <c r="E17139" s="1" t="s">
        <v>7</v>
      </c>
    </row>
    <row r="17140">
      <c r="A17140" s="1">
        <v>4.90707505E8</v>
      </c>
      <c r="B17140" s="2">
        <v>15819.0</v>
      </c>
      <c r="C17140" s="1" t="s">
        <v>5</v>
      </c>
      <c r="D17140" s="1" t="s">
        <v>14602</v>
      </c>
      <c r="E17140" s="1" t="s">
        <v>7</v>
      </c>
    </row>
    <row r="17141">
      <c r="A17141" s="1">
        <v>4.90707517E8</v>
      </c>
      <c r="B17141" s="2">
        <v>15798.0</v>
      </c>
      <c r="C17141" s="1" t="s">
        <v>5</v>
      </c>
      <c r="D17141" s="1" t="s">
        <v>14603</v>
      </c>
      <c r="E17141" s="1" t="s">
        <v>7</v>
      </c>
    </row>
    <row r="17142">
      <c r="A17142" s="1">
        <v>4.90707546E8</v>
      </c>
      <c r="B17142" s="2">
        <v>15758.0</v>
      </c>
      <c r="C17142" s="1" t="s">
        <v>5</v>
      </c>
      <c r="D17142" s="1" t="s">
        <v>14604</v>
      </c>
      <c r="E17142" s="1" t="s">
        <v>7</v>
      </c>
    </row>
    <row r="17143">
      <c r="A17143" s="1">
        <v>4.90707558E8</v>
      </c>
      <c r="B17143" s="2">
        <v>15758.0</v>
      </c>
      <c r="C17143" s="1" t="s">
        <v>5</v>
      </c>
      <c r="D17143" s="1" t="s">
        <v>14605</v>
      </c>
      <c r="E17143" s="1" t="s">
        <v>11</v>
      </c>
    </row>
    <row r="17144">
      <c r="A17144" s="1">
        <v>4.90707638E8</v>
      </c>
      <c r="B17144" s="2">
        <v>15809.0</v>
      </c>
      <c r="C17144" s="1" t="s">
        <v>5</v>
      </c>
      <c r="D17144" s="1" t="s">
        <v>14606</v>
      </c>
      <c r="E17144" s="1" t="s">
        <v>7</v>
      </c>
    </row>
    <row r="17145">
      <c r="A17145" s="1">
        <v>4.90707643E8</v>
      </c>
      <c r="B17145" s="2">
        <v>15807.0</v>
      </c>
      <c r="C17145" s="1" t="s">
        <v>5</v>
      </c>
      <c r="D17145" s="1" t="s">
        <v>14607</v>
      </c>
      <c r="E17145" s="1" t="s">
        <v>7</v>
      </c>
    </row>
    <row r="17146">
      <c r="A17146" s="1">
        <v>4.90707656E8</v>
      </c>
      <c r="B17146" s="2">
        <v>15756.0</v>
      </c>
      <c r="C17146" s="1" t="s">
        <v>5</v>
      </c>
      <c r="D17146" s="1" t="s">
        <v>14608</v>
      </c>
      <c r="E17146" s="1" t="s">
        <v>11</v>
      </c>
    </row>
    <row r="17147">
      <c r="A17147" s="1">
        <v>4.90707701E8</v>
      </c>
      <c r="B17147" s="2">
        <v>15744.0</v>
      </c>
      <c r="C17147" s="1" t="s">
        <v>5</v>
      </c>
      <c r="D17147" s="1" t="s">
        <v>14609</v>
      </c>
      <c r="E17147" s="1" t="s">
        <v>7</v>
      </c>
    </row>
    <row r="17148">
      <c r="A17148" s="1">
        <v>4.90707868E8</v>
      </c>
      <c r="B17148" s="2">
        <v>15741.0</v>
      </c>
      <c r="C17148" s="1" t="s">
        <v>5</v>
      </c>
      <c r="D17148" s="1" t="s">
        <v>14610</v>
      </c>
      <c r="E17148" s="1" t="s">
        <v>7</v>
      </c>
    </row>
    <row r="17149">
      <c r="A17149" s="1">
        <v>4.90707877E8</v>
      </c>
      <c r="B17149" s="2">
        <v>15805.0</v>
      </c>
      <c r="C17149" s="1" t="s">
        <v>5</v>
      </c>
      <c r="D17149" s="1" t="s">
        <v>14611</v>
      </c>
      <c r="E17149" s="1" t="s">
        <v>7</v>
      </c>
    </row>
    <row r="17150">
      <c r="A17150" s="1">
        <v>4.90707883E8</v>
      </c>
      <c r="B17150" s="3">
        <v>15857.0</v>
      </c>
      <c r="C17150" s="1" t="s">
        <v>5</v>
      </c>
      <c r="D17150" s="1" t="s">
        <v>14612</v>
      </c>
      <c r="E17150" s="1" t="s">
        <v>7</v>
      </c>
    </row>
    <row r="17151">
      <c r="A17151" s="1">
        <v>4.90707888E8</v>
      </c>
      <c r="B17151" s="2">
        <v>15741.0</v>
      </c>
      <c r="C17151" s="1" t="s">
        <v>5</v>
      </c>
      <c r="D17151" s="1" t="s">
        <v>14613</v>
      </c>
      <c r="E17151" s="1" t="s">
        <v>11</v>
      </c>
    </row>
    <row r="17152">
      <c r="A17152" s="1">
        <v>4.9070789E8</v>
      </c>
      <c r="B17152" s="2">
        <v>15745.0</v>
      </c>
      <c r="C17152" s="1" t="s">
        <v>5</v>
      </c>
      <c r="D17152" s="1" t="s">
        <v>14614</v>
      </c>
      <c r="E17152" s="1" t="s">
        <v>11</v>
      </c>
    </row>
    <row r="17153">
      <c r="A17153" s="1">
        <v>4.90707961E8</v>
      </c>
      <c r="B17153" s="2">
        <v>15746.0</v>
      </c>
      <c r="C17153" s="1" t="s">
        <v>5</v>
      </c>
      <c r="D17153" s="1" t="s">
        <v>14615</v>
      </c>
      <c r="E17153" s="1" t="s">
        <v>7</v>
      </c>
    </row>
    <row r="17154">
      <c r="A17154" s="1">
        <v>4.90707994E8</v>
      </c>
      <c r="B17154" s="2">
        <v>15875.0</v>
      </c>
      <c r="C17154" s="1" t="s">
        <v>5</v>
      </c>
      <c r="D17154" s="1" t="s">
        <v>14616</v>
      </c>
      <c r="E17154" s="1" t="s">
        <v>11</v>
      </c>
    </row>
    <row r="17155">
      <c r="A17155" s="1">
        <v>4.90708025E8</v>
      </c>
      <c r="B17155" s="3">
        <v>15856.0</v>
      </c>
      <c r="C17155" s="1" t="s">
        <v>5</v>
      </c>
      <c r="D17155" s="1" t="s">
        <v>11</v>
      </c>
      <c r="E17155" s="1" t="s">
        <v>7</v>
      </c>
    </row>
    <row r="17156">
      <c r="A17156" s="1">
        <v>4.90708148E8</v>
      </c>
      <c r="B17156" s="2">
        <v>15873.0</v>
      </c>
      <c r="C17156" s="1" t="s">
        <v>5</v>
      </c>
      <c r="D17156" s="1" t="s">
        <v>14617</v>
      </c>
      <c r="E17156" s="1" t="s">
        <v>7</v>
      </c>
    </row>
    <row r="17157">
      <c r="A17157" s="1">
        <v>4.90708151E8</v>
      </c>
      <c r="B17157" s="2">
        <v>15812.0</v>
      </c>
      <c r="C17157" s="1" t="s">
        <v>5</v>
      </c>
      <c r="D17157" s="1" t="s">
        <v>14618</v>
      </c>
      <c r="E17157" s="1" t="s">
        <v>14619</v>
      </c>
    </row>
    <row r="17158">
      <c r="A17158" s="1">
        <v>4.90708169E8</v>
      </c>
      <c r="B17158" s="3">
        <v>15854.0</v>
      </c>
      <c r="C17158" s="1" t="s">
        <v>5</v>
      </c>
      <c r="D17158" s="1" t="s">
        <v>14620</v>
      </c>
      <c r="E17158" s="1" t="s">
        <v>7</v>
      </c>
    </row>
    <row r="17159">
      <c r="A17159" s="1">
        <v>4.90708174E8</v>
      </c>
      <c r="B17159" s="3">
        <v>15851.0</v>
      </c>
      <c r="C17159" s="1" t="s">
        <v>5</v>
      </c>
      <c r="D17159" s="1" t="s">
        <v>11</v>
      </c>
      <c r="E17159" s="1" t="s">
        <v>7</v>
      </c>
    </row>
    <row r="17160">
      <c r="A17160" s="1">
        <v>4.90708211E8</v>
      </c>
      <c r="B17160" s="2">
        <v>15824.0</v>
      </c>
      <c r="C17160" s="1" t="s">
        <v>5</v>
      </c>
      <c r="D17160" s="1" t="s">
        <v>14621</v>
      </c>
      <c r="E17160" s="1" t="s">
        <v>7</v>
      </c>
    </row>
    <row r="17161">
      <c r="A17161" s="1">
        <v>4.90708213E8</v>
      </c>
      <c r="B17161" s="2">
        <v>15879.0</v>
      </c>
      <c r="C17161" s="1" t="s">
        <v>5</v>
      </c>
      <c r="D17161" s="1" t="s">
        <v>14622</v>
      </c>
      <c r="E17161" s="1" t="s">
        <v>7</v>
      </c>
    </row>
    <row r="17162">
      <c r="A17162" s="1">
        <v>4.90708273E8</v>
      </c>
      <c r="B17162" s="2">
        <v>15806.0</v>
      </c>
      <c r="C17162" s="1" t="s">
        <v>5</v>
      </c>
      <c r="D17162" s="1" t="s">
        <v>14623</v>
      </c>
      <c r="E17162" s="1" t="s">
        <v>14624</v>
      </c>
    </row>
    <row r="17163">
      <c r="A17163" s="1">
        <v>4.90708306E8</v>
      </c>
      <c r="B17163" s="2">
        <v>15873.0</v>
      </c>
      <c r="C17163" s="1" t="s">
        <v>5</v>
      </c>
      <c r="D17163" s="1" t="s">
        <v>14625</v>
      </c>
      <c r="E17163" s="1" t="s">
        <v>7</v>
      </c>
    </row>
    <row r="17164">
      <c r="A17164" s="1">
        <v>4.90708454E8</v>
      </c>
      <c r="B17164" s="2">
        <v>15805.0</v>
      </c>
      <c r="C17164" s="1" t="s">
        <v>5</v>
      </c>
      <c r="D17164" s="1" t="s">
        <v>14626</v>
      </c>
      <c r="E17164" s="1" t="s">
        <v>7</v>
      </c>
    </row>
    <row r="17165">
      <c r="A17165" s="1">
        <v>4.90708463E8</v>
      </c>
      <c r="B17165" s="2">
        <v>15800.0</v>
      </c>
      <c r="C17165" s="1" t="s">
        <v>5</v>
      </c>
      <c r="D17165" s="1" t="s">
        <v>14627</v>
      </c>
      <c r="E17165" s="1" t="s">
        <v>11</v>
      </c>
    </row>
    <row r="17166">
      <c r="A17166" s="1">
        <v>4.90708464E8</v>
      </c>
      <c r="B17166" s="2">
        <v>15810.0</v>
      </c>
      <c r="C17166" s="1" t="s">
        <v>5</v>
      </c>
      <c r="D17166" s="1" t="s">
        <v>11</v>
      </c>
      <c r="E17166" s="1" t="s">
        <v>7</v>
      </c>
    </row>
    <row r="17167">
      <c r="A17167" s="1">
        <v>4.90708467E8</v>
      </c>
      <c r="B17167" s="3">
        <v>15854.0</v>
      </c>
      <c r="C17167" s="1" t="s">
        <v>5</v>
      </c>
      <c r="D17167" s="1" t="s">
        <v>11</v>
      </c>
      <c r="E17167" s="1" t="s">
        <v>7</v>
      </c>
    </row>
    <row r="17168">
      <c r="A17168" s="1">
        <v>4.90708505E8</v>
      </c>
      <c r="B17168" s="2">
        <v>15741.0</v>
      </c>
      <c r="C17168" s="1" t="s">
        <v>5</v>
      </c>
      <c r="D17168" s="1" t="s">
        <v>14628</v>
      </c>
      <c r="E17168" s="1" t="s">
        <v>11</v>
      </c>
    </row>
    <row r="17169">
      <c r="A17169" s="1">
        <v>4.90708508E8</v>
      </c>
      <c r="B17169" s="2">
        <v>15821.0</v>
      </c>
      <c r="C17169" s="1" t="s">
        <v>5</v>
      </c>
      <c r="D17169" s="1" t="s">
        <v>14629</v>
      </c>
      <c r="E17169" s="1" t="s">
        <v>7</v>
      </c>
    </row>
    <row r="17170">
      <c r="A17170" s="1">
        <v>4.90708549E8</v>
      </c>
      <c r="B17170" s="2">
        <v>15797.0</v>
      </c>
      <c r="C17170" s="1" t="s">
        <v>5</v>
      </c>
      <c r="D17170" s="1" t="s">
        <v>14630</v>
      </c>
      <c r="E17170" s="1" t="s">
        <v>7</v>
      </c>
    </row>
    <row r="17171">
      <c r="A17171" s="1">
        <v>4.90708563E8</v>
      </c>
      <c r="B17171" s="2">
        <v>15804.0</v>
      </c>
      <c r="C17171" s="1" t="s">
        <v>5</v>
      </c>
      <c r="D17171" s="1" t="s">
        <v>14631</v>
      </c>
      <c r="E17171" s="1" t="s">
        <v>14632</v>
      </c>
    </row>
    <row r="17172">
      <c r="A17172" s="1">
        <v>4.90708585E8</v>
      </c>
      <c r="B17172" s="2">
        <v>15817.0</v>
      </c>
      <c r="C17172" s="1" t="s">
        <v>5</v>
      </c>
      <c r="D17172" s="1" t="s">
        <v>14633</v>
      </c>
      <c r="E17172" s="1" t="s">
        <v>7</v>
      </c>
    </row>
    <row r="17173">
      <c r="A17173" s="1">
        <v>4.90708692E8</v>
      </c>
      <c r="B17173" s="3">
        <v>15853.0</v>
      </c>
      <c r="C17173" s="1" t="s">
        <v>5</v>
      </c>
      <c r="D17173" s="1" t="s">
        <v>14634</v>
      </c>
      <c r="E17173" s="1" t="s">
        <v>11</v>
      </c>
    </row>
    <row r="17174">
      <c r="A17174" s="1">
        <v>4.9070873E8</v>
      </c>
      <c r="B17174" s="2">
        <v>15881.0</v>
      </c>
      <c r="C17174" s="1" t="s">
        <v>5</v>
      </c>
      <c r="D17174" s="1" t="s">
        <v>14635</v>
      </c>
      <c r="E17174" s="1" t="s">
        <v>11</v>
      </c>
    </row>
    <row r="17175">
      <c r="A17175" s="1">
        <v>4.90708752E8</v>
      </c>
      <c r="B17175" s="2">
        <v>15748.0</v>
      </c>
      <c r="C17175" s="1" t="s">
        <v>5</v>
      </c>
      <c r="D17175" s="1" t="s">
        <v>14636</v>
      </c>
      <c r="E17175" s="1" t="s">
        <v>7</v>
      </c>
    </row>
    <row r="17176">
      <c r="A17176" s="1">
        <v>4.90708756E8</v>
      </c>
      <c r="B17176" s="3">
        <v>15836.0</v>
      </c>
      <c r="C17176" s="1" t="s">
        <v>5</v>
      </c>
      <c r="D17176" s="1" t="s">
        <v>11</v>
      </c>
      <c r="E17176" s="1" t="s">
        <v>7</v>
      </c>
    </row>
    <row r="17177">
      <c r="A17177" s="1">
        <v>4.90708853E8</v>
      </c>
      <c r="B17177" s="2">
        <v>15887.0</v>
      </c>
      <c r="C17177" s="1" t="s">
        <v>5</v>
      </c>
      <c r="D17177" s="1" t="s">
        <v>14637</v>
      </c>
      <c r="E17177" s="1" t="s">
        <v>7</v>
      </c>
    </row>
    <row r="17178">
      <c r="A17178" s="1">
        <v>4.90709013E8</v>
      </c>
      <c r="B17178" s="3">
        <v>15855.0</v>
      </c>
      <c r="C17178" s="1" t="s">
        <v>5</v>
      </c>
      <c r="D17178" s="1" t="s">
        <v>14638</v>
      </c>
      <c r="E17178" s="1" t="s">
        <v>11</v>
      </c>
    </row>
    <row r="17179">
      <c r="A17179" s="1">
        <v>4.90709044E8</v>
      </c>
      <c r="B17179" s="2">
        <v>15887.0</v>
      </c>
      <c r="C17179" s="1" t="s">
        <v>5</v>
      </c>
      <c r="D17179" s="1" t="s">
        <v>11</v>
      </c>
      <c r="E17179" s="1" t="s">
        <v>7</v>
      </c>
    </row>
    <row r="17180">
      <c r="A17180" s="1">
        <v>4.90709092E8</v>
      </c>
      <c r="B17180" s="2">
        <v>15872.0</v>
      </c>
      <c r="C17180" s="1" t="s">
        <v>5</v>
      </c>
      <c r="D17180" s="1" t="s">
        <v>14639</v>
      </c>
      <c r="E17180" s="1" t="s">
        <v>7</v>
      </c>
    </row>
    <row r="17181">
      <c r="A17181" s="1">
        <v>4.90709109E8</v>
      </c>
      <c r="B17181" s="2">
        <v>15879.0</v>
      </c>
      <c r="C17181" s="1" t="s">
        <v>5</v>
      </c>
      <c r="D17181" s="1" t="s">
        <v>14640</v>
      </c>
      <c r="E17181" s="1" t="s">
        <v>7</v>
      </c>
    </row>
    <row r="17182">
      <c r="A17182" s="1">
        <v>4.90709141E8</v>
      </c>
      <c r="B17182" s="3">
        <v>15854.0</v>
      </c>
      <c r="C17182" s="1" t="s">
        <v>5</v>
      </c>
      <c r="D17182" s="1" t="s">
        <v>14641</v>
      </c>
      <c r="E17182" s="1" t="s">
        <v>7</v>
      </c>
    </row>
    <row r="17183">
      <c r="A17183" s="1">
        <v>4.90709156E8</v>
      </c>
      <c r="B17183" s="2">
        <v>15867.0</v>
      </c>
      <c r="C17183" s="1" t="s">
        <v>5</v>
      </c>
      <c r="D17183" s="1" t="s">
        <v>11</v>
      </c>
      <c r="E17183" s="1" t="s">
        <v>7</v>
      </c>
    </row>
    <row r="17184">
      <c r="A17184" s="1">
        <v>4.90709278E8</v>
      </c>
      <c r="B17184" s="2">
        <v>15881.0</v>
      </c>
      <c r="C17184" s="1" t="s">
        <v>5</v>
      </c>
      <c r="D17184" s="1" t="s">
        <v>11</v>
      </c>
      <c r="E17184" s="1" t="s">
        <v>7</v>
      </c>
    </row>
    <row r="17185">
      <c r="A17185" s="1">
        <v>4.90709302E8</v>
      </c>
      <c r="B17185" s="2">
        <v>15875.0</v>
      </c>
      <c r="C17185" s="1" t="s">
        <v>5</v>
      </c>
      <c r="D17185" s="1" t="s">
        <v>14642</v>
      </c>
      <c r="E17185" s="1" t="s">
        <v>7</v>
      </c>
    </row>
    <row r="17186">
      <c r="A17186" s="1">
        <v>4.90709352E8</v>
      </c>
      <c r="B17186" s="3">
        <v>15845.0</v>
      </c>
      <c r="C17186" s="1" t="s">
        <v>5</v>
      </c>
      <c r="D17186" s="1" t="s">
        <v>14643</v>
      </c>
      <c r="E17186" s="1" t="s">
        <v>11</v>
      </c>
    </row>
    <row r="17187">
      <c r="A17187" s="1">
        <v>4.90709403E8</v>
      </c>
      <c r="B17187" s="2">
        <v>15870.0</v>
      </c>
      <c r="C17187" s="1" t="s">
        <v>5</v>
      </c>
      <c r="D17187" s="1" t="s">
        <v>14644</v>
      </c>
      <c r="E17187" s="1" t="s">
        <v>7</v>
      </c>
    </row>
    <row r="17188">
      <c r="A17188" s="1">
        <v>4.90709419E8</v>
      </c>
      <c r="B17188" s="3">
        <v>15856.0</v>
      </c>
      <c r="C17188" s="1" t="s">
        <v>5</v>
      </c>
      <c r="D17188" s="1" t="s">
        <v>14645</v>
      </c>
      <c r="E17188" s="1" t="s">
        <v>7</v>
      </c>
    </row>
    <row r="17189">
      <c r="A17189" s="1">
        <v>4.90709433E8</v>
      </c>
      <c r="B17189" s="2">
        <v>15881.0</v>
      </c>
      <c r="C17189" s="1" t="s">
        <v>5</v>
      </c>
      <c r="D17189" s="1" t="s">
        <v>11</v>
      </c>
      <c r="E17189" s="1" t="s">
        <v>7</v>
      </c>
    </row>
    <row r="17190">
      <c r="A17190" s="1">
        <v>4.90709441E8</v>
      </c>
      <c r="B17190" s="2">
        <v>15803.0</v>
      </c>
      <c r="C17190" s="1" t="s">
        <v>5</v>
      </c>
      <c r="D17190" s="1" t="s">
        <v>14646</v>
      </c>
      <c r="E17190" s="1" t="s">
        <v>7</v>
      </c>
    </row>
    <row r="17191">
      <c r="A17191" s="1">
        <v>4.90709484E8</v>
      </c>
      <c r="B17191" s="3">
        <v>15856.0</v>
      </c>
      <c r="C17191" s="1" t="s">
        <v>5</v>
      </c>
      <c r="D17191" s="1" t="s">
        <v>7</v>
      </c>
      <c r="E17191" s="1" t="s">
        <v>7</v>
      </c>
    </row>
    <row r="17192">
      <c r="A17192" s="1">
        <v>4.90709493E8</v>
      </c>
      <c r="B17192" s="2">
        <v>15879.0</v>
      </c>
      <c r="C17192" s="1" t="s">
        <v>5</v>
      </c>
      <c r="D17192" s="1" t="s">
        <v>14647</v>
      </c>
      <c r="E17192" s="1" t="s">
        <v>7</v>
      </c>
    </row>
    <row r="17193">
      <c r="A17193" s="1">
        <v>4.90709544E8</v>
      </c>
      <c r="B17193" s="3">
        <v>15849.0</v>
      </c>
      <c r="C17193" s="1" t="s">
        <v>5</v>
      </c>
      <c r="D17193" s="1" t="s">
        <v>11</v>
      </c>
      <c r="E17193" s="1" t="s">
        <v>7</v>
      </c>
    </row>
    <row r="17194">
      <c r="A17194" s="1">
        <v>4.90709573E8</v>
      </c>
      <c r="B17194" s="2">
        <v>15802.0</v>
      </c>
      <c r="C17194" s="1" t="s">
        <v>5</v>
      </c>
      <c r="D17194" s="1" t="s">
        <v>14648</v>
      </c>
      <c r="E17194" s="1" t="s">
        <v>14649</v>
      </c>
    </row>
    <row r="17195">
      <c r="A17195" s="1">
        <v>4.90709609E8</v>
      </c>
      <c r="B17195" s="2">
        <v>15869.0</v>
      </c>
      <c r="C17195" s="1" t="s">
        <v>5</v>
      </c>
      <c r="D17195" s="1" t="s">
        <v>14650</v>
      </c>
      <c r="E17195" s="1" t="s">
        <v>11</v>
      </c>
    </row>
    <row r="17196">
      <c r="A17196" s="1">
        <v>4.90709931E8</v>
      </c>
      <c r="B17196" s="2">
        <v>15874.0</v>
      </c>
      <c r="C17196" s="1" t="s">
        <v>5</v>
      </c>
      <c r="D17196" s="1" t="s">
        <v>11</v>
      </c>
      <c r="E17196" s="1" t="s">
        <v>7</v>
      </c>
    </row>
    <row r="17197">
      <c r="A17197" s="1">
        <v>4.90709934E8</v>
      </c>
      <c r="B17197" s="2">
        <v>15809.0</v>
      </c>
      <c r="C17197" s="1" t="s">
        <v>5</v>
      </c>
      <c r="D17197" s="1" t="s">
        <v>14651</v>
      </c>
      <c r="E17197" s="1" t="s">
        <v>14652</v>
      </c>
    </row>
    <row r="17198">
      <c r="A17198" s="1">
        <v>4.90709962E8</v>
      </c>
      <c r="B17198" s="2">
        <v>15809.0</v>
      </c>
      <c r="C17198" s="1" t="s">
        <v>5</v>
      </c>
      <c r="D17198" s="1" t="s">
        <v>11</v>
      </c>
      <c r="E17198" s="1" t="s">
        <v>7</v>
      </c>
    </row>
    <row r="17199">
      <c r="A17199" s="1">
        <v>4.90709978E8</v>
      </c>
      <c r="B17199" s="2">
        <v>15861.0</v>
      </c>
      <c r="C17199" s="1" t="s">
        <v>5</v>
      </c>
      <c r="D17199" s="1" t="s">
        <v>14653</v>
      </c>
      <c r="E17199" s="1" t="s">
        <v>7</v>
      </c>
    </row>
    <row r="17200">
      <c r="A17200" s="1">
        <v>4.90710003E8</v>
      </c>
      <c r="B17200" s="3">
        <v>15841.0</v>
      </c>
      <c r="C17200" s="1" t="s">
        <v>5</v>
      </c>
      <c r="D17200" s="1" t="s">
        <v>7</v>
      </c>
      <c r="E17200" s="1" t="s">
        <v>7</v>
      </c>
    </row>
    <row r="17201">
      <c r="A17201" s="1">
        <v>4.90710042E8</v>
      </c>
      <c r="B17201" s="2">
        <v>15740.0</v>
      </c>
      <c r="C17201" s="1" t="s">
        <v>5</v>
      </c>
      <c r="D17201" s="1" t="s">
        <v>11</v>
      </c>
      <c r="E17201" s="1" t="s">
        <v>7</v>
      </c>
    </row>
    <row r="17202">
      <c r="A17202" s="1">
        <v>4.90710117E8</v>
      </c>
      <c r="B17202" s="2">
        <v>15861.0</v>
      </c>
      <c r="C17202" s="1" t="s">
        <v>5</v>
      </c>
      <c r="D17202" s="1" t="s">
        <v>14654</v>
      </c>
      <c r="E17202" s="1" t="s">
        <v>7</v>
      </c>
    </row>
    <row r="17203">
      <c r="A17203" s="1">
        <v>4.90710129E8</v>
      </c>
      <c r="B17203" s="2">
        <v>15800.0</v>
      </c>
      <c r="C17203" s="1" t="s">
        <v>5</v>
      </c>
      <c r="D17203" s="1" t="s">
        <v>11</v>
      </c>
      <c r="E17203" s="1" t="s">
        <v>7</v>
      </c>
    </row>
    <row r="17204">
      <c r="A17204" s="1">
        <v>4.90710132E8</v>
      </c>
      <c r="B17204" s="3">
        <v>15851.0</v>
      </c>
      <c r="C17204" s="1" t="s">
        <v>5</v>
      </c>
      <c r="D17204" s="1" t="s">
        <v>11</v>
      </c>
      <c r="E17204" s="1" t="s">
        <v>7</v>
      </c>
    </row>
    <row r="17205">
      <c r="A17205" s="1">
        <v>4.90710152E8</v>
      </c>
      <c r="B17205" s="2">
        <v>15739.0</v>
      </c>
      <c r="C17205" s="1" t="s">
        <v>5</v>
      </c>
      <c r="D17205" s="1" t="s">
        <v>14655</v>
      </c>
      <c r="E17205" s="1" t="s">
        <v>7</v>
      </c>
    </row>
    <row r="17206">
      <c r="A17206" s="1">
        <v>4.90710236E8</v>
      </c>
      <c r="B17206" s="2">
        <v>15870.0</v>
      </c>
      <c r="C17206" s="1" t="s">
        <v>5</v>
      </c>
      <c r="D17206" s="1" t="s">
        <v>14656</v>
      </c>
      <c r="E17206" s="1" t="s">
        <v>7</v>
      </c>
    </row>
    <row r="17207">
      <c r="A17207" s="1">
        <v>4.90710258E8</v>
      </c>
      <c r="B17207" s="3">
        <v>15839.0</v>
      </c>
      <c r="C17207" s="1" t="s">
        <v>5</v>
      </c>
      <c r="D17207" s="1" t="s">
        <v>14657</v>
      </c>
      <c r="E17207" s="1" t="s">
        <v>7</v>
      </c>
    </row>
    <row r="17208">
      <c r="A17208" s="1">
        <v>4.90710288E8</v>
      </c>
      <c r="B17208" s="2">
        <v>15871.0</v>
      </c>
      <c r="C17208" s="1" t="s">
        <v>5</v>
      </c>
      <c r="D17208" s="1" t="s">
        <v>14658</v>
      </c>
      <c r="E17208" s="1" t="s">
        <v>14659</v>
      </c>
    </row>
    <row r="17209">
      <c r="A17209" s="1">
        <v>4.90710305E8</v>
      </c>
      <c r="B17209" s="3">
        <v>15842.0</v>
      </c>
      <c r="C17209" s="1" t="s">
        <v>5</v>
      </c>
      <c r="D17209" s="1" t="s">
        <v>14660</v>
      </c>
      <c r="E17209" s="1" t="s">
        <v>7</v>
      </c>
    </row>
    <row r="17210">
      <c r="A17210" s="1">
        <v>4.90710309E8</v>
      </c>
      <c r="B17210" s="3">
        <v>15851.0</v>
      </c>
      <c r="C17210" s="1" t="s">
        <v>5</v>
      </c>
      <c r="D17210" s="1" t="s">
        <v>14661</v>
      </c>
      <c r="E17210" s="1" t="s">
        <v>7</v>
      </c>
    </row>
    <row r="17211">
      <c r="A17211" s="1">
        <v>4.9071034E8</v>
      </c>
      <c r="B17211" s="2">
        <v>15871.0</v>
      </c>
      <c r="C17211" s="1" t="s">
        <v>5</v>
      </c>
      <c r="D17211" s="1" t="s">
        <v>14662</v>
      </c>
      <c r="E17211" s="1" t="s">
        <v>7</v>
      </c>
    </row>
    <row r="17212">
      <c r="A17212" s="1">
        <v>4.90710433E8</v>
      </c>
      <c r="B17212" s="3">
        <v>15849.0</v>
      </c>
      <c r="C17212" s="1" t="s">
        <v>5</v>
      </c>
      <c r="D17212" s="1" t="s">
        <v>14663</v>
      </c>
      <c r="E17212" s="1" t="s">
        <v>7</v>
      </c>
    </row>
    <row r="17213">
      <c r="A17213" s="1">
        <v>4.90710453E8</v>
      </c>
      <c r="B17213" s="3">
        <v>15837.0</v>
      </c>
      <c r="C17213" s="1" t="s">
        <v>5</v>
      </c>
      <c r="D17213" s="1" t="s">
        <v>14664</v>
      </c>
      <c r="E17213" s="1" t="s">
        <v>7</v>
      </c>
    </row>
    <row r="17214">
      <c r="A17214" s="1">
        <v>4.90710473E8</v>
      </c>
      <c r="B17214" s="3">
        <v>15849.0</v>
      </c>
      <c r="C17214" s="1" t="s">
        <v>5</v>
      </c>
      <c r="D17214" s="1" t="s">
        <v>11</v>
      </c>
      <c r="E17214" s="1" t="s">
        <v>7</v>
      </c>
    </row>
    <row r="17215">
      <c r="A17215" s="1">
        <v>4.90710483E8</v>
      </c>
      <c r="B17215" s="3">
        <v>15856.0</v>
      </c>
      <c r="C17215" s="1" t="s">
        <v>5</v>
      </c>
      <c r="D17215" s="1" t="s">
        <v>14665</v>
      </c>
      <c r="E17215" s="1" t="s">
        <v>7</v>
      </c>
    </row>
    <row r="17216">
      <c r="A17216" s="1">
        <v>4.90710512E8</v>
      </c>
      <c r="B17216" s="2">
        <v>15879.0</v>
      </c>
      <c r="C17216" s="1" t="s">
        <v>5</v>
      </c>
      <c r="D17216" s="1" t="s">
        <v>14666</v>
      </c>
      <c r="E17216" s="1" t="s">
        <v>11</v>
      </c>
    </row>
    <row r="17217">
      <c r="A17217" s="1">
        <v>4.90710515E8</v>
      </c>
      <c r="B17217" s="2">
        <v>15869.0</v>
      </c>
      <c r="C17217" s="1" t="s">
        <v>5</v>
      </c>
      <c r="D17217" s="1" t="s">
        <v>11</v>
      </c>
      <c r="E17217" s="1" t="s">
        <v>7</v>
      </c>
    </row>
    <row r="17218">
      <c r="A17218" s="1">
        <v>4.90710538E8</v>
      </c>
      <c r="B17218" s="2">
        <v>15868.0</v>
      </c>
      <c r="C17218" s="1" t="s">
        <v>5</v>
      </c>
      <c r="D17218" s="1" t="s">
        <v>14667</v>
      </c>
      <c r="E17218" s="1" t="s">
        <v>14668</v>
      </c>
    </row>
    <row r="17219">
      <c r="A17219" s="1">
        <v>4.90710579E8</v>
      </c>
      <c r="B17219" s="3">
        <v>15835.0</v>
      </c>
      <c r="C17219" s="1" t="s">
        <v>5</v>
      </c>
      <c r="D17219" s="1" t="s">
        <v>14669</v>
      </c>
      <c r="E17219" s="1" t="s">
        <v>14670</v>
      </c>
    </row>
    <row r="17220">
      <c r="A17220" s="1">
        <v>4.90710595E8</v>
      </c>
      <c r="B17220" s="2">
        <v>15869.0</v>
      </c>
      <c r="C17220" s="1" t="s">
        <v>5</v>
      </c>
      <c r="D17220" s="1" t="s">
        <v>14671</v>
      </c>
      <c r="E17220" s="1" t="s">
        <v>11</v>
      </c>
    </row>
    <row r="17221">
      <c r="A17221" s="1">
        <v>4.90710671E8</v>
      </c>
      <c r="B17221" s="3">
        <v>15839.0</v>
      </c>
      <c r="C17221" s="1" t="s">
        <v>5</v>
      </c>
      <c r="D17221" s="1" t="s">
        <v>11</v>
      </c>
      <c r="E17221" s="1" t="s">
        <v>7</v>
      </c>
    </row>
    <row r="17222">
      <c r="A17222" s="1">
        <v>4.90710699E8</v>
      </c>
      <c r="B17222" s="2">
        <v>15867.0</v>
      </c>
      <c r="C17222" s="1" t="s">
        <v>5</v>
      </c>
      <c r="D17222" s="1" t="s">
        <v>14672</v>
      </c>
      <c r="E17222" s="1" t="s">
        <v>7</v>
      </c>
    </row>
    <row r="17223">
      <c r="A17223" s="1">
        <v>4.90710768E8</v>
      </c>
      <c r="B17223" s="3">
        <v>15846.0</v>
      </c>
      <c r="C17223" s="1" t="s">
        <v>5</v>
      </c>
      <c r="D17223" s="1" t="s">
        <v>14673</v>
      </c>
      <c r="E17223" s="1" t="s">
        <v>7</v>
      </c>
    </row>
    <row r="17224">
      <c r="A17224" s="1">
        <v>4.90710797E8</v>
      </c>
      <c r="B17224" s="2">
        <v>15868.0</v>
      </c>
      <c r="C17224" s="1" t="s">
        <v>5</v>
      </c>
      <c r="D17224" s="1" t="s">
        <v>14519</v>
      </c>
      <c r="E17224" s="1" t="s">
        <v>7</v>
      </c>
    </row>
    <row r="17225">
      <c r="A17225" s="1">
        <v>4.90710801E8</v>
      </c>
      <c r="B17225" s="2">
        <v>15869.0</v>
      </c>
      <c r="C17225" s="1" t="s">
        <v>5</v>
      </c>
      <c r="D17225" s="1" t="s">
        <v>14674</v>
      </c>
      <c r="E17225" s="1" t="s">
        <v>11</v>
      </c>
    </row>
    <row r="17226">
      <c r="A17226" s="1">
        <v>4.90710831E8</v>
      </c>
      <c r="B17226" s="3">
        <v>15849.0</v>
      </c>
      <c r="C17226" s="1" t="s">
        <v>5</v>
      </c>
      <c r="D17226" s="1" t="s">
        <v>14675</v>
      </c>
      <c r="E17226" s="1" t="s">
        <v>7</v>
      </c>
    </row>
    <row r="17227">
      <c r="A17227" s="1">
        <v>4.90711025E8</v>
      </c>
      <c r="B17227" s="3">
        <v>15833.0</v>
      </c>
      <c r="C17227" s="1" t="s">
        <v>5</v>
      </c>
      <c r="D17227" s="1" t="s">
        <v>11</v>
      </c>
      <c r="E17227" s="1" t="s">
        <v>7</v>
      </c>
    </row>
    <row r="17228">
      <c r="A17228" s="1">
        <v>4.90711042E8</v>
      </c>
      <c r="B17228" s="3">
        <v>15845.0</v>
      </c>
      <c r="C17228" s="1" t="s">
        <v>5</v>
      </c>
      <c r="D17228" s="1" t="s">
        <v>14676</v>
      </c>
      <c r="E17228" s="1" t="s">
        <v>7</v>
      </c>
    </row>
    <row r="17229">
      <c r="A17229" s="1">
        <v>4.90711068E8</v>
      </c>
      <c r="B17229" s="2">
        <v>15868.0</v>
      </c>
      <c r="C17229" s="1" t="s">
        <v>5</v>
      </c>
      <c r="D17229" s="1" t="s">
        <v>11</v>
      </c>
      <c r="E17229" s="1" t="s">
        <v>7</v>
      </c>
    </row>
    <row r="17230">
      <c r="A17230" s="1">
        <v>4.90711144E8</v>
      </c>
      <c r="B17230" s="2">
        <v>15881.0</v>
      </c>
      <c r="C17230" s="1" t="s">
        <v>5</v>
      </c>
      <c r="D17230" s="1" t="s">
        <v>14677</v>
      </c>
      <c r="E17230" s="1" t="s">
        <v>14678</v>
      </c>
    </row>
    <row r="17231">
      <c r="A17231" s="1">
        <v>4.90711235E8</v>
      </c>
      <c r="B17231" s="3">
        <v>15836.0</v>
      </c>
      <c r="C17231" s="1" t="s">
        <v>5</v>
      </c>
      <c r="D17231" s="1" t="s">
        <v>14679</v>
      </c>
      <c r="E17231" s="1" t="s">
        <v>7</v>
      </c>
    </row>
    <row r="17232">
      <c r="A17232" s="1">
        <v>4.90711237E8</v>
      </c>
      <c r="B17232" s="3">
        <v>15852.0</v>
      </c>
      <c r="C17232" s="1" t="s">
        <v>5</v>
      </c>
      <c r="D17232" s="1" t="s">
        <v>14680</v>
      </c>
      <c r="E17232" s="1" t="s">
        <v>7</v>
      </c>
    </row>
    <row r="17233">
      <c r="A17233" s="1">
        <v>4.90711259E8</v>
      </c>
      <c r="B17233" s="3">
        <v>15831.0</v>
      </c>
      <c r="C17233" s="1" t="s">
        <v>5</v>
      </c>
      <c r="D17233" s="1" t="s">
        <v>14519</v>
      </c>
      <c r="E17233" s="1" t="s">
        <v>7</v>
      </c>
    </row>
    <row r="17234">
      <c r="A17234" s="1">
        <v>4.90711345E8</v>
      </c>
      <c r="B17234" s="2">
        <v>15801.0</v>
      </c>
      <c r="C17234" s="1" t="s">
        <v>5</v>
      </c>
      <c r="D17234" s="1" t="s">
        <v>11</v>
      </c>
      <c r="E17234" s="1" t="s">
        <v>7</v>
      </c>
    </row>
    <row r="17235">
      <c r="A17235" s="1">
        <v>4.90711463E8</v>
      </c>
      <c r="B17235" s="2">
        <v>15865.0</v>
      </c>
      <c r="C17235" s="1" t="s">
        <v>5</v>
      </c>
      <c r="D17235" s="1" t="s">
        <v>14681</v>
      </c>
      <c r="E17235" s="1" t="s">
        <v>7</v>
      </c>
    </row>
    <row r="17236">
      <c r="A17236" s="1">
        <v>4.90711488E8</v>
      </c>
      <c r="B17236" s="2">
        <v>15865.0</v>
      </c>
      <c r="C17236" s="1" t="s">
        <v>5</v>
      </c>
      <c r="D17236" s="1" t="s">
        <v>11</v>
      </c>
      <c r="E17236" s="1" t="s">
        <v>7</v>
      </c>
    </row>
    <row r="17237">
      <c r="A17237" s="1">
        <v>4.90711552E8</v>
      </c>
      <c r="B17237" s="3">
        <v>15833.0</v>
      </c>
      <c r="C17237" s="1" t="s">
        <v>5</v>
      </c>
      <c r="D17237" s="1" t="s">
        <v>14682</v>
      </c>
      <c r="E17237" s="1" t="s">
        <v>7</v>
      </c>
    </row>
    <row r="17238">
      <c r="A17238" s="1">
        <v>4.90711564E8</v>
      </c>
      <c r="B17238" s="3">
        <v>15853.0</v>
      </c>
      <c r="C17238" s="1" t="s">
        <v>5</v>
      </c>
      <c r="D17238" s="1" t="s">
        <v>14683</v>
      </c>
      <c r="E17238" s="1" t="s">
        <v>7</v>
      </c>
    </row>
    <row r="17239">
      <c r="A17239" s="1">
        <v>4.90711584E8</v>
      </c>
      <c r="B17239" s="3">
        <v>15838.0</v>
      </c>
      <c r="C17239" s="1" t="s">
        <v>5</v>
      </c>
      <c r="D17239" s="1" t="s">
        <v>11</v>
      </c>
      <c r="E17239" s="1" t="s">
        <v>7</v>
      </c>
    </row>
    <row r="17240">
      <c r="A17240" s="1">
        <v>4.90711632E8</v>
      </c>
      <c r="B17240" s="3">
        <v>15835.0</v>
      </c>
      <c r="C17240" s="1" t="s">
        <v>5</v>
      </c>
      <c r="D17240" s="1" t="s">
        <v>14684</v>
      </c>
      <c r="E17240" s="1" t="s">
        <v>7</v>
      </c>
    </row>
    <row r="17241">
      <c r="A17241" s="1">
        <v>4.90711742E8</v>
      </c>
      <c r="B17241" s="2">
        <v>15860.0</v>
      </c>
      <c r="C17241" s="1" t="s">
        <v>5</v>
      </c>
      <c r="D17241" s="1" t="s">
        <v>14685</v>
      </c>
      <c r="E17241" s="1" t="s">
        <v>11</v>
      </c>
    </row>
    <row r="17242">
      <c r="A17242" s="1">
        <v>4.90711763E8</v>
      </c>
      <c r="B17242" s="3">
        <v>15837.0</v>
      </c>
      <c r="C17242" s="1" t="s">
        <v>5</v>
      </c>
      <c r="D17242" s="1" t="s">
        <v>14686</v>
      </c>
      <c r="E17242" s="1" t="s">
        <v>7</v>
      </c>
    </row>
    <row r="17243">
      <c r="A17243" s="1">
        <v>4.90711793E8</v>
      </c>
      <c r="B17243" s="2">
        <v>15859.0</v>
      </c>
      <c r="C17243" s="1" t="s">
        <v>5</v>
      </c>
      <c r="D17243" s="1" t="s">
        <v>14519</v>
      </c>
      <c r="E17243" s="1" t="s">
        <v>7</v>
      </c>
    </row>
    <row r="17244">
      <c r="A17244" s="1">
        <v>4.90711814E8</v>
      </c>
      <c r="B17244" s="3">
        <v>15837.0</v>
      </c>
      <c r="C17244" s="1" t="s">
        <v>5</v>
      </c>
      <c r="D17244" s="1" t="s">
        <v>14687</v>
      </c>
      <c r="E17244" s="1" t="s">
        <v>7</v>
      </c>
    </row>
    <row r="17245">
      <c r="A17245" s="1">
        <v>4.90711872E8</v>
      </c>
      <c r="B17245" s="2">
        <v>15867.0</v>
      </c>
      <c r="C17245" s="1" t="s">
        <v>5</v>
      </c>
      <c r="D17245" s="1" t="s">
        <v>11</v>
      </c>
      <c r="E17245" s="1" t="s">
        <v>7</v>
      </c>
    </row>
    <row r="17246">
      <c r="A17246" s="1">
        <v>4.90711936E8</v>
      </c>
      <c r="B17246" s="2">
        <v>15861.0</v>
      </c>
      <c r="C17246" s="1" t="s">
        <v>5</v>
      </c>
      <c r="D17246" s="1" t="s">
        <v>14688</v>
      </c>
      <c r="E17246" s="1" t="s">
        <v>11</v>
      </c>
    </row>
    <row r="17247">
      <c r="A17247" s="1">
        <v>4.90711951E8</v>
      </c>
      <c r="B17247" s="2">
        <v>15915.0</v>
      </c>
      <c r="C17247" s="1" t="s">
        <v>5</v>
      </c>
      <c r="D17247" s="1" t="s">
        <v>11</v>
      </c>
      <c r="E17247" s="1" t="s">
        <v>7</v>
      </c>
    </row>
    <row r="17248">
      <c r="A17248" s="1">
        <v>4.90712117E8</v>
      </c>
      <c r="B17248" s="3">
        <v>15835.0</v>
      </c>
      <c r="C17248" s="1" t="s">
        <v>5</v>
      </c>
      <c r="D17248" s="1" t="s">
        <v>14689</v>
      </c>
      <c r="E17248" s="1" t="s">
        <v>7</v>
      </c>
    </row>
    <row r="17249">
      <c r="A17249" s="1">
        <v>4.90712121E8</v>
      </c>
      <c r="B17249" s="2">
        <v>15885.0</v>
      </c>
      <c r="C17249" s="1" t="s">
        <v>5</v>
      </c>
      <c r="D17249" s="1" t="s">
        <v>11</v>
      </c>
      <c r="E17249" s="1" t="s">
        <v>7</v>
      </c>
    </row>
    <row r="17250">
      <c r="A17250" s="1">
        <v>4.90712144E8</v>
      </c>
      <c r="B17250" s="2">
        <v>15913.0</v>
      </c>
      <c r="C17250" s="1" t="s">
        <v>5</v>
      </c>
      <c r="D17250" s="1" t="s">
        <v>14690</v>
      </c>
      <c r="E17250" s="1" t="s">
        <v>11</v>
      </c>
    </row>
    <row r="17251">
      <c r="A17251" s="1">
        <v>4.90712163E8</v>
      </c>
      <c r="B17251" s="2">
        <v>15913.0</v>
      </c>
      <c r="C17251" s="1" t="s">
        <v>5</v>
      </c>
      <c r="D17251" s="1" t="s">
        <v>11</v>
      </c>
      <c r="E17251" s="1" t="s">
        <v>7</v>
      </c>
    </row>
    <row r="17252">
      <c r="A17252" s="1">
        <v>4.90712181E8</v>
      </c>
      <c r="B17252" s="2">
        <v>15913.0</v>
      </c>
      <c r="C17252" s="1" t="s">
        <v>5</v>
      </c>
      <c r="D17252" s="1" t="s">
        <v>11</v>
      </c>
      <c r="E17252" s="1" t="s">
        <v>7</v>
      </c>
    </row>
    <row r="17253">
      <c r="A17253" s="1">
        <v>4.90712225E8</v>
      </c>
      <c r="B17253" s="2">
        <v>15859.0</v>
      </c>
      <c r="C17253" s="1" t="s">
        <v>5</v>
      </c>
      <c r="D17253" s="1" t="s">
        <v>11</v>
      </c>
      <c r="E17253" s="1" t="s">
        <v>7</v>
      </c>
    </row>
    <row r="17254">
      <c r="A17254" s="1">
        <v>4.90712233E8</v>
      </c>
      <c r="B17254" s="3">
        <v>15829.0</v>
      </c>
      <c r="C17254" s="1" t="s">
        <v>5</v>
      </c>
      <c r="D17254" s="1" t="s">
        <v>14691</v>
      </c>
      <c r="E17254" s="1" t="s">
        <v>11</v>
      </c>
    </row>
    <row r="17255">
      <c r="A17255" s="1">
        <v>4.90712237E8</v>
      </c>
      <c r="B17255" s="3">
        <v>15848.0</v>
      </c>
      <c r="C17255" s="1" t="s">
        <v>5</v>
      </c>
      <c r="D17255" s="1" t="s">
        <v>14692</v>
      </c>
      <c r="E17255" s="1" t="s">
        <v>7</v>
      </c>
    </row>
    <row r="17256">
      <c r="A17256" s="1">
        <v>4.90712308E8</v>
      </c>
      <c r="B17256" s="2">
        <v>15858.0</v>
      </c>
      <c r="C17256" s="1" t="s">
        <v>5</v>
      </c>
      <c r="D17256" s="1" t="s">
        <v>14693</v>
      </c>
      <c r="E17256" s="1" t="s">
        <v>14694</v>
      </c>
    </row>
    <row r="17257">
      <c r="A17257" s="1">
        <v>4.90712311E8</v>
      </c>
      <c r="B17257" s="2">
        <v>15917.0</v>
      </c>
      <c r="C17257" s="1" t="s">
        <v>5</v>
      </c>
      <c r="D17257" s="1" t="s">
        <v>14695</v>
      </c>
      <c r="E17257" s="1" t="s">
        <v>7</v>
      </c>
    </row>
    <row r="17258">
      <c r="A17258" s="1">
        <v>4.90712324E8</v>
      </c>
      <c r="B17258" s="2">
        <v>15865.0</v>
      </c>
      <c r="C17258" s="1" t="s">
        <v>5</v>
      </c>
      <c r="D17258" s="1" t="s">
        <v>14696</v>
      </c>
      <c r="E17258" s="1" t="s">
        <v>11</v>
      </c>
    </row>
    <row r="17259">
      <c r="A17259" s="1">
        <v>4.90712458E8</v>
      </c>
      <c r="B17259" s="2">
        <v>15908.0</v>
      </c>
      <c r="C17259" s="1" t="s">
        <v>5</v>
      </c>
      <c r="D17259" s="1" t="s">
        <v>11</v>
      </c>
      <c r="E17259" s="1" t="s">
        <v>7</v>
      </c>
    </row>
    <row r="17260">
      <c r="A17260" s="1">
        <v>4.9071247E8</v>
      </c>
      <c r="B17260" s="2">
        <v>15865.0</v>
      </c>
      <c r="C17260" s="1" t="s">
        <v>5</v>
      </c>
      <c r="D17260" s="1" t="s">
        <v>11</v>
      </c>
      <c r="E17260" s="1" t="s">
        <v>7</v>
      </c>
    </row>
    <row r="17261">
      <c r="A17261" s="1">
        <v>4.90712502E8</v>
      </c>
      <c r="B17261" s="3">
        <v>15827.0</v>
      </c>
      <c r="C17261" s="1" t="s">
        <v>5</v>
      </c>
      <c r="D17261" s="1" t="s">
        <v>14697</v>
      </c>
      <c r="E17261" s="1" t="s">
        <v>7</v>
      </c>
    </row>
    <row r="17262">
      <c r="A17262" s="1">
        <v>4.9071251E8</v>
      </c>
      <c r="B17262" s="3">
        <v>15847.0</v>
      </c>
      <c r="C17262" s="1" t="s">
        <v>5</v>
      </c>
      <c r="D17262" s="1" t="s">
        <v>14698</v>
      </c>
      <c r="E17262" s="1" t="s">
        <v>7</v>
      </c>
    </row>
    <row r="17263">
      <c r="A17263" s="1">
        <v>4.90712566E8</v>
      </c>
      <c r="B17263" s="3">
        <v>15835.0</v>
      </c>
      <c r="C17263" s="1" t="s">
        <v>5</v>
      </c>
      <c r="D17263" s="1" t="s">
        <v>14699</v>
      </c>
      <c r="E17263" s="1" t="s">
        <v>11</v>
      </c>
    </row>
    <row r="17264">
      <c r="A17264" s="1">
        <v>4.90712574E8</v>
      </c>
      <c r="B17264" s="3">
        <v>15846.0</v>
      </c>
      <c r="C17264" s="1" t="s">
        <v>5</v>
      </c>
      <c r="D17264" s="1" t="s">
        <v>14700</v>
      </c>
      <c r="E17264" s="1" t="s">
        <v>7</v>
      </c>
    </row>
    <row r="17265">
      <c r="A17265" s="1">
        <v>4.90712593E8</v>
      </c>
      <c r="B17265" s="3">
        <v>15854.0</v>
      </c>
      <c r="C17265" s="1" t="s">
        <v>5</v>
      </c>
      <c r="D17265" s="1" t="s">
        <v>11</v>
      </c>
      <c r="E17265" s="1" t="s">
        <v>7</v>
      </c>
    </row>
    <row r="17266">
      <c r="A17266" s="1">
        <v>4.90712604E8</v>
      </c>
      <c r="B17266" s="2">
        <v>15913.0</v>
      </c>
      <c r="C17266" s="1" t="s">
        <v>5</v>
      </c>
      <c r="D17266" s="1" t="s">
        <v>11</v>
      </c>
      <c r="E17266" s="1" t="s">
        <v>7</v>
      </c>
    </row>
    <row r="17267">
      <c r="A17267" s="1">
        <v>4.90712608E8</v>
      </c>
      <c r="B17267" s="2">
        <v>15916.0</v>
      </c>
      <c r="C17267" s="1" t="s">
        <v>5</v>
      </c>
      <c r="D17267" s="1" t="s">
        <v>14701</v>
      </c>
      <c r="E17267" s="1" t="s">
        <v>11</v>
      </c>
    </row>
    <row r="17268">
      <c r="A17268" s="1">
        <v>4.90712682E8</v>
      </c>
      <c r="B17268" s="3">
        <v>15834.0</v>
      </c>
      <c r="C17268" s="1" t="s">
        <v>5</v>
      </c>
      <c r="D17268" s="1" t="s">
        <v>11</v>
      </c>
      <c r="E17268" s="1" t="s">
        <v>7</v>
      </c>
    </row>
    <row r="17269">
      <c r="A17269" s="1">
        <v>4.9071278E8</v>
      </c>
      <c r="B17269" s="2">
        <v>15907.0</v>
      </c>
      <c r="C17269" s="1" t="s">
        <v>5</v>
      </c>
      <c r="D17269" s="1" t="s">
        <v>14702</v>
      </c>
      <c r="E17269" s="1" t="s">
        <v>7</v>
      </c>
    </row>
    <row r="17270">
      <c r="A17270" s="1">
        <v>4.90712806E8</v>
      </c>
      <c r="B17270" s="2">
        <v>15884.0</v>
      </c>
      <c r="C17270" s="1" t="s">
        <v>5</v>
      </c>
      <c r="D17270" s="1" t="s">
        <v>14703</v>
      </c>
      <c r="E17270" s="1" t="s">
        <v>7</v>
      </c>
    </row>
    <row r="17271">
      <c r="A17271" s="1">
        <v>4.90712808E8</v>
      </c>
      <c r="B17271" s="2">
        <v>15915.0</v>
      </c>
      <c r="C17271" s="1" t="s">
        <v>5</v>
      </c>
      <c r="D17271" s="1" t="s">
        <v>14704</v>
      </c>
      <c r="E17271" s="1" t="s">
        <v>11</v>
      </c>
    </row>
    <row r="17272">
      <c r="A17272" s="1">
        <v>4.90713028E8</v>
      </c>
      <c r="B17272" s="2">
        <v>15916.0</v>
      </c>
      <c r="C17272" s="1" t="s">
        <v>5</v>
      </c>
      <c r="D17272" s="1" t="s">
        <v>11</v>
      </c>
      <c r="E17272" s="1" t="s">
        <v>7</v>
      </c>
    </row>
    <row r="17273">
      <c r="A17273" s="1">
        <v>4.9071303E8</v>
      </c>
      <c r="B17273" s="3">
        <v>15843.0</v>
      </c>
      <c r="C17273" s="1" t="s">
        <v>5</v>
      </c>
      <c r="D17273" s="1" t="s">
        <v>14705</v>
      </c>
      <c r="E17273" s="1" t="s">
        <v>7</v>
      </c>
    </row>
    <row r="17274">
      <c r="A17274" s="1">
        <v>4.90713065E8</v>
      </c>
      <c r="B17274" s="2">
        <v>15911.0</v>
      </c>
      <c r="C17274" s="1" t="s">
        <v>5</v>
      </c>
      <c r="D17274" s="1" t="s">
        <v>14706</v>
      </c>
      <c r="E17274" s="1" t="s">
        <v>7</v>
      </c>
    </row>
    <row r="17275">
      <c r="A17275" s="1">
        <v>4.90713072E8</v>
      </c>
      <c r="B17275" s="2">
        <v>15910.0</v>
      </c>
      <c r="C17275" s="1" t="s">
        <v>5</v>
      </c>
      <c r="D17275" s="1" t="s">
        <v>11</v>
      </c>
      <c r="E17275" s="1" t="s">
        <v>7</v>
      </c>
    </row>
    <row r="17276">
      <c r="A17276" s="1">
        <v>4.90713094E8</v>
      </c>
      <c r="B17276" s="2">
        <v>15915.0</v>
      </c>
      <c r="C17276" s="1" t="s">
        <v>5</v>
      </c>
      <c r="D17276" s="1" t="s">
        <v>14707</v>
      </c>
      <c r="E17276" s="1" t="s">
        <v>7</v>
      </c>
    </row>
    <row r="17277">
      <c r="A17277" s="1">
        <v>4.90713168E8</v>
      </c>
      <c r="B17277" s="2">
        <v>15908.0</v>
      </c>
      <c r="C17277" s="1" t="s">
        <v>5</v>
      </c>
      <c r="D17277" s="1" t="s">
        <v>14708</v>
      </c>
      <c r="E17277" s="1" t="s">
        <v>7</v>
      </c>
    </row>
    <row r="17278">
      <c r="A17278" s="1">
        <v>4.90713185E8</v>
      </c>
      <c r="B17278" s="3">
        <v>15832.0</v>
      </c>
      <c r="C17278" s="1" t="s">
        <v>5</v>
      </c>
      <c r="D17278" s="1" t="s">
        <v>14709</v>
      </c>
      <c r="E17278" s="1" t="s">
        <v>11</v>
      </c>
    </row>
    <row r="17279">
      <c r="A17279" s="1">
        <v>4.90713436E8</v>
      </c>
      <c r="B17279" s="2">
        <v>15918.0</v>
      </c>
      <c r="C17279" s="1" t="s">
        <v>5</v>
      </c>
      <c r="D17279" s="1" t="s">
        <v>14710</v>
      </c>
      <c r="E17279" s="1" t="s">
        <v>7</v>
      </c>
    </row>
    <row r="17280">
      <c r="A17280" s="1">
        <v>4.90713448E8</v>
      </c>
      <c r="B17280" s="2">
        <v>15906.0</v>
      </c>
      <c r="C17280" s="1" t="s">
        <v>5</v>
      </c>
      <c r="D17280" s="1" t="s">
        <v>14711</v>
      </c>
      <c r="E17280" s="1" t="s">
        <v>7</v>
      </c>
    </row>
    <row r="17281">
      <c r="A17281" s="1">
        <v>4.90713507E8</v>
      </c>
      <c r="B17281" s="3">
        <v>15828.0</v>
      </c>
      <c r="C17281" s="1" t="s">
        <v>5</v>
      </c>
      <c r="D17281" s="1" t="s">
        <v>14712</v>
      </c>
      <c r="E17281" s="1" t="s">
        <v>11</v>
      </c>
    </row>
    <row r="17282">
      <c r="A17282" s="1">
        <v>4.90713517E8</v>
      </c>
      <c r="B17282" s="2">
        <v>15909.0</v>
      </c>
      <c r="C17282" s="1" t="s">
        <v>5</v>
      </c>
      <c r="D17282" s="1" t="s">
        <v>11</v>
      </c>
      <c r="E17282" s="1" t="s">
        <v>7</v>
      </c>
    </row>
    <row r="17283">
      <c r="A17283" s="1">
        <v>4.90713581E8</v>
      </c>
      <c r="B17283" s="3">
        <v>15828.0</v>
      </c>
      <c r="C17283" s="1" t="s">
        <v>5</v>
      </c>
      <c r="D17283" s="1" t="s">
        <v>11</v>
      </c>
      <c r="E17283" s="1" t="s">
        <v>7</v>
      </c>
    </row>
    <row r="17284">
      <c r="A17284" s="1">
        <v>4.90713585E8</v>
      </c>
      <c r="B17284" s="2">
        <v>15911.0</v>
      </c>
      <c r="C17284" s="1" t="s">
        <v>5</v>
      </c>
      <c r="D17284" s="1" t="s">
        <v>14713</v>
      </c>
      <c r="E17284" s="1" t="s">
        <v>11</v>
      </c>
    </row>
    <row r="17285">
      <c r="A17285" s="1">
        <v>4.90713586E8</v>
      </c>
      <c r="B17285" s="2">
        <v>15912.0</v>
      </c>
      <c r="C17285" s="1" t="s">
        <v>5</v>
      </c>
      <c r="D17285" s="1" t="s">
        <v>14714</v>
      </c>
      <c r="E17285" s="1" t="s">
        <v>11</v>
      </c>
    </row>
    <row r="17286">
      <c r="A17286" s="1">
        <v>4.90713588E8</v>
      </c>
      <c r="B17286" s="3">
        <v>15829.0</v>
      </c>
      <c r="C17286" s="1" t="s">
        <v>5</v>
      </c>
      <c r="D17286" s="1" t="s">
        <v>14715</v>
      </c>
      <c r="E17286" s="1" t="s">
        <v>11</v>
      </c>
    </row>
    <row r="17287">
      <c r="A17287" s="1">
        <v>4.90713652E8</v>
      </c>
      <c r="B17287" s="2">
        <v>15903.0</v>
      </c>
      <c r="C17287" s="1" t="s">
        <v>5</v>
      </c>
      <c r="D17287" s="1" t="s">
        <v>14716</v>
      </c>
      <c r="E17287" s="1" t="s">
        <v>11</v>
      </c>
    </row>
    <row r="17288">
      <c r="A17288" s="1">
        <v>4.90713732E8</v>
      </c>
      <c r="B17288" s="2">
        <v>15909.0</v>
      </c>
      <c r="C17288" s="1" t="s">
        <v>5</v>
      </c>
      <c r="D17288" s="1" t="s">
        <v>11</v>
      </c>
      <c r="E17288" s="1" t="s">
        <v>7</v>
      </c>
    </row>
    <row r="17289">
      <c r="A17289" s="1">
        <v>4.90713755E8</v>
      </c>
      <c r="B17289" s="2">
        <v>15904.0</v>
      </c>
      <c r="C17289" s="1" t="s">
        <v>5</v>
      </c>
      <c r="D17289" s="1" t="s">
        <v>14717</v>
      </c>
      <c r="E17289" s="1" t="s">
        <v>7</v>
      </c>
    </row>
    <row r="17290">
      <c r="A17290" s="1">
        <v>4.90713865E8</v>
      </c>
      <c r="B17290" s="2">
        <v>15897.0</v>
      </c>
      <c r="C17290" s="1" t="s">
        <v>5</v>
      </c>
      <c r="D17290" s="1" t="s">
        <v>14718</v>
      </c>
      <c r="E17290" s="1" t="s">
        <v>7</v>
      </c>
    </row>
    <row r="17291">
      <c r="A17291" s="1">
        <v>4.90713881E8</v>
      </c>
      <c r="B17291" s="3">
        <v>15847.0</v>
      </c>
      <c r="C17291" s="1" t="s">
        <v>5</v>
      </c>
      <c r="D17291" s="1" t="s">
        <v>14719</v>
      </c>
      <c r="E17291" s="1" t="s">
        <v>7</v>
      </c>
    </row>
    <row r="17292">
      <c r="A17292" s="1">
        <v>4.90713907E8</v>
      </c>
      <c r="B17292" s="2">
        <v>15880.0</v>
      </c>
      <c r="C17292" s="1" t="s">
        <v>5</v>
      </c>
      <c r="D17292" s="1" t="s">
        <v>14720</v>
      </c>
      <c r="E17292" s="1" t="s">
        <v>7</v>
      </c>
    </row>
    <row r="17293">
      <c r="A17293" s="1">
        <v>4.90713941E8</v>
      </c>
      <c r="B17293" s="2">
        <v>15912.0</v>
      </c>
      <c r="C17293" s="1" t="s">
        <v>5</v>
      </c>
      <c r="D17293" s="1" t="s">
        <v>14721</v>
      </c>
      <c r="E17293" s="1" t="s">
        <v>7</v>
      </c>
    </row>
    <row r="17294">
      <c r="A17294" s="1">
        <v>4.90713959E8</v>
      </c>
      <c r="B17294" s="2">
        <v>15884.0</v>
      </c>
      <c r="C17294" s="1" t="s">
        <v>5</v>
      </c>
      <c r="D17294" s="1" t="s">
        <v>11</v>
      </c>
      <c r="E17294" s="1" t="s">
        <v>7</v>
      </c>
    </row>
    <row r="17295">
      <c r="A17295" s="1">
        <v>4.90714032E8</v>
      </c>
      <c r="B17295" s="2">
        <v>15907.0</v>
      </c>
      <c r="C17295" s="1" t="s">
        <v>5</v>
      </c>
      <c r="D17295" s="1" t="s">
        <v>14722</v>
      </c>
      <c r="E17295" s="1" t="s">
        <v>7</v>
      </c>
    </row>
    <row r="17296">
      <c r="A17296" s="1">
        <v>4.90714041E8</v>
      </c>
      <c r="B17296" s="2">
        <v>15910.0</v>
      </c>
      <c r="C17296" s="1" t="s">
        <v>5</v>
      </c>
      <c r="D17296" s="1" t="s">
        <v>14723</v>
      </c>
      <c r="E17296" s="1" t="s">
        <v>11</v>
      </c>
    </row>
    <row r="17297">
      <c r="A17297" s="1">
        <v>4.90714133E8</v>
      </c>
      <c r="B17297" s="2">
        <v>15908.0</v>
      </c>
      <c r="C17297" s="1" t="s">
        <v>5</v>
      </c>
      <c r="D17297" s="1" t="s">
        <v>11</v>
      </c>
      <c r="E17297" s="1" t="s">
        <v>7</v>
      </c>
    </row>
    <row r="17298">
      <c r="A17298" s="1">
        <v>4.90714139E8</v>
      </c>
      <c r="B17298" s="3">
        <v>15835.0</v>
      </c>
      <c r="C17298" s="1" t="s">
        <v>5</v>
      </c>
      <c r="D17298" s="1" t="s">
        <v>14724</v>
      </c>
      <c r="E17298" s="1" t="s">
        <v>7</v>
      </c>
    </row>
    <row r="17299">
      <c r="A17299" s="1">
        <v>4.90714159E8</v>
      </c>
      <c r="B17299" s="3">
        <v>15835.0</v>
      </c>
      <c r="C17299" s="1" t="s">
        <v>5</v>
      </c>
      <c r="D17299" s="1" t="s">
        <v>14725</v>
      </c>
      <c r="E17299" s="1" t="s">
        <v>7</v>
      </c>
    </row>
    <row r="17300">
      <c r="A17300" s="1">
        <v>4.90714262E8</v>
      </c>
      <c r="B17300" s="2">
        <v>15905.0</v>
      </c>
      <c r="C17300" s="1" t="s">
        <v>5</v>
      </c>
      <c r="D17300" s="1" t="s">
        <v>11</v>
      </c>
      <c r="E17300" s="1" t="s">
        <v>7</v>
      </c>
    </row>
    <row r="17301">
      <c r="A17301" s="1">
        <v>4.90714357E8</v>
      </c>
      <c r="B17301" s="2">
        <v>15880.0</v>
      </c>
      <c r="C17301" s="1" t="s">
        <v>5</v>
      </c>
      <c r="D17301" s="1" t="s">
        <v>14726</v>
      </c>
      <c r="E17301" s="1" t="s">
        <v>7</v>
      </c>
    </row>
    <row r="17302">
      <c r="A17302" s="1">
        <v>4.90714467E8</v>
      </c>
      <c r="B17302" s="2">
        <v>15880.0</v>
      </c>
      <c r="C17302" s="1" t="s">
        <v>5</v>
      </c>
      <c r="D17302" s="1" t="s">
        <v>11</v>
      </c>
      <c r="E17302" s="1" t="s">
        <v>7</v>
      </c>
    </row>
    <row r="17303">
      <c r="A17303" s="1">
        <v>4.90714473E8</v>
      </c>
      <c r="B17303" s="3">
        <v>15832.0</v>
      </c>
      <c r="C17303" s="1" t="s">
        <v>5</v>
      </c>
      <c r="D17303" s="1" t="s">
        <v>14727</v>
      </c>
      <c r="E17303" s="1" t="s">
        <v>7</v>
      </c>
    </row>
    <row r="17304">
      <c r="A17304" s="1">
        <v>4.90714508E8</v>
      </c>
      <c r="B17304" s="2">
        <v>15904.0</v>
      </c>
      <c r="C17304" s="1" t="s">
        <v>5</v>
      </c>
      <c r="D17304" s="1" t="s">
        <v>11</v>
      </c>
      <c r="E17304" s="1" t="s">
        <v>7</v>
      </c>
    </row>
    <row r="17305">
      <c r="A17305" s="1">
        <v>4.90714577E8</v>
      </c>
      <c r="B17305" s="2">
        <v>15910.0</v>
      </c>
      <c r="C17305" s="1" t="s">
        <v>5</v>
      </c>
      <c r="D17305" s="1" t="s">
        <v>14728</v>
      </c>
      <c r="E17305" s="1" t="s">
        <v>11</v>
      </c>
    </row>
    <row r="17306">
      <c r="A17306" s="1">
        <v>4.90714581E8</v>
      </c>
      <c r="B17306" s="3">
        <v>15831.0</v>
      </c>
      <c r="C17306" s="1" t="s">
        <v>5</v>
      </c>
      <c r="D17306" s="1" t="s">
        <v>14729</v>
      </c>
      <c r="E17306" s="1" t="s">
        <v>7</v>
      </c>
    </row>
    <row r="17307">
      <c r="A17307" s="1">
        <v>4.90714622E8</v>
      </c>
      <c r="B17307" s="3">
        <v>15831.0</v>
      </c>
      <c r="C17307" s="1" t="s">
        <v>5</v>
      </c>
      <c r="D17307" s="1" t="s">
        <v>14730</v>
      </c>
      <c r="E17307" s="1" t="s">
        <v>7</v>
      </c>
    </row>
    <row r="17308">
      <c r="A17308" s="1">
        <v>4.90714625E8</v>
      </c>
      <c r="B17308" s="2">
        <v>15877.0</v>
      </c>
      <c r="C17308" s="1" t="s">
        <v>5</v>
      </c>
      <c r="D17308" s="1" t="s">
        <v>14731</v>
      </c>
      <c r="E17308" s="1" t="s">
        <v>7</v>
      </c>
    </row>
    <row r="17309">
      <c r="A17309" s="1">
        <v>4.90714628E8</v>
      </c>
      <c r="B17309" s="2">
        <v>15906.0</v>
      </c>
      <c r="C17309" s="1" t="s">
        <v>5</v>
      </c>
      <c r="D17309" s="1" t="s">
        <v>14732</v>
      </c>
      <c r="E17309" s="1" t="s">
        <v>11</v>
      </c>
    </row>
    <row r="17310">
      <c r="A17310" s="1">
        <v>4.90714632E8</v>
      </c>
      <c r="B17310" s="2">
        <v>15902.0</v>
      </c>
      <c r="C17310" s="1" t="s">
        <v>5</v>
      </c>
      <c r="D17310" s="1" t="s">
        <v>11</v>
      </c>
      <c r="E17310" s="1" t="s">
        <v>7</v>
      </c>
    </row>
    <row r="17311">
      <c r="A17311" s="1">
        <v>4.90714634E8</v>
      </c>
      <c r="B17311" s="2">
        <v>15910.0</v>
      </c>
      <c r="C17311" s="1" t="s">
        <v>5</v>
      </c>
      <c r="D17311" s="1" t="s">
        <v>11</v>
      </c>
      <c r="E17311" s="1" t="s">
        <v>7</v>
      </c>
    </row>
    <row r="17312">
      <c r="A17312" s="1">
        <v>4.90714727E8</v>
      </c>
      <c r="B17312" s="2">
        <v>15902.0</v>
      </c>
      <c r="C17312" s="1" t="s">
        <v>5</v>
      </c>
      <c r="D17312" s="1" t="s">
        <v>14733</v>
      </c>
      <c r="E17312" s="1" t="s">
        <v>7</v>
      </c>
    </row>
    <row r="17313">
      <c r="A17313" s="1">
        <v>4.90714733E8</v>
      </c>
      <c r="B17313" s="3">
        <v>15839.0</v>
      </c>
      <c r="C17313" s="1" t="s">
        <v>5</v>
      </c>
      <c r="D17313" s="1" t="s">
        <v>14734</v>
      </c>
      <c r="E17313" s="1" t="s">
        <v>7</v>
      </c>
    </row>
    <row r="17314">
      <c r="A17314" s="1">
        <v>4.90714741E8</v>
      </c>
      <c r="B17314" s="2">
        <v>15905.0</v>
      </c>
      <c r="C17314" s="1" t="s">
        <v>5</v>
      </c>
      <c r="D17314" s="1" t="s">
        <v>11</v>
      </c>
      <c r="E17314" s="1" t="s">
        <v>7</v>
      </c>
    </row>
    <row r="17315">
      <c r="A17315" s="1">
        <v>4.90714799E8</v>
      </c>
      <c r="B17315" s="2">
        <v>15904.0</v>
      </c>
      <c r="C17315" s="1" t="s">
        <v>5</v>
      </c>
      <c r="D17315" s="1" t="s">
        <v>14735</v>
      </c>
      <c r="E17315" s="1" t="s">
        <v>7</v>
      </c>
    </row>
    <row r="17316">
      <c r="A17316" s="1">
        <v>4.9071481E8</v>
      </c>
      <c r="B17316" s="2">
        <v>15908.0</v>
      </c>
      <c r="C17316" s="1" t="s">
        <v>5</v>
      </c>
      <c r="D17316" s="1" t="s">
        <v>11</v>
      </c>
      <c r="E17316" s="1" t="s">
        <v>7</v>
      </c>
    </row>
    <row r="17317">
      <c r="A17317" s="1">
        <v>4.90714856E8</v>
      </c>
      <c r="B17317" s="2">
        <v>15895.0</v>
      </c>
      <c r="C17317" s="1" t="s">
        <v>5</v>
      </c>
      <c r="D17317" s="1" t="s">
        <v>14736</v>
      </c>
      <c r="E17317" s="1" t="s">
        <v>7</v>
      </c>
    </row>
    <row r="17318">
      <c r="A17318" s="1">
        <v>4.90714867E8</v>
      </c>
      <c r="B17318" s="2">
        <v>15899.0</v>
      </c>
      <c r="C17318" s="1" t="s">
        <v>5</v>
      </c>
      <c r="D17318" s="1" t="s">
        <v>11</v>
      </c>
      <c r="E17318" s="1" t="s">
        <v>7</v>
      </c>
    </row>
    <row r="17319">
      <c r="A17319" s="1">
        <v>4.90714901E8</v>
      </c>
      <c r="B17319" s="2">
        <v>15907.0</v>
      </c>
      <c r="C17319" s="1" t="s">
        <v>5</v>
      </c>
      <c r="D17319" s="1" t="s">
        <v>14737</v>
      </c>
      <c r="E17319" s="1" t="s">
        <v>14738</v>
      </c>
    </row>
    <row r="17320">
      <c r="A17320" s="1">
        <v>4.90714905E8</v>
      </c>
      <c r="B17320" s="2">
        <v>15899.0</v>
      </c>
      <c r="C17320" s="1" t="s">
        <v>5</v>
      </c>
      <c r="D17320" s="1" t="s">
        <v>14739</v>
      </c>
      <c r="E17320" s="1" t="s">
        <v>11</v>
      </c>
    </row>
    <row r="17321">
      <c r="A17321" s="1">
        <v>4.90714906E8</v>
      </c>
      <c r="B17321" s="3">
        <v>15830.0</v>
      </c>
      <c r="C17321" s="1" t="s">
        <v>5</v>
      </c>
      <c r="D17321" s="1" t="s">
        <v>14740</v>
      </c>
      <c r="E17321" s="1" t="s">
        <v>7</v>
      </c>
    </row>
    <row r="17322">
      <c r="A17322" s="1">
        <v>4.90714907E8</v>
      </c>
      <c r="B17322" s="3">
        <v>15838.0</v>
      </c>
      <c r="C17322" s="1" t="s">
        <v>5</v>
      </c>
      <c r="D17322" s="1" t="s">
        <v>14741</v>
      </c>
      <c r="E17322" s="1" t="s">
        <v>11</v>
      </c>
    </row>
    <row r="17323">
      <c r="A17323" s="1">
        <v>4.90714948E8</v>
      </c>
      <c r="B17323" s="2">
        <v>15894.0</v>
      </c>
      <c r="C17323" s="1" t="s">
        <v>5</v>
      </c>
      <c r="D17323" s="1" t="s">
        <v>14742</v>
      </c>
      <c r="E17323" s="1" t="s">
        <v>7</v>
      </c>
    </row>
    <row r="17324">
      <c r="A17324" s="1">
        <v>4.90714976E8</v>
      </c>
      <c r="B17324" s="2">
        <v>15907.0</v>
      </c>
      <c r="C17324" s="1" t="s">
        <v>5</v>
      </c>
      <c r="D17324" s="1" t="s">
        <v>14743</v>
      </c>
      <c r="E17324" s="1" t="s">
        <v>11</v>
      </c>
    </row>
    <row r="17325">
      <c r="A17325" s="1">
        <v>4.90714992E8</v>
      </c>
      <c r="B17325" s="2">
        <v>15901.0</v>
      </c>
      <c r="C17325" s="1" t="s">
        <v>5</v>
      </c>
      <c r="D17325" s="1" t="s">
        <v>11</v>
      </c>
      <c r="E17325" s="1" t="s">
        <v>7</v>
      </c>
    </row>
    <row r="17326">
      <c r="A17326" s="1">
        <v>4.90715058E8</v>
      </c>
      <c r="B17326" s="2">
        <v>15902.0</v>
      </c>
      <c r="C17326" s="1" t="s">
        <v>5</v>
      </c>
      <c r="D17326" s="1" t="s">
        <v>11</v>
      </c>
      <c r="E17326" s="1" t="s">
        <v>7</v>
      </c>
    </row>
    <row r="17327">
      <c r="A17327" s="1">
        <v>4.90715093E8</v>
      </c>
      <c r="B17327" s="2">
        <v>15907.0</v>
      </c>
      <c r="C17327" s="1" t="s">
        <v>5</v>
      </c>
      <c r="D17327" s="1" t="s">
        <v>14744</v>
      </c>
      <c r="E17327" s="1" t="s">
        <v>7</v>
      </c>
    </row>
    <row r="17328">
      <c r="A17328" s="1">
        <v>4.90715124E8</v>
      </c>
      <c r="B17328" s="2">
        <v>15895.0</v>
      </c>
      <c r="C17328" s="1" t="s">
        <v>5</v>
      </c>
      <c r="D17328" s="1" t="s">
        <v>14745</v>
      </c>
      <c r="E17328" s="1" t="s">
        <v>7</v>
      </c>
    </row>
    <row r="17329">
      <c r="A17329" s="1">
        <v>4.90715187E8</v>
      </c>
      <c r="B17329" s="2">
        <v>15899.0</v>
      </c>
      <c r="C17329" s="1" t="s">
        <v>5</v>
      </c>
      <c r="D17329" s="1" t="s">
        <v>14746</v>
      </c>
      <c r="E17329" s="1" t="s">
        <v>11</v>
      </c>
    </row>
    <row r="17330">
      <c r="A17330" s="1">
        <v>4.90715268E8</v>
      </c>
      <c r="B17330" s="2">
        <v>15894.0</v>
      </c>
      <c r="C17330" s="1" t="s">
        <v>5</v>
      </c>
      <c r="D17330" s="1" t="s">
        <v>14747</v>
      </c>
      <c r="E17330" s="1" t="s">
        <v>7</v>
      </c>
    </row>
    <row r="17331">
      <c r="A17331" s="1">
        <v>4.90715388E8</v>
      </c>
      <c r="B17331" s="2">
        <v>15904.0</v>
      </c>
      <c r="C17331" s="1" t="s">
        <v>5</v>
      </c>
      <c r="D17331" s="1" t="s">
        <v>11</v>
      </c>
      <c r="E17331" s="1" t="s">
        <v>7</v>
      </c>
    </row>
    <row r="17332">
      <c r="A17332" s="1">
        <v>4.90715416E8</v>
      </c>
      <c r="B17332" s="2">
        <v>15896.0</v>
      </c>
      <c r="C17332" s="1" t="s">
        <v>5</v>
      </c>
      <c r="D17332" s="1" t="s">
        <v>11</v>
      </c>
      <c r="E17332" s="1" t="s">
        <v>7</v>
      </c>
    </row>
    <row r="17333">
      <c r="A17333" s="1">
        <v>4.90715547E8</v>
      </c>
      <c r="B17333" s="3">
        <v>15831.0</v>
      </c>
      <c r="C17333" s="1" t="s">
        <v>5</v>
      </c>
      <c r="D17333" s="1" t="s">
        <v>14748</v>
      </c>
      <c r="E17333" s="1" t="s">
        <v>11</v>
      </c>
    </row>
    <row r="17334">
      <c r="A17334" s="1">
        <v>4.9071556E8</v>
      </c>
      <c r="B17334" s="3">
        <v>15833.0</v>
      </c>
      <c r="C17334" s="1" t="s">
        <v>5</v>
      </c>
      <c r="D17334" s="1" t="s">
        <v>14749</v>
      </c>
      <c r="E17334" s="1" t="s">
        <v>7</v>
      </c>
    </row>
    <row r="17335">
      <c r="A17335" s="1">
        <v>4.90715577E8</v>
      </c>
      <c r="B17335" s="2">
        <v>15901.0</v>
      </c>
      <c r="C17335" s="1" t="s">
        <v>5</v>
      </c>
      <c r="D17335" s="1" t="s">
        <v>14750</v>
      </c>
      <c r="E17335" s="1" t="s">
        <v>7</v>
      </c>
    </row>
    <row r="17336">
      <c r="A17336" s="1">
        <v>4.90715622E8</v>
      </c>
      <c r="B17336" s="2">
        <v>15896.0</v>
      </c>
      <c r="C17336" s="1" t="s">
        <v>5</v>
      </c>
      <c r="D17336" s="1" t="s">
        <v>14751</v>
      </c>
      <c r="E17336" s="1" t="s">
        <v>7</v>
      </c>
    </row>
    <row r="17337">
      <c r="A17337" s="1">
        <v>4.90715627E8</v>
      </c>
      <c r="B17337" s="2">
        <v>15896.0</v>
      </c>
      <c r="C17337" s="1" t="s">
        <v>5</v>
      </c>
      <c r="D17337" s="1" t="s">
        <v>14752</v>
      </c>
      <c r="E17337" s="1" t="s">
        <v>14753</v>
      </c>
    </row>
    <row r="17338">
      <c r="A17338" s="1">
        <v>4.90715667E8</v>
      </c>
      <c r="B17338" s="2">
        <v>15901.0</v>
      </c>
      <c r="C17338" s="1" t="s">
        <v>5</v>
      </c>
      <c r="D17338" s="1" t="s">
        <v>14754</v>
      </c>
      <c r="E17338" s="1" t="s">
        <v>7</v>
      </c>
    </row>
    <row r="17339">
      <c r="A17339" s="1">
        <v>4.90715813E8</v>
      </c>
      <c r="B17339" s="2">
        <v>15894.0</v>
      </c>
      <c r="C17339" s="1" t="s">
        <v>5</v>
      </c>
      <c r="D17339" s="1" t="s">
        <v>11</v>
      </c>
      <c r="E17339" s="1" t="s">
        <v>7</v>
      </c>
    </row>
    <row r="17340">
      <c r="A17340" s="1">
        <v>4.90715847E8</v>
      </c>
      <c r="B17340" s="2">
        <v>15896.0</v>
      </c>
      <c r="C17340" s="1" t="s">
        <v>5</v>
      </c>
      <c r="D17340" s="1" t="s">
        <v>14755</v>
      </c>
      <c r="E17340" s="1" t="s">
        <v>7</v>
      </c>
    </row>
    <row r="17341">
      <c r="A17341" s="1">
        <v>4.90715864E8</v>
      </c>
      <c r="B17341" s="2">
        <v>15874.0</v>
      </c>
      <c r="C17341" s="1" t="s">
        <v>5</v>
      </c>
      <c r="D17341" s="1" t="s">
        <v>14756</v>
      </c>
      <c r="E17341" s="1" t="s">
        <v>14757</v>
      </c>
    </row>
    <row r="17342">
      <c r="A17342" s="1">
        <v>4.90715879E8</v>
      </c>
      <c r="B17342" s="2">
        <v>15949.0</v>
      </c>
      <c r="C17342" s="1" t="s">
        <v>5</v>
      </c>
      <c r="D17342" s="1" t="s">
        <v>14758</v>
      </c>
      <c r="E17342" s="1" t="s">
        <v>7</v>
      </c>
    </row>
    <row r="17343">
      <c r="A17343" s="1">
        <v>4.90716022E8</v>
      </c>
      <c r="B17343" s="2">
        <v>15968.0</v>
      </c>
      <c r="C17343" s="1" t="s">
        <v>5</v>
      </c>
      <c r="D17343" s="1" t="s">
        <v>11</v>
      </c>
      <c r="E17343" s="1" t="s">
        <v>7</v>
      </c>
    </row>
    <row r="17344">
      <c r="A17344" s="1">
        <v>4.90716037E8</v>
      </c>
      <c r="B17344" s="3">
        <v>15828.0</v>
      </c>
      <c r="C17344" s="1" t="s">
        <v>5</v>
      </c>
      <c r="D17344" s="1" t="s">
        <v>14759</v>
      </c>
      <c r="E17344" s="1" t="s">
        <v>11</v>
      </c>
    </row>
    <row r="17345">
      <c r="A17345" s="1">
        <v>4.90716057E8</v>
      </c>
      <c r="B17345" s="3">
        <v>15828.0</v>
      </c>
      <c r="C17345" s="1" t="s">
        <v>5</v>
      </c>
      <c r="D17345" s="1" t="s">
        <v>14760</v>
      </c>
      <c r="E17345" s="1" t="s">
        <v>11</v>
      </c>
    </row>
    <row r="17346">
      <c r="A17346" s="1">
        <v>4.90716077E8</v>
      </c>
      <c r="B17346" s="2">
        <v>15949.0</v>
      </c>
      <c r="C17346" s="1" t="s">
        <v>5</v>
      </c>
      <c r="D17346" s="1" t="s">
        <v>11</v>
      </c>
      <c r="E17346" s="1" t="s">
        <v>7</v>
      </c>
    </row>
    <row r="17347">
      <c r="A17347" s="1">
        <v>4.90716144E8</v>
      </c>
      <c r="B17347" s="2">
        <v>15947.0</v>
      </c>
      <c r="C17347" s="1" t="s">
        <v>5</v>
      </c>
      <c r="D17347" s="1" t="s">
        <v>14761</v>
      </c>
      <c r="E17347" s="1" t="s">
        <v>7</v>
      </c>
    </row>
    <row r="17348">
      <c r="A17348" s="1">
        <v>4.90716173E8</v>
      </c>
      <c r="B17348" s="2">
        <v>15892.0</v>
      </c>
      <c r="C17348" s="1" t="s">
        <v>5</v>
      </c>
      <c r="D17348" s="1" t="s">
        <v>14762</v>
      </c>
      <c r="E17348" s="1" t="s">
        <v>11</v>
      </c>
    </row>
    <row r="17349">
      <c r="A17349" s="1">
        <v>4.90716207E8</v>
      </c>
      <c r="B17349" s="2">
        <v>15891.0</v>
      </c>
      <c r="C17349" s="1" t="s">
        <v>5</v>
      </c>
      <c r="D17349" s="1" t="s">
        <v>14763</v>
      </c>
      <c r="E17349" s="1" t="s">
        <v>7</v>
      </c>
    </row>
    <row r="17350">
      <c r="A17350" s="1">
        <v>4.90716221E8</v>
      </c>
      <c r="B17350" s="2">
        <v>15947.0</v>
      </c>
      <c r="C17350" s="1" t="s">
        <v>5</v>
      </c>
      <c r="D17350" s="1" t="s">
        <v>14764</v>
      </c>
      <c r="E17350" s="1" t="s">
        <v>7</v>
      </c>
    </row>
    <row r="17351">
      <c r="A17351" s="1">
        <v>4.90716248E8</v>
      </c>
      <c r="B17351" s="2">
        <v>15945.0</v>
      </c>
      <c r="C17351" s="1" t="s">
        <v>5</v>
      </c>
      <c r="D17351" s="1" t="s">
        <v>14765</v>
      </c>
      <c r="E17351" s="1" t="s">
        <v>7</v>
      </c>
    </row>
    <row r="17352">
      <c r="A17352" s="1">
        <v>4.90716287E8</v>
      </c>
      <c r="B17352" s="2">
        <v>15949.0</v>
      </c>
      <c r="C17352" s="1" t="s">
        <v>5</v>
      </c>
      <c r="D17352" s="1" t="s">
        <v>14766</v>
      </c>
      <c r="E17352" s="1" t="s">
        <v>7</v>
      </c>
    </row>
    <row r="17353">
      <c r="A17353" s="1">
        <v>4.90716407E8</v>
      </c>
      <c r="B17353" s="2">
        <v>15949.0</v>
      </c>
      <c r="C17353" s="1" t="s">
        <v>5</v>
      </c>
      <c r="D17353" s="1" t="s">
        <v>14767</v>
      </c>
      <c r="E17353" s="1" t="s">
        <v>11</v>
      </c>
    </row>
    <row r="17354">
      <c r="A17354" s="1">
        <v>4.90716417E8</v>
      </c>
      <c r="B17354" s="2">
        <v>15888.0</v>
      </c>
      <c r="C17354" s="1" t="s">
        <v>5</v>
      </c>
      <c r="D17354" s="1" t="s">
        <v>11</v>
      </c>
      <c r="E17354" s="1" t="s">
        <v>7</v>
      </c>
    </row>
    <row r="17355">
      <c r="A17355" s="1">
        <v>4.90716424E8</v>
      </c>
      <c r="B17355" s="2">
        <v>15894.0</v>
      </c>
      <c r="C17355" s="1" t="s">
        <v>5</v>
      </c>
      <c r="D17355" s="1" t="s">
        <v>11</v>
      </c>
      <c r="E17355" s="1" t="s">
        <v>7</v>
      </c>
    </row>
    <row r="17356">
      <c r="A17356" s="1">
        <v>4.90716527E8</v>
      </c>
      <c r="B17356" s="2">
        <v>15884.0</v>
      </c>
      <c r="C17356" s="1" t="s">
        <v>5</v>
      </c>
      <c r="D17356" s="1" t="s">
        <v>11</v>
      </c>
      <c r="E17356" s="1" t="s">
        <v>7</v>
      </c>
    </row>
    <row r="17357">
      <c r="A17357" s="1">
        <v>4.90716563E8</v>
      </c>
      <c r="B17357" s="2">
        <v>15883.0</v>
      </c>
      <c r="C17357" s="1" t="s">
        <v>5</v>
      </c>
      <c r="D17357" s="1" t="s">
        <v>14768</v>
      </c>
      <c r="E17357" s="1" t="s">
        <v>11</v>
      </c>
    </row>
    <row r="17358">
      <c r="A17358" s="1">
        <v>4.90716573E8</v>
      </c>
      <c r="B17358" s="2">
        <v>15959.0</v>
      </c>
      <c r="C17358" s="1" t="s">
        <v>5</v>
      </c>
      <c r="D17358" s="1" t="s">
        <v>11</v>
      </c>
      <c r="E17358" s="1" t="s">
        <v>7</v>
      </c>
    </row>
    <row r="17359">
      <c r="A17359" s="1">
        <v>4.90716577E8</v>
      </c>
      <c r="B17359" s="2">
        <v>15941.0</v>
      </c>
      <c r="C17359" s="1" t="s">
        <v>5</v>
      </c>
      <c r="D17359" s="1" t="s">
        <v>14769</v>
      </c>
      <c r="E17359" s="1" t="s">
        <v>7</v>
      </c>
    </row>
    <row r="17360">
      <c r="A17360" s="1">
        <v>4.90716581E8</v>
      </c>
      <c r="B17360" s="2">
        <v>15948.0</v>
      </c>
      <c r="C17360" s="1" t="s">
        <v>5</v>
      </c>
      <c r="D17360" s="1" t="s">
        <v>14770</v>
      </c>
      <c r="E17360" s="1" t="s">
        <v>11</v>
      </c>
    </row>
    <row r="17361">
      <c r="A17361" s="1">
        <v>4.90716607E8</v>
      </c>
      <c r="B17361" s="2">
        <v>15946.0</v>
      </c>
      <c r="C17361" s="1" t="s">
        <v>5</v>
      </c>
      <c r="D17361" s="1" t="s">
        <v>14771</v>
      </c>
      <c r="E17361" s="1" t="s">
        <v>14772</v>
      </c>
    </row>
    <row r="17362">
      <c r="A17362" s="1">
        <v>4.90716635E8</v>
      </c>
      <c r="B17362" s="2">
        <v>15890.0</v>
      </c>
      <c r="C17362" s="1" t="s">
        <v>5</v>
      </c>
      <c r="D17362" s="1" t="s">
        <v>14773</v>
      </c>
      <c r="E17362" s="1" t="s">
        <v>7</v>
      </c>
    </row>
    <row r="17363">
      <c r="A17363" s="1">
        <v>4.90716671E8</v>
      </c>
      <c r="B17363" s="2">
        <v>15947.0</v>
      </c>
      <c r="C17363" s="1" t="s">
        <v>5</v>
      </c>
      <c r="D17363" s="1" t="s">
        <v>14774</v>
      </c>
      <c r="E17363" s="1" t="s">
        <v>7</v>
      </c>
    </row>
    <row r="17364">
      <c r="A17364" s="1">
        <v>4.90716675E8</v>
      </c>
      <c r="B17364" s="2">
        <v>15943.0</v>
      </c>
      <c r="C17364" s="1" t="s">
        <v>5</v>
      </c>
      <c r="D17364" s="1" t="s">
        <v>14775</v>
      </c>
      <c r="E17364" s="1" t="s">
        <v>7</v>
      </c>
    </row>
    <row r="17365">
      <c r="A17365" s="1">
        <v>4.90716693E8</v>
      </c>
      <c r="B17365" s="2">
        <v>15943.0</v>
      </c>
      <c r="C17365" s="1" t="s">
        <v>5</v>
      </c>
      <c r="D17365" s="1" t="s">
        <v>14776</v>
      </c>
      <c r="E17365" s="1" t="s">
        <v>7</v>
      </c>
    </row>
    <row r="17366">
      <c r="A17366" s="1">
        <v>4.90716788E8</v>
      </c>
      <c r="B17366" s="2">
        <v>15944.0</v>
      </c>
      <c r="C17366" s="1" t="s">
        <v>5</v>
      </c>
      <c r="D17366" s="1" t="s">
        <v>14777</v>
      </c>
      <c r="E17366" s="1" t="s">
        <v>11</v>
      </c>
    </row>
    <row r="17367">
      <c r="A17367" s="1">
        <v>4.90716812E8</v>
      </c>
      <c r="B17367" s="2">
        <v>15944.0</v>
      </c>
      <c r="C17367" s="1" t="s">
        <v>5</v>
      </c>
      <c r="D17367" s="1" t="s">
        <v>11</v>
      </c>
      <c r="E17367" s="1" t="s">
        <v>7</v>
      </c>
    </row>
    <row r="17368">
      <c r="A17368" s="1">
        <v>4.90716826E8</v>
      </c>
      <c r="B17368" s="2">
        <v>16009.0</v>
      </c>
      <c r="C17368" s="1" t="s">
        <v>5</v>
      </c>
      <c r="D17368" s="1" t="s">
        <v>14778</v>
      </c>
      <c r="E17368" s="1" t="s">
        <v>7</v>
      </c>
    </row>
    <row r="17369">
      <c r="A17369" s="1">
        <v>4.90716857E8</v>
      </c>
      <c r="B17369" s="2">
        <v>15974.0</v>
      </c>
      <c r="C17369" s="1" t="s">
        <v>5</v>
      </c>
      <c r="D17369" s="1" t="s">
        <v>11</v>
      </c>
      <c r="E17369" s="1" t="s">
        <v>7</v>
      </c>
    </row>
    <row r="17370">
      <c r="A17370" s="1">
        <v>4.90716893E8</v>
      </c>
      <c r="B17370" s="2">
        <v>15939.0</v>
      </c>
      <c r="C17370" s="1" t="s">
        <v>5</v>
      </c>
      <c r="D17370" s="1" t="s">
        <v>14779</v>
      </c>
      <c r="E17370" s="1" t="s">
        <v>11</v>
      </c>
    </row>
    <row r="17371">
      <c r="A17371" s="1">
        <v>4.90716912E8</v>
      </c>
      <c r="B17371" s="2">
        <v>16007.0</v>
      </c>
      <c r="C17371" s="1" t="s">
        <v>5</v>
      </c>
      <c r="D17371" s="1" t="s">
        <v>14780</v>
      </c>
      <c r="E17371" s="1" t="s">
        <v>7</v>
      </c>
    </row>
    <row r="17372">
      <c r="A17372" s="1">
        <v>4.90716948E8</v>
      </c>
      <c r="B17372" s="2">
        <v>15973.0</v>
      </c>
      <c r="C17372" s="1" t="s">
        <v>5</v>
      </c>
      <c r="D17372" s="1" t="s">
        <v>11</v>
      </c>
      <c r="E17372" s="1" t="s">
        <v>7</v>
      </c>
    </row>
    <row r="17373">
      <c r="A17373" s="1">
        <v>4.90716968E8</v>
      </c>
      <c r="B17373" s="2">
        <v>15940.0</v>
      </c>
      <c r="C17373" s="1" t="s">
        <v>5</v>
      </c>
      <c r="D17373" s="1" t="s">
        <v>11</v>
      </c>
      <c r="E17373" s="1" t="s">
        <v>7</v>
      </c>
    </row>
    <row r="17374">
      <c r="A17374" s="1">
        <v>4.9071702E8</v>
      </c>
      <c r="B17374" s="2">
        <v>15942.0</v>
      </c>
      <c r="C17374" s="1" t="s">
        <v>5</v>
      </c>
      <c r="D17374" s="1" t="s">
        <v>11</v>
      </c>
      <c r="E17374" s="1" t="s">
        <v>7</v>
      </c>
    </row>
    <row r="17375">
      <c r="A17375" s="1">
        <v>4.9071716E8</v>
      </c>
      <c r="B17375" s="2">
        <v>16007.0</v>
      </c>
      <c r="C17375" s="1" t="s">
        <v>5</v>
      </c>
      <c r="D17375" s="1" t="s">
        <v>11</v>
      </c>
      <c r="E17375" s="1" t="s">
        <v>7</v>
      </c>
    </row>
    <row r="17376">
      <c r="A17376" s="1">
        <v>4.90717218E8</v>
      </c>
      <c r="B17376" s="2">
        <v>15940.0</v>
      </c>
      <c r="C17376" s="1" t="s">
        <v>5</v>
      </c>
      <c r="D17376" s="1" t="s">
        <v>14781</v>
      </c>
      <c r="E17376" s="1" t="s">
        <v>14782</v>
      </c>
    </row>
    <row r="17377">
      <c r="A17377" s="1">
        <v>4.90717268E8</v>
      </c>
      <c r="B17377" s="2">
        <v>15937.0</v>
      </c>
      <c r="C17377" s="1" t="s">
        <v>5</v>
      </c>
      <c r="D17377" s="1" t="s">
        <v>14783</v>
      </c>
      <c r="E17377" s="1" t="s">
        <v>7</v>
      </c>
    </row>
    <row r="17378">
      <c r="A17378" s="1">
        <v>4.90717375E8</v>
      </c>
      <c r="B17378" s="2">
        <v>15959.0</v>
      </c>
      <c r="C17378" s="1" t="s">
        <v>5</v>
      </c>
      <c r="D17378" s="1" t="s">
        <v>11</v>
      </c>
      <c r="E17378" s="1" t="s">
        <v>7</v>
      </c>
    </row>
    <row r="17379">
      <c r="A17379" s="1">
        <v>4.90717396E8</v>
      </c>
      <c r="B17379" s="2">
        <v>15889.0</v>
      </c>
      <c r="C17379" s="1" t="s">
        <v>5</v>
      </c>
      <c r="D17379" s="1" t="s">
        <v>11</v>
      </c>
      <c r="E17379" s="1" t="s">
        <v>7</v>
      </c>
    </row>
    <row r="17380">
      <c r="A17380" s="1">
        <v>4.90717412E8</v>
      </c>
      <c r="B17380" s="2">
        <v>15938.0</v>
      </c>
      <c r="C17380" s="1" t="s">
        <v>5</v>
      </c>
      <c r="D17380" s="1" t="s">
        <v>11</v>
      </c>
      <c r="E17380" s="1" t="s">
        <v>7</v>
      </c>
    </row>
    <row r="17381">
      <c r="A17381" s="1">
        <v>4.9071743E8</v>
      </c>
      <c r="B17381" s="2">
        <v>15959.0</v>
      </c>
      <c r="C17381" s="1" t="s">
        <v>5</v>
      </c>
      <c r="D17381" s="1" t="s">
        <v>14784</v>
      </c>
      <c r="E17381" s="1" t="s">
        <v>11</v>
      </c>
    </row>
    <row r="17382">
      <c r="A17382" s="1">
        <v>4.90717439E8</v>
      </c>
      <c r="B17382" s="2">
        <v>15974.0</v>
      </c>
      <c r="C17382" s="1" t="s">
        <v>5</v>
      </c>
      <c r="D17382" s="1" t="s">
        <v>11</v>
      </c>
      <c r="E17382" s="1" t="s">
        <v>7</v>
      </c>
    </row>
    <row r="17383">
      <c r="A17383" s="1">
        <v>4.90717529E8</v>
      </c>
      <c r="B17383" s="2">
        <v>15974.0</v>
      </c>
      <c r="C17383" s="1" t="s">
        <v>5</v>
      </c>
      <c r="D17383" s="1" t="s">
        <v>14785</v>
      </c>
      <c r="E17383" s="1" t="s">
        <v>7</v>
      </c>
    </row>
    <row r="17384">
      <c r="A17384" s="1">
        <v>4.90717555E8</v>
      </c>
      <c r="B17384" s="2">
        <v>15938.0</v>
      </c>
      <c r="C17384" s="1" t="s">
        <v>5</v>
      </c>
      <c r="D17384" s="1" t="s">
        <v>11</v>
      </c>
      <c r="E17384" s="1" t="s">
        <v>7</v>
      </c>
    </row>
    <row r="17385">
      <c r="A17385" s="1">
        <v>4.90717567E8</v>
      </c>
      <c r="B17385" s="2">
        <v>15939.0</v>
      </c>
      <c r="C17385" s="1" t="s">
        <v>5</v>
      </c>
      <c r="D17385" s="1" t="s">
        <v>11</v>
      </c>
      <c r="E17385" s="1" t="s">
        <v>7</v>
      </c>
    </row>
    <row r="17386">
      <c r="A17386" s="1">
        <v>4.90717568E8</v>
      </c>
      <c r="B17386" s="2">
        <v>16003.0</v>
      </c>
      <c r="C17386" s="1" t="s">
        <v>5</v>
      </c>
      <c r="D17386" s="1" t="s">
        <v>11</v>
      </c>
      <c r="E17386" s="1" t="s">
        <v>7</v>
      </c>
    </row>
    <row r="17387">
      <c r="A17387" s="1">
        <v>4.90717609E8</v>
      </c>
      <c r="B17387" s="2">
        <v>15939.0</v>
      </c>
      <c r="C17387" s="1" t="s">
        <v>5</v>
      </c>
      <c r="D17387" s="1" t="s">
        <v>14786</v>
      </c>
      <c r="E17387" s="1" t="s">
        <v>11</v>
      </c>
    </row>
    <row r="17388">
      <c r="A17388" s="1">
        <v>4.90717619E8</v>
      </c>
      <c r="B17388" s="2">
        <v>15942.0</v>
      </c>
      <c r="C17388" s="1" t="s">
        <v>5</v>
      </c>
      <c r="D17388" s="1" t="s">
        <v>14787</v>
      </c>
      <c r="E17388" s="1" t="s">
        <v>7</v>
      </c>
    </row>
    <row r="17389">
      <c r="A17389" s="1">
        <v>4.90717691E8</v>
      </c>
      <c r="B17389" s="2">
        <v>15998.0</v>
      </c>
      <c r="C17389" s="1" t="s">
        <v>5</v>
      </c>
      <c r="D17389" s="1" t="s">
        <v>14788</v>
      </c>
      <c r="E17389" s="1" t="s">
        <v>7</v>
      </c>
    </row>
    <row r="17390">
      <c r="A17390" s="1">
        <v>4.90717706E8</v>
      </c>
      <c r="B17390" s="2">
        <v>15941.0</v>
      </c>
      <c r="C17390" s="1" t="s">
        <v>5</v>
      </c>
      <c r="D17390" s="1" t="s">
        <v>14789</v>
      </c>
      <c r="E17390" s="1" t="s">
        <v>11</v>
      </c>
    </row>
    <row r="17391">
      <c r="A17391" s="1">
        <v>4.90717717E8</v>
      </c>
      <c r="B17391" s="2">
        <v>15940.0</v>
      </c>
      <c r="C17391" s="1" t="s">
        <v>5</v>
      </c>
      <c r="D17391" s="1" t="s">
        <v>14790</v>
      </c>
      <c r="E17391" s="1" t="s">
        <v>7</v>
      </c>
    </row>
    <row r="17392">
      <c r="A17392" s="1">
        <v>4.90717747E8</v>
      </c>
      <c r="B17392" s="2">
        <v>15934.0</v>
      </c>
      <c r="C17392" s="1" t="s">
        <v>5</v>
      </c>
      <c r="D17392" s="1" t="s">
        <v>14791</v>
      </c>
      <c r="E17392" s="1" t="s">
        <v>11</v>
      </c>
    </row>
    <row r="17393">
      <c r="A17393" s="1">
        <v>4.90717761E8</v>
      </c>
      <c r="B17393" s="2">
        <v>15937.0</v>
      </c>
      <c r="C17393" s="1" t="s">
        <v>5</v>
      </c>
      <c r="D17393" s="1" t="s">
        <v>14792</v>
      </c>
      <c r="E17393" s="1" t="s">
        <v>7</v>
      </c>
    </row>
    <row r="17394">
      <c r="A17394" s="1">
        <v>4.90717848E8</v>
      </c>
      <c r="B17394" s="2">
        <v>15949.0</v>
      </c>
      <c r="C17394" s="1" t="s">
        <v>5</v>
      </c>
      <c r="D17394" s="1" t="s">
        <v>14793</v>
      </c>
      <c r="E17394" s="1" t="s">
        <v>7</v>
      </c>
    </row>
    <row r="17395">
      <c r="A17395" s="1">
        <v>4.90717892E8</v>
      </c>
      <c r="B17395" s="2">
        <v>15933.0</v>
      </c>
      <c r="C17395" s="1" t="s">
        <v>5</v>
      </c>
      <c r="D17395" s="1" t="s">
        <v>14794</v>
      </c>
      <c r="E17395" s="1" t="s">
        <v>11</v>
      </c>
    </row>
    <row r="17396">
      <c r="A17396" s="1">
        <v>4.90717905E8</v>
      </c>
      <c r="B17396" s="2">
        <v>15938.0</v>
      </c>
      <c r="C17396" s="1" t="s">
        <v>5</v>
      </c>
      <c r="D17396" s="1" t="s">
        <v>11</v>
      </c>
      <c r="E17396" s="1" t="s">
        <v>7</v>
      </c>
    </row>
    <row r="17397">
      <c r="A17397" s="1">
        <v>4.90717918E8</v>
      </c>
      <c r="B17397" s="2">
        <v>15938.0</v>
      </c>
      <c r="C17397" s="1" t="s">
        <v>5</v>
      </c>
      <c r="D17397" s="1" t="s">
        <v>14795</v>
      </c>
      <c r="E17397" s="1" t="s">
        <v>11</v>
      </c>
    </row>
    <row r="17398">
      <c r="A17398" s="1">
        <v>4.90717927E8</v>
      </c>
      <c r="B17398" s="2">
        <v>15948.0</v>
      </c>
      <c r="C17398" s="1" t="s">
        <v>5</v>
      </c>
      <c r="D17398" s="1" t="s">
        <v>14796</v>
      </c>
      <c r="E17398" s="1" t="s">
        <v>7</v>
      </c>
    </row>
    <row r="17399">
      <c r="A17399" s="1">
        <v>4.90717944E8</v>
      </c>
      <c r="B17399" s="2">
        <v>15933.0</v>
      </c>
      <c r="C17399" s="1" t="s">
        <v>5</v>
      </c>
      <c r="D17399" s="1" t="s">
        <v>14797</v>
      </c>
      <c r="E17399" s="1" t="s">
        <v>11</v>
      </c>
    </row>
    <row r="17400">
      <c r="A17400" s="1">
        <v>4.90717957E8</v>
      </c>
      <c r="B17400" s="2">
        <v>15958.0</v>
      </c>
      <c r="C17400" s="1" t="s">
        <v>5</v>
      </c>
      <c r="D17400" s="1" t="s">
        <v>14798</v>
      </c>
      <c r="E17400" s="1" t="s">
        <v>7</v>
      </c>
    </row>
    <row r="17401">
      <c r="A17401" s="1">
        <v>4.90717973E8</v>
      </c>
      <c r="B17401" s="2">
        <v>15935.0</v>
      </c>
      <c r="C17401" s="1" t="s">
        <v>5</v>
      </c>
      <c r="D17401" s="1" t="s">
        <v>14799</v>
      </c>
      <c r="E17401" s="1" t="s">
        <v>7</v>
      </c>
    </row>
    <row r="17402">
      <c r="A17402" s="1">
        <v>4.90718014E8</v>
      </c>
      <c r="B17402" s="2">
        <v>15933.0</v>
      </c>
      <c r="C17402" s="1" t="s">
        <v>5</v>
      </c>
      <c r="D17402" s="1" t="s">
        <v>14800</v>
      </c>
      <c r="E17402" s="1" t="s">
        <v>11</v>
      </c>
    </row>
    <row r="17403">
      <c r="A17403" s="1">
        <v>4.90718025E8</v>
      </c>
      <c r="B17403" s="2">
        <v>15935.0</v>
      </c>
      <c r="C17403" s="1" t="s">
        <v>5</v>
      </c>
      <c r="D17403" s="1" t="s">
        <v>14801</v>
      </c>
      <c r="E17403" s="1" t="s">
        <v>11</v>
      </c>
    </row>
    <row r="17404">
      <c r="A17404" s="1">
        <v>4.90718052E8</v>
      </c>
      <c r="B17404" s="2">
        <v>15930.0</v>
      </c>
      <c r="C17404" s="1" t="s">
        <v>5</v>
      </c>
      <c r="D17404" s="1" t="s">
        <v>14802</v>
      </c>
      <c r="E17404" s="1" t="s">
        <v>7</v>
      </c>
    </row>
    <row r="17405">
      <c r="A17405" s="1">
        <v>4.90718163E8</v>
      </c>
      <c r="B17405" s="2">
        <v>15996.0</v>
      </c>
      <c r="C17405" s="1" t="s">
        <v>5</v>
      </c>
      <c r="D17405" s="1" t="s">
        <v>14803</v>
      </c>
      <c r="E17405" s="1" t="s">
        <v>7</v>
      </c>
    </row>
    <row r="17406">
      <c r="A17406" s="1">
        <v>4.90718173E8</v>
      </c>
      <c r="B17406" s="2">
        <v>15930.0</v>
      </c>
      <c r="C17406" s="1" t="s">
        <v>5</v>
      </c>
      <c r="D17406" s="1" t="s">
        <v>14804</v>
      </c>
      <c r="E17406" s="1" t="s">
        <v>11</v>
      </c>
    </row>
    <row r="17407">
      <c r="A17407" s="1">
        <v>4.90718201E8</v>
      </c>
      <c r="B17407" s="2">
        <v>16010.0</v>
      </c>
      <c r="C17407" s="1" t="s">
        <v>5</v>
      </c>
      <c r="D17407" s="1" t="s">
        <v>14805</v>
      </c>
      <c r="E17407" s="1" t="s">
        <v>7</v>
      </c>
    </row>
    <row r="17408">
      <c r="A17408" s="1">
        <v>4.90718238E8</v>
      </c>
      <c r="B17408" s="2">
        <v>15960.0</v>
      </c>
      <c r="C17408" s="1" t="s">
        <v>5</v>
      </c>
      <c r="D17408" s="1" t="s">
        <v>14806</v>
      </c>
      <c r="E17408" s="1" t="s">
        <v>11</v>
      </c>
    </row>
    <row r="17409">
      <c r="A17409" s="1">
        <v>4.90718271E8</v>
      </c>
      <c r="B17409" s="2">
        <v>15926.0</v>
      </c>
      <c r="C17409" s="1" t="s">
        <v>5</v>
      </c>
      <c r="D17409" s="1" t="s">
        <v>11</v>
      </c>
      <c r="E17409" s="1" t="s">
        <v>7</v>
      </c>
    </row>
    <row r="17410">
      <c r="A17410" s="1">
        <v>4.9071836E8</v>
      </c>
      <c r="B17410" s="2">
        <v>16003.0</v>
      </c>
      <c r="C17410" s="1" t="s">
        <v>5</v>
      </c>
      <c r="D17410" s="1" t="s">
        <v>11</v>
      </c>
      <c r="E17410" s="1" t="s">
        <v>7</v>
      </c>
    </row>
    <row r="17411">
      <c r="A17411" s="1">
        <v>4.90718369E8</v>
      </c>
      <c r="B17411" s="2">
        <v>15931.0</v>
      </c>
      <c r="C17411" s="1" t="s">
        <v>5</v>
      </c>
      <c r="D17411" s="1" t="s">
        <v>14807</v>
      </c>
      <c r="E17411" s="1" t="s">
        <v>7</v>
      </c>
    </row>
    <row r="17412">
      <c r="A17412" s="1">
        <v>4.90718412E8</v>
      </c>
      <c r="B17412" s="2">
        <v>15931.0</v>
      </c>
      <c r="C17412" s="1" t="s">
        <v>5</v>
      </c>
      <c r="D17412" s="1" t="s">
        <v>11</v>
      </c>
      <c r="E17412" s="1" t="s">
        <v>7</v>
      </c>
    </row>
    <row r="17413">
      <c r="A17413" s="1">
        <v>4.90718435E8</v>
      </c>
      <c r="B17413" s="2">
        <v>15997.0</v>
      </c>
      <c r="C17413" s="1" t="s">
        <v>5</v>
      </c>
      <c r="D17413" s="1" t="s">
        <v>14808</v>
      </c>
      <c r="E17413" s="1" t="s">
        <v>14809</v>
      </c>
    </row>
    <row r="17414">
      <c r="A17414" s="1">
        <v>4.90718456E8</v>
      </c>
      <c r="B17414" s="2">
        <v>15934.0</v>
      </c>
      <c r="C17414" s="1" t="s">
        <v>5</v>
      </c>
      <c r="D17414" s="1" t="s">
        <v>11</v>
      </c>
      <c r="E17414" s="1" t="s">
        <v>7</v>
      </c>
    </row>
    <row r="17415">
      <c r="A17415" s="1">
        <v>4.90718481E8</v>
      </c>
      <c r="B17415" s="2">
        <v>16007.0</v>
      </c>
      <c r="C17415" s="1" t="s">
        <v>5</v>
      </c>
      <c r="D17415" s="1" t="s">
        <v>14810</v>
      </c>
      <c r="E17415" s="1" t="s">
        <v>7</v>
      </c>
    </row>
    <row r="17416">
      <c r="A17416" s="1">
        <v>4.90718501E8</v>
      </c>
      <c r="B17416" s="2">
        <v>15931.0</v>
      </c>
      <c r="C17416" s="1" t="s">
        <v>5</v>
      </c>
      <c r="D17416" s="1" t="s">
        <v>14811</v>
      </c>
      <c r="E17416" s="1" t="s">
        <v>11</v>
      </c>
    </row>
    <row r="17417">
      <c r="A17417" s="1">
        <v>4.90718527E8</v>
      </c>
      <c r="B17417" s="2">
        <v>15998.0</v>
      </c>
      <c r="C17417" s="1" t="s">
        <v>5</v>
      </c>
      <c r="D17417" s="1" t="s">
        <v>14812</v>
      </c>
      <c r="E17417" s="1" t="s">
        <v>14813</v>
      </c>
    </row>
    <row r="17418">
      <c r="A17418" s="1">
        <v>4.90718547E8</v>
      </c>
      <c r="B17418" s="2">
        <v>15993.0</v>
      </c>
      <c r="C17418" s="1" t="s">
        <v>5</v>
      </c>
      <c r="D17418" s="1" t="s">
        <v>14814</v>
      </c>
      <c r="E17418" s="1" t="s">
        <v>7</v>
      </c>
    </row>
    <row r="17419">
      <c r="A17419" s="1">
        <v>4.90718598E8</v>
      </c>
      <c r="B17419" s="2">
        <v>15933.0</v>
      </c>
      <c r="C17419" s="1" t="s">
        <v>5</v>
      </c>
      <c r="D17419" s="1" t="s">
        <v>11</v>
      </c>
      <c r="E17419" s="1" t="s">
        <v>7</v>
      </c>
    </row>
    <row r="17420">
      <c r="A17420" s="1">
        <v>4.90718615E8</v>
      </c>
      <c r="B17420" s="2">
        <v>15924.0</v>
      </c>
      <c r="C17420" s="1" t="s">
        <v>5</v>
      </c>
      <c r="D17420" s="1" t="s">
        <v>14815</v>
      </c>
      <c r="E17420" s="1" t="s">
        <v>7</v>
      </c>
    </row>
    <row r="17421">
      <c r="A17421" s="1">
        <v>4.90718632E8</v>
      </c>
      <c r="B17421" s="2">
        <v>15995.0</v>
      </c>
      <c r="C17421" s="1" t="s">
        <v>5</v>
      </c>
      <c r="D17421" s="1" t="s">
        <v>14816</v>
      </c>
      <c r="E17421" s="1" t="s">
        <v>14817</v>
      </c>
    </row>
    <row r="17422">
      <c r="A17422" s="1">
        <v>4.90718644E8</v>
      </c>
      <c r="B17422" s="2">
        <v>15933.0</v>
      </c>
      <c r="C17422" s="1" t="s">
        <v>5</v>
      </c>
      <c r="D17422" s="1" t="s">
        <v>11</v>
      </c>
      <c r="E17422" s="1" t="s">
        <v>7</v>
      </c>
    </row>
    <row r="17423">
      <c r="A17423" s="1">
        <v>4.90718707E8</v>
      </c>
      <c r="B17423" s="2">
        <v>15991.0</v>
      </c>
      <c r="C17423" s="1" t="s">
        <v>5</v>
      </c>
      <c r="D17423" s="1" t="s">
        <v>14818</v>
      </c>
      <c r="E17423" s="1" t="s">
        <v>7</v>
      </c>
    </row>
    <row r="17424">
      <c r="A17424" s="1">
        <v>4.90718712E8</v>
      </c>
      <c r="B17424" s="2">
        <v>15924.0</v>
      </c>
      <c r="C17424" s="1" t="s">
        <v>5</v>
      </c>
      <c r="D17424" s="1" t="s">
        <v>14819</v>
      </c>
      <c r="E17424" s="1" t="s">
        <v>7</v>
      </c>
    </row>
    <row r="17425">
      <c r="A17425" s="1">
        <v>4.90718738E8</v>
      </c>
      <c r="B17425" s="2">
        <v>16010.0</v>
      </c>
      <c r="C17425" s="1" t="s">
        <v>5</v>
      </c>
      <c r="D17425" s="1" t="s">
        <v>11</v>
      </c>
      <c r="E17425" s="1" t="s">
        <v>7</v>
      </c>
    </row>
    <row r="17426">
      <c r="A17426" s="1">
        <v>4.90718812E8</v>
      </c>
      <c r="B17426" s="2">
        <v>15923.0</v>
      </c>
      <c r="C17426" s="1" t="s">
        <v>5</v>
      </c>
      <c r="D17426" s="1" t="s">
        <v>14820</v>
      </c>
      <c r="E17426" s="1" t="s">
        <v>7</v>
      </c>
    </row>
    <row r="17427">
      <c r="A17427" s="1">
        <v>4.90718851E8</v>
      </c>
      <c r="B17427" s="2">
        <v>15922.0</v>
      </c>
      <c r="C17427" s="1" t="s">
        <v>5</v>
      </c>
      <c r="D17427" s="1" t="s">
        <v>14821</v>
      </c>
      <c r="E17427" s="1" t="s">
        <v>7</v>
      </c>
    </row>
    <row r="17428">
      <c r="A17428" s="1">
        <v>4.90718952E8</v>
      </c>
      <c r="B17428" s="2">
        <v>15973.0</v>
      </c>
      <c r="C17428" s="1" t="s">
        <v>5</v>
      </c>
      <c r="D17428" s="1" t="s">
        <v>11</v>
      </c>
      <c r="E17428" s="1" t="s">
        <v>7</v>
      </c>
    </row>
    <row r="17429">
      <c r="A17429" s="1">
        <v>4.90718985E8</v>
      </c>
      <c r="B17429" s="2">
        <v>15973.0</v>
      </c>
      <c r="C17429" s="1" t="s">
        <v>5</v>
      </c>
      <c r="D17429" s="1" t="s">
        <v>11</v>
      </c>
      <c r="E17429" s="1" t="s">
        <v>7</v>
      </c>
    </row>
    <row r="17430">
      <c r="A17430" s="1">
        <v>4.90718999E8</v>
      </c>
      <c r="B17430" s="2">
        <v>16006.0</v>
      </c>
      <c r="C17430" s="1" t="s">
        <v>5</v>
      </c>
      <c r="D17430" s="1" t="s">
        <v>14822</v>
      </c>
      <c r="E17430" s="1" t="s">
        <v>7</v>
      </c>
    </row>
    <row r="17431">
      <c r="A17431" s="1">
        <v>4.90719017E8</v>
      </c>
      <c r="B17431" s="2">
        <v>15950.0</v>
      </c>
      <c r="C17431" s="1" t="s">
        <v>5</v>
      </c>
      <c r="D17431" s="1" t="s">
        <v>11</v>
      </c>
      <c r="E17431" s="1" t="s">
        <v>7</v>
      </c>
    </row>
    <row r="17432">
      <c r="A17432" s="1">
        <v>4.9071904E8</v>
      </c>
      <c r="B17432" s="2">
        <v>15921.0</v>
      </c>
      <c r="C17432" s="1" t="s">
        <v>5</v>
      </c>
      <c r="D17432" s="1" t="s">
        <v>14823</v>
      </c>
      <c r="E17432" s="1" t="s">
        <v>11</v>
      </c>
    </row>
    <row r="17433">
      <c r="A17433" s="1">
        <v>4.90719147E8</v>
      </c>
      <c r="B17433" s="2">
        <v>15923.0</v>
      </c>
      <c r="C17433" s="1" t="s">
        <v>5</v>
      </c>
      <c r="D17433" s="1" t="s">
        <v>14824</v>
      </c>
      <c r="E17433" s="1" t="s">
        <v>11</v>
      </c>
    </row>
    <row r="17434">
      <c r="A17434" s="1">
        <v>4.90719155E8</v>
      </c>
      <c r="B17434" s="2">
        <v>15973.0</v>
      </c>
      <c r="C17434" s="1" t="s">
        <v>5</v>
      </c>
      <c r="D17434" s="1" t="s">
        <v>14825</v>
      </c>
      <c r="E17434" s="1" t="s">
        <v>7</v>
      </c>
    </row>
    <row r="17435">
      <c r="A17435" s="1">
        <v>4.90719168E8</v>
      </c>
      <c r="B17435" s="2">
        <v>16005.0</v>
      </c>
      <c r="C17435" s="1" t="s">
        <v>5</v>
      </c>
      <c r="D17435" s="1" t="s">
        <v>11</v>
      </c>
      <c r="E17435" s="1" t="s">
        <v>7</v>
      </c>
    </row>
    <row r="17436">
      <c r="A17436" s="1">
        <v>4.90719275E8</v>
      </c>
      <c r="B17436" s="2">
        <v>15992.0</v>
      </c>
      <c r="C17436" s="1" t="s">
        <v>5</v>
      </c>
      <c r="D17436" s="1" t="s">
        <v>14826</v>
      </c>
      <c r="E17436" s="1" t="s">
        <v>7</v>
      </c>
    </row>
    <row r="17437">
      <c r="A17437" s="1">
        <v>4.90719327E8</v>
      </c>
      <c r="B17437" s="2">
        <v>15928.0</v>
      </c>
      <c r="C17437" s="1" t="s">
        <v>5</v>
      </c>
      <c r="D17437" s="1" t="s">
        <v>14827</v>
      </c>
      <c r="E17437" s="1" t="s">
        <v>11</v>
      </c>
    </row>
    <row r="17438">
      <c r="A17438" s="1">
        <v>4.90719337E8</v>
      </c>
      <c r="B17438" s="2">
        <v>15922.0</v>
      </c>
      <c r="C17438" s="1" t="s">
        <v>5</v>
      </c>
      <c r="D17438" s="1" t="s">
        <v>14828</v>
      </c>
      <c r="E17438" s="1" t="s">
        <v>11</v>
      </c>
    </row>
    <row r="17439">
      <c r="A17439" s="1">
        <v>4.90719344E8</v>
      </c>
      <c r="B17439" s="2">
        <v>15964.0</v>
      </c>
      <c r="C17439" s="1" t="s">
        <v>5</v>
      </c>
      <c r="D17439" s="1" t="s">
        <v>14829</v>
      </c>
      <c r="E17439" s="1" t="s">
        <v>7</v>
      </c>
    </row>
    <row r="17440">
      <c r="A17440" s="1">
        <v>4.90719414E8</v>
      </c>
      <c r="B17440" s="2">
        <v>15986.0</v>
      </c>
      <c r="C17440" s="1" t="s">
        <v>5</v>
      </c>
      <c r="D17440" s="1" t="s">
        <v>14830</v>
      </c>
      <c r="E17440" s="1" t="s">
        <v>7</v>
      </c>
    </row>
    <row r="17441">
      <c r="A17441" s="1">
        <v>4.90719511E8</v>
      </c>
      <c r="B17441" s="2">
        <v>15964.0</v>
      </c>
      <c r="C17441" s="1" t="s">
        <v>5</v>
      </c>
      <c r="D17441" s="1" t="s">
        <v>14831</v>
      </c>
      <c r="E17441" s="1" t="s">
        <v>7</v>
      </c>
    </row>
    <row r="17442">
      <c r="A17442" s="1">
        <v>4.90719664E8</v>
      </c>
      <c r="B17442" s="2">
        <v>15955.0</v>
      </c>
      <c r="C17442" s="1" t="s">
        <v>5</v>
      </c>
      <c r="D17442" s="1" t="s">
        <v>14832</v>
      </c>
      <c r="E17442" s="1" t="s">
        <v>7</v>
      </c>
    </row>
    <row r="17443">
      <c r="A17443" s="1">
        <v>4.90719681E8</v>
      </c>
      <c r="B17443" s="2">
        <v>15978.0</v>
      </c>
      <c r="C17443" s="1" t="s">
        <v>5</v>
      </c>
      <c r="D17443" s="1" t="s">
        <v>14833</v>
      </c>
      <c r="E17443" s="1" t="s">
        <v>11</v>
      </c>
    </row>
    <row r="17444">
      <c r="A17444" s="1">
        <v>4.90719693E8</v>
      </c>
      <c r="B17444" s="2">
        <v>15989.0</v>
      </c>
      <c r="C17444" s="1" t="s">
        <v>5</v>
      </c>
      <c r="D17444" s="1" t="s">
        <v>11</v>
      </c>
      <c r="E17444" s="1" t="s">
        <v>7</v>
      </c>
    </row>
    <row r="17445">
      <c r="A17445" s="1">
        <v>4.90719732E8</v>
      </c>
      <c r="B17445" s="2">
        <v>15984.0</v>
      </c>
      <c r="C17445" s="1" t="s">
        <v>5</v>
      </c>
      <c r="D17445" s="1" t="s">
        <v>14834</v>
      </c>
      <c r="E17445" s="1" t="s">
        <v>7</v>
      </c>
    </row>
    <row r="17446">
      <c r="A17446" s="1">
        <v>4.90719759E8</v>
      </c>
      <c r="B17446" s="2">
        <v>15954.0</v>
      </c>
      <c r="C17446" s="1" t="s">
        <v>5</v>
      </c>
      <c r="D17446" s="1" t="s">
        <v>14835</v>
      </c>
      <c r="E17446" s="1" t="s">
        <v>7</v>
      </c>
    </row>
    <row r="17447">
      <c r="A17447" s="1">
        <v>4.90719839E8</v>
      </c>
      <c r="B17447" s="2">
        <v>15919.0</v>
      </c>
      <c r="C17447" s="1" t="s">
        <v>5</v>
      </c>
      <c r="D17447" s="1" t="s">
        <v>11</v>
      </c>
      <c r="E17447" s="1" t="s">
        <v>7</v>
      </c>
    </row>
    <row r="17448">
      <c r="A17448" s="1">
        <v>4.90719901E8</v>
      </c>
      <c r="B17448" s="2">
        <v>15978.0</v>
      </c>
      <c r="C17448" s="1" t="s">
        <v>5</v>
      </c>
      <c r="D17448" s="1" t="s">
        <v>14836</v>
      </c>
      <c r="E17448" s="1" t="s">
        <v>11</v>
      </c>
    </row>
    <row r="17449">
      <c r="A17449" s="1">
        <v>4.90719947E8</v>
      </c>
      <c r="B17449" s="2">
        <v>15922.0</v>
      </c>
      <c r="C17449" s="1" t="s">
        <v>5</v>
      </c>
      <c r="D17449" s="1" t="s">
        <v>14837</v>
      </c>
      <c r="E17449" s="1" t="s">
        <v>7</v>
      </c>
    </row>
    <row r="17450">
      <c r="A17450" s="1">
        <v>4.90719952E8</v>
      </c>
      <c r="B17450" s="2">
        <v>15927.0</v>
      </c>
      <c r="C17450" s="1" t="s">
        <v>5</v>
      </c>
      <c r="D17450" s="1" t="s">
        <v>14838</v>
      </c>
      <c r="E17450" s="1" t="s">
        <v>7</v>
      </c>
    </row>
    <row r="17451">
      <c r="A17451" s="1">
        <v>4.90719956E8</v>
      </c>
      <c r="B17451" s="2">
        <v>16004.0</v>
      </c>
      <c r="C17451" s="1" t="s">
        <v>5</v>
      </c>
      <c r="D17451" s="1" t="s">
        <v>11</v>
      </c>
      <c r="E17451" s="1" t="s">
        <v>7</v>
      </c>
    </row>
    <row r="17452">
      <c r="A17452" s="1">
        <v>4.9071999E8</v>
      </c>
      <c r="B17452" s="2">
        <v>15978.0</v>
      </c>
      <c r="C17452" s="1" t="s">
        <v>5</v>
      </c>
      <c r="D17452" s="1" t="s">
        <v>11</v>
      </c>
      <c r="E17452" s="1" t="s">
        <v>7</v>
      </c>
    </row>
    <row r="17453">
      <c r="A17453" s="1">
        <v>4.90720005E8</v>
      </c>
      <c r="B17453" s="2">
        <v>15983.0</v>
      </c>
      <c r="C17453" s="1" t="s">
        <v>5</v>
      </c>
      <c r="D17453" s="1" t="s">
        <v>14839</v>
      </c>
      <c r="E17453" s="1" t="s">
        <v>11</v>
      </c>
    </row>
    <row r="17454">
      <c r="A17454" s="1">
        <v>4.90720047E8</v>
      </c>
      <c r="B17454" s="2">
        <v>15939.0</v>
      </c>
      <c r="C17454" s="1" t="s">
        <v>5</v>
      </c>
      <c r="D17454" s="1" t="s">
        <v>14840</v>
      </c>
      <c r="E17454" s="1" t="s">
        <v>7</v>
      </c>
    </row>
    <row r="17455">
      <c r="A17455" s="1">
        <v>4.90720057E8</v>
      </c>
      <c r="B17455" s="2">
        <v>15950.0</v>
      </c>
      <c r="C17455" s="1" t="s">
        <v>5</v>
      </c>
      <c r="D17455" s="1" t="s">
        <v>14841</v>
      </c>
      <c r="E17455" s="1" t="s">
        <v>7</v>
      </c>
    </row>
    <row r="17456">
      <c r="A17456" s="1">
        <v>4.90720097E8</v>
      </c>
      <c r="B17456" s="2">
        <v>15982.0</v>
      </c>
      <c r="C17456" s="1" t="s">
        <v>5</v>
      </c>
      <c r="D17456" s="1" t="s">
        <v>14842</v>
      </c>
      <c r="E17456" s="1" t="s">
        <v>14843</v>
      </c>
    </row>
    <row r="17457">
      <c r="A17457" s="1">
        <v>4.90720113E8</v>
      </c>
      <c r="B17457" s="2">
        <v>15939.0</v>
      </c>
      <c r="C17457" s="1" t="s">
        <v>5</v>
      </c>
      <c r="D17457" s="1" t="s">
        <v>11</v>
      </c>
      <c r="E17457" s="1" t="s">
        <v>7</v>
      </c>
    </row>
    <row r="17458">
      <c r="A17458" s="1">
        <v>4.90720189E8</v>
      </c>
      <c r="B17458" s="2">
        <v>15979.0</v>
      </c>
      <c r="C17458" s="1" t="s">
        <v>5</v>
      </c>
      <c r="D17458" s="1" t="s">
        <v>14844</v>
      </c>
      <c r="E17458" s="1" t="s">
        <v>11</v>
      </c>
    </row>
    <row r="17459">
      <c r="A17459" s="1">
        <v>4.90720201E8</v>
      </c>
      <c r="B17459" s="2">
        <v>15988.0</v>
      </c>
      <c r="C17459" s="1" t="s">
        <v>5</v>
      </c>
      <c r="D17459" s="1" t="s">
        <v>11</v>
      </c>
      <c r="E17459" s="1" t="s">
        <v>7</v>
      </c>
    </row>
    <row r="17460">
      <c r="A17460" s="1">
        <v>4.90720221E8</v>
      </c>
      <c r="B17460" s="2">
        <v>15975.0</v>
      </c>
      <c r="C17460" s="1" t="s">
        <v>5</v>
      </c>
      <c r="D17460" s="1" t="s">
        <v>14845</v>
      </c>
      <c r="E17460" s="1" t="s">
        <v>14846</v>
      </c>
    </row>
    <row r="17461">
      <c r="A17461" s="1">
        <v>4.90720222E8</v>
      </c>
      <c r="B17461" s="2">
        <v>16010.0</v>
      </c>
      <c r="C17461" s="1" t="s">
        <v>5</v>
      </c>
      <c r="D17461" s="1" t="s">
        <v>14847</v>
      </c>
      <c r="E17461" s="1" t="s">
        <v>7</v>
      </c>
    </row>
    <row r="17462">
      <c r="A17462" s="1">
        <v>4.90720291E8</v>
      </c>
      <c r="B17462" s="2">
        <v>16010.0</v>
      </c>
      <c r="C17462" s="1" t="s">
        <v>5</v>
      </c>
      <c r="D17462" s="1" t="s">
        <v>14848</v>
      </c>
      <c r="E17462" s="1" t="s">
        <v>7</v>
      </c>
    </row>
    <row r="17463">
      <c r="A17463" s="1">
        <v>4.90720316E8</v>
      </c>
      <c r="B17463" s="2">
        <v>16010.0</v>
      </c>
      <c r="C17463" s="1" t="s">
        <v>5</v>
      </c>
      <c r="D17463" s="1" t="s">
        <v>14849</v>
      </c>
      <c r="E17463" s="1" t="s">
        <v>7</v>
      </c>
    </row>
    <row r="17464">
      <c r="A17464" s="1">
        <v>4.90720345E8</v>
      </c>
      <c r="B17464" s="2">
        <v>15991.0</v>
      </c>
      <c r="C17464" s="1" t="s">
        <v>5</v>
      </c>
      <c r="D17464" s="1" t="s">
        <v>14850</v>
      </c>
      <c r="E17464" s="1" t="s">
        <v>7</v>
      </c>
    </row>
    <row r="17465">
      <c r="A17465" s="1">
        <v>4.90720352E8</v>
      </c>
      <c r="B17465" s="2">
        <v>16010.0</v>
      </c>
      <c r="C17465" s="1" t="s">
        <v>5</v>
      </c>
      <c r="D17465" s="1" t="s">
        <v>14851</v>
      </c>
      <c r="E17465" s="1" t="s">
        <v>11</v>
      </c>
    </row>
    <row r="17466">
      <c r="A17466" s="1">
        <v>4.90720405E8</v>
      </c>
      <c r="B17466" s="2">
        <v>15938.0</v>
      </c>
      <c r="C17466" s="1" t="s">
        <v>5</v>
      </c>
      <c r="D17466" s="1" t="s">
        <v>14852</v>
      </c>
      <c r="E17466" s="1" t="s">
        <v>11</v>
      </c>
    </row>
    <row r="17467">
      <c r="A17467" s="1">
        <v>4.90720457E8</v>
      </c>
      <c r="B17467" s="2">
        <v>15983.0</v>
      </c>
      <c r="C17467" s="1" t="s">
        <v>5</v>
      </c>
      <c r="D17467" s="1" t="s">
        <v>11</v>
      </c>
      <c r="E17467" s="1" t="s">
        <v>7</v>
      </c>
    </row>
    <row r="17468">
      <c r="A17468" s="1">
        <v>4.90720582E8</v>
      </c>
      <c r="B17468" s="2">
        <v>15973.0</v>
      </c>
      <c r="C17468" s="1" t="s">
        <v>5</v>
      </c>
      <c r="D17468" s="1" t="s">
        <v>14853</v>
      </c>
      <c r="E17468" s="1" t="s">
        <v>7</v>
      </c>
    </row>
    <row r="17469">
      <c r="A17469" s="1">
        <v>4.90720706E8</v>
      </c>
      <c r="B17469" s="2">
        <v>16005.0</v>
      </c>
      <c r="C17469" s="1" t="s">
        <v>5</v>
      </c>
      <c r="D17469" s="1" t="s">
        <v>11</v>
      </c>
      <c r="E17469" s="1" t="s">
        <v>7</v>
      </c>
    </row>
    <row r="17470">
      <c r="A17470" s="1">
        <v>4.90720709E8</v>
      </c>
      <c r="B17470" s="2">
        <v>15977.0</v>
      </c>
      <c r="C17470" s="1" t="s">
        <v>5</v>
      </c>
      <c r="D17470" s="1" t="s">
        <v>14854</v>
      </c>
      <c r="E17470" s="1" t="s">
        <v>7</v>
      </c>
    </row>
    <row r="17471">
      <c r="A17471" s="1">
        <v>4.90720735E8</v>
      </c>
      <c r="B17471" s="2">
        <v>16004.0</v>
      </c>
      <c r="C17471" s="1" t="s">
        <v>5</v>
      </c>
      <c r="D17471" s="1" t="s">
        <v>14855</v>
      </c>
      <c r="E17471" s="1" t="s">
        <v>11</v>
      </c>
    </row>
    <row r="17472">
      <c r="A17472" s="1">
        <v>4.90720789E8</v>
      </c>
      <c r="B17472" s="2">
        <v>15982.0</v>
      </c>
      <c r="C17472" s="1" t="s">
        <v>5</v>
      </c>
      <c r="D17472" s="1" t="s">
        <v>14856</v>
      </c>
      <c r="E17472" s="1" t="s">
        <v>7</v>
      </c>
    </row>
    <row r="17473">
      <c r="A17473" s="1">
        <v>4.90720844E8</v>
      </c>
      <c r="B17473" s="2">
        <v>15970.0</v>
      </c>
      <c r="C17473" s="1" t="s">
        <v>5</v>
      </c>
      <c r="D17473" s="1" t="s">
        <v>11</v>
      </c>
      <c r="E17473" s="1" t="s">
        <v>7</v>
      </c>
    </row>
    <row r="17474">
      <c r="A17474" s="1">
        <v>4.90720853E8</v>
      </c>
      <c r="B17474" s="2">
        <v>15969.0</v>
      </c>
      <c r="C17474" s="1" t="s">
        <v>5</v>
      </c>
      <c r="D17474" s="1" t="s">
        <v>14857</v>
      </c>
      <c r="E17474" s="1" t="s">
        <v>14858</v>
      </c>
    </row>
    <row r="17475">
      <c r="A17475" s="1">
        <v>4.90720861E8</v>
      </c>
      <c r="B17475" s="2">
        <v>16005.0</v>
      </c>
      <c r="C17475" s="1" t="s">
        <v>5</v>
      </c>
      <c r="D17475" s="1" t="s">
        <v>11</v>
      </c>
      <c r="E17475" s="1" t="s">
        <v>7</v>
      </c>
    </row>
    <row r="17476">
      <c r="A17476" s="1">
        <v>4.90720931E8</v>
      </c>
      <c r="B17476" s="2">
        <v>15987.0</v>
      </c>
      <c r="C17476" s="1" t="s">
        <v>5</v>
      </c>
      <c r="D17476" s="1" t="s">
        <v>14859</v>
      </c>
      <c r="E17476" s="1" t="s">
        <v>11</v>
      </c>
    </row>
    <row r="17477">
      <c r="A17477" s="1">
        <v>4.90720938E8</v>
      </c>
      <c r="B17477" s="2">
        <v>15979.0</v>
      </c>
      <c r="C17477" s="1" t="s">
        <v>5</v>
      </c>
      <c r="D17477" s="1" t="s">
        <v>14860</v>
      </c>
      <c r="E17477" s="1" t="s">
        <v>7</v>
      </c>
    </row>
    <row r="17478">
      <c r="A17478" s="1">
        <v>4.90721007E8</v>
      </c>
      <c r="B17478" s="2">
        <v>15998.0</v>
      </c>
      <c r="C17478" s="1" t="s">
        <v>5</v>
      </c>
      <c r="D17478" s="1" t="s">
        <v>14861</v>
      </c>
      <c r="E17478" s="1" t="s">
        <v>7</v>
      </c>
    </row>
    <row r="17479">
      <c r="A17479" s="1">
        <v>4.90721011E8</v>
      </c>
      <c r="B17479" s="2">
        <v>15973.0</v>
      </c>
      <c r="C17479" s="1" t="s">
        <v>5</v>
      </c>
      <c r="D17479" s="1" t="s">
        <v>11</v>
      </c>
      <c r="E17479" s="1" t="s">
        <v>7</v>
      </c>
    </row>
    <row r="17480">
      <c r="A17480" s="1">
        <v>4.90721088E8</v>
      </c>
      <c r="B17480" s="2">
        <v>15972.0</v>
      </c>
      <c r="C17480" s="1" t="s">
        <v>5</v>
      </c>
      <c r="D17480" s="1" t="s">
        <v>14862</v>
      </c>
      <c r="E17480" s="1" t="s">
        <v>7</v>
      </c>
    </row>
    <row r="17481">
      <c r="A17481" s="1">
        <v>4.90721092E8</v>
      </c>
      <c r="B17481" s="2">
        <v>15972.0</v>
      </c>
      <c r="C17481" s="1" t="s">
        <v>5</v>
      </c>
      <c r="D17481" s="1" t="s">
        <v>14863</v>
      </c>
      <c r="E17481" s="1" t="s">
        <v>11</v>
      </c>
    </row>
    <row r="17482">
      <c r="A17482" s="1">
        <v>4.90721105E8</v>
      </c>
      <c r="B17482" s="2">
        <v>16036.0</v>
      </c>
      <c r="C17482" s="1" t="s">
        <v>5</v>
      </c>
      <c r="D17482" s="1" t="s">
        <v>14864</v>
      </c>
      <c r="E17482" s="1" t="s">
        <v>7</v>
      </c>
    </row>
    <row r="17483">
      <c r="A17483" s="1">
        <v>4.90721186E8</v>
      </c>
      <c r="B17483" s="2">
        <v>16001.0</v>
      </c>
      <c r="C17483" s="1" t="s">
        <v>5</v>
      </c>
      <c r="D17483" s="1" t="s">
        <v>14865</v>
      </c>
      <c r="E17483" s="1" t="s">
        <v>11</v>
      </c>
    </row>
    <row r="17484">
      <c r="A17484" s="1">
        <v>4.90721233E8</v>
      </c>
      <c r="B17484" s="2">
        <v>15992.0</v>
      </c>
      <c r="C17484" s="1" t="s">
        <v>5</v>
      </c>
      <c r="D17484" s="1" t="s">
        <v>14866</v>
      </c>
      <c r="E17484" s="1" t="s">
        <v>7</v>
      </c>
    </row>
    <row r="17485">
      <c r="A17485" s="1">
        <v>4.9072131E8</v>
      </c>
      <c r="B17485" s="2">
        <v>16003.0</v>
      </c>
      <c r="C17485" s="1" t="s">
        <v>5</v>
      </c>
      <c r="D17485" s="1" t="s">
        <v>11</v>
      </c>
      <c r="E17485" s="1" t="s">
        <v>7</v>
      </c>
    </row>
    <row r="17486">
      <c r="A17486" s="1">
        <v>4.90721341E8</v>
      </c>
      <c r="B17486" s="2">
        <v>15976.0</v>
      </c>
      <c r="C17486" s="1" t="s">
        <v>5</v>
      </c>
      <c r="D17486" s="1" t="s">
        <v>14867</v>
      </c>
      <c r="E17486" s="1" t="s">
        <v>14868</v>
      </c>
    </row>
    <row r="17487">
      <c r="A17487" s="1">
        <v>4.90721342E8</v>
      </c>
      <c r="B17487" s="2">
        <v>15971.0</v>
      </c>
      <c r="C17487" s="1" t="s">
        <v>5</v>
      </c>
      <c r="D17487" s="1" t="s">
        <v>11</v>
      </c>
      <c r="E17487" s="1" t="s">
        <v>7</v>
      </c>
    </row>
    <row r="17488">
      <c r="A17488" s="1">
        <v>4.90721352E8</v>
      </c>
      <c r="B17488" s="2">
        <v>16000.0</v>
      </c>
      <c r="C17488" s="1" t="s">
        <v>5</v>
      </c>
      <c r="D17488" s="1" t="s">
        <v>14869</v>
      </c>
      <c r="E17488" s="1" t="s">
        <v>11</v>
      </c>
    </row>
    <row r="17489">
      <c r="A17489" s="1">
        <v>4.90721361E8</v>
      </c>
      <c r="B17489" s="2">
        <v>15931.0</v>
      </c>
      <c r="C17489" s="1" t="s">
        <v>5</v>
      </c>
      <c r="D17489" s="1" t="s">
        <v>14870</v>
      </c>
      <c r="E17489" s="1" t="s">
        <v>7</v>
      </c>
    </row>
    <row r="17490">
      <c r="A17490" s="1">
        <v>4.90721474E8</v>
      </c>
      <c r="B17490" s="2">
        <v>15924.0</v>
      </c>
      <c r="C17490" s="1" t="s">
        <v>5</v>
      </c>
      <c r="D17490" s="1" t="s">
        <v>14871</v>
      </c>
      <c r="E17490" s="1" t="s">
        <v>7</v>
      </c>
    </row>
    <row r="17491">
      <c r="A17491" s="1">
        <v>4.9072151E8</v>
      </c>
      <c r="B17491" s="2">
        <v>15966.0</v>
      </c>
      <c r="C17491" s="1" t="s">
        <v>5</v>
      </c>
      <c r="D17491" s="1" t="s">
        <v>14872</v>
      </c>
      <c r="E17491" s="1" t="s">
        <v>11</v>
      </c>
    </row>
    <row r="17492">
      <c r="A17492" s="1">
        <v>4.90721532E8</v>
      </c>
      <c r="B17492" s="2">
        <v>15999.0</v>
      </c>
      <c r="C17492" s="1" t="s">
        <v>5</v>
      </c>
      <c r="D17492" s="1" t="s">
        <v>14873</v>
      </c>
      <c r="E17492" s="1" t="s">
        <v>11</v>
      </c>
    </row>
    <row r="17493">
      <c r="A17493" s="1">
        <v>4.90721572E8</v>
      </c>
      <c r="B17493" s="2">
        <v>15971.0</v>
      </c>
      <c r="C17493" s="1" t="s">
        <v>5</v>
      </c>
      <c r="D17493" s="1" t="s">
        <v>7</v>
      </c>
      <c r="E17493" s="1" t="s">
        <v>7</v>
      </c>
    </row>
    <row r="17494">
      <c r="A17494" s="1">
        <v>4.90721654E8</v>
      </c>
      <c r="B17494" s="2">
        <v>15962.0</v>
      </c>
      <c r="C17494" s="1" t="s">
        <v>5</v>
      </c>
      <c r="D17494" s="1" t="s">
        <v>14874</v>
      </c>
      <c r="E17494" s="1" t="s">
        <v>7</v>
      </c>
    </row>
    <row r="17495">
      <c r="A17495" s="1">
        <v>4.90721665E8</v>
      </c>
      <c r="B17495" s="2">
        <v>15993.0</v>
      </c>
      <c r="C17495" s="1" t="s">
        <v>5</v>
      </c>
      <c r="D17495" s="1" t="s">
        <v>11</v>
      </c>
      <c r="E17495" s="1" t="s">
        <v>7</v>
      </c>
    </row>
    <row r="17496">
      <c r="A17496" s="1">
        <v>4.90721676E8</v>
      </c>
      <c r="B17496" s="2">
        <v>16036.0</v>
      </c>
      <c r="C17496" s="1" t="s">
        <v>5</v>
      </c>
      <c r="D17496" s="1" t="s">
        <v>14875</v>
      </c>
      <c r="E17496" s="1" t="s">
        <v>7</v>
      </c>
    </row>
    <row r="17497">
      <c r="A17497" s="1">
        <v>4.90721746E8</v>
      </c>
      <c r="B17497" s="2">
        <v>15992.0</v>
      </c>
      <c r="C17497" s="1" t="s">
        <v>5</v>
      </c>
      <c r="D17497" s="1" t="s">
        <v>14876</v>
      </c>
      <c r="E17497" s="1" t="s">
        <v>7</v>
      </c>
    </row>
    <row r="17498">
      <c r="A17498" s="1">
        <v>4.90721747E8</v>
      </c>
      <c r="B17498" s="2">
        <v>15974.0</v>
      </c>
      <c r="C17498" s="1" t="s">
        <v>5</v>
      </c>
      <c r="D17498" s="1" t="s">
        <v>14877</v>
      </c>
      <c r="E17498" s="1" t="s">
        <v>7</v>
      </c>
    </row>
    <row r="17499">
      <c r="A17499" s="1">
        <v>4.9072176E8</v>
      </c>
      <c r="B17499" s="2">
        <v>15960.0</v>
      </c>
      <c r="C17499" s="1" t="s">
        <v>5</v>
      </c>
      <c r="D17499" s="1" t="s">
        <v>14878</v>
      </c>
      <c r="E17499" s="1" t="s">
        <v>7</v>
      </c>
    </row>
    <row r="17500">
      <c r="A17500" s="1">
        <v>4.90721826E8</v>
      </c>
      <c r="B17500" s="2">
        <v>16038.0</v>
      </c>
      <c r="C17500" s="1" t="s">
        <v>5</v>
      </c>
      <c r="D17500" s="1" t="s">
        <v>14879</v>
      </c>
      <c r="E17500" s="1" t="s">
        <v>7</v>
      </c>
    </row>
    <row r="17501">
      <c r="A17501" s="1">
        <v>4.90721861E8</v>
      </c>
      <c r="B17501" s="2">
        <v>15929.0</v>
      </c>
      <c r="C17501" s="1" t="s">
        <v>5</v>
      </c>
      <c r="D17501" s="1" t="s">
        <v>11</v>
      </c>
      <c r="E17501" s="1" t="s">
        <v>7</v>
      </c>
    </row>
    <row r="17502">
      <c r="A17502" s="1">
        <v>4.90721905E8</v>
      </c>
      <c r="B17502" s="2">
        <v>16035.0</v>
      </c>
      <c r="C17502" s="1" t="s">
        <v>5</v>
      </c>
      <c r="D17502" s="1" t="s">
        <v>11</v>
      </c>
      <c r="E17502" s="1" t="s">
        <v>7</v>
      </c>
    </row>
    <row r="17503">
      <c r="A17503" s="1">
        <v>4.90721906E8</v>
      </c>
      <c r="B17503" s="2">
        <v>15958.0</v>
      </c>
      <c r="C17503" s="1" t="s">
        <v>5</v>
      </c>
      <c r="D17503" s="1" t="s">
        <v>14880</v>
      </c>
      <c r="E17503" s="1" t="s">
        <v>7</v>
      </c>
    </row>
    <row r="17504">
      <c r="A17504" s="1">
        <v>4.90721927E8</v>
      </c>
      <c r="B17504" s="2">
        <v>15988.0</v>
      </c>
      <c r="C17504" s="1" t="s">
        <v>5</v>
      </c>
      <c r="D17504" s="1" t="s">
        <v>14881</v>
      </c>
      <c r="E17504" s="1" t="s">
        <v>14882</v>
      </c>
    </row>
    <row r="17505">
      <c r="A17505" s="1">
        <v>4.90721931E8</v>
      </c>
      <c r="B17505" s="2">
        <v>15970.0</v>
      </c>
      <c r="C17505" s="1" t="s">
        <v>5</v>
      </c>
      <c r="D17505" s="1" t="s">
        <v>14883</v>
      </c>
      <c r="E17505" s="1" t="s">
        <v>14884</v>
      </c>
    </row>
    <row r="17506">
      <c r="A17506" s="1">
        <v>4.90721945E8</v>
      </c>
      <c r="B17506" s="2">
        <v>16000.0</v>
      </c>
      <c r="C17506" s="1" t="s">
        <v>5</v>
      </c>
      <c r="D17506" s="1" t="s">
        <v>14885</v>
      </c>
      <c r="E17506" s="1" t="s">
        <v>7</v>
      </c>
    </row>
    <row r="17507">
      <c r="A17507" s="1">
        <v>4.90721947E8</v>
      </c>
      <c r="B17507" s="2">
        <v>15981.0</v>
      </c>
      <c r="C17507" s="1" t="s">
        <v>5</v>
      </c>
      <c r="D17507" s="1" t="s">
        <v>11</v>
      </c>
      <c r="E17507" s="1" t="s">
        <v>7</v>
      </c>
    </row>
    <row r="17508">
      <c r="A17508" s="1">
        <v>4.90721981E8</v>
      </c>
      <c r="B17508" s="2">
        <v>15921.0</v>
      </c>
      <c r="C17508" s="1" t="s">
        <v>5</v>
      </c>
      <c r="D17508" s="1" t="s">
        <v>14886</v>
      </c>
      <c r="E17508" s="1" t="s">
        <v>7</v>
      </c>
    </row>
    <row r="17509">
      <c r="A17509" s="1">
        <v>4.90722047E8</v>
      </c>
      <c r="B17509" s="2">
        <v>15990.0</v>
      </c>
      <c r="C17509" s="1" t="s">
        <v>5</v>
      </c>
      <c r="D17509" s="1" t="s">
        <v>14887</v>
      </c>
      <c r="E17509" s="1" t="s">
        <v>7</v>
      </c>
    </row>
    <row r="17510">
      <c r="A17510" s="1">
        <v>4.90722133E8</v>
      </c>
      <c r="B17510" s="2">
        <v>16036.0</v>
      </c>
      <c r="C17510" s="1" t="s">
        <v>5</v>
      </c>
      <c r="D17510" s="1" t="s">
        <v>11</v>
      </c>
      <c r="E17510" s="1" t="s">
        <v>7</v>
      </c>
    </row>
    <row r="17511">
      <c r="A17511" s="1">
        <v>4.90722175E8</v>
      </c>
      <c r="B17511" s="2">
        <v>15958.0</v>
      </c>
      <c r="C17511" s="1" t="s">
        <v>5</v>
      </c>
      <c r="D17511" s="1" t="s">
        <v>14888</v>
      </c>
      <c r="E17511" s="1" t="s">
        <v>7</v>
      </c>
    </row>
    <row r="17512">
      <c r="A17512" s="1">
        <v>4.90722227E8</v>
      </c>
      <c r="B17512" s="2">
        <v>15981.0</v>
      </c>
      <c r="C17512" s="1" t="s">
        <v>5</v>
      </c>
      <c r="D17512" s="1" t="s">
        <v>11</v>
      </c>
      <c r="E17512" s="1" t="s">
        <v>7</v>
      </c>
    </row>
    <row r="17513">
      <c r="A17513" s="1">
        <v>4.90722233E8</v>
      </c>
      <c r="B17513" s="2">
        <v>15987.0</v>
      </c>
      <c r="C17513" s="1" t="s">
        <v>5</v>
      </c>
      <c r="D17513" s="1" t="s">
        <v>11</v>
      </c>
      <c r="E17513" s="1" t="s">
        <v>7</v>
      </c>
    </row>
    <row r="17514">
      <c r="A17514" s="1">
        <v>4.90722512E8</v>
      </c>
      <c r="B17514" s="2">
        <v>15928.0</v>
      </c>
      <c r="C17514" s="1" t="s">
        <v>5</v>
      </c>
      <c r="D17514" s="1" t="s">
        <v>14889</v>
      </c>
      <c r="E17514" s="1" t="s">
        <v>7</v>
      </c>
    </row>
    <row r="17515">
      <c r="A17515" s="1">
        <v>4.90722658E8</v>
      </c>
      <c r="B17515" s="2">
        <v>15994.0</v>
      </c>
      <c r="C17515" s="1" t="s">
        <v>5</v>
      </c>
      <c r="D17515" s="1" t="s">
        <v>14890</v>
      </c>
      <c r="E17515" s="1" t="s">
        <v>11</v>
      </c>
    </row>
    <row r="17516">
      <c r="A17516" s="1">
        <v>4.90722697E8</v>
      </c>
      <c r="B17516" s="2">
        <v>15952.0</v>
      </c>
      <c r="C17516" s="1" t="s">
        <v>5</v>
      </c>
      <c r="D17516" s="1" t="s">
        <v>14891</v>
      </c>
      <c r="E17516" s="1" t="s">
        <v>7</v>
      </c>
    </row>
    <row r="17517">
      <c r="A17517" s="1">
        <v>4.90722821E8</v>
      </c>
      <c r="B17517" s="2">
        <v>15984.0</v>
      </c>
      <c r="C17517" s="1" t="s">
        <v>5</v>
      </c>
      <c r="D17517" s="1" t="s">
        <v>11</v>
      </c>
      <c r="E17517" s="1" t="s">
        <v>7</v>
      </c>
    </row>
    <row r="17518">
      <c r="A17518" s="1">
        <v>4.90722827E8</v>
      </c>
      <c r="B17518" s="2">
        <v>15953.0</v>
      </c>
      <c r="C17518" s="1" t="s">
        <v>5</v>
      </c>
      <c r="D17518" s="1" t="s">
        <v>14892</v>
      </c>
      <c r="E17518" s="1" t="s">
        <v>7</v>
      </c>
    </row>
    <row r="17519">
      <c r="A17519" s="1">
        <v>4.90722928E8</v>
      </c>
      <c r="B17519" s="2">
        <v>15958.0</v>
      </c>
      <c r="C17519" s="1" t="s">
        <v>5</v>
      </c>
      <c r="D17519" s="1" t="s">
        <v>7</v>
      </c>
      <c r="E17519" s="1" t="s">
        <v>7</v>
      </c>
    </row>
    <row r="17520">
      <c r="A17520" s="1">
        <v>4.90723099E8</v>
      </c>
      <c r="B17520" s="2">
        <v>16019.0</v>
      </c>
      <c r="C17520" s="1" t="s">
        <v>5</v>
      </c>
      <c r="D17520" s="1" t="s">
        <v>11</v>
      </c>
      <c r="E17520" s="1" t="s">
        <v>7</v>
      </c>
    </row>
    <row r="17521">
      <c r="A17521" s="1">
        <v>4.90723172E8</v>
      </c>
      <c r="B17521" s="2">
        <v>16029.0</v>
      </c>
      <c r="C17521" s="1" t="s">
        <v>5</v>
      </c>
      <c r="D17521" s="1" t="s">
        <v>14893</v>
      </c>
      <c r="E17521" s="1" t="s">
        <v>7</v>
      </c>
    </row>
    <row r="17522">
      <c r="A17522" s="1">
        <v>4.907232E8</v>
      </c>
      <c r="B17522" s="2">
        <v>15982.0</v>
      </c>
      <c r="C17522" s="1" t="s">
        <v>5</v>
      </c>
      <c r="D17522" s="1" t="s">
        <v>14894</v>
      </c>
      <c r="E17522" s="1" t="s">
        <v>7</v>
      </c>
    </row>
    <row r="17523">
      <c r="A17523" s="1">
        <v>4.90723223E8</v>
      </c>
      <c r="B17523" s="2">
        <v>15957.0</v>
      </c>
      <c r="C17523" s="1" t="s">
        <v>5</v>
      </c>
      <c r="D17523" s="1" t="s">
        <v>14895</v>
      </c>
      <c r="E17523" s="1" t="s">
        <v>7</v>
      </c>
    </row>
    <row r="17524">
      <c r="A17524" s="1">
        <v>4.90723236E8</v>
      </c>
      <c r="B17524" s="2">
        <v>15981.0</v>
      </c>
      <c r="C17524" s="1" t="s">
        <v>5</v>
      </c>
      <c r="D17524" s="1" t="s">
        <v>14896</v>
      </c>
      <c r="E17524" s="1" t="s">
        <v>7</v>
      </c>
    </row>
    <row r="17525">
      <c r="A17525" s="1">
        <v>4.90723243E8</v>
      </c>
      <c r="B17525" s="2">
        <v>16028.0</v>
      </c>
      <c r="C17525" s="1" t="s">
        <v>5</v>
      </c>
      <c r="D17525" s="1" t="s">
        <v>14897</v>
      </c>
      <c r="E17525" s="1" t="s">
        <v>7</v>
      </c>
    </row>
    <row r="17526">
      <c r="A17526" s="1">
        <v>4.90723244E8</v>
      </c>
      <c r="B17526" s="2">
        <v>15952.0</v>
      </c>
      <c r="C17526" s="1" t="s">
        <v>5</v>
      </c>
      <c r="D17526" s="1" t="s">
        <v>11</v>
      </c>
      <c r="E17526" s="1" t="s">
        <v>7</v>
      </c>
    </row>
    <row r="17527">
      <c r="A17527" s="1">
        <v>4.90723253E8</v>
      </c>
      <c r="B17527" s="2">
        <v>15956.0</v>
      </c>
      <c r="C17527" s="1" t="s">
        <v>5</v>
      </c>
      <c r="D17527" s="1" t="s">
        <v>14898</v>
      </c>
      <c r="E17527" s="1" t="s">
        <v>7</v>
      </c>
    </row>
    <row r="17528">
      <c r="A17528" s="1">
        <v>4.90723265E8</v>
      </c>
      <c r="B17528" s="2">
        <v>15979.0</v>
      </c>
      <c r="C17528" s="1" t="s">
        <v>5</v>
      </c>
      <c r="D17528" s="1" t="s">
        <v>14899</v>
      </c>
      <c r="E17528" s="1" t="s">
        <v>7</v>
      </c>
    </row>
    <row r="17529">
      <c r="A17529" s="1">
        <v>4.90723284E8</v>
      </c>
      <c r="B17529" s="2">
        <v>16010.0</v>
      </c>
      <c r="C17529" s="1" t="s">
        <v>5</v>
      </c>
      <c r="D17529" s="1" t="s">
        <v>14900</v>
      </c>
      <c r="E17529" s="1" t="s">
        <v>14901</v>
      </c>
    </row>
    <row r="17530">
      <c r="A17530" s="1">
        <v>4.90723287E8</v>
      </c>
      <c r="B17530" s="2">
        <v>15956.0</v>
      </c>
      <c r="C17530" s="1" t="s">
        <v>5</v>
      </c>
      <c r="D17530" s="1" t="s">
        <v>14902</v>
      </c>
      <c r="E17530" s="1" t="s">
        <v>7</v>
      </c>
    </row>
    <row r="17531">
      <c r="A17531" s="1">
        <v>4.90723359E8</v>
      </c>
      <c r="B17531" s="2">
        <v>16028.0</v>
      </c>
      <c r="C17531" s="1" t="s">
        <v>5</v>
      </c>
      <c r="D17531" s="1" t="s">
        <v>14903</v>
      </c>
      <c r="E17531" s="1" t="s">
        <v>11</v>
      </c>
    </row>
    <row r="17532">
      <c r="A17532" s="1">
        <v>4.90723572E8</v>
      </c>
      <c r="B17532" s="2">
        <v>15991.0</v>
      </c>
      <c r="C17532" s="1" t="s">
        <v>5</v>
      </c>
      <c r="D17532" s="1" t="s">
        <v>14904</v>
      </c>
      <c r="E17532" s="1" t="s">
        <v>11</v>
      </c>
    </row>
    <row r="17533">
      <c r="A17533" s="1">
        <v>4.90723623E8</v>
      </c>
      <c r="B17533" s="2">
        <v>15957.0</v>
      </c>
      <c r="C17533" s="1" t="s">
        <v>5</v>
      </c>
      <c r="D17533" s="1" t="s">
        <v>14905</v>
      </c>
      <c r="E17533" s="1" t="s">
        <v>7</v>
      </c>
    </row>
    <row r="17534">
      <c r="A17534" s="1">
        <v>4.90723626E8</v>
      </c>
      <c r="B17534" s="2">
        <v>16015.0</v>
      </c>
      <c r="C17534" s="1" t="s">
        <v>5</v>
      </c>
      <c r="D17534" s="1" t="s">
        <v>11</v>
      </c>
      <c r="E17534" s="1" t="s">
        <v>7</v>
      </c>
    </row>
    <row r="17535">
      <c r="A17535" s="1">
        <v>4.90723676E8</v>
      </c>
      <c r="B17535" s="2">
        <v>16024.0</v>
      </c>
      <c r="C17535" s="1" t="s">
        <v>5</v>
      </c>
      <c r="D17535" s="1" t="s">
        <v>14906</v>
      </c>
      <c r="E17535" s="1" t="s">
        <v>7</v>
      </c>
    </row>
    <row r="17536">
      <c r="A17536" s="1">
        <v>4.90723721E8</v>
      </c>
      <c r="B17536" s="2">
        <v>15957.0</v>
      </c>
      <c r="C17536" s="1" t="s">
        <v>5</v>
      </c>
      <c r="D17536" s="1" t="s">
        <v>14907</v>
      </c>
      <c r="E17536" s="1" t="s">
        <v>7</v>
      </c>
    </row>
    <row r="17537">
      <c r="A17537" s="1">
        <v>4.90723743E8</v>
      </c>
      <c r="B17537" s="2">
        <v>15976.0</v>
      </c>
      <c r="C17537" s="1" t="s">
        <v>5</v>
      </c>
      <c r="D17537" s="1" t="s">
        <v>14908</v>
      </c>
      <c r="E17537" s="1" t="s">
        <v>11</v>
      </c>
    </row>
    <row r="17538">
      <c r="A17538" s="1">
        <v>4.9072377E8</v>
      </c>
      <c r="B17538" s="2">
        <v>15951.0</v>
      </c>
      <c r="C17538" s="1" t="s">
        <v>5</v>
      </c>
      <c r="D17538" s="1" t="s">
        <v>14909</v>
      </c>
      <c r="E17538" s="1" t="s">
        <v>14910</v>
      </c>
    </row>
    <row r="17539">
      <c r="A17539" s="1">
        <v>4.90723862E8</v>
      </c>
      <c r="B17539" s="2">
        <v>16009.0</v>
      </c>
      <c r="C17539" s="1" t="s">
        <v>5</v>
      </c>
      <c r="D17539" s="1" t="s">
        <v>11</v>
      </c>
      <c r="E17539" s="1" t="s">
        <v>7</v>
      </c>
    </row>
    <row r="17540">
      <c r="A17540" s="1">
        <v>4.90723887E8</v>
      </c>
      <c r="B17540" s="2">
        <v>15985.0</v>
      </c>
      <c r="C17540" s="1" t="s">
        <v>5</v>
      </c>
      <c r="D17540" s="1" t="s">
        <v>11</v>
      </c>
      <c r="E17540" s="1" t="s">
        <v>7</v>
      </c>
    </row>
    <row r="17541">
      <c r="A17541" s="1">
        <v>4.90723923E8</v>
      </c>
      <c r="B17541" s="2">
        <v>15955.0</v>
      </c>
      <c r="C17541" s="1" t="s">
        <v>5</v>
      </c>
      <c r="D17541" s="1" t="s">
        <v>14911</v>
      </c>
      <c r="E17541" s="1" t="s">
        <v>7</v>
      </c>
    </row>
    <row r="17542">
      <c r="A17542" s="1">
        <v>4.9072394E8</v>
      </c>
      <c r="B17542" s="2">
        <v>15987.0</v>
      </c>
      <c r="C17542" s="1" t="s">
        <v>5</v>
      </c>
      <c r="D17542" s="1" t="s">
        <v>14912</v>
      </c>
      <c r="E17542" s="1" t="s">
        <v>7</v>
      </c>
    </row>
    <row r="17543">
      <c r="A17543" s="1">
        <v>4.90723966E8</v>
      </c>
      <c r="B17543" s="2">
        <v>15926.0</v>
      </c>
      <c r="C17543" s="1" t="s">
        <v>5</v>
      </c>
      <c r="D17543" s="1" t="s">
        <v>14913</v>
      </c>
      <c r="E17543" s="1" t="s">
        <v>7</v>
      </c>
    </row>
    <row r="17544">
      <c r="A17544" s="1">
        <v>4.90723999E8</v>
      </c>
      <c r="B17544" s="2">
        <v>16012.0</v>
      </c>
      <c r="C17544" s="1" t="s">
        <v>5</v>
      </c>
      <c r="D17544" s="1" t="s">
        <v>14914</v>
      </c>
      <c r="E17544" s="1" t="s">
        <v>7</v>
      </c>
    </row>
    <row r="17545">
      <c r="A17545" s="1">
        <v>4.90724019E8</v>
      </c>
      <c r="B17545" s="2">
        <v>15959.0</v>
      </c>
      <c r="C17545" s="1" t="s">
        <v>5</v>
      </c>
      <c r="D17545" s="1" t="s">
        <v>14915</v>
      </c>
      <c r="E17545" s="1" t="s">
        <v>11</v>
      </c>
    </row>
    <row r="17546">
      <c r="A17546" s="1">
        <v>4.90724023E8</v>
      </c>
      <c r="B17546" s="2">
        <v>16008.0</v>
      </c>
      <c r="C17546" s="1" t="s">
        <v>5</v>
      </c>
      <c r="D17546" s="1" t="s">
        <v>11</v>
      </c>
      <c r="E17546" s="1" t="s">
        <v>7</v>
      </c>
    </row>
    <row r="17547">
      <c r="A17547" s="1">
        <v>4.90724076E8</v>
      </c>
      <c r="B17547" s="2">
        <v>15974.0</v>
      </c>
      <c r="C17547" s="1" t="s">
        <v>5</v>
      </c>
      <c r="D17547" s="1" t="s">
        <v>11</v>
      </c>
      <c r="E17547" s="1" t="s">
        <v>7</v>
      </c>
    </row>
    <row r="17548">
      <c r="A17548" s="1">
        <v>4.90724088E8</v>
      </c>
      <c r="B17548" s="2">
        <v>16011.0</v>
      </c>
      <c r="C17548" s="1" t="s">
        <v>5</v>
      </c>
      <c r="D17548" s="1" t="s">
        <v>14916</v>
      </c>
      <c r="E17548" s="1" t="s">
        <v>7</v>
      </c>
    </row>
    <row r="17549">
      <c r="A17549" s="1">
        <v>4.90724106E8</v>
      </c>
      <c r="B17549" s="2">
        <v>15955.0</v>
      </c>
      <c r="C17549" s="1" t="s">
        <v>5</v>
      </c>
      <c r="D17549" s="1" t="s">
        <v>14917</v>
      </c>
      <c r="E17549" s="1" t="s">
        <v>11</v>
      </c>
    </row>
    <row r="17550">
      <c r="A17550" s="1">
        <v>4.90724133E8</v>
      </c>
      <c r="B17550" s="2">
        <v>16019.0</v>
      </c>
      <c r="C17550" s="1" t="s">
        <v>5</v>
      </c>
      <c r="D17550" s="1" t="s">
        <v>14918</v>
      </c>
      <c r="E17550" s="1" t="s">
        <v>11</v>
      </c>
    </row>
    <row r="17551">
      <c r="A17551" s="1">
        <v>4.90724225E8</v>
      </c>
      <c r="B17551" s="2">
        <v>16022.0</v>
      </c>
      <c r="C17551" s="1" t="s">
        <v>5</v>
      </c>
      <c r="D17551" s="1" t="s">
        <v>14919</v>
      </c>
      <c r="E17551" s="1" t="s">
        <v>7</v>
      </c>
    </row>
    <row r="17552">
      <c r="A17552" s="1">
        <v>4.90724265E8</v>
      </c>
      <c r="B17552" s="2">
        <v>16029.0</v>
      </c>
      <c r="C17552" s="1" t="s">
        <v>5</v>
      </c>
      <c r="D17552" s="1" t="s">
        <v>14920</v>
      </c>
      <c r="E17552" s="1" t="s">
        <v>11</v>
      </c>
    </row>
    <row r="17553">
      <c r="A17553" s="1">
        <v>4.90724297E8</v>
      </c>
      <c r="B17553" s="2">
        <v>15985.0</v>
      </c>
      <c r="C17553" s="1" t="s">
        <v>5</v>
      </c>
      <c r="D17553" s="1" t="s">
        <v>11</v>
      </c>
      <c r="E17553" s="1" t="s">
        <v>7</v>
      </c>
    </row>
    <row r="17554">
      <c r="A17554" s="1">
        <v>4.90724323E8</v>
      </c>
      <c r="B17554" s="2">
        <v>15982.0</v>
      </c>
      <c r="C17554" s="1" t="s">
        <v>5</v>
      </c>
      <c r="D17554" s="1" t="s">
        <v>14921</v>
      </c>
      <c r="E17554" s="1" t="s">
        <v>14922</v>
      </c>
    </row>
    <row r="17555">
      <c r="A17555" s="1">
        <v>4.9072436E8</v>
      </c>
      <c r="B17555" s="2">
        <v>15982.0</v>
      </c>
      <c r="C17555" s="1" t="s">
        <v>5</v>
      </c>
      <c r="D17555" s="1" t="s">
        <v>14923</v>
      </c>
      <c r="E17555" s="1" t="s">
        <v>7</v>
      </c>
    </row>
    <row r="17556">
      <c r="A17556" s="1">
        <v>4.90724385E8</v>
      </c>
      <c r="B17556" s="2">
        <v>15982.0</v>
      </c>
      <c r="C17556" s="1" t="s">
        <v>5</v>
      </c>
      <c r="D17556" s="1" t="s">
        <v>14924</v>
      </c>
      <c r="E17556" s="1" t="s">
        <v>7</v>
      </c>
    </row>
    <row r="17557">
      <c r="A17557" s="1">
        <v>4.90724394E8</v>
      </c>
      <c r="B17557" s="2">
        <v>16017.0</v>
      </c>
      <c r="C17557" s="1" t="s">
        <v>5</v>
      </c>
      <c r="D17557" s="1" t="s">
        <v>14925</v>
      </c>
      <c r="E17557" s="1" t="s">
        <v>7</v>
      </c>
    </row>
    <row r="17558">
      <c r="A17558" s="1">
        <v>4.90724441E8</v>
      </c>
      <c r="B17558" s="2">
        <v>16035.0</v>
      </c>
      <c r="C17558" s="1" t="s">
        <v>5</v>
      </c>
      <c r="D17558" s="1" t="s">
        <v>14926</v>
      </c>
      <c r="E17558" s="1" t="s">
        <v>7</v>
      </c>
    </row>
    <row r="17559">
      <c r="A17559" s="1">
        <v>4.90724443E8</v>
      </c>
      <c r="B17559" s="2">
        <v>15985.0</v>
      </c>
      <c r="C17559" s="1" t="s">
        <v>5</v>
      </c>
      <c r="D17559" s="1" t="s">
        <v>14927</v>
      </c>
      <c r="E17559" s="1" t="s">
        <v>7</v>
      </c>
    </row>
    <row r="17560">
      <c r="A17560" s="1">
        <v>4.90724476E8</v>
      </c>
      <c r="B17560" s="2">
        <v>15981.0</v>
      </c>
      <c r="C17560" s="1" t="s">
        <v>5</v>
      </c>
      <c r="D17560" s="1" t="s">
        <v>14928</v>
      </c>
      <c r="E17560" s="1" t="s">
        <v>7</v>
      </c>
    </row>
    <row r="17561">
      <c r="A17561" s="1">
        <v>4.90724501E8</v>
      </c>
      <c r="B17561" s="2">
        <v>16017.0</v>
      </c>
      <c r="C17561" s="1" t="s">
        <v>5</v>
      </c>
      <c r="D17561" s="1" t="s">
        <v>14929</v>
      </c>
      <c r="E17561" s="1" t="s">
        <v>11</v>
      </c>
    </row>
    <row r="17562">
      <c r="A17562" s="1">
        <v>4.90724504E8</v>
      </c>
      <c r="B17562" s="2">
        <v>15969.0</v>
      </c>
      <c r="C17562" s="1" t="s">
        <v>5</v>
      </c>
      <c r="D17562" s="1" t="s">
        <v>14930</v>
      </c>
      <c r="E17562" s="1" t="s">
        <v>7</v>
      </c>
    </row>
    <row r="17563">
      <c r="A17563" s="1">
        <v>4.90724505E8</v>
      </c>
      <c r="B17563" s="2">
        <v>16022.0</v>
      </c>
      <c r="C17563" s="1" t="s">
        <v>5</v>
      </c>
      <c r="D17563" s="1" t="s">
        <v>14931</v>
      </c>
      <c r="E17563" s="1" t="s">
        <v>7</v>
      </c>
    </row>
    <row r="17564">
      <c r="A17564" s="1">
        <v>4.90724519E8</v>
      </c>
      <c r="B17564" s="2">
        <v>16017.0</v>
      </c>
      <c r="C17564" s="1" t="s">
        <v>5</v>
      </c>
      <c r="D17564" s="1" t="s">
        <v>14932</v>
      </c>
      <c r="E17564" s="1" t="s">
        <v>11</v>
      </c>
    </row>
    <row r="17565">
      <c r="A17565" s="1">
        <v>4.90724527E8</v>
      </c>
      <c r="B17565" s="2">
        <v>15954.0</v>
      </c>
      <c r="C17565" s="1" t="s">
        <v>5</v>
      </c>
      <c r="D17565" s="1" t="s">
        <v>14933</v>
      </c>
      <c r="E17565" s="1" t="s">
        <v>7</v>
      </c>
    </row>
    <row r="17566">
      <c r="A17566" s="1">
        <v>4.90724543E8</v>
      </c>
      <c r="B17566" s="2">
        <v>16020.0</v>
      </c>
      <c r="C17566" s="1" t="s">
        <v>5</v>
      </c>
      <c r="D17566" s="1" t="s">
        <v>11</v>
      </c>
      <c r="E17566" s="1" t="s">
        <v>7</v>
      </c>
    </row>
    <row r="17567">
      <c r="A17567" s="1">
        <v>4.90724563E8</v>
      </c>
      <c r="B17567" s="2">
        <v>16070.0</v>
      </c>
      <c r="C17567" s="1" t="s">
        <v>5</v>
      </c>
      <c r="D17567" s="1" t="s">
        <v>14934</v>
      </c>
      <c r="E17567" s="1" t="s">
        <v>7</v>
      </c>
    </row>
    <row r="17568">
      <c r="A17568" s="1">
        <v>4.90724585E8</v>
      </c>
      <c r="B17568" s="2">
        <v>15983.0</v>
      </c>
      <c r="C17568" s="1" t="s">
        <v>5</v>
      </c>
      <c r="D17568" s="1" t="s">
        <v>14935</v>
      </c>
      <c r="E17568" s="1" t="s">
        <v>7</v>
      </c>
    </row>
    <row r="17569">
      <c r="A17569" s="1">
        <v>4.90724599E8</v>
      </c>
      <c r="B17569" s="2">
        <v>16019.0</v>
      </c>
      <c r="C17569" s="1" t="s">
        <v>5</v>
      </c>
      <c r="D17569" s="1" t="s">
        <v>14936</v>
      </c>
      <c r="E17569" s="1" t="s">
        <v>7</v>
      </c>
    </row>
    <row r="17570">
      <c r="A17570" s="1">
        <v>4.90724623E8</v>
      </c>
      <c r="B17570" s="2">
        <v>16035.0</v>
      </c>
      <c r="C17570" s="1" t="s">
        <v>5</v>
      </c>
      <c r="D17570" s="1" t="s">
        <v>14937</v>
      </c>
      <c r="E17570" s="1" t="s">
        <v>7</v>
      </c>
    </row>
    <row r="17571">
      <c r="A17571" s="1">
        <v>4.9072464E8</v>
      </c>
      <c r="B17571" s="2">
        <v>16035.0</v>
      </c>
      <c r="C17571" s="1" t="s">
        <v>5</v>
      </c>
      <c r="D17571" s="1" t="s">
        <v>14938</v>
      </c>
      <c r="E17571" s="1" t="s">
        <v>7</v>
      </c>
    </row>
    <row r="17572">
      <c r="A17572" s="1">
        <v>4.90724658E8</v>
      </c>
      <c r="B17572" s="2">
        <v>16029.0</v>
      </c>
      <c r="C17572" s="1" t="s">
        <v>5</v>
      </c>
      <c r="D17572" s="1" t="s">
        <v>14939</v>
      </c>
      <c r="E17572" s="1" t="s">
        <v>11</v>
      </c>
    </row>
    <row r="17573">
      <c r="A17573" s="1">
        <v>4.90724661E8</v>
      </c>
      <c r="B17573" s="2">
        <v>15969.0</v>
      </c>
      <c r="C17573" s="1" t="s">
        <v>5</v>
      </c>
      <c r="D17573" s="1" t="s">
        <v>14940</v>
      </c>
      <c r="E17573" s="1" t="s">
        <v>7</v>
      </c>
    </row>
    <row r="17574">
      <c r="A17574" s="1">
        <v>4.90724684E8</v>
      </c>
      <c r="B17574" s="2">
        <v>16029.0</v>
      </c>
      <c r="C17574" s="1" t="s">
        <v>5</v>
      </c>
      <c r="D17574" s="1" t="s">
        <v>11</v>
      </c>
      <c r="E17574" s="1" t="s">
        <v>7</v>
      </c>
    </row>
    <row r="17575">
      <c r="A17575" s="1">
        <v>4.90724701E8</v>
      </c>
      <c r="B17575" s="2">
        <v>16070.0</v>
      </c>
      <c r="C17575" s="1" t="s">
        <v>5</v>
      </c>
      <c r="D17575" s="1" t="s">
        <v>14941</v>
      </c>
      <c r="E17575" s="1" t="s">
        <v>7</v>
      </c>
    </row>
    <row r="17576">
      <c r="A17576" s="1">
        <v>4.90724704E8</v>
      </c>
      <c r="B17576" s="2">
        <v>16034.0</v>
      </c>
      <c r="C17576" s="1" t="s">
        <v>5</v>
      </c>
      <c r="D17576" s="1" t="s">
        <v>14942</v>
      </c>
      <c r="E17576" s="1" t="s">
        <v>14943</v>
      </c>
    </row>
    <row r="17577">
      <c r="A17577" s="1">
        <v>4.9072471E8</v>
      </c>
      <c r="B17577" s="2">
        <v>16015.0</v>
      </c>
      <c r="C17577" s="1" t="s">
        <v>5</v>
      </c>
      <c r="D17577" s="1" t="s">
        <v>11</v>
      </c>
      <c r="E17577" s="1" t="s">
        <v>7</v>
      </c>
    </row>
    <row r="17578">
      <c r="A17578" s="1">
        <v>4.90724732E8</v>
      </c>
      <c r="B17578" s="2">
        <v>15952.0</v>
      </c>
      <c r="C17578" s="1" t="s">
        <v>5</v>
      </c>
      <c r="D17578" s="1" t="s">
        <v>11</v>
      </c>
      <c r="E17578" s="1" t="s">
        <v>7</v>
      </c>
    </row>
    <row r="17579">
      <c r="A17579" s="1">
        <v>4.90724783E8</v>
      </c>
      <c r="B17579" s="2">
        <v>16018.0</v>
      </c>
      <c r="C17579" s="1" t="s">
        <v>5</v>
      </c>
      <c r="D17579" s="1" t="s">
        <v>14944</v>
      </c>
      <c r="E17579" s="1" t="s">
        <v>14945</v>
      </c>
    </row>
    <row r="17580">
      <c r="A17580" s="1">
        <v>4.90724796E8</v>
      </c>
      <c r="B17580" s="2">
        <v>16028.0</v>
      </c>
      <c r="C17580" s="1" t="s">
        <v>5</v>
      </c>
      <c r="D17580" s="1" t="s">
        <v>14946</v>
      </c>
      <c r="E17580" s="1" t="s">
        <v>11</v>
      </c>
    </row>
    <row r="17581">
      <c r="A17581" s="1">
        <v>4.90724858E8</v>
      </c>
      <c r="B17581" s="2">
        <v>16038.0</v>
      </c>
      <c r="C17581" s="1" t="s">
        <v>5</v>
      </c>
      <c r="D17581" s="1" t="s">
        <v>14947</v>
      </c>
      <c r="E17581" s="1" t="s">
        <v>7</v>
      </c>
    </row>
    <row r="17582">
      <c r="A17582" s="1">
        <v>4.90724912E8</v>
      </c>
      <c r="B17582" s="2">
        <v>15980.0</v>
      </c>
      <c r="C17582" s="1" t="s">
        <v>5</v>
      </c>
      <c r="D17582" s="1" t="s">
        <v>11</v>
      </c>
      <c r="E17582" s="1" t="s">
        <v>7</v>
      </c>
    </row>
    <row r="17583">
      <c r="A17583" s="1">
        <v>4.90725E8</v>
      </c>
      <c r="B17583" s="2">
        <v>16016.0</v>
      </c>
      <c r="C17583" s="1" t="s">
        <v>5</v>
      </c>
      <c r="D17583" s="1" t="s">
        <v>14948</v>
      </c>
      <c r="E17583" s="1" t="s">
        <v>7</v>
      </c>
    </row>
    <row r="17584">
      <c r="A17584" s="1">
        <v>4.90725021E8</v>
      </c>
      <c r="B17584" s="2">
        <v>16040.0</v>
      </c>
      <c r="C17584" s="1" t="s">
        <v>5</v>
      </c>
      <c r="D17584" s="1" t="s">
        <v>14949</v>
      </c>
      <c r="E17584" s="1" t="s">
        <v>7</v>
      </c>
    </row>
    <row r="17585">
      <c r="A17585" s="1">
        <v>4.90725061E8</v>
      </c>
      <c r="B17585" s="2">
        <v>16034.0</v>
      </c>
      <c r="C17585" s="1" t="s">
        <v>5</v>
      </c>
      <c r="D17585" s="1" t="s">
        <v>14950</v>
      </c>
      <c r="E17585" s="1" t="s">
        <v>7</v>
      </c>
    </row>
    <row r="17586">
      <c r="A17586" s="1">
        <v>4.90725076E8</v>
      </c>
      <c r="B17586" s="2">
        <v>15963.0</v>
      </c>
      <c r="C17586" s="1" t="s">
        <v>5</v>
      </c>
      <c r="D17586" s="1" t="s">
        <v>11</v>
      </c>
      <c r="E17586" s="1" t="s">
        <v>7</v>
      </c>
    </row>
    <row r="17587">
      <c r="A17587" s="1">
        <v>4.90725123E8</v>
      </c>
      <c r="B17587" s="2">
        <v>16033.0</v>
      </c>
      <c r="C17587" s="1" t="s">
        <v>5</v>
      </c>
      <c r="D17587" s="1" t="s">
        <v>14951</v>
      </c>
      <c r="E17587" s="1" t="s">
        <v>7</v>
      </c>
    </row>
    <row r="17588">
      <c r="A17588" s="1">
        <v>4.90725124E8</v>
      </c>
      <c r="B17588" s="2">
        <v>16015.0</v>
      </c>
      <c r="C17588" s="1" t="s">
        <v>5</v>
      </c>
      <c r="D17588" s="1" t="s">
        <v>14952</v>
      </c>
      <c r="E17588" s="1" t="s">
        <v>7</v>
      </c>
    </row>
    <row r="17589">
      <c r="A17589" s="1">
        <v>4.90725138E8</v>
      </c>
      <c r="B17589" s="2">
        <v>16070.0</v>
      </c>
      <c r="C17589" s="1" t="s">
        <v>5</v>
      </c>
      <c r="D17589" s="1" t="s">
        <v>11</v>
      </c>
      <c r="E17589" s="1" t="s">
        <v>7</v>
      </c>
    </row>
    <row r="17590">
      <c r="A17590" s="1">
        <v>4.90725225E8</v>
      </c>
      <c r="B17590" s="2">
        <v>16033.0</v>
      </c>
      <c r="C17590" s="1" t="s">
        <v>5</v>
      </c>
      <c r="D17590" s="1" t="s">
        <v>14953</v>
      </c>
      <c r="E17590" s="1" t="s">
        <v>7</v>
      </c>
    </row>
    <row r="17591">
      <c r="A17591" s="1">
        <v>4.90725265E8</v>
      </c>
      <c r="B17591" s="2">
        <v>16036.0</v>
      </c>
      <c r="C17591" s="1" t="s">
        <v>5</v>
      </c>
      <c r="D17591" s="1" t="s">
        <v>14954</v>
      </c>
      <c r="E17591" s="1" t="s">
        <v>11</v>
      </c>
    </row>
    <row r="17592">
      <c r="A17592" s="1">
        <v>4.90725274E8</v>
      </c>
      <c r="B17592" s="2">
        <v>16031.0</v>
      </c>
      <c r="C17592" s="1" t="s">
        <v>5</v>
      </c>
      <c r="D17592" s="1" t="s">
        <v>14955</v>
      </c>
      <c r="E17592" s="1" t="s">
        <v>7</v>
      </c>
    </row>
    <row r="17593">
      <c r="A17593" s="1">
        <v>4.90725301E8</v>
      </c>
      <c r="B17593" s="2">
        <v>16031.0</v>
      </c>
      <c r="C17593" s="1" t="s">
        <v>5</v>
      </c>
      <c r="D17593" s="1" t="s">
        <v>14956</v>
      </c>
      <c r="E17593" s="1" t="s">
        <v>7</v>
      </c>
    </row>
    <row r="17594">
      <c r="A17594" s="1">
        <v>4.90725304E8</v>
      </c>
      <c r="B17594" s="2">
        <v>16031.0</v>
      </c>
      <c r="C17594" s="1" t="s">
        <v>5</v>
      </c>
      <c r="D17594" s="1" t="s">
        <v>14957</v>
      </c>
      <c r="E17594" s="1" t="s">
        <v>11</v>
      </c>
    </row>
    <row r="17595">
      <c r="A17595" s="1">
        <v>4.90725345E8</v>
      </c>
      <c r="B17595" s="2">
        <v>16030.0</v>
      </c>
      <c r="C17595" s="1" t="s">
        <v>5</v>
      </c>
      <c r="D17595" s="1" t="s">
        <v>14958</v>
      </c>
      <c r="E17595" s="1" t="s">
        <v>7</v>
      </c>
    </row>
    <row r="17596">
      <c r="A17596" s="1">
        <v>4.90725356E8</v>
      </c>
      <c r="B17596" s="2">
        <v>16031.0</v>
      </c>
      <c r="C17596" s="1" t="s">
        <v>5</v>
      </c>
      <c r="D17596" s="1" t="s">
        <v>14959</v>
      </c>
      <c r="E17596" s="1" t="s">
        <v>11</v>
      </c>
    </row>
    <row r="17597">
      <c r="A17597" s="1">
        <v>4.90725363E8</v>
      </c>
      <c r="B17597" s="2">
        <v>16023.0</v>
      </c>
      <c r="C17597" s="1" t="s">
        <v>5</v>
      </c>
      <c r="D17597" s="1" t="s">
        <v>14960</v>
      </c>
      <c r="E17597" s="1" t="s">
        <v>7</v>
      </c>
    </row>
    <row r="17598">
      <c r="A17598" s="1">
        <v>4.90725403E8</v>
      </c>
      <c r="B17598" s="2">
        <v>16069.0</v>
      </c>
      <c r="C17598" s="1" t="s">
        <v>5</v>
      </c>
      <c r="D17598" s="1" t="s">
        <v>14961</v>
      </c>
      <c r="E17598" s="1" t="s">
        <v>14962</v>
      </c>
    </row>
    <row r="17599">
      <c r="A17599" s="1">
        <v>4.90725423E8</v>
      </c>
      <c r="B17599" s="2">
        <v>16069.0</v>
      </c>
      <c r="C17599" s="1" t="s">
        <v>5</v>
      </c>
      <c r="D17599" s="1" t="s">
        <v>14963</v>
      </c>
      <c r="E17599" s="1" t="s">
        <v>7</v>
      </c>
    </row>
    <row r="17600">
      <c r="A17600" s="1">
        <v>4.90725492E8</v>
      </c>
      <c r="B17600" s="2">
        <v>15958.0</v>
      </c>
      <c r="C17600" s="1" t="s">
        <v>5</v>
      </c>
      <c r="D17600" s="1" t="s">
        <v>14964</v>
      </c>
      <c r="E17600" s="1" t="s">
        <v>7</v>
      </c>
    </row>
    <row r="17601">
      <c r="A17601" s="1">
        <v>4.90725511E8</v>
      </c>
      <c r="B17601" s="2">
        <v>15958.0</v>
      </c>
      <c r="C17601" s="1" t="s">
        <v>5</v>
      </c>
      <c r="D17601" s="1" t="s">
        <v>11</v>
      </c>
      <c r="E17601" s="1" t="s">
        <v>7</v>
      </c>
    </row>
    <row r="17602">
      <c r="A17602" s="1">
        <v>4.9072552E8</v>
      </c>
      <c r="B17602" s="2">
        <v>16069.0</v>
      </c>
      <c r="C17602" s="1" t="s">
        <v>5</v>
      </c>
      <c r="D17602" s="1" t="s">
        <v>14965</v>
      </c>
      <c r="E17602" s="1" t="s">
        <v>7</v>
      </c>
    </row>
    <row r="17603">
      <c r="A17603" s="1">
        <v>4.90725528E8</v>
      </c>
      <c r="B17603" s="2">
        <v>16015.0</v>
      </c>
      <c r="C17603" s="1" t="s">
        <v>5</v>
      </c>
      <c r="D17603" s="1" t="s">
        <v>14966</v>
      </c>
      <c r="E17603" s="1" t="s">
        <v>7</v>
      </c>
    </row>
    <row r="17604">
      <c r="A17604" s="1">
        <v>4.90725541E8</v>
      </c>
      <c r="B17604" s="2">
        <v>16028.0</v>
      </c>
      <c r="C17604" s="1" t="s">
        <v>5</v>
      </c>
      <c r="D17604" s="1" t="s">
        <v>14967</v>
      </c>
      <c r="E17604" s="1" t="s">
        <v>7</v>
      </c>
    </row>
    <row r="17605">
      <c r="A17605" s="1">
        <v>4.90725554E8</v>
      </c>
      <c r="B17605" s="2">
        <v>16069.0</v>
      </c>
      <c r="C17605" s="1" t="s">
        <v>5</v>
      </c>
      <c r="D17605" s="1" t="s">
        <v>14968</v>
      </c>
      <c r="E17605" s="1" t="s">
        <v>7</v>
      </c>
    </row>
    <row r="17606">
      <c r="A17606" s="1">
        <v>4.90725578E8</v>
      </c>
      <c r="B17606" s="2">
        <v>15919.0</v>
      </c>
      <c r="C17606" s="1" t="s">
        <v>5</v>
      </c>
      <c r="D17606" s="1" t="s">
        <v>11</v>
      </c>
      <c r="E17606" s="1" t="s">
        <v>7</v>
      </c>
    </row>
    <row r="17607">
      <c r="A17607" s="1">
        <v>4.90725617E8</v>
      </c>
      <c r="B17607" s="2">
        <v>16071.0</v>
      </c>
      <c r="C17607" s="1" t="s">
        <v>5</v>
      </c>
      <c r="D17607" s="1" t="s">
        <v>14969</v>
      </c>
      <c r="E17607" s="1" t="s">
        <v>7</v>
      </c>
    </row>
    <row r="17608">
      <c r="A17608" s="1">
        <v>4.90725623E8</v>
      </c>
      <c r="B17608" s="2">
        <v>16028.0</v>
      </c>
      <c r="C17608" s="1" t="s">
        <v>5</v>
      </c>
      <c r="D17608" s="1" t="s">
        <v>11</v>
      </c>
      <c r="E17608" s="1" t="s">
        <v>7</v>
      </c>
    </row>
    <row r="17609">
      <c r="A17609" s="1">
        <v>4.90725627E8</v>
      </c>
      <c r="B17609" s="2">
        <v>16014.0</v>
      </c>
      <c r="C17609" s="1" t="s">
        <v>5</v>
      </c>
      <c r="D17609" s="1" t="s">
        <v>14970</v>
      </c>
      <c r="E17609" s="1" t="s">
        <v>7</v>
      </c>
    </row>
    <row r="17610">
      <c r="A17610" s="1">
        <v>4.90725706E8</v>
      </c>
      <c r="B17610" s="2">
        <v>16026.0</v>
      </c>
      <c r="C17610" s="1" t="s">
        <v>5</v>
      </c>
      <c r="D17610" s="1" t="s">
        <v>14971</v>
      </c>
      <c r="E17610" s="1" t="s">
        <v>7</v>
      </c>
    </row>
    <row r="17611">
      <c r="A17611" s="1">
        <v>4.90725723E8</v>
      </c>
      <c r="B17611" s="2">
        <v>16071.0</v>
      </c>
      <c r="C17611" s="1" t="s">
        <v>5</v>
      </c>
      <c r="D17611" s="1" t="s">
        <v>14972</v>
      </c>
      <c r="E17611" s="1" t="s">
        <v>7</v>
      </c>
    </row>
    <row r="17612">
      <c r="A17612" s="1">
        <v>4.90725734E8</v>
      </c>
      <c r="B17612" s="2">
        <v>15978.0</v>
      </c>
      <c r="C17612" s="1" t="s">
        <v>5</v>
      </c>
      <c r="D17612" s="1" t="s">
        <v>14973</v>
      </c>
      <c r="E17612" s="1" t="s">
        <v>7</v>
      </c>
    </row>
    <row r="17613">
      <c r="A17613" s="1">
        <v>4.90725743E8</v>
      </c>
      <c r="B17613" s="2">
        <v>16012.0</v>
      </c>
      <c r="C17613" s="1" t="s">
        <v>5</v>
      </c>
      <c r="D17613" s="1" t="s">
        <v>11</v>
      </c>
      <c r="E17613" s="1" t="s">
        <v>7</v>
      </c>
    </row>
    <row r="17614">
      <c r="A17614" s="1">
        <v>4.90725757E8</v>
      </c>
      <c r="B17614" s="2">
        <v>15978.0</v>
      </c>
      <c r="C17614" s="1" t="s">
        <v>5</v>
      </c>
      <c r="D17614" s="1" t="s">
        <v>14974</v>
      </c>
      <c r="E17614" s="1" t="s">
        <v>7</v>
      </c>
    </row>
    <row r="17615">
      <c r="A17615" s="1">
        <v>4.90725787E8</v>
      </c>
      <c r="B17615" s="2">
        <v>16089.0</v>
      </c>
      <c r="C17615" s="1" t="s">
        <v>5</v>
      </c>
      <c r="D17615" s="1" t="s">
        <v>14975</v>
      </c>
      <c r="E17615" s="1" t="s">
        <v>7</v>
      </c>
    </row>
    <row r="17616">
      <c r="A17616" s="1">
        <v>4.90725789E8</v>
      </c>
      <c r="B17616" s="2">
        <v>16018.0</v>
      </c>
      <c r="C17616" s="1" t="s">
        <v>5</v>
      </c>
      <c r="D17616" s="1" t="s">
        <v>14976</v>
      </c>
      <c r="E17616" s="1" t="s">
        <v>11</v>
      </c>
    </row>
    <row r="17617">
      <c r="A17617" s="1">
        <v>4.90725798E8</v>
      </c>
      <c r="B17617" s="2">
        <v>16089.0</v>
      </c>
      <c r="C17617" s="1" t="s">
        <v>5</v>
      </c>
      <c r="D17617" s="1" t="s">
        <v>14977</v>
      </c>
      <c r="E17617" s="1" t="s">
        <v>7</v>
      </c>
    </row>
    <row r="17618">
      <c r="A17618" s="1">
        <v>4.90725827E8</v>
      </c>
      <c r="B17618" s="2">
        <v>16068.0</v>
      </c>
      <c r="C17618" s="1" t="s">
        <v>5</v>
      </c>
      <c r="D17618" s="1" t="s">
        <v>11</v>
      </c>
      <c r="E17618" s="1" t="s">
        <v>7</v>
      </c>
    </row>
    <row r="17619">
      <c r="A17619" s="1">
        <v>4.90725925E8</v>
      </c>
      <c r="B17619" s="2">
        <v>16063.0</v>
      </c>
      <c r="C17619" s="1" t="s">
        <v>5</v>
      </c>
      <c r="D17619" s="1" t="s">
        <v>14978</v>
      </c>
      <c r="E17619" s="1" t="s">
        <v>7</v>
      </c>
    </row>
    <row r="17620">
      <c r="A17620" s="1">
        <v>4.90726072E8</v>
      </c>
      <c r="B17620" s="2">
        <v>15975.0</v>
      </c>
      <c r="C17620" s="1" t="s">
        <v>5</v>
      </c>
      <c r="D17620" s="1" t="s">
        <v>14979</v>
      </c>
      <c r="E17620" s="1" t="s">
        <v>7</v>
      </c>
    </row>
    <row r="17621">
      <c r="A17621" s="1">
        <v>4.90726094E8</v>
      </c>
      <c r="B17621" s="2">
        <v>16061.0</v>
      </c>
      <c r="C17621" s="1" t="s">
        <v>5</v>
      </c>
      <c r="D17621" s="1" t="s">
        <v>11</v>
      </c>
      <c r="E17621" s="1" t="s">
        <v>7</v>
      </c>
    </row>
    <row r="17622">
      <c r="A17622" s="1">
        <v>4.90726103E8</v>
      </c>
      <c r="B17622" s="2">
        <v>16022.0</v>
      </c>
      <c r="C17622" s="1" t="s">
        <v>5</v>
      </c>
      <c r="D17622" s="1" t="s">
        <v>11</v>
      </c>
      <c r="E17622" s="1" t="s">
        <v>7</v>
      </c>
    </row>
    <row r="17623">
      <c r="A17623" s="1">
        <v>4.90726116E8</v>
      </c>
      <c r="B17623" s="2">
        <v>16065.0</v>
      </c>
      <c r="C17623" s="1" t="s">
        <v>5</v>
      </c>
      <c r="D17623" s="1" t="s">
        <v>14980</v>
      </c>
      <c r="E17623" s="1" t="s">
        <v>7</v>
      </c>
    </row>
    <row r="17624">
      <c r="A17624" s="1">
        <v>4.9072616E8</v>
      </c>
      <c r="B17624" s="2">
        <v>16030.0</v>
      </c>
      <c r="C17624" s="1" t="s">
        <v>5</v>
      </c>
      <c r="D17624" s="1" t="s">
        <v>11</v>
      </c>
      <c r="E17624" s="1" t="s">
        <v>7</v>
      </c>
    </row>
    <row r="17625">
      <c r="A17625" s="1">
        <v>4.9072617E8</v>
      </c>
      <c r="B17625" s="2">
        <v>16019.0</v>
      </c>
      <c r="C17625" s="1" t="s">
        <v>5</v>
      </c>
      <c r="D17625" s="1" t="s">
        <v>14981</v>
      </c>
      <c r="E17625" s="1" t="s">
        <v>7</v>
      </c>
    </row>
    <row r="17626">
      <c r="A17626" s="1">
        <v>4.90726182E8</v>
      </c>
      <c r="B17626" s="2">
        <v>16064.0</v>
      </c>
      <c r="C17626" s="1" t="s">
        <v>5</v>
      </c>
      <c r="D17626" s="1" t="s">
        <v>14982</v>
      </c>
      <c r="E17626" s="1" t="s">
        <v>7</v>
      </c>
    </row>
    <row r="17627">
      <c r="A17627" s="1">
        <v>4.90726183E8</v>
      </c>
      <c r="B17627" s="2">
        <v>16022.0</v>
      </c>
      <c r="C17627" s="1" t="s">
        <v>5</v>
      </c>
      <c r="D17627" s="1" t="s">
        <v>14983</v>
      </c>
      <c r="E17627" s="1" t="s">
        <v>11</v>
      </c>
    </row>
    <row r="17628">
      <c r="A17628" s="1">
        <v>4.90726185E8</v>
      </c>
      <c r="B17628" s="2">
        <v>16019.0</v>
      </c>
      <c r="C17628" s="1" t="s">
        <v>5</v>
      </c>
      <c r="D17628" s="1" t="s">
        <v>14984</v>
      </c>
      <c r="E17628" s="1" t="s">
        <v>14985</v>
      </c>
    </row>
    <row r="17629">
      <c r="A17629" s="1">
        <v>4.90726229E8</v>
      </c>
      <c r="B17629" s="2">
        <v>16064.0</v>
      </c>
      <c r="C17629" s="1" t="s">
        <v>5</v>
      </c>
      <c r="D17629" s="1" t="s">
        <v>14986</v>
      </c>
      <c r="E17629" s="1" t="s">
        <v>7</v>
      </c>
    </row>
    <row r="17630">
      <c r="A17630" s="1">
        <v>4.90726234E8</v>
      </c>
      <c r="B17630" s="2">
        <v>16023.0</v>
      </c>
      <c r="C17630" s="1" t="s">
        <v>5</v>
      </c>
      <c r="D17630" s="1" t="s">
        <v>11</v>
      </c>
      <c r="E17630" s="1" t="s">
        <v>7</v>
      </c>
    </row>
    <row r="17631">
      <c r="A17631" s="1">
        <v>4.90726251E8</v>
      </c>
      <c r="B17631" s="2">
        <v>15951.0</v>
      </c>
      <c r="C17631" s="1" t="s">
        <v>5</v>
      </c>
      <c r="D17631" s="1" t="s">
        <v>14987</v>
      </c>
      <c r="E17631" s="1" t="s">
        <v>7</v>
      </c>
    </row>
    <row r="17632">
      <c r="A17632" s="1">
        <v>4.90726266E8</v>
      </c>
      <c r="B17632" s="2">
        <v>16059.0</v>
      </c>
      <c r="C17632" s="1" t="s">
        <v>5</v>
      </c>
      <c r="D17632" s="1" t="s">
        <v>11</v>
      </c>
      <c r="E17632" s="1" t="s">
        <v>7</v>
      </c>
    </row>
    <row r="17633">
      <c r="A17633" s="1">
        <v>4.9072632E8</v>
      </c>
      <c r="B17633" s="2">
        <v>16079.0</v>
      </c>
      <c r="C17633" s="1" t="s">
        <v>5</v>
      </c>
      <c r="D17633" s="1" t="s">
        <v>11</v>
      </c>
      <c r="E17633" s="1" t="s">
        <v>7</v>
      </c>
    </row>
    <row r="17634">
      <c r="A17634" s="1">
        <v>4.90726324E8</v>
      </c>
      <c r="B17634" s="2">
        <v>16021.0</v>
      </c>
      <c r="C17634" s="1" t="s">
        <v>5</v>
      </c>
      <c r="D17634" s="1" t="s">
        <v>14988</v>
      </c>
      <c r="E17634" s="1" t="s">
        <v>7</v>
      </c>
    </row>
    <row r="17635">
      <c r="A17635" s="1">
        <v>4.90726351E8</v>
      </c>
      <c r="B17635" s="2">
        <v>16057.0</v>
      </c>
      <c r="C17635" s="1" t="s">
        <v>5</v>
      </c>
      <c r="D17635" s="1" t="s">
        <v>14989</v>
      </c>
      <c r="E17635" s="1" t="s">
        <v>11</v>
      </c>
    </row>
    <row r="17636">
      <c r="A17636" s="1">
        <v>4.90726381E8</v>
      </c>
      <c r="B17636" s="2">
        <v>15969.0</v>
      </c>
      <c r="C17636" s="1" t="s">
        <v>5</v>
      </c>
      <c r="D17636" s="1" t="s">
        <v>11</v>
      </c>
      <c r="E17636" s="1" t="s">
        <v>7</v>
      </c>
    </row>
    <row r="17637">
      <c r="A17637" s="1">
        <v>4.90726423E8</v>
      </c>
      <c r="B17637" s="2">
        <v>16065.0</v>
      </c>
      <c r="C17637" s="1" t="s">
        <v>5</v>
      </c>
      <c r="D17637" s="1" t="s">
        <v>14990</v>
      </c>
      <c r="E17637" s="1" t="s">
        <v>7</v>
      </c>
    </row>
    <row r="17638">
      <c r="A17638" s="1">
        <v>4.90726443E8</v>
      </c>
      <c r="B17638" s="2">
        <v>16087.0</v>
      </c>
      <c r="C17638" s="1" t="s">
        <v>5</v>
      </c>
      <c r="D17638" s="1" t="s">
        <v>14991</v>
      </c>
      <c r="E17638" s="1" t="s">
        <v>11</v>
      </c>
    </row>
    <row r="17639">
      <c r="A17639" s="1">
        <v>4.90726463E8</v>
      </c>
      <c r="B17639" s="2">
        <v>16020.0</v>
      </c>
      <c r="C17639" s="1" t="s">
        <v>5</v>
      </c>
      <c r="D17639" s="1" t="s">
        <v>11</v>
      </c>
      <c r="E17639" s="1" t="s">
        <v>7</v>
      </c>
    </row>
    <row r="17640">
      <c r="A17640" s="1">
        <v>4.90726498E8</v>
      </c>
      <c r="B17640" s="2">
        <v>16055.0</v>
      </c>
      <c r="C17640" s="1" t="s">
        <v>5</v>
      </c>
      <c r="D17640" s="1" t="s">
        <v>14992</v>
      </c>
      <c r="E17640" s="1" t="s">
        <v>7</v>
      </c>
    </row>
    <row r="17641">
      <c r="A17641" s="1">
        <v>4.90726504E8</v>
      </c>
      <c r="B17641" s="2">
        <v>16063.0</v>
      </c>
      <c r="C17641" s="1" t="s">
        <v>5</v>
      </c>
      <c r="D17641" s="1" t="s">
        <v>14993</v>
      </c>
      <c r="E17641" s="1" t="s">
        <v>7</v>
      </c>
    </row>
    <row r="17642">
      <c r="A17642" s="1">
        <v>4.90726509E8</v>
      </c>
      <c r="B17642" s="2">
        <v>16077.0</v>
      </c>
      <c r="C17642" s="1" t="s">
        <v>5</v>
      </c>
      <c r="D17642" s="1" t="s">
        <v>14994</v>
      </c>
      <c r="E17642" s="1" t="s">
        <v>7</v>
      </c>
    </row>
    <row r="17643">
      <c r="A17643" s="1">
        <v>4.90726528E8</v>
      </c>
      <c r="B17643" s="2">
        <v>16017.0</v>
      </c>
      <c r="C17643" s="1" t="s">
        <v>5</v>
      </c>
      <c r="D17643" s="1" t="s">
        <v>14995</v>
      </c>
      <c r="E17643" s="1" t="s">
        <v>11</v>
      </c>
    </row>
    <row r="17644">
      <c r="A17644" s="1">
        <v>4.90726594E8</v>
      </c>
      <c r="B17644" s="2">
        <v>16026.0</v>
      </c>
      <c r="C17644" s="1" t="s">
        <v>5</v>
      </c>
      <c r="D17644" s="1" t="s">
        <v>14996</v>
      </c>
      <c r="E17644" s="1" t="s">
        <v>7</v>
      </c>
    </row>
    <row r="17645">
      <c r="A17645" s="1">
        <v>4.90726596E8</v>
      </c>
      <c r="B17645" s="2">
        <v>16063.0</v>
      </c>
      <c r="C17645" s="1" t="s">
        <v>5</v>
      </c>
      <c r="D17645" s="1" t="s">
        <v>14997</v>
      </c>
      <c r="E17645" s="1" t="s">
        <v>7</v>
      </c>
    </row>
    <row r="17646">
      <c r="A17646" s="1">
        <v>4.90726601E8</v>
      </c>
      <c r="B17646" s="2">
        <v>16055.0</v>
      </c>
      <c r="C17646" s="1" t="s">
        <v>5</v>
      </c>
      <c r="D17646" s="1" t="s">
        <v>14998</v>
      </c>
      <c r="E17646" s="1" t="s">
        <v>7</v>
      </c>
    </row>
    <row r="17647">
      <c r="A17647" s="1">
        <v>4.9072662E8</v>
      </c>
      <c r="B17647" s="2">
        <v>16063.0</v>
      </c>
      <c r="C17647" s="1" t="s">
        <v>5</v>
      </c>
      <c r="D17647" s="1" t="s">
        <v>14999</v>
      </c>
      <c r="E17647" s="1" t="s">
        <v>7</v>
      </c>
    </row>
    <row r="17648">
      <c r="A17648" s="1">
        <v>4.90726623E8</v>
      </c>
      <c r="B17648" s="2">
        <v>16065.0</v>
      </c>
      <c r="C17648" s="1" t="s">
        <v>5</v>
      </c>
      <c r="D17648" s="1" t="s">
        <v>15000</v>
      </c>
      <c r="E17648" s="1" t="s">
        <v>7</v>
      </c>
    </row>
    <row r="17649">
      <c r="A17649" s="1">
        <v>4.90726638E8</v>
      </c>
      <c r="B17649" s="2">
        <v>16101.0</v>
      </c>
      <c r="C17649" s="1" t="s">
        <v>5</v>
      </c>
      <c r="D17649" s="1" t="s">
        <v>11</v>
      </c>
      <c r="E17649" s="1" t="s">
        <v>7</v>
      </c>
    </row>
    <row r="17650">
      <c r="A17650" s="1">
        <v>4.90726688E8</v>
      </c>
      <c r="B17650" s="2">
        <v>16064.0</v>
      </c>
      <c r="C17650" s="1" t="s">
        <v>5</v>
      </c>
      <c r="D17650" s="1" t="s">
        <v>15001</v>
      </c>
      <c r="E17650" s="1" t="s">
        <v>7</v>
      </c>
    </row>
    <row r="17651">
      <c r="A17651" s="1">
        <v>4.90726698E8</v>
      </c>
      <c r="B17651" s="2">
        <v>16100.0</v>
      </c>
      <c r="C17651" s="1" t="s">
        <v>5</v>
      </c>
      <c r="D17651" s="1" t="s">
        <v>15002</v>
      </c>
      <c r="E17651" s="1" t="s">
        <v>7</v>
      </c>
    </row>
    <row r="17652">
      <c r="A17652" s="1">
        <v>4.90726785E8</v>
      </c>
      <c r="B17652" s="2">
        <v>16024.0</v>
      </c>
      <c r="C17652" s="1" t="s">
        <v>5</v>
      </c>
      <c r="D17652" s="1" t="s">
        <v>15003</v>
      </c>
      <c r="E17652" s="1" t="s">
        <v>11</v>
      </c>
    </row>
    <row r="17653">
      <c r="A17653" s="1">
        <v>4.90726796E8</v>
      </c>
      <c r="B17653" s="2">
        <v>16061.0</v>
      </c>
      <c r="C17653" s="1" t="s">
        <v>5</v>
      </c>
      <c r="D17653" s="1" t="s">
        <v>15004</v>
      </c>
      <c r="E17653" s="1" t="s">
        <v>11</v>
      </c>
    </row>
    <row r="17654">
      <c r="A17654" s="1">
        <v>4.90726858E8</v>
      </c>
      <c r="B17654" s="2">
        <v>16101.0</v>
      </c>
      <c r="C17654" s="1" t="s">
        <v>5</v>
      </c>
      <c r="D17654" s="1" t="s">
        <v>15005</v>
      </c>
      <c r="E17654" s="1" t="s">
        <v>7</v>
      </c>
    </row>
    <row r="17655">
      <c r="A17655" s="1">
        <v>4.90726883E8</v>
      </c>
      <c r="B17655" s="2">
        <v>16024.0</v>
      </c>
      <c r="C17655" s="1" t="s">
        <v>5</v>
      </c>
      <c r="D17655" s="1" t="s">
        <v>11</v>
      </c>
      <c r="E17655" s="1" t="s">
        <v>7</v>
      </c>
    </row>
    <row r="17656">
      <c r="A17656" s="1">
        <v>4.90726914E8</v>
      </c>
      <c r="B17656" s="2">
        <v>16015.0</v>
      </c>
      <c r="C17656" s="1" t="s">
        <v>5</v>
      </c>
      <c r="D17656" s="1" t="s">
        <v>15006</v>
      </c>
      <c r="E17656" s="1" t="s">
        <v>7</v>
      </c>
    </row>
    <row r="17657">
      <c r="A17657" s="1">
        <v>4.90726927E8</v>
      </c>
      <c r="B17657" s="2">
        <v>16087.0</v>
      </c>
      <c r="C17657" s="1" t="s">
        <v>5</v>
      </c>
      <c r="D17657" s="1" t="s">
        <v>15007</v>
      </c>
      <c r="E17657" s="1" t="s">
        <v>15008</v>
      </c>
    </row>
    <row r="17658">
      <c r="A17658" s="1">
        <v>4.90726955E8</v>
      </c>
      <c r="B17658" s="2">
        <v>16019.0</v>
      </c>
      <c r="C17658" s="1" t="s">
        <v>5</v>
      </c>
      <c r="D17658" s="1" t="s">
        <v>15009</v>
      </c>
      <c r="E17658" s="1" t="s">
        <v>11</v>
      </c>
    </row>
    <row r="17659">
      <c r="A17659" s="1">
        <v>4.90726977E8</v>
      </c>
      <c r="B17659" s="2">
        <v>16129.0</v>
      </c>
      <c r="C17659" s="1" t="s">
        <v>5</v>
      </c>
      <c r="D17659" s="1" t="s">
        <v>15010</v>
      </c>
      <c r="E17659" s="1" t="s">
        <v>7</v>
      </c>
    </row>
    <row r="17660">
      <c r="A17660" s="1">
        <v>4.90726983E8</v>
      </c>
      <c r="B17660" s="2">
        <v>15961.0</v>
      </c>
      <c r="C17660" s="1" t="s">
        <v>5</v>
      </c>
      <c r="D17660" s="1" t="s">
        <v>15011</v>
      </c>
      <c r="E17660" s="1" t="s">
        <v>7</v>
      </c>
    </row>
    <row r="17661">
      <c r="A17661" s="1">
        <v>4.90727003E8</v>
      </c>
      <c r="B17661" s="2">
        <v>16057.0</v>
      </c>
      <c r="C17661" s="1" t="s">
        <v>5</v>
      </c>
      <c r="D17661" s="1" t="s">
        <v>15012</v>
      </c>
      <c r="E17661" s="1" t="s">
        <v>7</v>
      </c>
    </row>
    <row r="17662">
      <c r="A17662" s="1">
        <v>4.90727008E8</v>
      </c>
      <c r="B17662" s="2">
        <v>16013.0</v>
      </c>
      <c r="C17662" s="1" t="s">
        <v>5</v>
      </c>
      <c r="D17662" s="1" t="s">
        <v>15013</v>
      </c>
      <c r="E17662" s="1" t="s">
        <v>7</v>
      </c>
    </row>
    <row r="17663">
      <c r="A17663" s="1">
        <v>4.90727021E8</v>
      </c>
      <c r="B17663" s="2">
        <v>16015.0</v>
      </c>
      <c r="C17663" s="1" t="s">
        <v>5</v>
      </c>
      <c r="D17663" s="1" t="s">
        <v>11</v>
      </c>
      <c r="E17663" s="1" t="s">
        <v>7</v>
      </c>
    </row>
    <row r="17664">
      <c r="A17664" s="1">
        <v>4.90727039E8</v>
      </c>
      <c r="B17664" s="2">
        <v>16063.0</v>
      </c>
      <c r="C17664" s="1" t="s">
        <v>5</v>
      </c>
      <c r="D17664" s="1" t="s">
        <v>15014</v>
      </c>
      <c r="E17664" s="1" t="s">
        <v>7</v>
      </c>
    </row>
    <row r="17665">
      <c r="A17665" s="1">
        <v>4.90727063E8</v>
      </c>
      <c r="B17665" s="2">
        <v>16073.0</v>
      </c>
      <c r="C17665" s="1" t="s">
        <v>5</v>
      </c>
      <c r="D17665" s="1" t="s">
        <v>15015</v>
      </c>
      <c r="E17665" s="1" t="s">
        <v>7</v>
      </c>
    </row>
    <row r="17666">
      <c r="A17666" s="1">
        <v>4.90727066E8</v>
      </c>
      <c r="B17666" s="2">
        <v>16018.0</v>
      </c>
      <c r="C17666" s="1" t="s">
        <v>5</v>
      </c>
      <c r="D17666" s="1" t="s">
        <v>11</v>
      </c>
      <c r="E17666" s="1" t="s">
        <v>7</v>
      </c>
    </row>
    <row r="17667">
      <c r="A17667" s="1">
        <v>4.90727077E8</v>
      </c>
      <c r="B17667" s="2">
        <v>16015.0</v>
      </c>
      <c r="C17667" s="1" t="s">
        <v>5</v>
      </c>
      <c r="D17667" s="1" t="s">
        <v>15016</v>
      </c>
      <c r="E17667" s="1" t="s">
        <v>7</v>
      </c>
    </row>
    <row r="17668">
      <c r="A17668" s="1">
        <v>4.90727084E8</v>
      </c>
      <c r="B17668" s="2">
        <v>16073.0</v>
      </c>
      <c r="C17668" s="1" t="s">
        <v>5</v>
      </c>
      <c r="D17668" s="1" t="s">
        <v>11</v>
      </c>
      <c r="E17668" s="1" t="s">
        <v>7</v>
      </c>
    </row>
    <row r="17669">
      <c r="A17669" s="1">
        <v>4.9072709E8</v>
      </c>
      <c r="B17669" s="2">
        <v>16022.0</v>
      </c>
      <c r="C17669" s="1" t="s">
        <v>5</v>
      </c>
      <c r="D17669" s="1" t="s">
        <v>15017</v>
      </c>
      <c r="E17669" s="1" t="s">
        <v>11</v>
      </c>
    </row>
    <row r="17670">
      <c r="A17670" s="1">
        <v>4.90727142E8</v>
      </c>
      <c r="B17670" s="2">
        <v>16065.0</v>
      </c>
      <c r="C17670" s="1" t="s">
        <v>5</v>
      </c>
      <c r="D17670" s="1" t="s">
        <v>15018</v>
      </c>
      <c r="E17670" s="1" t="s">
        <v>7</v>
      </c>
    </row>
    <row r="17671">
      <c r="A17671" s="1">
        <v>4.90727144E8</v>
      </c>
      <c r="B17671" s="2">
        <v>16049.0</v>
      </c>
      <c r="C17671" s="1" t="s">
        <v>5</v>
      </c>
      <c r="D17671" s="1" t="s">
        <v>15019</v>
      </c>
      <c r="E17671" s="1" t="s">
        <v>15020</v>
      </c>
    </row>
    <row r="17672">
      <c r="A17672" s="1">
        <v>4.90727145E8</v>
      </c>
      <c r="B17672" s="2">
        <v>16012.0</v>
      </c>
      <c r="C17672" s="1" t="s">
        <v>5</v>
      </c>
      <c r="D17672" s="1" t="s">
        <v>15021</v>
      </c>
      <c r="E17672" s="1" t="s">
        <v>7</v>
      </c>
    </row>
    <row r="17673">
      <c r="A17673" s="1">
        <v>4.90727196E8</v>
      </c>
      <c r="B17673" s="2">
        <v>16011.0</v>
      </c>
      <c r="C17673" s="1" t="s">
        <v>5</v>
      </c>
      <c r="D17673" s="1" t="s">
        <v>15022</v>
      </c>
      <c r="E17673" s="1" t="s">
        <v>7</v>
      </c>
    </row>
    <row r="17674">
      <c r="A17674" s="1">
        <v>4.90727199E8</v>
      </c>
      <c r="B17674" s="2">
        <v>16022.0</v>
      </c>
      <c r="C17674" s="1" t="s">
        <v>5</v>
      </c>
      <c r="D17674" s="1" t="s">
        <v>15023</v>
      </c>
      <c r="E17674" s="1" t="s">
        <v>7</v>
      </c>
    </row>
    <row r="17675">
      <c r="A17675" s="1">
        <v>4.90727243E8</v>
      </c>
      <c r="B17675" s="2">
        <v>16021.0</v>
      </c>
      <c r="C17675" s="1" t="s">
        <v>5</v>
      </c>
      <c r="D17675" s="1" t="s">
        <v>15024</v>
      </c>
      <c r="E17675" s="1" t="s">
        <v>7</v>
      </c>
    </row>
    <row r="17676">
      <c r="A17676" s="1">
        <v>4.90727258E8</v>
      </c>
      <c r="B17676" s="2">
        <v>16013.0</v>
      </c>
      <c r="C17676" s="1" t="s">
        <v>5</v>
      </c>
      <c r="D17676" s="1" t="s">
        <v>15025</v>
      </c>
      <c r="E17676" s="1" t="s">
        <v>7</v>
      </c>
    </row>
    <row r="17677">
      <c r="A17677" s="1">
        <v>4.90727272E8</v>
      </c>
      <c r="B17677" s="2">
        <v>16100.0</v>
      </c>
      <c r="C17677" s="1" t="s">
        <v>5</v>
      </c>
      <c r="D17677" s="1" t="s">
        <v>11</v>
      </c>
      <c r="E17677" s="1" t="s">
        <v>7</v>
      </c>
    </row>
    <row r="17678">
      <c r="A17678" s="1">
        <v>4.90727281E8</v>
      </c>
      <c r="B17678" s="2">
        <v>16061.0</v>
      </c>
      <c r="C17678" s="1" t="s">
        <v>5</v>
      </c>
      <c r="D17678" s="1" t="s">
        <v>15026</v>
      </c>
      <c r="E17678" s="1" t="s">
        <v>7</v>
      </c>
    </row>
    <row r="17679">
      <c r="A17679" s="1">
        <v>4.90727285E8</v>
      </c>
      <c r="B17679" s="2">
        <v>16059.0</v>
      </c>
      <c r="C17679" s="1" t="s">
        <v>5</v>
      </c>
      <c r="D17679" s="1" t="s">
        <v>15027</v>
      </c>
      <c r="E17679" s="1" t="s">
        <v>11</v>
      </c>
    </row>
    <row r="17680">
      <c r="A17680" s="1">
        <v>4.90727312E8</v>
      </c>
      <c r="B17680" s="2">
        <v>16101.0</v>
      </c>
      <c r="C17680" s="1" t="s">
        <v>5</v>
      </c>
      <c r="D17680" s="1" t="s">
        <v>15028</v>
      </c>
      <c r="E17680" s="1" t="s">
        <v>7</v>
      </c>
    </row>
    <row r="17681">
      <c r="A17681" s="1">
        <v>4.90727318E8</v>
      </c>
      <c r="B17681" s="2">
        <v>16021.0</v>
      </c>
      <c r="C17681" s="1" t="s">
        <v>5</v>
      </c>
      <c r="D17681" s="1" t="s">
        <v>15029</v>
      </c>
      <c r="E17681" s="1" t="s">
        <v>7</v>
      </c>
    </row>
    <row r="17682">
      <c r="A17682" s="1">
        <v>4.90727358E8</v>
      </c>
      <c r="B17682" s="2">
        <v>16058.0</v>
      </c>
      <c r="C17682" s="1" t="s">
        <v>5</v>
      </c>
      <c r="D17682" s="1" t="s">
        <v>15030</v>
      </c>
      <c r="E17682" s="1" t="s">
        <v>7</v>
      </c>
    </row>
    <row r="17683">
      <c r="A17683" s="1">
        <v>4.90727429E8</v>
      </c>
      <c r="B17683" s="2">
        <v>16015.0</v>
      </c>
      <c r="C17683" s="1" t="s">
        <v>5</v>
      </c>
      <c r="D17683" s="1" t="s">
        <v>11</v>
      </c>
      <c r="E17683" s="1" t="s">
        <v>7</v>
      </c>
    </row>
    <row r="17684">
      <c r="A17684" s="1">
        <v>4.90727431E8</v>
      </c>
      <c r="B17684" s="2">
        <v>16078.0</v>
      </c>
      <c r="C17684" s="1" t="s">
        <v>5</v>
      </c>
      <c r="D17684" s="1" t="s">
        <v>15031</v>
      </c>
      <c r="E17684" s="1" t="s">
        <v>7</v>
      </c>
    </row>
    <row r="17685">
      <c r="A17685" s="1">
        <v>4.90727448E8</v>
      </c>
      <c r="B17685" s="2">
        <v>16083.0</v>
      </c>
      <c r="C17685" s="1" t="s">
        <v>5</v>
      </c>
      <c r="D17685" s="1" t="s">
        <v>15032</v>
      </c>
      <c r="E17685" s="1" t="s">
        <v>7</v>
      </c>
    </row>
    <row r="17686">
      <c r="A17686" s="1">
        <v>4.90727472E8</v>
      </c>
      <c r="B17686" s="2">
        <v>16083.0</v>
      </c>
      <c r="C17686" s="1" t="s">
        <v>5</v>
      </c>
      <c r="D17686" s="1" t="s">
        <v>11</v>
      </c>
      <c r="E17686" s="1" t="s">
        <v>7</v>
      </c>
    </row>
    <row r="17687">
      <c r="A17687" s="1">
        <v>4.9072749E8</v>
      </c>
      <c r="B17687" s="2">
        <v>16021.0</v>
      </c>
      <c r="C17687" s="1" t="s">
        <v>5</v>
      </c>
      <c r="D17687" s="1" t="s">
        <v>15033</v>
      </c>
      <c r="E17687" s="1" t="s">
        <v>7</v>
      </c>
    </row>
    <row r="17688">
      <c r="A17688" s="1">
        <v>4.90727503E8</v>
      </c>
      <c r="B17688" s="2">
        <v>16083.0</v>
      </c>
      <c r="C17688" s="1" t="s">
        <v>5</v>
      </c>
      <c r="D17688" s="1" t="s">
        <v>15034</v>
      </c>
      <c r="E17688" s="1" t="s">
        <v>7</v>
      </c>
    </row>
    <row r="17689">
      <c r="A17689" s="1">
        <v>4.9072753E8</v>
      </c>
      <c r="B17689" s="2">
        <v>16014.0</v>
      </c>
      <c r="C17689" s="1" t="s">
        <v>5</v>
      </c>
      <c r="D17689" s="1" t="s">
        <v>15035</v>
      </c>
      <c r="E17689" s="1" t="s">
        <v>11</v>
      </c>
    </row>
    <row r="17690">
      <c r="A17690" s="1">
        <v>4.90727577E8</v>
      </c>
      <c r="B17690" s="2">
        <v>16129.0</v>
      </c>
      <c r="C17690" s="1" t="s">
        <v>5</v>
      </c>
      <c r="D17690" s="1" t="s">
        <v>15036</v>
      </c>
      <c r="E17690" s="1" t="s">
        <v>7</v>
      </c>
    </row>
    <row r="17691">
      <c r="A17691" s="1">
        <v>4.90727583E8</v>
      </c>
      <c r="B17691" s="2">
        <v>16044.0</v>
      </c>
      <c r="C17691" s="1" t="s">
        <v>5</v>
      </c>
      <c r="D17691" s="1" t="s">
        <v>7</v>
      </c>
      <c r="E17691" s="1" t="s">
        <v>7</v>
      </c>
    </row>
    <row r="17692">
      <c r="A17692" s="1">
        <v>4.90727615E8</v>
      </c>
      <c r="B17692" s="2">
        <v>16068.0</v>
      </c>
      <c r="C17692" s="1" t="s">
        <v>5</v>
      </c>
      <c r="D17692" s="1" t="s">
        <v>15037</v>
      </c>
      <c r="E17692" s="1" t="s">
        <v>11</v>
      </c>
    </row>
    <row r="17693">
      <c r="A17693" s="1">
        <v>4.90727622E8</v>
      </c>
      <c r="B17693" s="2">
        <v>16126.0</v>
      </c>
      <c r="C17693" s="1" t="s">
        <v>5</v>
      </c>
      <c r="D17693" s="1" t="s">
        <v>15038</v>
      </c>
      <c r="E17693" s="1" t="s">
        <v>7</v>
      </c>
    </row>
    <row r="17694">
      <c r="A17694" s="1">
        <v>4.90727638E8</v>
      </c>
      <c r="B17694" s="2">
        <v>16129.0</v>
      </c>
      <c r="C17694" s="1" t="s">
        <v>5</v>
      </c>
      <c r="D17694" s="1" t="s">
        <v>11</v>
      </c>
      <c r="E17694" s="1" t="s">
        <v>7</v>
      </c>
    </row>
    <row r="17695">
      <c r="A17695" s="1">
        <v>4.90727666E8</v>
      </c>
      <c r="B17695" s="2">
        <v>16066.0</v>
      </c>
      <c r="C17695" s="1" t="s">
        <v>5</v>
      </c>
      <c r="D17695" s="1" t="s">
        <v>15039</v>
      </c>
      <c r="E17695" s="1" t="s">
        <v>7</v>
      </c>
    </row>
    <row r="17696">
      <c r="A17696" s="1">
        <v>4.90727737E8</v>
      </c>
      <c r="B17696" s="2">
        <v>16043.0</v>
      </c>
      <c r="C17696" s="1" t="s">
        <v>5</v>
      </c>
      <c r="D17696" s="1" t="s">
        <v>11</v>
      </c>
      <c r="E17696" s="1" t="s">
        <v>7</v>
      </c>
    </row>
    <row r="17697">
      <c r="A17697" s="1">
        <v>4.90727744E8</v>
      </c>
      <c r="B17697" s="2">
        <v>16089.0</v>
      </c>
      <c r="C17697" s="1" t="s">
        <v>5</v>
      </c>
      <c r="D17697" s="1" t="s">
        <v>15040</v>
      </c>
      <c r="E17697" s="1" t="s">
        <v>7</v>
      </c>
    </row>
    <row r="17698">
      <c r="A17698" s="1">
        <v>4.90727768E8</v>
      </c>
      <c r="B17698" s="2">
        <v>16020.0</v>
      </c>
      <c r="C17698" s="1" t="s">
        <v>5</v>
      </c>
      <c r="D17698" s="1" t="s">
        <v>15041</v>
      </c>
      <c r="E17698" s="1" t="s">
        <v>11</v>
      </c>
    </row>
    <row r="17699">
      <c r="A17699" s="1">
        <v>4.90727787E8</v>
      </c>
      <c r="B17699" s="2">
        <v>16080.0</v>
      </c>
      <c r="C17699" s="1" t="s">
        <v>5</v>
      </c>
      <c r="D17699" s="1" t="s">
        <v>15042</v>
      </c>
      <c r="E17699" s="1" t="s">
        <v>7</v>
      </c>
    </row>
    <row r="17700">
      <c r="A17700" s="1">
        <v>4.90727818E8</v>
      </c>
      <c r="B17700" s="2">
        <v>16099.0</v>
      </c>
      <c r="C17700" s="1" t="s">
        <v>5</v>
      </c>
      <c r="D17700" s="1" t="s">
        <v>15043</v>
      </c>
      <c r="E17700" s="1" t="s">
        <v>7</v>
      </c>
    </row>
    <row r="17701">
      <c r="A17701" s="1">
        <v>4.90727821E8</v>
      </c>
      <c r="B17701" s="2">
        <v>16073.0</v>
      </c>
      <c r="C17701" s="1" t="s">
        <v>5</v>
      </c>
      <c r="D17701" s="1" t="s">
        <v>15044</v>
      </c>
      <c r="E17701" s="1" t="s">
        <v>7</v>
      </c>
    </row>
    <row r="17702">
      <c r="A17702" s="1">
        <v>4.90727842E8</v>
      </c>
      <c r="B17702" s="2">
        <v>16047.0</v>
      </c>
      <c r="C17702" s="1" t="s">
        <v>5</v>
      </c>
      <c r="D17702" s="1" t="s">
        <v>15045</v>
      </c>
      <c r="E17702" s="1" t="s">
        <v>7</v>
      </c>
    </row>
    <row r="17703">
      <c r="A17703" s="1">
        <v>4.90727856E8</v>
      </c>
      <c r="B17703" s="2">
        <v>16019.0</v>
      </c>
      <c r="C17703" s="1" t="s">
        <v>5</v>
      </c>
      <c r="D17703" s="1" t="s">
        <v>15046</v>
      </c>
      <c r="E17703" s="1" t="s">
        <v>7</v>
      </c>
    </row>
    <row r="17704">
      <c r="A17704" s="1">
        <v>4.90727864E8</v>
      </c>
      <c r="B17704" s="2">
        <v>16124.0</v>
      </c>
      <c r="C17704" s="1" t="s">
        <v>5</v>
      </c>
      <c r="D17704" s="1" t="s">
        <v>15047</v>
      </c>
      <c r="E17704" s="1" t="s">
        <v>7</v>
      </c>
    </row>
    <row r="17705">
      <c r="A17705" s="1">
        <v>4.90727877E8</v>
      </c>
      <c r="B17705" s="2">
        <v>16057.0</v>
      </c>
      <c r="C17705" s="1" t="s">
        <v>5</v>
      </c>
      <c r="D17705" s="1" t="s">
        <v>15048</v>
      </c>
      <c r="E17705" s="1" t="s">
        <v>7</v>
      </c>
    </row>
    <row r="17706">
      <c r="A17706" s="1">
        <v>4.90727889E8</v>
      </c>
      <c r="B17706" s="2">
        <v>16042.0</v>
      </c>
      <c r="C17706" s="1" t="s">
        <v>5</v>
      </c>
      <c r="D17706" s="1" t="s">
        <v>15049</v>
      </c>
      <c r="E17706" s="1" t="s">
        <v>7</v>
      </c>
    </row>
    <row r="17707">
      <c r="A17707" s="1">
        <v>4.90727903E8</v>
      </c>
      <c r="B17707" s="2">
        <v>16124.0</v>
      </c>
      <c r="C17707" s="1" t="s">
        <v>5</v>
      </c>
      <c r="D17707" s="1" t="s">
        <v>11</v>
      </c>
      <c r="E17707" s="1" t="s">
        <v>7</v>
      </c>
    </row>
    <row r="17708">
      <c r="A17708" s="1">
        <v>4.90727929E8</v>
      </c>
      <c r="B17708" s="2">
        <v>16055.0</v>
      </c>
      <c r="C17708" s="1" t="s">
        <v>5</v>
      </c>
      <c r="D17708" s="1" t="s">
        <v>15050</v>
      </c>
      <c r="E17708" s="1" t="s">
        <v>7</v>
      </c>
    </row>
    <row r="17709">
      <c r="A17709" s="1">
        <v>4.90727932E8</v>
      </c>
      <c r="B17709" s="2">
        <v>16087.0</v>
      </c>
      <c r="C17709" s="1" t="s">
        <v>5</v>
      </c>
      <c r="D17709" s="1" t="s">
        <v>11</v>
      </c>
      <c r="E17709" s="1" t="s">
        <v>7</v>
      </c>
    </row>
    <row r="17710">
      <c r="A17710" s="1">
        <v>4.90727959E8</v>
      </c>
      <c r="B17710" s="2">
        <v>16087.0</v>
      </c>
      <c r="C17710" s="1" t="s">
        <v>5</v>
      </c>
      <c r="D17710" s="1" t="s">
        <v>15051</v>
      </c>
      <c r="E17710" s="1" t="s">
        <v>7</v>
      </c>
    </row>
    <row r="17711">
      <c r="A17711" s="1">
        <v>4.90727977E8</v>
      </c>
      <c r="B17711" s="2">
        <v>16087.0</v>
      </c>
      <c r="C17711" s="1" t="s">
        <v>5</v>
      </c>
      <c r="D17711" s="1" t="s">
        <v>15052</v>
      </c>
      <c r="E17711" s="1" t="s">
        <v>7</v>
      </c>
    </row>
    <row r="17712">
      <c r="A17712" s="1">
        <v>4.90728025E8</v>
      </c>
      <c r="B17712" s="2">
        <v>16041.0</v>
      </c>
      <c r="C17712" s="1" t="s">
        <v>5</v>
      </c>
      <c r="D17712" s="1" t="s">
        <v>15053</v>
      </c>
      <c r="E17712" s="1" t="s">
        <v>7</v>
      </c>
    </row>
    <row r="17713">
      <c r="A17713" s="1">
        <v>4.90728058E8</v>
      </c>
      <c r="B17713" s="2">
        <v>16068.0</v>
      </c>
      <c r="C17713" s="1" t="s">
        <v>5</v>
      </c>
      <c r="D17713" s="1" t="s">
        <v>11</v>
      </c>
      <c r="E17713" s="1" t="s">
        <v>7</v>
      </c>
    </row>
    <row r="17714">
      <c r="A17714" s="1">
        <v>4.90728081E8</v>
      </c>
      <c r="B17714" s="2">
        <v>16041.0</v>
      </c>
      <c r="C17714" s="1" t="s">
        <v>5</v>
      </c>
      <c r="D17714" s="1" t="s">
        <v>15054</v>
      </c>
      <c r="E17714" s="1" t="s">
        <v>7</v>
      </c>
    </row>
    <row r="17715">
      <c r="A17715" s="1">
        <v>4.90728088E8</v>
      </c>
      <c r="B17715" s="2">
        <v>16043.0</v>
      </c>
      <c r="C17715" s="1" t="s">
        <v>5</v>
      </c>
      <c r="D17715" s="1" t="s">
        <v>15055</v>
      </c>
      <c r="E17715" s="1" t="s">
        <v>7</v>
      </c>
    </row>
    <row r="17716">
      <c r="A17716" s="1">
        <v>4.90728119E8</v>
      </c>
      <c r="B17716" s="2">
        <v>16087.0</v>
      </c>
      <c r="C17716" s="1" t="s">
        <v>5</v>
      </c>
      <c r="D17716" s="1" t="s">
        <v>11</v>
      </c>
      <c r="E17716" s="1" t="s">
        <v>7</v>
      </c>
    </row>
    <row r="17717">
      <c r="A17717" s="1">
        <v>4.90728129E8</v>
      </c>
      <c r="B17717" s="2">
        <v>16077.0</v>
      </c>
      <c r="C17717" s="1" t="s">
        <v>5</v>
      </c>
      <c r="D17717" s="1" t="s">
        <v>15056</v>
      </c>
      <c r="E17717" s="1" t="s">
        <v>11</v>
      </c>
    </row>
    <row r="17718">
      <c r="A17718" s="1">
        <v>4.90728138E8</v>
      </c>
      <c r="B17718" s="2">
        <v>16043.0</v>
      </c>
      <c r="C17718" s="1" t="s">
        <v>5</v>
      </c>
      <c r="D17718" s="1" t="s">
        <v>15057</v>
      </c>
      <c r="E17718" s="1" t="s">
        <v>7</v>
      </c>
    </row>
    <row r="17719">
      <c r="A17719" s="1">
        <v>4.90728143E8</v>
      </c>
      <c r="B17719" s="2">
        <v>16122.0</v>
      </c>
      <c r="C17719" s="1" t="s">
        <v>5</v>
      </c>
      <c r="D17719" s="1" t="s">
        <v>15058</v>
      </c>
      <c r="E17719" s="1" t="s">
        <v>7</v>
      </c>
    </row>
    <row r="17720">
      <c r="A17720" s="1">
        <v>4.90728175E8</v>
      </c>
      <c r="B17720" s="2">
        <v>16049.0</v>
      </c>
      <c r="C17720" s="1" t="s">
        <v>5</v>
      </c>
      <c r="D17720" s="1" t="s">
        <v>15059</v>
      </c>
      <c r="E17720" s="1" t="s">
        <v>15060</v>
      </c>
    </row>
    <row r="17721">
      <c r="A17721" s="1">
        <v>4.90728189E8</v>
      </c>
      <c r="B17721" s="2">
        <v>16087.0</v>
      </c>
      <c r="C17721" s="1" t="s">
        <v>5</v>
      </c>
      <c r="D17721" s="1" t="s">
        <v>15061</v>
      </c>
      <c r="E17721" s="1" t="s">
        <v>7</v>
      </c>
    </row>
    <row r="17722">
      <c r="A17722" s="1">
        <v>4.90728192E8</v>
      </c>
      <c r="B17722" s="2">
        <v>16054.0</v>
      </c>
      <c r="C17722" s="1" t="s">
        <v>5</v>
      </c>
      <c r="D17722" s="1" t="s">
        <v>11</v>
      </c>
      <c r="E17722" s="1" t="s">
        <v>7</v>
      </c>
    </row>
    <row r="17723">
      <c r="A17723" s="1">
        <v>4.9072821E8</v>
      </c>
      <c r="B17723" s="2">
        <v>16101.0</v>
      </c>
      <c r="C17723" s="1" t="s">
        <v>5</v>
      </c>
      <c r="D17723" s="1" t="s">
        <v>15062</v>
      </c>
      <c r="E17723" s="1" t="s">
        <v>7</v>
      </c>
    </row>
    <row r="17724">
      <c r="A17724" s="1">
        <v>4.90728257E8</v>
      </c>
      <c r="B17724" s="2">
        <v>16082.0</v>
      </c>
      <c r="C17724" s="1" t="s">
        <v>5</v>
      </c>
      <c r="D17724" s="1" t="s">
        <v>11</v>
      </c>
      <c r="E17724" s="1" t="s">
        <v>7</v>
      </c>
    </row>
    <row r="17725">
      <c r="A17725" s="1">
        <v>4.90728258E8</v>
      </c>
      <c r="B17725" s="2">
        <v>16100.0</v>
      </c>
      <c r="C17725" s="1" t="s">
        <v>5</v>
      </c>
      <c r="D17725" s="1" t="s">
        <v>11</v>
      </c>
      <c r="E17725" s="1" t="s">
        <v>7</v>
      </c>
    </row>
    <row r="17726">
      <c r="A17726" s="1">
        <v>4.90728276E8</v>
      </c>
      <c r="B17726" s="2">
        <v>16068.0</v>
      </c>
      <c r="C17726" s="1" t="s">
        <v>5</v>
      </c>
      <c r="D17726" s="1" t="s">
        <v>11</v>
      </c>
      <c r="E17726" s="1" t="s">
        <v>7</v>
      </c>
    </row>
    <row r="17727">
      <c r="A17727" s="1">
        <v>4.90728291E8</v>
      </c>
      <c r="B17727" s="2">
        <v>16042.0</v>
      </c>
      <c r="C17727" s="1" t="s">
        <v>5</v>
      </c>
      <c r="D17727" s="1" t="s">
        <v>15063</v>
      </c>
      <c r="E17727" s="1" t="s">
        <v>11</v>
      </c>
    </row>
    <row r="17728">
      <c r="A17728" s="1">
        <v>4.90728349E8</v>
      </c>
      <c r="B17728" s="2">
        <v>16128.0</v>
      </c>
      <c r="C17728" s="1" t="s">
        <v>5</v>
      </c>
      <c r="D17728" s="1" t="s">
        <v>11</v>
      </c>
      <c r="E17728" s="1" t="s">
        <v>7</v>
      </c>
    </row>
    <row r="17729">
      <c r="A17729" s="1">
        <v>4.90728385E8</v>
      </c>
      <c r="B17729" s="2">
        <v>16099.0</v>
      </c>
      <c r="C17729" s="1" t="s">
        <v>5</v>
      </c>
      <c r="D17729" s="1" t="s">
        <v>15064</v>
      </c>
      <c r="E17729" s="1" t="s">
        <v>7</v>
      </c>
    </row>
    <row r="17730">
      <c r="A17730" s="1">
        <v>4.90728396E8</v>
      </c>
      <c r="B17730" s="2">
        <v>16125.0</v>
      </c>
      <c r="C17730" s="1" t="s">
        <v>5</v>
      </c>
      <c r="D17730" s="1" t="s">
        <v>11</v>
      </c>
      <c r="E17730" s="1" t="s">
        <v>7</v>
      </c>
    </row>
    <row r="17731">
      <c r="A17731" s="1">
        <v>4.90728421E8</v>
      </c>
      <c r="B17731" s="2">
        <v>16066.0</v>
      </c>
      <c r="C17731" s="1" t="s">
        <v>5</v>
      </c>
      <c r="D17731" s="1" t="s">
        <v>15065</v>
      </c>
      <c r="E17731" s="1" t="s">
        <v>7</v>
      </c>
    </row>
    <row r="17732">
      <c r="A17732" s="1">
        <v>4.90728443E8</v>
      </c>
      <c r="B17732" s="2">
        <v>16052.0</v>
      </c>
      <c r="C17732" s="1" t="s">
        <v>5</v>
      </c>
      <c r="D17732" s="1" t="s">
        <v>15066</v>
      </c>
      <c r="E17732" s="1" t="s">
        <v>7</v>
      </c>
    </row>
    <row r="17733">
      <c r="A17733" s="1">
        <v>4.90728509E8</v>
      </c>
      <c r="B17733" s="2">
        <v>16079.0</v>
      </c>
      <c r="C17733" s="1" t="s">
        <v>5</v>
      </c>
      <c r="D17733" s="1" t="s">
        <v>15067</v>
      </c>
      <c r="E17733" s="1" t="s">
        <v>15068</v>
      </c>
    </row>
    <row r="17734">
      <c r="A17734" s="1">
        <v>4.90728621E8</v>
      </c>
      <c r="B17734" s="2">
        <v>16083.0</v>
      </c>
      <c r="C17734" s="1" t="s">
        <v>5</v>
      </c>
      <c r="D17734" s="1" t="s">
        <v>7</v>
      </c>
      <c r="E17734" s="1" t="s">
        <v>7</v>
      </c>
    </row>
    <row r="17735">
      <c r="A17735" s="1">
        <v>4.90728623E8</v>
      </c>
      <c r="B17735" s="2">
        <v>16131.0</v>
      </c>
      <c r="C17735" s="1" t="s">
        <v>5</v>
      </c>
      <c r="D17735" s="1" t="s">
        <v>11</v>
      </c>
      <c r="E17735" s="1" t="s">
        <v>7</v>
      </c>
    </row>
    <row r="17736">
      <c r="A17736" s="1">
        <v>4.90728744E8</v>
      </c>
      <c r="B17736" s="2">
        <v>16087.0</v>
      </c>
      <c r="C17736" s="1" t="s">
        <v>5</v>
      </c>
      <c r="D17736" s="1" t="s">
        <v>15069</v>
      </c>
      <c r="E17736" s="1" t="s">
        <v>11</v>
      </c>
    </row>
    <row r="17737">
      <c r="A17737" s="1">
        <v>4.90728748E8</v>
      </c>
      <c r="B17737" s="2">
        <v>16050.0</v>
      </c>
      <c r="C17737" s="1" t="s">
        <v>5</v>
      </c>
      <c r="D17737" s="1" t="s">
        <v>15070</v>
      </c>
      <c r="E17737" s="1" t="s">
        <v>11</v>
      </c>
    </row>
    <row r="17738">
      <c r="A17738" s="1">
        <v>4.90728824E8</v>
      </c>
      <c r="B17738" s="2">
        <v>16065.0</v>
      </c>
      <c r="C17738" s="1" t="s">
        <v>5</v>
      </c>
      <c r="D17738" s="1" t="s">
        <v>11</v>
      </c>
      <c r="E17738" s="1" t="s">
        <v>7</v>
      </c>
    </row>
    <row r="17739">
      <c r="A17739" s="1">
        <v>4.90728863E8</v>
      </c>
      <c r="B17739" s="2">
        <v>16129.0</v>
      </c>
      <c r="C17739" s="1" t="s">
        <v>5</v>
      </c>
      <c r="D17739" s="1" t="s">
        <v>15071</v>
      </c>
      <c r="E17739" s="1" t="s">
        <v>7</v>
      </c>
    </row>
    <row r="17740">
      <c r="A17740" s="1">
        <v>4.90728866E8</v>
      </c>
      <c r="B17740" s="2">
        <v>16077.0</v>
      </c>
      <c r="C17740" s="1" t="s">
        <v>5</v>
      </c>
      <c r="D17740" s="1" t="s">
        <v>11</v>
      </c>
      <c r="E17740" s="1" t="s">
        <v>7</v>
      </c>
    </row>
    <row r="17741">
      <c r="A17741" s="1">
        <v>4.90728898E8</v>
      </c>
      <c r="B17741" s="2">
        <v>16052.0</v>
      </c>
      <c r="C17741" s="1" t="s">
        <v>5</v>
      </c>
      <c r="D17741" s="1" t="s">
        <v>15072</v>
      </c>
      <c r="E17741" s="1" t="s">
        <v>11</v>
      </c>
    </row>
    <row r="17742">
      <c r="A17742" s="1">
        <v>4.90728943E8</v>
      </c>
      <c r="B17742" s="2">
        <v>16058.0</v>
      </c>
      <c r="C17742" s="1" t="s">
        <v>5</v>
      </c>
      <c r="D17742" s="1" t="s">
        <v>11</v>
      </c>
      <c r="E17742" s="1" t="s">
        <v>7</v>
      </c>
    </row>
    <row r="17743">
      <c r="A17743" s="1">
        <v>4.90728963E8</v>
      </c>
      <c r="B17743" s="2">
        <v>16048.0</v>
      </c>
      <c r="C17743" s="1" t="s">
        <v>5</v>
      </c>
      <c r="D17743" s="1" t="s">
        <v>15073</v>
      </c>
      <c r="E17743" s="1" t="s">
        <v>11</v>
      </c>
    </row>
    <row r="17744">
      <c r="A17744" s="1">
        <v>4.90728964E8</v>
      </c>
      <c r="B17744" s="2">
        <v>16127.0</v>
      </c>
      <c r="C17744" s="1" t="s">
        <v>5</v>
      </c>
      <c r="D17744" s="1" t="s">
        <v>15074</v>
      </c>
      <c r="E17744" s="1" t="s">
        <v>7</v>
      </c>
    </row>
    <row r="17745">
      <c r="A17745" s="1">
        <v>4.90728977E8</v>
      </c>
      <c r="B17745" s="2">
        <v>16062.0</v>
      </c>
      <c r="C17745" s="1" t="s">
        <v>5</v>
      </c>
      <c r="D17745" s="1" t="s">
        <v>15075</v>
      </c>
      <c r="E17745" s="1" t="s">
        <v>11</v>
      </c>
    </row>
    <row r="17746">
      <c r="A17746" s="1">
        <v>4.90729017E8</v>
      </c>
      <c r="B17746" s="2">
        <v>16043.0</v>
      </c>
      <c r="C17746" s="1" t="s">
        <v>5</v>
      </c>
      <c r="D17746" s="1" t="s">
        <v>15076</v>
      </c>
      <c r="E17746" s="1" t="s">
        <v>11</v>
      </c>
    </row>
    <row r="17747">
      <c r="A17747" s="1">
        <v>4.90729027E8</v>
      </c>
      <c r="B17747" s="2">
        <v>16076.0</v>
      </c>
      <c r="C17747" s="1" t="s">
        <v>5</v>
      </c>
      <c r="D17747" s="1" t="s">
        <v>15077</v>
      </c>
      <c r="E17747" s="1" t="s">
        <v>7</v>
      </c>
    </row>
    <row r="17748">
      <c r="A17748" s="1">
        <v>4.90729034E8</v>
      </c>
      <c r="B17748" s="2">
        <v>16097.0</v>
      </c>
      <c r="C17748" s="1" t="s">
        <v>5</v>
      </c>
      <c r="D17748" s="1" t="s">
        <v>15078</v>
      </c>
      <c r="E17748" s="1" t="s">
        <v>7</v>
      </c>
    </row>
    <row r="17749">
      <c r="A17749" s="1">
        <v>4.9072909E8</v>
      </c>
      <c r="B17749" s="2">
        <v>16115.0</v>
      </c>
      <c r="C17749" s="1" t="s">
        <v>5</v>
      </c>
      <c r="D17749" s="1" t="s">
        <v>11</v>
      </c>
      <c r="E17749" s="1" t="s">
        <v>7</v>
      </c>
    </row>
    <row r="17750">
      <c r="A17750" s="1">
        <v>4.90729105E8</v>
      </c>
      <c r="B17750" s="2">
        <v>16126.0</v>
      </c>
      <c r="C17750" s="1" t="s">
        <v>5</v>
      </c>
      <c r="D17750" s="1" t="s">
        <v>15079</v>
      </c>
      <c r="E17750" s="1" t="s">
        <v>7</v>
      </c>
    </row>
    <row r="17751">
      <c r="A17751" s="1">
        <v>4.90729108E8</v>
      </c>
      <c r="B17751" s="2">
        <v>16051.0</v>
      </c>
      <c r="C17751" s="1" t="s">
        <v>5</v>
      </c>
      <c r="D17751" s="1" t="s">
        <v>15080</v>
      </c>
      <c r="E17751" s="1" t="s">
        <v>15081</v>
      </c>
    </row>
    <row r="17752">
      <c r="A17752" s="1">
        <v>4.90729121E8</v>
      </c>
      <c r="B17752" s="2">
        <v>16097.0</v>
      </c>
      <c r="C17752" s="1" t="s">
        <v>5</v>
      </c>
      <c r="D17752" s="1" t="s">
        <v>15082</v>
      </c>
      <c r="E17752" s="1" t="s">
        <v>7</v>
      </c>
    </row>
    <row r="17753">
      <c r="A17753" s="1">
        <v>4.90729138E8</v>
      </c>
      <c r="B17753" s="2">
        <v>16118.0</v>
      </c>
      <c r="C17753" s="1" t="s">
        <v>5</v>
      </c>
      <c r="D17753" s="1" t="s">
        <v>11</v>
      </c>
      <c r="E17753" s="1" t="s">
        <v>7</v>
      </c>
    </row>
    <row r="17754">
      <c r="A17754" s="1">
        <v>4.90729143E8</v>
      </c>
      <c r="B17754" s="2">
        <v>16077.0</v>
      </c>
      <c r="C17754" s="1" t="s">
        <v>5</v>
      </c>
      <c r="D17754" s="1" t="s">
        <v>11</v>
      </c>
      <c r="E17754" s="1" t="s">
        <v>7</v>
      </c>
    </row>
    <row r="17755">
      <c r="A17755" s="1">
        <v>4.90729144E8</v>
      </c>
      <c r="B17755" s="2">
        <v>16094.0</v>
      </c>
      <c r="C17755" s="1" t="s">
        <v>5</v>
      </c>
      <c r="D17755" s="1" t="s">
        <v>15083</v>
      </c>
      <c r="E17755" s="1" t="s">
        <v>11</v>
      </c>
    </row>
    <row r="17756">
      <c r="A17756" s="1">
        <v>4.90729146E8</v>
      </c>
      <c r="B17756" s="2">
        <v>16062.0</v>
      </c>
      <c r="C17756" s="1" t="s">
        <v>5</v>
      </c>
      <c r="D17756" s="1" t="s">
        <v>15084</v>
      </c>
      <c r="E17756" s="1" t="s">
        <v>11</v>
      </c>
    </row>
    <row r="17757">
      <c r="A17757" s="1">
        <v>4.90729172E8</v>
      </c>
      <c r="B17757" s="2">
        <v>16094.0</v>
      </c>
      <c r="C17757" s="1" t="s">
        <v>5</v>
      </c>
      <c r="D17757" s="1" t="s">
        <v>15085</v>
      </c>
      <c r="E17757" s="1" t="s">
        <v>7</v>
      </c>
    </row>
    <row r="17758">
      <c r="A17758" s="1">
        <v>4.90729184E8</v>
      </c>
      <c r="B17758" s="2">
        <v>16073.0</v>
      </c>
      <c r="C17758" s="1" t="s">
        <v>5</v>
      </c>
      <c r="D17758" s="1" t="s">
        <v>15086</v>
      </c>
      <c r="E17758" s="1" t="s">
        <v>7</v>
      </c>
    </row>
    <row r="17759">
      <c r="A17759" s="1">
        <v>4.90729234E8</v>
      </c>
      <c r="B17759" s="2">
        <v>16077.0</v>
      </c>
      <c r="C17759" s="1" t="s">
        <v>5</v>
      </c>
      <c r="D17759" s="1" t="s">
        <v>15087</v>
      </c>
      <c r="E17759" s="1" t="s">
        <v>7</v>
      </c>
    </row>
    <row r="17760">
      <c r="A17760" s="1">
        <v>4.90729323E8</v>
      </c>
      <c r="B17760" s="2">
        <v>16062.0</v>
      </c>
      <c r="C17760" s="1" t="s">
        <v>5</v>
      </c>
      <c r="D17760" s="1" t="s">
        <v>11</v>
      </c>
      <c r="E17760" s="1" t="s">
        <v>7</v>
      </c>
    </row>
    <row r="17761">
      <c r="A17761" s="1">
        <v>4.90729389E8</v>
      </c>
      <c r="B17761" s="2">
        <v>16094.0</v>
      </c>
      <c r="C17761" s="1" t="s">
        <v>5</v>
      </c>
      <c r="D17761" s="1" t="s">
        <v>11</v>
      </c>
      <c r="E17761" s="1" t="s">
        <v>7</v>
      </c>
    </row>
    <row r="17762">
      <c r="A17762" s="1">
        <v>4.90729396E8</v>
      </c>
      <c r="B17762" s="2">
        <v>16129.0</v>
      </c>
      <c r="C17762" s="1" t="s">
        <v>5</v>
      </c>
      <c r="D17762" s="1" t="s">
        <v>15088</v>
      </c>
      <c r="E17762" s="1" t="s">
        <v>15089</v>
      </c>
    </row>
    <row r="17763">
      <c r="A17763" s="1">
        <v>4.90729504E8</v>
      </c>
      <c r="B17763" s="2">
        <v>16093.0</v>
      </c>
      <c r="C17763" s="1" t="s">
        <v>5</v>
      </c>
      <c r="D17763" s="1" t="s">
        <v>15090</v>
      </c>
      <c r="E17763" s="1" t="s">
        <v>7</v>
      </c>
    </row>
    <row r="17764">
      <c r="A17764" s="1">
        <v>4.90729534E8</v>
      </c>
      <c r="B17764" s="2">
        <v>16093.0</v>
      </c>
      <c r="C17764" s="1" t="s">
        <v>5</v>
      </c>
      <c r="D17764" s="1" t="s">
        <v>15091</v>
      </c>
      <c r="E17764" s="1" t="s">
        <v>15092</v>
      </c>
    </row>
    <row r="17765">
      <c r="A17765" s="1">
        <v>4.90729624E8</v>
      </c>
      <c r="B17765" s="2">
        <v>16051.0</v>
      </c>
      <c r="C17765" s="1" t="s">
        <v>5</v>
      </c>
      <c r="D17765" s="1" t="s">
        <v>15093</v>
      </c>
      <c r="E17765" s="1" t="s">
        <v>7</v>
      </c>
    </row>
    <row r="17766">
      <c r="A17766" s="1">
        <v>4.90729636E8</v>
      </c>
      <c r="B17766" s="2">
        <v>16122.0</v>
      </c>
      <c r="C17766" s="1" t="s">
        <v>5</v>
      </c>
      <c r="D17766" s="1" t="s">
        <v>11</v>
      </c>
      <c r="E17766" s="1" t="s">
        <v>7</v>
      </c>
    </row>
    <row r="17767">
      <c r="A17767" s="1">
        <v>4.9072964E8</v>
      </c>
      <c r="B17767" s="2">
        <v>16059.0</v>
      </c>
      <c r="C17767" s="1" t="s">
        <v>5</v>
      </c>
      <c r="D17767" s="1" t="s">
        <v>15094</v>
      </c>
      <c r="E17767" s="1" t="s">
        <v>7</v>
      </c>
    </row>
    <row r="17768">
      <c r="A17768" s="1">
        <v>4.90729676E8</v>
      </c>
      <c r="B17768" s="2">
        <v>16126.0</v>
      </c>
      <c r="C17768" s="1" t="s">
        <v>5</v>
      </c>
      <c r="D17768" s="1" t="s">
        <v>15095</v>
      </c>
      <c r="E17768" s="1" t="s">
        <v>7</v>
      </c>
    </row>
    <row r="17769">
      <c r="A17769" s="1">
        <v>4.90729696E8</v>
      </c>
      <c r="B17769" s="2">
        <v>16114.0</v>
      </c>
      <c r="C17769" s="1" t="s">
        <v>5</v>
      </c>
      <c r="D17769" s="1" t="s">
        <v>15096</v>
      </c>
      <c r="E17769" s="1" t="s">
        <v>7</v>
      </c>
    </row>
    <row r="17770">
      <c r="A17770" s="1">
        <v>4.90729697E8</v>
      </c>
      <c r="B17770" s="2">
        <v>16065.0</v>
      </c>
      <c r="C17770" s="1" t="s">
        <v>5</v>
      </c>
      <c r="D17770" s="1" t="s">
        <v>7</v>
      </c>
      <c r="E17770" s="1" t="s">
        <v>7</v>
      </c>
    </row>
    <row r="17771">
      <c r="A17771" s="1">
        <v>4.90729743E8</v>
      </c>
      <c r="B17771" s="2">
        <v>16059.0</v>
      </c>
      <c r="C17771" s="1" t="s">
        <v>5</v>
      </c>
      <c r="D17771" s="1" t="s">
        <v>11</v>
      </c>
      <c r="E17771" s="1" t="s">
        <v>7</v>
      </c>
    </row>
    <row r="17772">
      <c r="A17772" s="1">
        <v>4.90729778E8</v>
      </c>
      <c r="B17772" s="2">
        <v>16099.0</v>
      </c>
      <c r="C17772" s="1" t="s">
        <v>5</v>
      </c>
      <c r="D17772" s="1" t="s">
        <v>15097</v>
      </c>
      <c r="E17772" s="1" t="s">
        <v>7</v>
      </c>
    </row>
    <row r="17773">
      <c r="A17773" s="1">
        <v>4.90729783E8</v>
      </c>
      <c r="B17773" s="2">
        <v>16129.0</v>
      </c>
      <c r="C17773" s="1" t="s">
        <v>5</v>
      </c>
      <c r="D17773" s="1" t="s">
        <v>15098</v>
      </c>
      <c r="E17773" s="1" t="s">
        <v>7</v>
      </c>
    </row>
    <row r="17774">
      <c r="A17774" s="1">
        <v>4.90729794E8</v>
      </c>
      <c r="B17774" s="2">
        <v>16114.0</v>
      </c>
      <c r="C17774" s="1" t="s">
        <v>5</v>
      </c>
      <c r="D17774" s="1" t="s">
        <v>15099</v>
      </c>
      <c r="E17774" s="1" t="s">
        <v>7</v>
      </c>
    </row>
    <row r="17775">
      <c r="A17775" s="1">
        <v>4.90729797E8</v>
      </c>
      <c r="B17775" s="2">
        <v>16129.0</v>
      </c>
      <c r="C17775" s="1" t="s">
        <v>5</v>
      </c>
      <c r="D17775" s="1" t="s">
        <v>11</v>
      </c>
      <c r="E17775" s="1" t="s">
        <v>7</v>
      </c>
    </row>
    <row r="17776">
      <c r="A17776" s="1">
        <v>4.90729823E8</v>
      </c>
      <c r="B17776" s="2">
        <v>16050.0</v>
      </c>
      <c r="C17776" s="1" t="s">
        <v>5</v>
      </c>
      <c r="D17776" s="1" t="s">
        <v>15100</v>
      </c>
      <c r="E17776" s="1" t="s">
        <v>7</v>
      </c>
    </row>
    <row r="17777">
      <c r="A17777" s="1">
        <v>4.90729841E8</v>
      </c>
      <c r="B17777" s="2">
        <v>16061.0</v>
      </c>
      <c r="C17777" s="1" t="s">
        <v>5</v>
      </c>
      <c r="D17777" s="1" t="s">
        <v>15101</v>
      </c>
      <c r="E17777" s="1" t="s">
        <v>15102</v>
      </c>
    </row>
    <row r="17778">
      <c r="A17778" s="1">
        <v>4.90729868E8</v>
      </c>
      <c r="B17778" s="2">
        <v>16091.0</v>
      </c>
      <c r="C17778" s="1" t="s">
        <v>5</v>
      </c>
      <c r="D17778" s="1" t="s">
        <v>11</v>
      </c>
      <c r="E17778" s="1" t="s">
        <v>7</v>
      </c>
    </row>
    <row r="17779">
      <c r="A17779" s="1">
        <v>4.90729877E8</v>
      </c>
      <c r="B17779" s="2">
        <v>16121.0</v>
      </c>
      <c r="C17779" s="1" t="s">
        <v>5</v>
      </c>
      <c r="D17779" s="1" t="s">
        <v>11</v>
      </c>
      <c r="E17779" s="1" t="s">
        <v>7</v>
      </c>
    </row>
    <row r="17780">
      <c r="A17780" s="1">
        <v>4.90729902E8</v>
      </c>
      <c r="B17780" s="2">
        <v>16101.0</v>
      </c>
      <c r="C17780" s="1" t="s">
        <v>5</v>
      </c>
      <c r="D17780" s="1" t="s">
        <v>11</v>
      </c>
      <c r="E17780" s="1" t="s">
        <v>7</v>
      </c>
    </row>
    <row r="17781">
      <c r="A17781" s="1">
        <v>4.90729903E8</v>
      </c>
      <c r="B17781" s="2">
        <v>16064.0</v>
      </c>
      <c r="C17781" s="1" t="s">
        <v>5</v>
      </c>
      <c r="D17781" s="1" t="s">
        <v>7</v>
      </c>
      <c r="E17781" s="1" t="s">
        <v>7</v>
      </c>
    </row>
    <row r="17782">
      <c r="A17782" s="1">
        <v>4.90729914E8</v>
      </c>
      <c r="B17782" s="2">
        <v>16113.0</v>
      </c>
      <c r="C17782" s="1" t="s">
        <v>5</v>
      </c>
      <c r="D17782" s="1" t="s">
        <v>15103</v>
      </c>
      <c r="E17782" s="1" t="s">
        <v>15104</v>
      </c>
    </row>
    <row r="17783">
      <c r="A17783" s="1">
        <v>4.90729949E8</v>
      </c>
      <c r="B17783" s="2">
        <v>16122.0</v>
      </c>
      <c r="C17783" s="1" t="s">
        <v>5</v>
      </c>
      <c r="D17783" s="1" t="s">
        <v>15105</v>
      </c>
      <c r="E17783" s="1" t="s">
        <v>7</v>
      </c>
    </row>
    <row r="17784">
      <c r="A17784" s="1">
        <v>4.90729982E8</v>
      </c>
      <c r="B17784" s="2">
        <v>16129.0</v>
      </c>
      <c r="C17784" s="1" t="s">
        <v>5</v>
      </c>
      <c r="D17784" s="1" t="s">
        <v>15106</v>
      </c>
      <c r="E17784" s="1" t="s">
        <v>7</v>
      </c>
    </row>
    <row r="17785">
      <c r="A17785" s="1">
        <v>4.90730016E8</v>
      </c>
      <c r="B17785" s="2">
        <v>16090.0</v>
      </c>
      <c r="C17785" s="1" t="s">
        <v>5</v>
      </c>
      <c r="D17785" s="1" t="s">
        <v>15107</v>
      </c>
      <c r="E17785" s="1" t="s">
        <v>7</v>
      </c>
    </row>
    <row r="17786">
      <c r="A17786" s="1">
        <v>4.90730078E8</v>
      </c>
      <c r="B17786" s="2">
        <v>16127.0</v>
      </c>
      <c r="C17786" s="1" t="s">
        <v>5</v>
      </c>
      <c r="D17786" s="1" t="s">
        <v>15108</v>
      </c>
      <c r="E17786" s="1" t="s">
        <v>11</v>
      </c>
    </row>
    <row r="17787">
      <c r="A17787" s="1">
        <v>4.90730107E8</v>
      </c>
      <c r="B17787" s="2">
        <v>16128.0</v>
      </c>
      <c r="C17787" s="1" t="s">
        <v>5</v>
      </c>
      <c r="D17787" s="1" t="s">
        <v>15109</v>
      </c>
      <c r="E17787" s="1" t="s">
        <v>7</v>
      </c>
    </row>
    <row r="17788">
      <c r="A17788" s="1">
        <v>4.90730108E8</v>
      </c>
      <c r="B17788" s="2">
        <v>16096.0</v>
      </c>
      <c r="C17788" s="1" t="s">
        <v>5</v>
      </c>
      <c r="D17788" s="1" t="s">
        <v>15110</v>
      </c>
      <c r="E17788" s="1" t="s">
        <v>11</v>
      </c>
    </row>
    <row r="17789">
      <c r="A17789" s="1">
        <v>4.90730137E8</v>
      </c>
      <c r="B17789" s="2">
        <v>16055.0</v>
      </c>
      <c r="C17789" s="1" t="s">
        <v>5</v>
      </c>
      <c r="D17789" s="1" t="s">
        <v>15111</v>
      </c>
      <c r="E17789" s="1" t="s">
        <v>7</v>
      </c>
    </row>
    <row r="17790">
      <c r="A17790" s="1">
        <v>4.90730178E8</v>
      </c>
      <c r="B17790" s="2">
        <v>16119.0</v>
      </c>
      <c r="C17790" s="1" t="s">
        <v>5</v>
      </c>
      <c r="D17790" s="1" t="s">
        <v>15112</v>
      </c>
      <c r="E17790" s="1" t="s">
        <v>7</v>
      </c>
    </row>
    <row r="17791">
      <c r="A17791" s="1">
        <v>4.90730203E8</v>
      </c>
      <c r="B17791" s="2">
        <v>16041.0</v>
      </c>
      <c r="C17791" s="1" t="s">
        <v>5</v>
      </c>
      <c r="D17791" s="1" t="s">
        <v>15113</v>
      </c>
      <c r="E17791" s="1" t="s">
        <v>7</v>
      </c>
    </row>
    <row r="17792">
      <c r="A17792" s="1">
        <v>4.90730261E8</v>
      </c>
      <c r="B17792" s="2">
        <v>16056.0</v>
      </c>
      <c r="C17792" s="1" t="s">
        <v>5</v>
      </c>
      <c r="D17792" s="1" t="s">
        <v>15114</v>
      </c>
      <c r="E17792" s="1" t="s">
        <v>7</v>
      </c>
    </row>
    <row r="17793">
      <c r="A17793" s="1">
        <v>4.90730277E8</v>
      </c>
      <c r="B17793" s="2">
        <v>16055.0</v>
      </c>
      <c r="C17793" s="1" t="s">
        <v>5</v>
      </c>
      <c r="D17793" s="1" t="s">
        <v>11</v>
      </c>
      <c r="E17793" s="1" t="s">
        <v>7</v>
      </c>
    </row>
    <row r="17794">
      <c r="A17794" s="1">
        <v>4.90730281E8</v>
      </c>
      <c r="B17794" s="2">
        <v>16107.0</v>
      </c>
      <c r="C17794" s="1" t="s">
        <v>5</v>
      </c>
      <c r="D17794" s="1" t="s">
        <v>15115</v>
      </c>
      <c r="E17794" s="1" t="s">
        <v>7</v>
      </c>
    </row>
    <row r="17795">
      <c r="A17795" s="1">
        <v>4.90730309E8</v>
      </c>
      <c r="B17795" s="2">
        <v>16126.0</v>
      </c>
      <c r="C17795" s="1" t="s">
        <v>5</v>
      </c>
      <c r="D17795" s="1" t="s">
        <v>15116</v>
      </c>
      <c r="E17795" s="1" t="s">
        <v>7</v>
      </c>
    </row>
    <row r="17796">
      <c r="A17796" s="1">
        <v>4.90730337E8</v>
      </c>
      <c r="B17796" s="2">
        <v>16058.0</v>
      </c>
      <c r="C17796" s="1" t="s">
        <v>5</v>
      </c>
      <c r="D17796" s="1" t="s">
        <v>15117</v>
      </c>
      <c r="E17796" s="1" t="s">
        <v>7</v>
      </c>
    </row>
    <row r="17797">
      <c r="A17797" s="1">
        <v>4.90730354E8</v>
      </c>
      <c r="B17797" s="2">
        <v>16097.0</v>
      </c>
      <c r="C17797" s="1" t="s">
        <v>5</v>
      </c>
      <c r="D17797" s="1" t="s">
        <v>15118</v>
      </c>
      <c r="E17797" s="1" t="s">
        <v>7</v>
      </c>
    </row>
    <row r="17798">
      <c r="A17798" s="1">
        <v>4.90730403E8</v>
      </c>
      <c r="B17798" s="2">
        <v>16118.0</v>
      </c>
      <c r="C17798" s="1" t="s">
        <v>5</v>
      </c>
      <c r="D17798" s="1" t="s">
        <v>11</v>
      </c>
      <c r="E17798" s="1" t="s">
        <v>7</v>
      </c>
    </row>
    <row r="17799">
      <c r="A17799" s="1">
        <v>4.90730417E8</v>
      </c>
      <c r="B17799" s="2">
        <v>16126.0</v>
      </c>
      <c r="C17799" s="1" t="s">
        <v>5</v>
      </c>
      <c r="D17799" s="1" t="s">
        <v>11</v>
      </c>
      <c r="E17799" s="1" t="s">
        <v>7</v>
      </c>
    </row>
    <row r="17800">
      <c r="A17800" s="1">
        <v>4.90730451E8</v>
      </c>
      <c r="B17800" s="2">
        <v>16107.0</v>
      </c>
      <c r="C17800" s="1" t="s">
        <v>5</v>
      </c>
      <c r="D17800" s="1" t="s">
        <v>15119</v>
      </c>
      <c r="E17800" s="1" t="s">
        <v>7</v>
      </c>
    </row>
    <row r="17801">
      <c r="A17801" s="1">
        <v>4.90730483E8</v>
      </c>
      <c r="B17801" s="2">
        <v>16057.0</v>
      </c>
      <c r="C17801" s="1" t="s">
        <v>5</v>
      </c>
      <c r="D17801" s="1" t="s">
        <v>15120</v>
      </c>
      <c r="E17801" s="1" t="s">
        <v>7</v>
      </c>
    </row>
    <row r="17802">
      <c r="A17802" s="1">
        <v>4.90730534E8</v>
      </c>
      <c r="B17802" s="2">
        <v>16124.0</v>
      </c>
      <c r="C17802" s="1" t="s">
        <v>5</v>
      </c>
      <c r="D17802" s="1" t="s">
        <v>15121</v>
      </c>
      <c r="E17802" s="1" t="s">
        <v>7</v>
      </c>
    </row>
    <row r="17803">
      <c r="A17803" s="1">
        <v>4.90730544E8</v>
      </c>
      <c r="B17803" s="2">
        <v>16125.0</v>
      </c>
      <c r="C17803" s="1" t="s">
        <v>5</v>
      </c>
      <c r="D17803" s="1" t="s">
        <v>15122</v>
      </c>
      <c r="E17803" s="1" t="s">
        <v>11</v>
      </c>
    </row>
    <row r="17804">
      <c r="A17804" s="1">
        <v>4.90730552E8</v>
      </c>
      <c r="B17804" s="2">
        <v>16105.0</v>
      </c>
      <c r="C17804" s="1" t="s">
        <v>5</v>
      </c>
      <c r="D17804" s="1" t="s">
        <v>15123</v>
      </c>
      <c r="E17804" s="1" t="s">
        <v>7</v>
      </c>
    </row>
    <row r="17805">
      <c r="A17805" s="1">
        <v>4.9073061E8</v>
      </c>
      <c r="B17805" s="2">
        <v>16104.0</v>
      </c>
      <c r="C17805" s="1" t="s">
        <v>5</v>
      </c>
      <c r="D17805" s="1" t="s">
        <v>15124</v>
      </c>
      <c r="E17805" s="1" t="s">
        <v>11</v>
      </c>
    </row>
    <row r="17806">
      <c r="A17806" s="1">
        <v>4.90730627E8</v>
      </c>
      <c r="B17806" s="2">
        <v>16045.0</v>
      </c>
      <c r="C17806" s="1" t="s">
        <v>5</v>
      </c>
      <c r="D17806" s="1" t="s">
        <v>15125</v>
      </c>
      <c r="E17806" s="1" t="s">
        <v>7</v>
      </c>
    </row>
    <row r="17807">
      <c r="A17807" s="1">
        <v>4.90730729E8</v>
      </c>
      <c r="B17807" s="2">
        <v>16043.0</v>
      </c>
      <c r="C17807" s="1" t="s">
        <v>5</v>
      </c>
      <c r="D17807" s="1" t="s">
        <v>15126</v>
      </c>
      <c r="E17807" s="1" t="s">
        <v>11</v>
      </c>
    </row>
    <row r="17808">
      <c r="A17808" s="1">
        <v>4.90730745E8</v>
      </c>
      <c r="B17808" s="2">
        <v>16043.0</v>
      </c>
      <c r="C17808" s="1" t="s">
        <v>5</v>
      </c>
      <c r="D17808" s="1" t="s">
        <v>15127</v>
      </c>
      <c r="E17808" s="1" t="s">
        <v>7</v>
      </c>
    </row>
    <row r="17809">
      <c r="A17809" s="1">
        <v>4.90730747E8</v>
      </c>
      <c r="B17809" s="2">
        <v>16117.0</v>
      </c>
      <c r="C17809" s="1" t="s">
        <v>5</v>
      </c>
      <c r="D17809" s="1" t="s">
        <v>15128</v>
      </c>
      <c r="E17809" s="1" t="s">
        <v>7</v>
      </c>
    </row>
    <row r="17810">
      <c r="A17810" s="1">
        <v>4.90730759E8</v>
      </c>
      <c r="B17810" s="2">
        <v>16078.0</v>
      </c>
      <c r="C17810" s="1" t="s">
        <v>5</v>
      </c>
      <c r="D17810" s="1" t="s">
        <v>15129</v>
      </c>
      <c r="E17810" s="1" t="s">
        <v>7</v>
      </c>
    </row>
    <row r="17811">
      <c r="A17811" s="1">
        <v>4.90730777E8</v>
      </c>
      <c r="B17811" s="2">
        <v>16125.0</v>
      </c>
      <c r="C17811" s="1" t="s">
        <v>5</v>
      </c>
      <c r="D17811" s="1" t="s">
        <v>15130</v>
      </c>
      <c r="E17811" s="1" t="s">
        <v>7</v>
      </c>
    </row>
    <row r="17812">
      <c r="A17812" s="1">
        <v>4.90730852E8</v>
      </c>
      <c r="B17812" s="2">
        <v>16162.0</v>
      </c>
      <c r="C17812" s="1" t="s">
        <v>5</v>
      </c>
      <c r="D17812" s="1" t="s">
        <v>15131</v>
      </c>
      <c r="E17812" s="1" t="s">
        <v>11</v>
      </c>
    </row>
    <row r="17813">
      <c r="A17813" s="1">
        <v>4.90730866E8</v>
      </c>
      <c r="B17813" s="2">
        <v>16122.0</v>
      </c>
      <c r="C17813" s="1" t="s">
        <v>5</v>
      </c>
      <c r="D17813" s="1" t="s">
        <v>15132</v>
      </c>
      <c r="E17813" s="1" t="s">
        <v>7</v>
      </c>
    </row>
    <row r="17814">
      <c r="A17814" s="1">
        <v>4.90730903E8</v>
      </c>
      <c r="B17814" s="2">
        <v>16042.0</v>
      </c>
      <c r="C17814" s="1" t="s">
        <v>5</v>
      </c>
      <c r="D17814" s="1" t="s">
        <v>15133</v>
      </c>
      <c r="E17814" s="1" t="s">
        <v>7</v>
      </c>
    </row>
    <row r="17815">
      <c r="A17815" s="1">
        <v>4.90730921E8</v>
      </c>
      <c r="B17815" s="2">
        <v>16041.0</v>
      </c>
      <c r="C17815" s="1" t="s">
        <v>5</v>
      </c>
      <c r="D17815" s="1" t="s">
        <v>15134</v>
      </c>
      <c r="E17815" s="1" t="s">
        <v>15135</v>
      </c>
    </row>
    <row r="17816">
      <c r="A17816" s="1">
        <v>4.90730944E8</v>
      </c>
      <c r="B17816" s="2">
        <v>16126.0</v>
      </c>
      <c r="C17816" s="1" t="s">
        <v>5</v>
      </c>
      <c r="D17816" s="1" t="s">
        <v>15136</v>
      </c>
      <c r="E17816" s="1" t="s">
        <v>7</v>
      </c>
    </row>
    <row r="17817">
      <c r="A17817" s="1">
        <v>4.90730976E8</v>
      </c>
      <c r="B17817" s="2">
        <v>16091.0</v>
      </c>
      <c r="C17817" s="1" t="s">
        <v>5</v>
      </c>
      <c r="D17817" s="1" t="s">
        <v>11</v>
      </c>
      <c r="E17817" s="1" t="s">
        <v>7</v>
      </c>
    </row>
    <row r="17818">
      <c r="A17818" s="1">
        <v>4.90730977E8</v>
      </c>
      <c r="B17818" s="2">
        <v>16041.0</v>
      </c>
      <c r="C17818" s="1" t="s">
        <v>5</v>
      </c>
      <c r="D17818" s="1" t="s">
        <v>15137</v>
      </c>
      <c r="E17818" s="1" t="s">
        <v>7</v>
      </c>
    </row>
    <row r="17819">
      <c r="A17819" s="1">
        <v>4.90731004E8</v>
      </c>
      <c r="B17819" s="2">
        <v>16126.0</v>
      </c>
      <c r="C17819" s="1" t="s">
        <v>5</v>
      </c>
      <c r="D17819" s="1" t="s">
        <v>15138</v>
      </c>
      <c r="E17819" s="1" t="s">
        <v>11</v>
      </c>
    </row>
    <row r="17820">
      <c r="A17820" s="1">
        <v>4.90731063E8</v>
      </c>
      <c r="B17820" s="2">
        <v>16117.0</v>
      </c>
      <c r="C17820" s="1" t="s">
        <v>5</v>
      </c>
      <c r="D17820" s="1" t="s">
        <v>15139</v>
      </c>
      <c r="E17820" s="1" t="s">
        <v>7</v>
      </c>
    </row>
    <row r="17821">
      <c r="A17821" s="1">
        <v>4.90731064E8</v>
      </c>
      <c r="B17821" s="2">
        <v>16126.0</v>
      </c>
      <c r="C17821" s="1" t="s">
        <v>5</v>
      </c>
      <c r="D17821" s="1" t="s">
        <v>15140</v>
      </c>
      <c r="E17821" s="1" t="s">
        <v>7</v>
      </c>
    </row>
    <row r="17822">
      <c r="A17822" s="1">
        <v>4.90731123E8</v>
      </c>
      <c r="B17822" s="2">
        <v>16122.0</v>
      </c>
      <c r="C17822" s="1" t="s">
        <v>5</v>
      </c>
      <c r="D17822" s="1" t="s">
        <v>11</v>
      </c>
      <c r="E17822" s="1" t="s">
        <v>7</v>
      </c>
    </row>
    <row r="17823">
      <c r="A17823" s="1">
        <v>4.90731127E8</v>
      </c>
      <c r="B17823" s="2">
        <v>16114.0</v>
      </c>
      <c r="C17823" s="1" t="s">
        <v>5</v>
      </c>
      <c r="D17823" s="1" t="s">
        <v>11</v>
      </c>
      <c r="E17823" s="1" t="s">
        <v>7</v>
      </c>
    </row>
    <row r="17824">
      <c r="A17824" s="1">
        <v>4.90731133E8</v>
      </c>
      <c r="B17824" s="2">
        <v>16101.0</v>
      </c>
      <c r="C17824" s="1" t="s">
        <v>5</v>
      </c>
      <c r="D17824" s="1" t="s">
        <v>11</v>
      </c>
      <c r="E17824" s="1" t="s">
        <v>7</v>
      </c>
    </row>
    <row r="17825">
      <c r="A17825" s="1">
        <v>4.90731137E8</v>
      </c>
      <c r="B17825" s="2">
        <v>16120.0</v>
      </c>
      <c r="C17825" s="1" t="s">
        <v>5</v>
      </c>
      <c r="D17825" s="1" t="s">
        <v>15141</v>
      </c>
      <c r="E17825" s="1" t="s">
        <v>7</v>
      </c>
    </row>
    <row r="17826">
      <c r="A17826" s="1">
        <v>4.90731183E8</v>
      </c>
      <c r="B17826" s="2">
        <v>16091.0</v>
      </c>
      <c r="C17826" s="1" t="s">
        <v>5</v>
      </c>
      <c r="D17826" s="1" t="s">
        <v>15142</v>
      </c>
      <c r="E17826" s="1" t="s">
        <v>15143</v>
      </c>
    </row>
    <row r="17827">
      <c r="A17827" s="1">
        <v>4.90731196E8</v>
      </c>
      <c r="B17827" s="2">
        <v>16091.0</v>
      </c>
      <c r="C17827" s="1" t="s">
        <v>5</v>
      </c>
      <c r="D17827" s="1" t="s">
        <v>11</v>
      </c>
      <c r="E17827" s="1" t="s">
        <v>7</v>
      </c>
    </row>
    <row r="17828">
      <c r="A17828" s="1">
        <v>4.90731294E8</v>
      </c>
      <c r="B17828" s="2">
        <v>16045.0</v>
      </c>
      <c r="C17828" s="1" t="s">
        <v>5</v>
      </c>
      <c r="D17828" s="1" t="s">
        <v>15144</v>
      </c>
      <c r="E17828" s="1" t="s">
        <v>7</v>
      </c>
    </row>
    <row r="17829">
      <c r="A17829" s="1">
        <v>4.90731305E8</v>
      </c>
      <c r="B17829" s="2">
        <v>16119.0</v>
      </c>
      <c r="C17829" s="1" t="s">
        <v>5</v>
      </c>
      <c r="D17829" s="1" t="s">
        <v>7</v>
      </c>
      <c r="E17829" s="1" t="s">
        <v>7</v>
      </c>
    </row>
    <row r="17830">
      <c r="A17830" s="1">
        <v>4.90731347E8</v>
      </c>
      <c r="B17830" s="2">
        <v>16090.0</v>
      </c>
      <c r="C17830" s="1" t="s">
        <v>5</v>
      </c>
      <c r="D17830" s="1" t="s">
        <v>11</v>
      </c>
      <c r="E17830" s="1" t="s">
        <v>7</v>
      </c>
    </row>
    <row r="17831">
      <c r="A17831" s="1">
        <v>4.90731383E8</v>
      </c>
      <c r="B17831" s="2">
        <v>16120.0</v>
      </c>
      <c r="C17831" s="1" t="s">
        <v>5</v>
      </c>
      <c r="D17831" s="1" t="s">
        <v>15145</v>
      </c>
      <c r="E17831" s="1" t="s">
        <v>15146</v>
      </c>
    </row>
    <row r="17832">
      <c r="A17832" s="1">
        <v>4.9073149E8</v>
      </c>
      <c r="B17832" s="2">
        <v>16085.0</v>
      </c>
      <c r="C17832" s="1" t="s">
        <v>5</v>
      </c>
      <c r="D17832" s="1" t="s">
        <v>11</v>
      </c>
      <c r="E17832" s="1" t="s">
        <v>7</v>
      </c>
    </row>
    <row r="17833">
      <c r="A17833" s="1">
        <v>4.90731497E8</v>
      </c>
      <c r="B17833" s="2">
        <v>16111.0</v>
      </c>
      <c r="C17833" s="1" t="s">
        <v>5</v>
      </c>
      <c r="D17833" s="1" t="s">
        <v>15147</v>
      </c>
      <c r="E17833" s="1" t="s">
        <v>11</v>
      </c>
    </row>
    <row r="17834">
      <c r="A17834" s="1">
        <v>4.90731503E8</v>
      </c>
      <c r="B17834" s="2">
        <v>16118.0</v>
      </c>
      <c r="C17834" s="1" t="s">
        <v>5</v>
      </c>
      <c r="D17834" s="1" t="s">
        <v>15148</v>
      </c>
      <c r="E17834" s="1" t="s">
        <v>7</v>
      </c>
    </row>
    <row r="17835">
      <c r="A17835" s="1">
        <v>4.90731581E8</v>
      </c>
      <c r="B17835" s="2">
        <v>16117.0</v>
      </c>
      <c r="C17835" s="1" t="s">
        <v>5</v>
      </c>
      <c r="D17835" s="1" t="s">
        <v>11</v>
      </c>
      <c r="E17835" s="1" t="s">
        <v>7</v>
      </c>
    </row>
    <row r="17836">
      <c r="A17836" s="1">
        <v>4.90731603E8</v>
      </c>
      <c r="B17836" s="2">
        <v>16114.0</v>
      </c>
      <c r="C17836" s="1" t="s">
        <v>5</v>
      </c>
      <c r="D17836" s="1" t="s">
        <v>11</v>
      </c>
      <c r="E17836" s="1" t="s">
        <v>7</v>
      </c>
    </row>
    <row r="17837">
      <c r="A17837" s="1">
        <v>4.90731614E8</v>
      </c>
      <c r="B17837" s="2">
        <v>16094.0</v>
      </c>
      <c r="C17837" s="1" t="s">
        <v>5</v>
      </c>
      <c r="D17837" s="1" t="s">
        <v>15149</v>
      </c>
      <c r="E17837" s="1" t="s">
        <v>7</v>
      </c>
    </row>
    <row r="17838">
      <c r="A17838" s="1">
        <v>4.90731618E8</v>
      </c>
      <c r="B17838" s="2">
        <v>16108.0</v>
      </c>
      <c r="C17838" s="1" t="s">
        <v>5</v>
      </c>
      <c r="D17838" s="1" t="s">
        <v>15150</v>
      </c>
      <c r="E17838" s="1" t="s">
        <v>7</v>
      </c>
    </row>
    <row r="17839">
      <c r="A17839" s="1">
        <v>4.90731628E8</v>
      </c>
      <c r="B17839" s="2">
        <v>16045.0</v>
      </c>
      <c r="C17839" s="1" t="s">
        <v>5</v>
      </c>
      <c r="D17839" s="1" t="s">
        <v>15151</v>
      </c>
      <c r="E17839" s="1" t="s">
        <v>11</v>
      </c>
    </row>
    <row r="17840">
      <c r="A17840" s="1">
        <v>4.90731665E8</v>
      </c>
      <c r="B17840" s="2">
        <v>16045.0</v>
      </c>
      <c r="C17840" s="1" t="s">
        <v>5</v>
      </c>
      <c r="D17840" s="1" t="s">
        <v>15152</v>
      </c>
      <c r="E17840" s="1" t="s">
        <v>11</v>
      </c>
    </row>
    <row r="17841">
      <c r="A17841" s="1">
        <v>4.90731743E8</v>
      </c>
      <c r="B17841" s="2">
        <v>16115.0</v>
      </c>
      <c r="C17841" s="1" t="s">
        <v>5</v>
      </c>
      <c r="D17841" s="1" t="s">
        <v>15153</v>
      </c>
      <c r="E17841" s="1" t="s">
        <v>7</v>
      </c>
    </row>
    <row r="17842">
      <c r="A17842" s="1">
        <v>4.9073177E8</v>
      </c>
      <c r="B17842" s="2">
        <v>16082.0</v>
      </c>
      <c r="C17842" s="1" t="s">
        <v>5</v>
      </c>
      <c r="D17842" s="1" t="s">
        <v>11</v>
      </c>
      <c r="E17842" s="1" t="s">
        <v>7</v>
      </c>
    </row>
    <row r="17843">
      <c r="A17843" s="1">
        <v>4.90731774E8</v>
      </c>
      <c r="B17843" s="2">
        <v>16115.0</v>
      </c>
      <c r="C17843" s="1" t="s">
        <v>5</v>
      </c>
      <c r="D17843" s="1" t="s">
        <v>15154</v>
      </c>
      <c r="E17843" s="1" t="s">
        <v>7</v>
      </c>
    </row>
    <row r="17844">
      <c r="A17844" s="1">
        <v>4.90731784E8</v>
      </c>
      <c r="B17844" s="2">
        <v>16094.0</v>
      </c>
      <c r="C17844" s="1" t="s">
        <v>5</v>
      </c>
      <c r="D17844" s="1" t="s">
        <v>15155</v>
      </c>
      <c r="E17844" s="1" t="s">
        <v>7</v>
      </c>
    </row>
    <row r="17845">
      <c r="A17845" s="1">
        <v>4.9073186E8</v>
      </c>
      <c r="B17845" s="2">
        <v>16094.0</v>
      </c>
      <c r="C17845" s="1" t="s">
        <v>5</v>
      </c>
      <c r="D17845" s="1" t="s">
        <v>11</v>
      </c>
      <c r="E17845" s="1" t="s">
        <v>7</v>
      </c>
    </row>
    <row r="17846">
      <c r="A17846" s="1">
        <v>4.90731868E8</v>
      </c>
      <c r="B17846" s="2">
        <v>16048.0</v>
      </c>
      <c r="C17846" s="1" t="s">
        <v>5</v>
      </c>
      <c r="D17846" s="1" t="s">
        <v>7</v>
      </c>
      <c r="E17846" s="1" t="s">
        <v>7</v>
      </c>
    </row>
    <row r="17847">
      <c r="A17847" s="1">
        <v>4.9073189E8</v>
      </c>
      <c r="B17847" s="2">
        <v>16155.0</v>
      </c>
      <c r="C17847" s="1" t="s">
        <v>5</v>
      </c>
      <c r="D17847" s="1" t="s">
        <v>15156</v>
      </c>
      <c r="E17847" s="1" t="s">
        <v>11</v>
      </c>
    </row>
    <row r="17848">
      <c r="A17848" s="1">
        <v>4.90731968E8</v>
      </c>
      <c r="B17848" s="2">
        <v>16113.0</v>
      </c>
      <c r="C17848" s="1" t="s">
        <v>5</v>
      </c>
      <c r="D17848" s="1" t="s">
        <v>15157</v>
      </c>
      <c r="E17848" s="1" t="s">
        <v>15158</v>
      </c>
    </row>
    <row r="17849">
      <c r="A17849" s="1">
        <v>4.90732039E8</v>
      </c>
      <c r="B17849" s="2">
        <v>16092.0</v>
      </c>
      <c r="C17849" s="1" t="s">
        <v>5</v>
      </c>
      <c r="D17849" s="1" t="s">
        <v>15159</v>
      </c>
      <c r="E17849" s="1" t="s">
        <v>7</v>
      </c>
    </row>
    <row r="17850">
      <c r="A17850" s="1">
        <v>4.90732104E8</v>
      </c>
      <c r="B17850" s="2">
        <v>16111.0</v>
      </c>
      <c r="C17850" s="1" t="s">
        <v>5</v>
      </c>
      <c r="D17850" s="1" t="s">
        <v>11</v>
      </c>
      <c r="E17850" s="1" t="s">
        <v>7</v>
      </c>
    </row>
    <row r="17851">
      <c r="A17851" s="1">
        <v>4.90732154E8</v>
      </c>
      <c r="B17851" s="2">
        <v>16115.0</v>
      </c>
      <c r="C17851" s="1" t="s">
        <v>5</v>
      </c>
      <c r="D17851" s="1" t="s">
        <v>11</v>
      </c>
      <c r="E17851" s="1" t="s">
        <v>7</v>
      </c>
    </row>
    <row r="17852">
      <c r="A17852" s="1">
        <v>4.90732172E8</v>
      </c>
      <c r="B17852" s="2">
        <v>16112.0</v>
      </c>
      <c r="C17852" s="1" t="s">
        <v>5</v>
      </c>
      <c r="D17852" s="1" t="s">
        <v>11</v>
      </c>
      <c r="E17852" s="1" t="s">
        <v>7</v>
      </c>
    </row>
    <row r="17853">
      <c r="A17853" s="1">
        <v>4.90732176E8</v>
      </c>
      <c r="B17853" s="2">
        <v>16115.0</v>
      </c>
      <c r="C17853" s="1" t="s">
        <v>5</v>
      </c>
      <c r="D17853" s="1" t="s">
        <v>11</v>
      </c>
      <c r="E17853" s="1" t="s">
        <v>7</v>
      </c>
    </row>
    <row r="17854">
      <c r="A17854" s="1">
        <v>4.90732257E8</v>
      </c>
      <c r="B17854" s="2">
        <v>16047.0</v>
      </c>
      <c r="C17854" s="1" t="s">
        <v>5</v>
      </c>
      <c r="D17854" s="1" t="s">
        <v>15160</v>
      </c>
      <c r="E17854" s="1" t="s">
        <v>7</v>
      </c>
    </row>
    <row r="17855">
      <c r="A17855" s="1">
        <v>4.90732264E8</v>
      </c>
      <c r="B17855" s="2">
        <v>16112.0</v>
      </c>
      <c r="C17855" s="1" t="s">
        <v>5</v>
      </c>
      <c r="D17855" s="1" t="s">
        <v>15161</v>
      </c>
      <c r="E17855" s="1" t="s">
        <v>11</v>
      </c>
    </row>
    <row r="17856">
      <c r="A17856" s="1">
        <v>4.90732265E8</v>
      </c>
      <c r="B17856" s="2">
        <v>16085.0</v>
      </c>
      <c r="C17856" s="1" t="s">
        <v>5</v>
      </c>
      <c r="D17856" s="1" t="s">
        <v>15162</v>
      </c>
      <c r="E17856" s="1" t="s">
        <v>7</v>
      </c>
    </row>
    <row r="17857">
      <c r="A17857" s="1">
        <v>4.90732297E8</v>
      </c>
      <c r="B17857" s="2">
        <v>16108.0</v>
      </c>
      <c r="C17857" s="1" t="s">
        <v>5</v>
      </c>
      <c r="D17857" s="1" t="s">
        <v>15163</v>
      </c>
      <c r="E17857" s="1" t="s">
        <v>7</v>
      </c>
    </row>
    <row r="17858">
      <c r="A17858" s="1">
        <v>4.90732301E8</v>
      </c>
      <c r="B17858" s="2">
        <v>16150.0</v>
      </c>
      <c r="C17858" s="1" t="s">
        <v>5</v>
      </c>
      <c r="D17858" s="1" t="s">
        <v>15164</v>
      </c>
      <c r="E17858" s="1" t="s">
        <v>15165</v>
      </c>
    </row>
    <row r="17859">
      <c r="A17859" s="1">
        <v>4.90732312E8</v>
      </c>
      <c r="B17859" s="2">
        <v>16090.0</v>
      </c>
      <c r="C17859" s="1" t="s">
        <v>5</v>
      </c>
      <c r="D17859" s="1" t="s">
        <v>15166</v>
      </c>
      <c r="E17859" s="1" t="s">
        <v>7</v>
      </c>
    </row>
    <row r="17860">
      <c r="A17860" s="1">
        <v>4.90732384E8</v>
      </c>
      <c r="B17860" s="2">
        <v>16114.0</v>
      </c>
      <c r="C17860" s="1" t="s">
        <v>5</v>
      </c>
      <c r="D17860" s="1" t="s">
        <v>15167</v>
      </c>
      <c r="E17860" s="1" t="s">
        <v>7</v>
      </c>
    </row>
    <row r="17861">
      <c r="A17861" s="1">
        <v>4.90732411E8</v>
      </c>
      <c r="B17861" s="2">
        <v>16085.0</v>
      </c>
      <c r="C17861" s="1" t="s">
        <v>5</v>
      </c>
      <c r="D17861" s="1" t="s">
        <v>11</v>
      </c>
      <c r="E17861" s="1" t="s">
        <v>7</v>
      </c>
    </row>
    <row r="17862">
      <c r="A17862" s="1">
        <v>4.90732417E8</v>
      </c>
      <c r="B17862" s="2">
        <v>16111.0</v>
      </c>
      <c r="C17862" s="1" t="s">
        <v>5</v>
      </c>
      <c r="D17862" s="1" t="s">
        <v>11</v>
      </c>
      <c r="E17862" s="1" t="s">
        <v>7</v>
      </c>
    </row>
    <row r="17863">
      <c r="A17863" s="1">
        <v>4.90732451E8</v>
      </c>
      <c r="B17863" s="2">
        <v>16146.0</v>
      </c>
      <c r="C17863" s="1" t="s">
        <v>5</v>
      </c>
      <c r="D17863" s="1" t="s">
        <v>15168</v>
      </c>
      <c r="E17863" s="1" t="s">
        <v>11</v>
      </c>
    </row>
    <row r="17864">
      <c r="A17864" s="1">
        <v>4.90732454E8</v>
      </c>
      <c r="B17864" s="2">
        <v>16110.0</v>
      </c>
      <c r="C17864" s="1" t="s">
        <v>5</v>
      </c>
      <c r="D17864" s="1" t="s">
        <v>15169</v>
      </c>
      <c r="E17864" s="1" t="s">
        <v>7</v>
      </c>
    </row>
    <row r="17865">
      <c r="A17865" s="1">
        <v>4.9073246E8</v>
      </c>
      <c r="B17865" s="2">
        <v>16110.0</v>
      </c>
      <c r="C17865" s="1" t="s">
        <v>5</v>
      </c>
      <c r="D17865" s="1" t="s">
        <v>15170</v>
      </c>
      <c r="E17865" s="1" t="s">
        <v>7</v>
      </c>
    </row>
    <row r="17866">
      <c r="A17866" s="1">
        <v>4.90732504E8</v>
      </c>
      <c r="B17866" s="2">
        <v>16162.0</v>
      </c>
      <c r="C17866" s="1" t="s">
        <v>5</v>
      </c>
      <c r="D17866" s="1" t="s">
        <v>15171</v>
      </c>
      <c r="E17866" s="1" t="s">
        <v>7</v>
      </c>
    </row>
    <row r="17867">
      <c r="A17867" s="1">
        <v>4.90732517E8</v>
      </c>
      <c r="B17867" s="2">
        <v>16108.0</v>
      </c>
      <c r="C17867" s="1" t="s">
        <v>5</v>
      </c>
      <c r="D17867" s="1" t="s">
        <v>15172</v>
      </c>
      <c r="E17867" s="1" t="s">
        <v>7</v>
      </c>
    </row>
    <row r="17868">
      <c r="A17868" s="1">
        <v>4.90732521E8</v>
      </c>
      <c r="B17868" s="2">
        <v>16110.0</v>
      </c>
      <c r="C17868" s="1" t="s">
        <v>5</v>
      </c>
      <c r="D17868" s="1" t="s">
        <v>15173</v>
      </c>
      <c r="E17868" s="1" t="s">
        <v>7</v>
      </c>
    </row>
    <row r="17869">
      <c r="A17869" s="1">
        <v>4.90732544E8</v>
      </c>
      <c r="B17869" s="2">
        <v>16112.0</v>
      </c>
      <c r="C17869" s="1" t="s">
        <v>5</v>
      </c>
      <c r="D17869" s="1" t="s">
        <v>11</v>
      </c>
      <c r="E17869" s="1" t="s">
        <v>7</v>
      </c>
    </row>
    <row r="17870">
      <c r="A17870" s="1">
        <v>4.90732546E8</v>
      </c>
      <c r="B17870" s="2">
        <v>16110.0</v>
      </c>
      <c r="C17870" s="1" t="s">
        <v>5</v>
      </c>
      <c r="D17870" s="1" t="s">
        <v>11</v>
      </c>
      <c r="E17870" s="1" t="s">
        <v>7</v>
      </c>
    </row>
    <row r="17871">
      <c r="A17871" s="1">
        <v>4.90732581E8</v>
      </c>
      <c r="B17871" s="2">
        <v>16083.0</v>
      </c>
      <c r="C17871" s="1" t="s">
        <v>5</v>
      </c>
      <c r="D17871" s="1" t="s">
        <v>15174</v>
      </c>
      <c r="E17871" s="1" t="s">
        <v>15175</v>
      </c>
    </row>
    <row r="17872">
      <c r="A17872" s="1">
        <v>4.90732615E8</v>
      </c>
      <c r="B17872" s="2">
        <v>16161.0</v>
      </c>
      <c r="C17872" s="1" t="s">
        <v>5</v>
      </c>
      <c r="D17872" s="1" t="s">
        <v>11</v>
      </c>
      <c r="E17872" s="1" t="s">
        <v>7</v>
      </c>
    </row>
    <row r="17873">
      <c r="A17873" s="1">
        <v>4.90732616E8</v>
      </c>
      <c r="B17873" s="2">
        <v>16108.0</v>
      </c>
      <c r="C17873" s="1" t="s">
        <v>5</v>
      </c>
      <c r="D17873" s="1" t="s">
        <v>11</v>
      </c>
      <c r="E17873" s="1" t="s">
        <v>7</v>
      </c>
    </row>
    <row r="17874">
      <c r="A17874" s="1">
        <v>4.90732628E8</v>
      </c>
      <c r="B17874" s="2">
        <v>16143.0</v>
      </c>
      <c r="C17874" s="1" t="s">
        <v>5</v>
      </c>
      <c r="D17874" s="1" t="s">
        <v>15176</v>
      </c>
      <c r="E17874" s="1" t="s">
        <v>7</v>
      </c>
    </row>
    <row r="17875">
      <c r="A17875" s="1">
        <v>4.90732676E8</v>
      </c>
      <c r="B17875" s="2">
        <v>16080.0</v>
      </c>
      <c r="C17875" s="1" t="s">
        <v>5</v>
      </c>
      <c r="D17875" s="1" t="s">
        <v>15177</v>
      </c>
      <c r="E17875" s="1" t="s">
        <v>11</v>
      </c>
    </row>
    <row r="17876">
      <c r="A17876" s="1">
        <v>4.90732697E8</v>
      </c>
      <c r="B17876" s="2">
        <v>16100.0</v>
      </c>
      <c r="C17876" s="1" t="s">
        <v>5</v>
      </c>
      <c r="D17876" s="1" t="s">
        <v>7</v>
      </c>
      <c r="E17876" s="1" t="s">
        <v>7</v>
      </c>
    </row>
    <row r="17877">
      <c r="A17877" s="1">
        <v>4.90732704E8</v>
      </c>
      <c r="B17877" s="2">
        <v>16160.0</v>
      </c>
      <c r="C17877" s="1" t="s">
        <v>5</v>
      </c>
      <c r="D17877" s="1" t="s">
        <v>15178</v>
      </c>
      <c r="E17877" s="1" t="s">
        <v>11</v>
      </c>
    </row>
    <row r="17878">
      <c r="A17878" s="1">
        <v>4.90732785E8</v>
      </c>
      <c r="B17878" s="2">
        <v>16103.0</v>
      </c>
      <c r="C17878" s="1" t="s">
        <v>5</v>
      </c>
      <c r="D17878" s="1" t="s">
        <v>15179</v>
      </c>
      <c r="E17878" s="1" t="s">
        <v>7</v>
      </c>
    </row>
    <row r="17879">
      <c r="A17879" s="1">
        <v>4.90732832E8</v>
      </c>
      <c r="B17879" s="2">
        <v>16042.0</v>
      </c>
      <c r="C17879" s="1" t="s">
        <v>5</v>
      </c>
      <c r="D17879" s="1" t="s">
        <v>11</v>
      </c>
      <c r="E17879" s="1" t="s">
        <v>7</v>
      </c>
    </row>
    <row r="17880">
      <c r="A17880" s="1">
        <v>4.90732844E8</v>
      </c>
      <c r="B17880" s="2">
        <v>16073.0</v>
      </c>
      <c r="C17880" s="1" t="s">
        <v>5</v>
      </c>
      <c r="D17880" s="1" t="s">
        <v>15180</v>
      </c>
      <c r="E17880" s="1" t="s">
        <v>7</v>
      </c>
    </row>
    <row r="17881">
      <c r="A17881" s="1">
        <v>4.90732876E8</v>
      </c>
      <c r="B17881" s="2">
        <v>16159.0</v>
      </c>
      <c r="C17881" s="1" t="s">
        <v>5</v>
      </c>
      <c r="D17881" s="1" t="s">
        <v>15181</v>
      </c>
      <c r="E17881" s="1" t="s">
        <v>7</v>
      </c>
    </row>
    <row r="17882">
      <c r="A17882" s="1">
        <v>4.90732924E8</v>
      </c>
      <c r="B17882" s="2">
        <v>16108.0</v>
      </c>
      <c r="C17882" s="1" t="s">
        <v>5</v>
      </c>
      <c r="D17882" s="4" t="s">
        <v>15182</v>
      </c>
      <c r="E17882" s="1" t="s">
        <v>7</v>
      </c>
    </row>
    <row r="17883">
      <c r="A17883" s="1">
        <v>4.90732941E8</v>
      </c>
      <c r="B17883" s="2">
        <v>16107.0</v>
      </c>
      <c r="C17883" s="1" t="s">
        <v>5</v>
      </c>
      <c r="D17883" s="1" t="s">
        <v>11</v>
      </c>
      <c r="E17883" s="1" t="s">
        <v>7</v>
      </c>
    </row>
    <row r="17884">
      <c r="A17884" s="1">
        <v>4.90732947E8</v>
      </c>
      <c r="B17884" s="2">
        <v>16041.0</v>
      </c>
      <c r="C17884" s="1" t="s">
        <v>5</v>
      </c>
      <c r="D17884" s="1" t="s">
        <v>15183</v>
      </c>
      <c r="E17884" s="1" t="s">
        <v>11</v>
      </c>
    </row>
    <row r="17885">
      <c r="A17885" s="1">
        <v>4.90733085E8</v>
      </c>
      <c r="B17885" s="2">
        <v>16161.0</v>
      </c>
      <c r="C17885" s="1" t="s">
        <v>5</v>
      </c>
      <c r="D17885" s="1" t="s">
        <v>15184</v>
      </c>
      <c r="E17885" s="1" t="s">
        <v>7</v>
      </c>
    </row>
    <row r="17886">
      <c r="A17886" s="1">
        <v>4.90733167E8</v>
      </c>
      <c r="B17886" s="2">
        <v>16093.0</v>
      </c>
      <c r="C17886" s="1" t="s">
        <v>5</v>
      </c>
      <c r="D17886" s="1" t="s">
        <v>11</v>
      </c>
      <c r="E17886" s="1" t="s">
        <v>7</v>
      </c>
    </row>
    <row r="17887">
      <c r="A17887" s="1">
        <v>4.9073319E8</v>
      </c>
      <c r="B17887" s="2">
        <v>16103.0</v>
      </c>
      <c r="C17887" s="1" t="s">
        <v>5</v>
      </c>
      <c r="D17887" s="1" t="s">
        <v>11</v>
      </c>
      <c r="E17887" s="1" t="s">
        <v>7</v>
      </c>
    </row>
    <row r="17888">
      <c r="A17888" s="1">
        <v>4.90733214E8</v>
      </c>
      <c r="B17888" s="2">
        <v>16161.0</v>
      </c>
      <c r="C17888" s="1" t="s">
        <v>5</v>
      </c>
      <c r="D17888" s="1" t="s">
        <v>15185</v>
      </c>
      <c r="E17888" s="1" t="s">
        <v>11</v>
      </c>
    </row>
    <row r="17889">
      <c r="A17889" s="1">
        <v>4.90733218E8</v>
      </c>
      <c r="B17889" s="2">
        <v>16161.0</v>
      </c>
      <c r="C17889" s="1" t="s">
        <v>5</v>
      </c>
      <c r="D17889" s="1" t="s">
        <v>15186</v>
      </c>
      <c r="E17889" s="1" t="s">
        <v>7</v>
      </c>
    </row>
    <row r="17890">
      <c r="A17890" s="1">
        <v>4.90733264E8</v>
      </c>
      <c r="B17890" s="2">
        <v>16094.0</v>
      </c>
      <c r="C17890" s="1" t="s">
        <v>5</v>
      </c>
      <c r="D17890" s="1" t="s">
        <v>15187</v>
      </c>
      <c r="E17890" s="1" t="s">
        <v>7</v>
      </c>
    </row>
    <row r="17891">
      <c r="A17891" s="1">
        <v>4.90733271E8</v>
      </c>
      <c r="B17891" s="2">
        <v>16173.0</v>
      </c>
      <c r="C17891" s="1" t="s">
        <v>5</v>
      </c>
      <c r="D17891" s="1" t="s">
        <v>15188</v>
      </c>
      <c r="E17891" s="1" t="s">
        <v>11</v>
      </c>
    </row>
    <row r="17892">
      <c r="A17892" s="1">
        <v>4.90733277E8</v>
      </c>
      <c r="B17892" s="2">
        <v>16092.0</v>
      </c>
      <c r="C17892" s="1" t="s">
        <v>5</v>
      </c>
      <c r="D17892" s="1" t="s">
        <v>15189</v>
      </c>
      <c r="E17892" s="1" t="s">
        <v>11</v>
      </c>
    </row>
    <row r="17893">
      <c r="A17893" s="1">
        <v>4.90733285E8</v>
      </c>
      <c r="B17893" s="2">
        <v>16139.0</v>
      </c>
      <c r="C17893" s="1" t="s">
        <v>5</v>
      </c>
      <c r="D17893" s="1" t="s">
        <v>15190</v>
      </c>
      <c r="E17893" s="1" t="s">
        <v>15191</v>
      </c>
    </row>
    <row r="17894">
      <c r="A17894" s="1">
        <v>4.90733293E8</v>
      </c>
      <c r="B17894" s="2">
        <v>16097.0</v>
      </c>
      <c r="C17894" s="1" t="s">
        <v>5</v>
      </c>
      <c r="D17894" s="1" t="s">
        <v>11</v>
      </c>
      <c r="E17894" s="1" t="s">
        <v>7</v>
      </c>
    </row>
    <row r="17895">
      <c r="A17895" s="1">
        <v>4.90733296E8</v>
      </c>
      <c r="B17895" s="2">
        <v>16104.0</v>
      </c>
      <c r="C17895" s="1" t="s">
        <v>5</v>
      </c>
      <c r="D17895" s="1" t="s">
        <v>15192</v>
      </c>
      <c r="E17895" s="1" t="s">
        <v>7</v>
      </c>
    </row>
    <row r="17896">
      <c r="A17896" s="1">
        <v>4.90733298E8</v>
      </c>
      <c r="B17896" s="2">
        <v>16156.0</v>
      </c>
      <c r="C17896" s="1" t="s">
        <v>5</v>
      </c>
      <c r="D17896" s="1" t="s">
        <v>11</v>
      </c>
      <c r="E17896" s="1" t="s">
        <v>7</v>
      </c>
    </row>
    <row r="17897">
      <c r="A17897" s="1">
        <v>4.90733408E8</v>
      </c>
      <c r="B17897" s="2">
        <v>16155.0</v>
      </c>
      <c r="C17897" s="1" t="s">
        <v>5</v>
      </c>
      <c r="D17897" s="1" t="s">
        <v>11</v>
      </c>
      <c r="E17897" s="1" t="s">
        <v>7</v>
      </c>
    </row>
    <row r="17898">
      <c r="A17898" s="1">
        <v>4.90733418E8</v>
      </c>
      <c r="B17898" s="2">
        <v>16104.0</v>
      </c>
      <c r="C17898" s="1" t="s">
        <v>5</v>
      </c>
      <c r="D17898" s="1" t="s">
        <v>11</v>
      </c>
      <c r="E17898" s="1" t="s">
        <v>7</v>
      </c>
    </row>
    <row r="17899">
      <c r="A17899" s="1">
        <v>4.9073343E8</v>
      </c>
      <c r="B17899" s="2">
        <v>16164.0</v>
      </c>
      <c r="C17899" s="1" t="s">
        <v>5</v>
      </c>
      <c r="D17899" s="1" t="s">
        <v>15193</v>
      </c>
      <c r="E17899" s="1" t="s">
        <v>7</v>
      </c>
    </row>
    <row r="17900">
      <c r="A17900" s="1">
        <v>4.90733436E8</v>
      </c>
      <c r="B17900" s="2">
        <v>16092.0</v>
      </c>
      <c r="C17900" s="1" t="s">
        <v>5</v>
      </c>
      <c r="D17900" s="1" t="s">
        <v>15194</v>
      </c>
      <c r="E17900" s="1" t="s">
        <v>7</v>
      </c>
    </row>
    <row r="17901">
      <c r="A17901" s="1">
        <v>4.90733556E8</v>
      </c>
      <c r="B17901" s="2">
        <v>16171.0</v>
      </c>
      <c r="C17901" s="1" t="s">
        <v>5</v>
      </c>
      <c r="D17901" s="1" t="s">
        <v>15195</v>
      </c>
      <c r="E17901" s="1" t="s">
        <v>7</v>
      </c>
    </row>
    <row r="17902">
      <c r="A17902" s="1">
        <v>4.90733563E8</v>
      </c>
      <c r="B17902" s="2">
        <v>16162.0</v>
      </c>
      <c r="C17902" s="1" t="s">
        <v>5</v>
      </c>
      <c r="D17902" s="1" t="s">
        <v>15196</v>
      </c>
      <c r="E17902" s="1" t="s">
        <v>7</v>
      </c>
    </row>
    <row r="17903">
      <c r="A17903" s="1">
        <v>4.90733564E8</v>
      </c>
      <c r="B17903" s="2">
        <v>16092.0</v>
      </c>
      <c r="C17903" s="1" t="s">
        <v>5</v>
      </c>
      <c r="D17903" s="1" t="s">
        <v>15197</v>
      </c>
      <c r="E17903" s="1" t="s">
        <v>7</v>
      </c>
    </row>
    <row r="17904">
      <c r="A17904" s="1">
        <v>4.90733568E8</v>
      </c>
      <c r="B17904" s="2">
        <v>16157.0</v>
      </c>
      <c r="C17904" s="1" t="s">
        <v>5</v>
      </c>
      <c r="D17904" s="1" t="s">
        <v>15198</v>
      </c>
      <c r="E17904" s="1" t="s">
        <v>11</v>
      </c>
    </row>
    <row r="17905">
      <c r="A17905" s="1">
        <v>4.90733623E8</v>
      </c>
      <c r="B17905" s="2">
        <v>16160.0</v>
      </c>
      <c r="C17905" s="1" t="s">
        <v>5</v>
      </c>
      <c r="D17905" s="1" t="s">
        <v>15199</v>
      </c>
      <c r="E17905" s="1" t="s">
        <v>7</v>
      </c>
    </row>
    <row r="17906">
      <c r="A17906" s="1">
        <v>4.907337E8</v>
      </c>
      <c r="B17906" s="3">
        <v>16220.0</v>
      </c>
      <c r="C17906" s="1" t="s">
        <v>5</v>
      </c>
      <c r="D17906" s="1" t="s">
        <v>15200</v>
      </c>
      <c r="E17906" s="1" t="s">
        <v>11</v>
      </c>
    </row>
    <row r="17907">
      <c r="A17907" s="1">
        <v>4.90733761E8</v>
      </c>
      <c r="B17907" s="2">
        <v>16149.0</v>
      </c>
      <c r="C17907" s="1" t="s">
        <v>5</v>
      </c>
      <c r="D17907" s="1" t="s">
        <v>15201</v>
      </c>
      <c r="E17907" s="1" t="s">
        <v>7</v>
      </c>
    </row>
    <row r="17908">
      <c r="A17908" s="1">
        <v>4.90733778E8</v>
      </c>
      <c r="B17908" s="2">
        <v>16090.0</v>
      </c>
      <c r="C17908" s="1" t="s">
        <v>5</v>
      </c>
      <c r="D17908" s="1" t="s">
        <v>15202</v>
      </c>
      <c r="E17908" s="1" t="s">
        <v>11</v>
      </c>
    </row>
    <row r="17909">
      <c r="A17909" s="1">
        <v>4.90733857E8</v>
      </c>
      <c r="B17909" s="2">
        <v>16135.0</v>
      </c>
      <c r="C17909" s="1" t="s">
        <v>5</v>
      </c>
      <c r="D17909" s="1" t="s">
        <v>15203</v>
      </c>
      <c r="E17909" s="1" t="s">
        <v>7</v>
      </c>
    </row>
    <row r="17910">
      <c r="A17910" s="1">
        <v>4.90733925E8</v>
      </c>
      <c r="B17910" s="2">
        <v>16152.0</v>
      </c>
      <c r="C17910" s="1" t="s">
        <v>5</v>
      </c>
      <c r="D17910" s="1" t="s">
        <v>15204</v>
      </c>
      <c r="E17910" s="1" t="s">
        <v>7</v>
      </c>
    </row>
    <row r="17911">
      <c r="A17911" s="1">
        <v>4.90733974E8</v>
      </c>
      <c r="B17911" s="2">
        <v>16104.0</v>
      </c>
      <c r="C17911" s="1" t="s">
        <v>5</v>
      </c>
      <c r="D17911" s="1" t="s">
        <v>11</v>
      </c>
      <c r="E17911" s="1" t="s">
        <v>7</v>
      </c>
    </row>
    <row r="17912">
      <c r="A17912" s="1">
        <v>4.90733997E8</v>
      </c>
      <c r="B17912" s="2">
        <v>16159.0</v>
      </c>
      <c r="C17912" s="1" t="s">
        <v>5</v>
      </c>
      <c r="D17912" s="1" t="s">
        <v>15205</v>
      </c>
      <c r="E17912" s="1" t="s">
        <v>7</v>
      </c>
    </row>
    <row r="17913">
      <c r="A17913" s="1">
        <v>4.90734017E8</v>
      </c>
      <c r="B17913" s="2">
        <v>16162.0</v>
      </c>
      <c r="C17913" s="1" t="s">
        <v>5</v>
      </c>
      <c r="D17913" s="1" t="s">
        <v>11</v>
      </c>
      <c r="E17913" s="1" t="s">
        <v>7</v>
      </c>
    </row>
    <row r="17914">
      <c r="A17914" s="1">
        <v>4.90734022E8</v>
      </c>
      <c r="B17914" s="2">
        <v>16147.0</v>
      </c>
      <c r="C17914" s="1" t="s">
        <v>5</v>
      </c>
      <c r="D17914" s="1" t="s">
        <v>15206</v>
      </c>
      <c r="E17914" s="1" t="s">
        <v>7</v>
      </c>
    </row>
    <row r="17915">
      <c r="A17915" s="1">
        <v>4.90734043E8</v>
      </c>
      <c r="B17915" s="2">
        <v>16103.0</v>
      </c>
      <c r="C17915" s="1" t="s">
        <v>5</v>
      </c>
      <c r="D17915" s="1" t="s">
        <v>15207</v>
      </c>
      <c r="E17915" s="1" t="s">
        <v>7</v>
      </c>
    </row>
    <row r="17916">
      <c r="A17916" s="1">
        <v>4.90734056E8</v>
      </c>
      <c r="B17916" s="2">
        <v>16082.0</v>
      </c>
      <c r="C17916" s="1" t="s">
        <v>5</v>
      </c>
      <c r="D17916" s="1" t="s">
        <v>15208</v>
      </c>
      <c r="E17916" s="1" t="s">
        <v>7</v>
      </c>
    </row>
    <row r="17917">
      <c r="A17917" s="1">
        <v>4.90734057E8</v>
      </c>
      <c r="B17917" s="2">
        <v>16132.0</v>
      </c>
      <c r="C17917" s="1" t="s">
        <v>5</v>
      </c>
      <c r="D17917" s="1" t="s">
        <v>15209</v>
      </c>
      <c r="E17917" s="1" t="s">
        <v>7</v>
      </c>
    </row>
    <row r="17918">
      <c r="A17918" s="1">
        <v>4.90734058E8</v>
      </c>
      <c r="B17918" s="2">
        <v>16167.0</v>
      </c>
      <c r="C17918" s="1" t="s">
        <v>5</v>
      </c>
      <c r="D17918" s="1" t="s">
        <v>15210</v>
      </c>
      <c r="E17918" s="1" t="s">
        <v>7</v>
      </c>
    </row>
    <row r="17919">
      <c r="A17919" s="1">
        <v>4.90734103E8</v>
      </c>
      <c r="B17919" s="2">
        <v>16157.0</v>
      </c>
      <c r="C17919" s="1" t="s">
        <v>5</v>
      </c>
      <c r="D17919" s="1" t="s">
        <v>15211</v>
      </c>
      <c r="E17919" s="1" t="s">
        <v>7</v>
      </c>
    </row>
    <row r="17920">
      <c r="A17920" s="1">
        <v>4.90734126E8</v>
      </c>
      <c r="B17920" s="2">
        <v>16159.0</v>
      </c>
      <c r="C17920" s="1" t="s">
        <v>5</v>
      </c>
      <c r="D17920" s="1" t="s">
        <v>15212</v>
      </c>
      <c r="E17920" s="1" t="s">
        <v>7</v>
      </c>
    </row>
    <row r="17921">
      <c r="A17921" s="1">
        <v>4.90734147E8</v>
      </c>
      <c r="B17921" s="2">
        <v>16154.0</v>
      </c>
      <c r="C17921" s="1" t="s">
        <v>5</v>
      </c>
      <c r="D17921" s="1" t="s">
        <v>15213</v>
      </c>
      <c r="E17921" s="1" t="s">
        <v>7</v>
      </c>
    </row>
    <row r="17922">
      <c r="A17922" s="1">
        <v>4.90734176E8</v>
      </c>
      <c r="B17922" s="3">
        <v>16212.0</v>
      </c>
      <c r="C17922" s="1" t="s">
        <v>5</v>
      </c>
      <c r="D17922" s="1" t="s">
        <v>15214</v>
      </c>
      <c r="E17922" s="1" t="s">
        <v>15215</v>
      </c>
    </row>
    <row r="17923">
      <c r="A17923" s="1">
        <v>4.90734187E8</v>
      </c>
      <c r="B17923" s="2">
        <v>16133.0</v>
      </c>
      <c r="C17923" s="1" t="s">
        <v>5</v>
      </c>
      <c r="D17923" s="1" t="s">
        <v>15216</v>
      </c>
      <c r="E17923" s="1" t="s">
        <v>7</v>
      </c>
    </row>
    <row r="17924">
      <c r="A17924" s="1">
        <v>4.90734193E8</v>
      </c>
      <c r="B17924" s="2">
        <v>16148.0</v>
      </c>
      <c r="C17924" s="1" t="s">
        <v>5</v>
      </c>
      <c r="D17924" s="1" t="s">
        <v>11</v>
      </c>
      <c r="E17924" s="1" t="s">
        <v>7</v>
      </c>
    </row>
    <row r="17925">
      <c r="A17925" s="1">
        <v>4.90734205E8</v>
      </c>
      <c r="B17925" s="2">
        <v>16150.0</v>
      </c>
      <c r="C17925" s="1" t="s">
        <v>5</v>
      </c>
      <c r="D17925" s="1" t="s">
        <v>15217</v>
      </c>
      <c r="E17925" s="1" t="s">
        <v>7</v>
      </c>
    </row>
    <row r="17926">
      <c r="A17926" s="1">
        <v>4.90734261E8</v>
      </c>
      <c r="B17926" s="2">
        <v>16166.0</v>
      </c>
      <c r="C17926" s="1" t="s">
        <v>5</v>
      </c>
      <c r="D17926" s="1" t="s">
        <v>15218</v>
      </c>
      <c r="E17926" s="1" t="s">
        <v>7</v>
      </c>
    </row>
    <row r="17927">
      <c r="A17927" s="1">
        <v>4.90734297E8</v>
      </c>
      <c r="B17927" s="2">
        <v>16166.0</v>
      </c>
      <c r="C17927" s="1" t="s">
        <v>5</v>
      </c>
      <c r="D17927" s="1" t="s">
        <v>15219</v>
      </c>
      <c r="E17927" s="1" t="s">
        <v>7</v>
      </c>
    </row>
    <row r="17928">
      <c r="A17928" s="1">
        <v>4.90734317E8</v>
      </c>
      <c r="B17928" s="2">
        <v>16132.0</v>
      </c>
      <c r="C17928" s="1" t="s">
        <v>5</v>
      </c>
      <c r="D17928" s="1" t="s">
        <v>15220</v>
      </c>
      <c r="E17928" s="1" t="s">
        <v>7</v>
      </c>
    </row>
    <row r="17929">
      <c r="A17929" s="1">
        <v>4.90734323E8</v>
      </c>
      <c r="B17929" s="3">
        <v>16213.0</v>
      </c>
      <c r="C17929" s="1" t="s">
        <v>5</v>
      </c>
      <c r="D17929" s="1" t="s">
        <v>15221</v>
      </c>
      <c r="E17929" s="1" t="s">
        <v>7</v>
      </c>
    </row>
    <row r="17930">
      <c r="A17930" s="1">
        <v>4.90734324E8</v>
      </c>
      <c r="B17930" s="3">
        <v>16213.0</v>
      </c>
      <c r="C17930" s="1" t="s">
        <v>5</v>
      </c>
      <c r="D17930" s="1" t="s">
        <v>15222</v>
      </c>
      <c r="E17930" s="1" t="s">
        <v>7</v>
      </c>
    </row>
    <row r="17931">
      <c r="A17931" s="1">
        <v>4.90734345E8</v>
      </c>
      <c r="B17931" s="2">
        <v>16166.0</v>
      </c>
      <c r="C17931" s="1" t="s">
        <v>5</v>
      </c>
      <c r="D17931" s="1" t="s">
        <v>15223</v>
      </c>
      <c r="E17931" s="1" t="s">
        <v>7</v>
      </c>
    </row>
    <row r="17932">
      <c r="A17932" s="1">
        <v>4.90734396E8</v>
      </c>
      <c r="B17932" s="3">
        <v>16213.0</v>
      </c>
      <c r="C17932" s="1" t="s">
        <v>5</v>
      </c>
      <c r="D17932" s="1" t="s">
        <v>15224</v>
      </c>
      <c r="E17932" s="1" t="s">
        <v>7</v>
      </c>
    </row>
    <row r="17933">
      <c r="A17933" s="1">
        <v>4.90734437E8</v>
      </c>
      <c r="B17933" s="2">
        <v>16154.0</v>
      </c>
      <c r="C17933" s="1" t="s">
        <v>5</v>
      </c>
      <c r="D17933" s="1" t="s">
        <v>15225</v>
      </c>
      <c r="E17933" s="1" t="s">
        <v>11</v>
      </c>
    </row>
    <row r="17934">
      <c r="A17934" s="1">
        <v>4.90734476E8</v>
      </c>
      <c r="B17934" s="2">
        <v>16192.0</v>
      </c>
      <c r="C17934" s="1" t="s">
        <v>5</v>
      </c>
      <c r="D17934" s="1" t="s">
        <v>11</v>
      </c>
      <c r="E17934" s="1" t="s">
        <v>7</v>
      </c>
    </row>
    <row r="17935">
      <c r="A17935" s="1">
        <v>4.90734529E8</v>
      </c>
      <c r="B17935" s="2">
        <v>16192.0</v>
      </c>
      <c r="C17935" s="1" t="s">
        <v>5</v>
      </c>
      <c r="D17935" s="1" t="s">
        <v>15226</v>
      </c>
      <c r="E17935" s="1" t="s">
        <v>7</v>
      </c>
    </row>
    <row r="17936">
      <c r="A17936" s="1">
        <v>4.9073456E8</v>
      </c>
      <c r="B17936" s="2">
        <v>16159.0</v>
      </c>
      <c r="C17936" s="1" t="s">
        <v>5</v>
      </c>
      <c r="D17936" s="1" t="s">
        <v>11</v>
      </c>
      <c r="E17936" s="1" t="s">
        <v>7</v>
      </c>
    </row>
    <row r="17937">
      <c r="A17937" s="1">
        <v>4.90734633E8</v>
      </c>
      <c r="B17937" s="2">
        <v>16085.0</v>
      </c>
      <c r="C17937" s="1" t="s">
        <v>5</v>
      </c>
      <c r="D17937" s="1" t="s">
        <v>15227</v>
      </c>
      <c r="E17937" s="1" t="s">
        <v>15228</v>
      </c>
    </row>
    <row r="17938">
      <c r="A17938" s="1">
        <v>4.90734637E8</v>
      </c>
      <c r="B17938" s="2">
        <v>16148.0</v>
      </c>
      <c r="C17938" s="1" t="s">
        <v>5</v>
      </c>
      <c r="D17938" s="1" t="s">
        <v>15229</v>
      </c>
      <c r="E17938" s="1" t="s">
        <v>11</v>
      </c>
    </row>
    <row r="17939">
      <c r="A17939" s="1">
        <v>4.90734643E8</v>
      </c>
      <c r="B17939" s="2">
        <v>16149.0</v>
      </c>
      <c r="C17939" s="1" t="s">
        <v>5</v>
      </c>
      <c r="D17939" s="1" t="s">
        <v>15230</v>
      </c>
      <c r="E17939" s="1" t="s">
        <v>7</v>
      </c>
    </row>
    <row r="17940">
      <c r="A17940" s="1">
        <v>4.90734695E8</v>
      </c>
      <c r="B17940" s="2">
        <v>16191.0</v>
      </c>
      <c r="C17940" s="1" t="s">
        <v>5</v>
      </c>
      <c r="D17940" s="1" t="s">
        <v>11</v>
      </c>
      <c r="E17940" s="1" t="s">
        <v>7</v>
      </c>
    </row>
    <row r="17941">
      <c r="A17941" s="1">
        <v>4.90734703E8</v>
      </c>
      <c r="B17941" s="2">
        <v>16141.0</v>
      </c>
      <c r="C17941" s="1" t="s">
        <v>5</v>
      </c>
      <c r="D17941" s="1" t="s">
        <v>11</v>
      </c>
      <c r="E17941" s="1" t="s">
        <v>7</v>
      </c>
    </row>
    <row r="17942">
      <c r="A17942" s="1">
        <v>4.90734743E8</v>
      </c>
      <c r="B17942" s="2">
        <v>16152.0</v>
      </c>
      <c r="C17942" s="1" t="s">
        <v>5</v>
      </c>
      <c r="D17942" s="1" t="s">
        <v>15231</v>
      </c>
      <c r="E17942" s="1" t="s">
        <v>15232</v>
      </c>
    </row>
    <row r="17943">
      <c r="A17943" s="1">
        <v>4.90734746E8</v>
      </c>
      <c r="B17943" s="3">
        <v>16220.0</v>
      </c>
      <c r="C17943" s="1" t="s">
        <v>5</v>
      </c>
      <c r="D17943" s="1" t="s">
        <v>15233</v>
      </c>
      <c r="E17943" s="1" t="s">
        <v>15234</v>
      </c>
    </row>
    <row r="17944">
      <c r="A17944" s="1">
        <v>4.90734764E8</v>
      </c>
      <c r="B17944" s="2">
        <v>16156.0</v>
      </c>
      <c r="C17944" s="1" t="s">
        <v>5</v>
      </c>
      <c r="D17944" s="1" t="s">
        <v>15235</v>
      </c>
      <c r="E17944" s="1" t="s">
        <v>7</v>
      </c>
    </row>
    <row r="17945">
      <c r="A17945" s="1">
        <v>4.90734786E8</v>
      </c>
      <c r="B17945" s="3">
        <v>16208.0</v>
      </c>
      <c r="C17945" s="1" t="s">
        <v>5</v>
      </c>
      <c r="D17945" s="1" t="s">
        <v>15236</v>
      </c>
      <c r="E17945" s="1" t="s">
        <v>11</v>
      </c>
    </row>
    <row r="17946">
      <c r="A17946" s="1">
        <v>4.90734808E8</v>
      </c>
      <c r="B17946" s="2">
        <v>16154.0</v>
      </c>
      <c r="C17946" s="1" t="s">
        <v>5</v>
      </c>
      <c r="D17946" s="1" t="s">
        <v>15237</v>
      </c>
      <c r="E17946" s="1" t="s">
        <v>7</v>
      </c>
    </row>
    <row r="17947">
      <c r="A17947" s="1">
        <v>4.90734835E8</v>
      </c>
      <c r="B17947" s="2">
        <v>16147.0</v>
      </c>
      <c r="C17947" s="1" t="s">
        <v>5</v>
      </c>
      <c r="D17947" s="1" t="s">
        <v>15238</v>
      </c>
      <c r="E17947" s="1" t="s">
        <v>7</v>
      </c>
    </row>
    <row r="17948">
      <c r="A17948" s="1">
        <v>4.90734881E8</v>
      </c>
      <c r="B17948" s="2">
        <v>16164.0</v>
      </c>
      <c r="C17948" s="1" t="s">
        <v>5</v>
      </c>
      <c r="D17948" s="1" t="s">
        <v>15239</v>
      </c>
      <c r="E17948" s="1" t="s">
        <v>7</v>
      </c>
    </row>
    <row r="17949">
      <c r="A17949" s="1">
        <v>4.90734947E8</v>
      </c>
      <c r="B17949" s="2">
        <v>16140.0</v>
      </c>
      <c r="C17949" s="1" t="s">
        <v>5</v>
      </c>
      <c r="D17949" s="1" t="s">
        <v>15240</v>
      </c>
      <c r="E17949" s="1" t="s">
        <v>7</v>
      </c>
    </row>
    <row r="17950">
      <c r="A17950" s="1">
        <v>4.9073502E8</v>
      </c>
      <c r="B17950" s="2">
        <v>16150.0</v>
      </c>
      <c r="C17950" s="1" t="s">
        <v>5</v>
      </c>
      <c r="D17950" s="1" t="s">
        <v>15241</v>
      </c>
      <c r="E17950" s="1" t="s">
        <v>7</v>
      </c>
    </row>
    <row r="17951">
      <c r="A17951" s="1">
        <v>4.90735086E8</v>
      </c>
      <c r="B17951" s="2">
        <v>16143.0</v>
      </c>
      <c r="C17951" s="1" t="s">
        <v>5</v>
      </c>
      <c r="D17951" s="1" t="s">
        <v>15242</v>
      </c>
      <c r="E17951" s="1" t="s">
        <v>11</v>
      </c>
    </row>
    <row r="17952">
      <c r="A17952" s="1">
        <v>4.90735208E8</v>
      </c>
      <c r="B17952" s="3">
        <v>16218.0</v>
      </c>
      <c r="C17952" s="1" t="s">
        <v>5</v>
      </c>
      <c r="D17952" s="1" t="s">
        <v>15243</v>
      </c>
      <c r="E17952" s="1" t="s">
        <v>7</v>
      </c>
    </row>
    <row r="17953">
      <c r="A17953" s="1">
        <v>4.90735225E8</v>
      </c>
      <c r="B17953" s="2">
        <v>16152.0</v>
      </c>
      <c r="C17953" s="1" t="s">
        <v>5</v>
      </c>
      <c r="D17953" s="1" t="s">
        <v>15244</v>
      </c>
      <c r="E17953" s="1" t="s">
        <v>7</v>
      </c>
    </row>
    <row r="17954">
      <c r="A17954" s="1">
        <v>4.90735243E8</v>
      </c>
      <c r="B17954" s="2">
        <v>16085.0</v>
      </c>
      <c r="C17954" s="1" t="s">
        <v>5</v>
      </c>
      <c r="D17954" s="1" t="s">
        <v>15245</v>
      </c>
      <c r="E17954" s="1" t="s">
        <v>7</v>
      </c>
    </row>
    <row r="17955">
      <c r="A17955" s="1">
        <v>4.9073525E8</v>
      </c>
      <c r="B17955" s="2">
        <v>16143.0</v>
      </c>
      <c r="C17955" s="1" t="s">
        <v>5</v>
      </c>
      <c r="D17955" s="1" t="s">
        <v>15246</v>
      </c>
      <c r="E17955" s="1" t="s">
        <v>11</v>
      </c>
    </row>
    <row r="17956">
      <c r="A17956" s="1">
        <v>4.90735257E8</v>
      </c>
      <c r="B17956" s="3">
        <v>16216.0</v>
      </c>
      <c r="C17956" s="1" t="s">
        <v>5</v>
      </c>
      <c r="D17956" s="1" t="s">
        <v>15247</v>
      </c>
      <c r="E17956" s="1" t="s">
        <v>7</v>
      </c>
    </row>
    <row r="17957">
      <c r="A17957" s="1">
        <v>4.90735261E8</v>
      </c>
      <c r="B17957" s="2">
        <v>16187.0</v>
      </c>
      <c r="C17957" s="1" t="s">
        <v>5</v>
      </c>
      <c r="D17957" s="1" t="s">
        <v>15248</v>
      </c>
      <c r="E17957" s="1" t="s">
        <v>11</v>
      </c>
    </row>
    <row r="17958">
      <c r="A17958" s="1">
        <v>4.90735283E8</v>
      </c>
      <c r="B17958" s="2">
        <v>16152.0</v>
      </c>
      <c r="C17958" s="1" t="s">
        <v>5</v>
      </c>
      <c r="D17958" s="1" t="s">
        <v>15249</v>
      </c>
      <c r="E17958" s="1" t="s">
        <v>11</v>
      </c>
    </row>
    <row r="17959">
      <c r="A17959" s="1">
        <v>4.90735295E8</v>
      </c>
      <c r="B17959" s="2">
        <v>16142.0</v>
      </c>
      <c r="C17959" s="1" t="s">
        <v>5</v>
      </c>
      <c r="D17959" s="1" t="s">
        <v>11</v>
      </c>
      <c r="E17959" s="1" t="s">
        <v>7</v>
      </c>
    </row>
    <row r="17960">
      <c r="A17960" s="1">
        <v>4.90735398E8</v>
      </c>
      <c r="B17960" s="2">
        <v>16152.0</v>
      </c>
      <c r="C17960" s="1" t="s">
        <v>5</v>
      </c>
      <c r="D17960" s="1" t="s">
        <v>15250</v>
      </c>
      <c r="E17960" s="1" t="s">
        <v>7</v>
      </c>
    </row>
    <row r="17961">
      <c r="A17961" s="1">
        <v>4.90735403E8</v>
      </c>
      <c r="B17961" s="3">
        <v>16215.0</v>
      </c>
      <c r="C17961" s="1" t="s">
        <v>5</v>
      </c>
      <c r="D17961" s="1" t="s">
        <v>11</v>
      </c>
      <c r="E17961" s="1" t="s">
        <v>7</v>
      </c>
    </row>
    <row r="17962">
      <c r="A17962" s="1">
        <v>4.90735413E8</v>
      </c>
      <c r="B17962" s="3">
        <v>16215.0</v>
      </c>
      <c r="C17962" s="1" t="s">
        <v>5</v>
      </c>
      <c r="D17962" s="1" t="s">
        <v>15251</v>
      </c>
      <c r="E17962" s="1" t="s">
        <v>7</v>
      </c>
    </row>
    <row r="17963">
      <c r="A17963" s="1">
        <v>4.90735443E8</v>
      </c>
      <c r="B17963" s="2">
        <v>16140.0</v>
      </c>
      <c r="C17963" s="1" t="s">
        <v>5</v>
      </c>
      <c r="D17963" s="1" t="s">
        <v>15252</v>
      </c>
      <c r="E17963" s="1" t="s">
        <v>15253</v>
      </c>
    </row>
    <row r="17964">
      <c r="A17964" s="1">
        <v>4.90735523E8</v>
      </c>
      <c r="B17964" s="3">
        <v>16204.0</v>
      </c>
      <c r="C17964" s="1" t="s">
        <v>5</v>
      </c>
      <c r="D17964" s="1" t="s">
        <v>15254</v>
      </c>
      <c r="E17964" s="1" t="s">
        <v>15255</v>
      </c>
    </row>
    <row r="17965">
      <c r="A17965" s="1">
        <v>4.90735576E8</v>
      </c>
      <c r="B17965" s="2">
        <v>16135.0</v>
      </c>
      <c r="C17965" s="1" t="s">
        <v>5</v>
      </c>
      <c r="D17965" s="1" t="s">
        <v>15256</v>
      </c>
      <c r="E17965" s="1" t="s">
        <v>7</v>
      </c>
    </row>
    <row r="17966">
      <c r="A17966" s="1">
        <v>4.90735581E8</v>
      </c>
      <c r="B17966" s="2">
        <v>16154.0</v>
      </c>
      <c r="C17966" s="1" t="s">
        <v>5</v>
      </c>
      <c r="D17966" s="1" t="s">
        <v>15257</v>
      </c>
      <c r="E17966" s="1" t="s">
        <v>7</v>
      </c>
    </row>
    <row r="17967">
      <c r="A17967" s="1">
        <v>4.90735606E8</v>
      </c>
      <c r="B17967" s="3">
        <v>16204.0</v>
      </c>
      <c r="C17967" s="1" t="s">
        <v>5</v>
      </c>
      <c r="D17967" s="1" t="s">
        <v>15258</v>
      </c>
      <c r="E17967" s="1" t="s">
        <v>7</v>
      </c>
    </row>
    <row r="17968">
      <c r="A17968" s="1">
        <v>4.90735655E8</v>
      </c>
      <c r="B17968" s="3">
        <v>16216.0</v>
      </c>
      <c r="C17968" s="1" t="s">
        <v>5</v>
      </c>
      <c r="D17968" s="1" t="s">
        <v>15259</v>
      </c>
      <c r="E17968" s="1" t="s">
        <v>7</v>
      </c>
    </row>
    <row r="17969">
      <c r="A17969" s="1">
        <v>4.90735686E8</v>
      </c>
      <c r="B17969" s="3">
        <v>16216.0</v>
      </c>
      <c r="C17969" s="1" t="s">
        <v>5</v>
      </c>
      <c r="D17969" s="1" t="s">
        <v>15260</v>
      </c>
      <c r="E17969" s="1" t="s">
        <v>7</v>
      </c>
    </row>
    <row r="17970">
      <c r="A17970" s="1">
        <v>4.90735697E8</v>
      </c>
      <c r="B17970" s="3">
        <v>16216.0</v>
      </c>
      <c r="C17970" s="1" t="s">
        <v>5</v>
      </c>
      <c r="D17970" s="1" t="s">
        <v>11</v>
      </c>
      <c r="E17970" s="1" t="s">
        <v>7</v>
      </c>
    </row>
    <row r="17971">
      <c r="A17971" s="1">
        <v>4.90735703E8</v>
      </c>
      <c r="B17971" s="2">
        <v>16133.0</v>
      </c>
      <c r="C17971" s="1" t="s">
        <v>5</v>
      </c>
      <c r="D17971" s="1" t="s">
        <v>15261</v>
      </c>
      <c r="E17971" s="1" t="s">
        <v>7</v>
      </c>
    </row>
    <row r="17972">
      <c r="A17972" s="1">
        <v>4.90735776E8</v>
      </c>
      <c r="B17972" s="2">
        <v>16084.0</v>
      </c>
      <c r="C17972" s="1" t="s">
        <v>5</v>
      </c>
      <c r="D17972" s="1" t="s">
        <v>15262</v>
      </c>
      <c r="E17972" s="1" t="s">
        <v>7</v>
      </c>
    </row>
    <row r="17973">
      <c r="A17973" s="1">
        <v>4.90735778E8</v>
      </c>
      <c r="B17973" s="2">
        <v>16145.0</v>
      </c>
      <c r="C17973" s="1" t="s">
        <v>5</v>
      </c>
      <c r="D17973" s="1" t="s">
        <v>15263</v>
      </c>
      <c r="E17973" s="1" t="s">
        <v>11</v>
      </c>
    </row>
    <row r="17974">
      <c r="A17974" s="1">
        <v>4.90735783E8</v>
      </c>
      <c r="B17974" s="2">
        <v>16133.0</v>
      </c>
      <c r="C17974" s="1" t="s">
        <v>5</v>
      </c>
      <c r="D17974" s="1" t="s">
        <v>15264</v>
      </c>
      <c r="E17974" s="1" t="s">
        <v>7</v>
      </c>
    </row>
    <row r="17975">
      <c r="A17975" s="1">
        <v>4.90735808E8</v>
      </c>
      <c r="B17975" s="3">
        <v>16216.0</v>
      </c>
      <c r="C17975" s="1" t="s">
        <v>5</v>
      </c>
      <c r="D17975" s="1" t="s">
        <v>15265</v>
      </c>
      <c r="E17975" s="1" t="s">
        <v>11</v>
      </c>
    </row>
    <row r="17976">
      <c r="A17976" s="1">
        <v>4.90736008E8</v>
      </c>
      <c r="B17976" s="2">
        <v>16136.0</v>
      </c>
      <c r="C17976" s="1" t="s">
        <v>5</v>
      </c>
      <c r="D17976" s="1" t="s">
        <v>11</v>
      </c>
      <c r="E17976" s="1" t="s">
        <v>7</v>
      </c>
    </row>
    <row r="17977">
      <c r="A17977" s="1">
        <v>4.90736022E8</v>
      </c>
      <c r="B17977" s="2">
        <v>16184.0</v>
      </c>
      <c r="C17977" s="1" t="s">
        <v>5</v>
      </c>
      <c r="D17977" s="1" t="s">
        <v>15266</v>
      </c>
      <c r="E17977" s="1" t="s">
        <v>11</v>
      </c>
    </row>
    <row r="17978">
      <c r="A17978" s="1">
        <v>4.90736027E8</v>
      </c>
      <c r="B17978" s="2">
        <v>16152.0</v>
      </c>
      <c r="C17978" s="1" t="s">
        <v>5</v>
      </c>
      <c r="D17978" s="1" t="s">
        <v>15267</v>
      </c>
      <c r="E17978" s="1" t="s">
        <v>7</v>
      </c>
    </row>
    <row r="17979">
      <c r="A17979" s="1">
        <v>4.90736097E8</v>
      </c>
      <c r="B17979" s="2">
        <v>16136.0</v>
      </c>
      <c r="C17979" s="1" t="s">
        <v>5</v>
      </c>
      <c r="D17979" s="1" t="s">
        <v>15268</v>
      </c>
      <c r="E17979" s="1" t="s">
        <v>7</v>
      </c>
    </row>
    <row r="17980">
      <c r="A17980" s="1">
        <v>4.90736133E8</v>
      </c>
      <c r="B17980" s="3">
        <v>16211.0</v>
      </c>
      <c r="C17980" s="1" t="s">
        <v>5</v>
      </c>
      <c r="D17980" s="1" t="s">
        <v>15269</v>
      </c>
      <c r="E17980" s="1" t="s">
        <v>7</v>
      </c>
    </row>
    <row r="17981">
      <c r="A17981" s="1">
        <v>4.90736149E8</v>
      </c>
      <c r="B17981" s="2">
        <v>16133.0</v>
      </c>
      <c r="C17981" s="1" t="s">
        <v>5</v>
      </c>
      <c r="D17981" s="1" t="s">
        <v>15270</v>
      </c>
      <c r="E17981" s="1" t="s">
        <v>7</v>
      </c>
    </row>
    <row r="17982">
      <c r="A17982" s="1">
        <v>4.90736162E8</v>
      </c>
      <c r="B17982" s="3">
        <v>16210.0</v>
      </c>
      <c r="C17982" s="1" t="s">
        <v>5</v>
      </c>
      <c r="D17982" s="1" t="s">
        <v>15271</v>
      </c>
      <c r="E17982" s="1" t="s">
        <v>15272</v>
      </c>
    </row>
    <row r="17983">
      <c r="A17983" s="1">
        <v>4.90736165E8</v>
      </c>
      <c r="B17983" s="3">
        <v>16202.0</v>
      </c>
      <c r="C17983" s="1" t="s">
        <v>5</v>
      </c>
      <c r="D17983" s="1" t="s">
        <v>15273</v>
      </c>
      <c r="E17983" s="1" t="s">
        <v>7</v>
      </c>
    </row>
    <row r="17984">
      <c r="A17984" s="1">
        <v>4.90736191E8</v>
      </c>
      <c r="B17984" s="3">
        <v>16210.0</v>
      </c>
      <c r="C17984" s="1" t="s">
        <v>5</v>
      </c>
      <c r="D17984" s="1" t="s">
        <v>15274</v>
      </c>
      <c r="E17984" s="1" t="s">
        <v>7</v>
      </c>
    </row>
    <row r="17985">
      <c r="A17985" s="1">
        <v>4.90736218E8</v>
      </c>
      <c r="B17985" s="2">
        <v>16164.0</v>
      </c>
      <c r="C17985" s="1" t="s">
        <v>5</v>
      </c>
      <c r="D17985" s="1" t="s">
        <v>15275</v>
      </c>
      <c r="E17985" s="1" t="s">
        <v>11</v>
      </c>
    </row>
    <row r="17986">
      <c r="A17986" s="1">
        <v>4.90736238E8</v>
      </c>
      <c r="B17986" s="2">
        <v>16150.0</v>
      </c>
      <c r="C17986" s="1" t="s">
        <v>5</v>
      </c>
      <c r="D17986" s="1" t="s">
        <v>15276</v>
      </c>
      <c r="E17986" s="1" t="s">
        <v>7</v>
      </c>
    </row>
    <row r="17987">
      <c r="A17987" s="1">
        <v>4.90736318E8</v>
      </c>
      <c r="B17987" s="3">
        <v>16210.0</v>
      </c>
      <c r="C17987" s="1" t="s">
        <v>5</v>
      </c>
      <c r="D17987" s="1" t="s">
        <v>15277</v>
      </c>
      <c r="E17987" s="1" t="s">
        <v>7</v>
      </c>
    </row>
    <row r="17988">
      <c r="A17988" s="1">
        <v>4.90736329E8</v>
      </c>
      <c r="B17988" s="3">
        <v>16211.0</v>
      </c>
      <c r="C17988" s="1" t="s">
        <v>5</v>
      </c>
      <c r="D17988" s="1" t="s">
        <v>15278</v>
      </c>
      <c r="E17988" s="1" t="s">
        <v>7</v>
      </c>
    </row>
    <row r="17989">
      <c r="A17989" s="1">
        <v>4.90736333E8</v>
      </c>
      <c r="B17989" s="2">
        <v>16182.0</v>
      </c>
      <c r="C17989" s="1" t="s">
        <v>5</v>
      </c>
      <c r="D17989" s="1" t="s">
        <v>15279</v>
      </c>
      <c r="E17989" s="1" t="s">
        <v>7</v>
      </c>
    </row>
    <row r="17990">
      <c r="A17990" s="1">
        <v>4.90736343E8</v>
      </c>
      <c r="B17990" s="3">
        <v>16201.0</v>
      </c>
      <c r="C17990" s="1" t="s">
        <v>5</v>
      </c>
      <c r="D17990" s="1" t="s">
        <v>15280</v>
      </c>
      <c r="E17990" s="1" t="s">
        <v>7</v>
      </c>
    </row>
    <row r="17991">
      <c r="A17991" s="1">
        <v>4.90736363E8</v>
      </c>
      <c r="B17991" s="3">
        <v>16201.0</v>
      </c>
      <c r="C17991" s="1" t="s">
        <v>5</v>
      </c>
      <c r="D17991" s="1" t="s">
        <v>11</v>
      </c>
      <c r="E17991" s="1" t="s">
        <v>7</v>
      </c>
    </row>
    <row r="17992">
      <c r="A17992" s="1">
        <v>4.90736369E8</v>
      </c>
      <c r="B17992" s="2">
        <v>16134.0</v>
      </c>
      <c r="C17992" s="1" t="s">
        <v>5</v>
      </c>
      <c r="D17992" s="1" t="s">
        <v>11</v>
      </c>
      <c r="E17992" s="1" t="s">
        <v>7</v>
      </c>
    </row>
    <row r="17993">
      <c r="A17993" s="1">
        <v>4.90736375E8</v>
      </c>
      <c r="B17993" s="2">
        <v>16147.0</v>
      </c>
      <c r="C17993" s="1" t="s">
        <v>5</v>
      </c>
      <c r="D17993" s="1" t="s">
        <v>15281</v>
      </c>
      <c r="E17993" s="1" t="s">
        <v>11</v>
      </c>
    </row>
    <row r="17994">
      <c r="A17994" s="1">
        <v>4.90736389E8</v>
      </c>
      <c r="B17994" s="2">
        <v>16190.0</v>
      </c>
      <c r="C17994" s="1" t="s">
        <v>5</v>
      </c>
      <c r="D17994" s="1" t="s">
        <v>15282</v>
      </c>
      <c r="E17994" s="1" t="s">
        <v>7</v>
      </c>
    </row>
    <row r="17995">
      <c r="A17995" s="1">
        <v>4.90736405E8</v>
      </c>
      <c r="B17995" s="2">
        <v>16190.0</v>
      </c>
      <c r="C17995" s="1" t="s">
        <v>5</v>
      </c>
      <c r="D17995" s="1" t="s">
        <v>11</v>
      </c>
      <c r="E17995" s="1" t="s">
        <v>7</v>
      </c>
    </row>
    <row r="17996">
      <c r="A17996" s="1">
        <v>4.90736414E8</v>
      </c>
      <c r="B17996" s="3">
        <v>16209.0</v>
      </c>
      <c r="C17996" s="1" t="s">
        <v>5</v>
      </c>
      <c r="D17996" s="1" t="s">
        <v>15283</v>
      </c>
      <c r="E17996" s="1" t="s">
        <v>7</v>
      </c>
    </row>
    <row r="17997">
      <c r="A17997" s="1">
        <v>4.90736421E8</v>
      </c>
      <c r="B17997" s="3">
        <v>16211.0</v>
      </c>
      <c r="C17997" s="1" t="s">
        <v>5</v>
      </c>
      <c r="D17997" s="1" t="s">
        <v>15284</v>
      </c>
      <c r="E17997" s="1" t="s">
        <v>7</v>
      </c>
    </row>
    <row r="17998">
      <c r="A17998" s="1">
        <v>4.90736436E8</v>
      </c>
      <c r="B17998" s="3">
        <v>16220.0</v>
      </c>
      <c r="C17998" s="1" t="s">
        <v>5</v>
      </c>
      <c r="D17998" s="1" t="s">
        <v>15285</v>
      </c>
      <c r="E17998" s="1" t="s">
        <v>7</v>
      </c>
    </row>
    <row r="17999">
      <c r="A17999" s="1">
        <v>4.90736445E8</v>
      </c>
      <c r="B17999" s="3">
        <v>16201.0</v>
      </c>
      <c r="C17999" s="1" t="s">
        <v>5</v>
      </c>
      <c r="D17999" s="1" t="s">
        <v>11</v>
      </c>
      <c r="E17999" s="1" t="s">
        <v>7</v>
      </c>
    </row>
    <row r="18000">
      <c r="A18000" s="1">
        <v>4.90736446E8</v>
      </c>
      <c r="B18000" s="2">
        <v>16140.0</v>
      </c>
      <c r="C18000" s="1" t="s">
        <v>5</v>
      </c>
      <c r="D18000" s="1" t="s">
        <v>15286</v>
      </c>
      <c r="E18000" s="1" t="s">
        <v>7</v>
      </c>
    </row>
    <row r="18001">
      <c r="A18001" s="1">
        <v>4.90736457E8</v>
      </c>
      <c r="B18001" s="2">
        <v>16149.0</v>
      </c>
      <c r="C18001" s="1" t="s">
        <v>5</v>
      </c>
      <c r="D18001" s="1" t="s">
        <v>15287</v>
      </c>
      <c r="E18001" s="1" t="s">
        <v>7</v>
      </c>
    </row>
    <row r="18002">
      <c r="A18002" s="1">
        <v>4.90736488E8</v>
      </c>
      <c r="B18002" s="2">
        <v>16138.0</v>
      </c>
      <c r="C18002" s="1" t="s">
        <v>5</v>
      </c>
      <c r="D18002" s="1" t="s">
        <v>15288</v>
      </c>
      <c r="E18002" s="1" t="s">
        <v>7</v>
      </c>
    </row>
    <row r="18003">
      <c r="A18003" s="1">
        <v>4.90736495E8</v>
      </c>
      <c r="B18003" s="2">
        <v>16192.0</v>
      </c>
      <c r="C18003" s="1" t="s">
        <v>5</v>
      </c>
      <c r="D18003" s="1" t="s">
        <v>15289</v>
      </c>
      <c r="E18003" s="1" t="s">
        <v>7</v>
      </c>
    </row>
    <row r="18004">
      <c r="A18004" s="1">
        <v>4.9073651E8</v>
      </c>
      <c r="B18004" s="3">
        <v>16209.0</v>
      </c>
      <c r="C18004" s="1" t="s">
        <v>5</v>
      </c>
      <c r="D18004" s="1" t="s">
        <v>15290</v>
      </c>
      <c r="E18004" s="1" t="s">
        <v>15291</v>
      </c>
    </row>
    <row r="18005">
      <c r="A18005" s="1">
        <v>4.90736597E8</v>
      </c>
      <c r="B18005" s="3">
        <v>16209.0</v>
      </c>
      <c r="C18005" s="1" t="s">
        <v>5</v>
      </c>
      <c r="D18005" s="1" t="s">
        <v>11</v>
      </c>
      <c r="E18005" s="1" t="s">
        <v>7</v>
      </c>
    </row>
    <row r="18006">
      <c r="A18006" s="1">
        <v>4.90736601E8</v>
      </c>
      <c r="B18006" s="3">
        <v>16223.0</v>
      </c>
      <c r="C18006" s="1" t="s">
        <v>5</v>
      </c>
      <c r="D18006" s="1" t="s">
        <v>15292</v>
      </c>
      <c r="E18006" s="1" t="s">
        <v>15293</v>
      </c>
    </row>
    <row r="18007">
      <c r="A18007" s="1">
        <v>4.90736603E8</v>
      </c>
      <c r="B18007" s="2">
        <v>16164.0</v>
      </c>
      <c r="C18007" s="1" t="s">
        <v>5</v>
      </c>
      <c r="D18007" s="1" t="s">
        <v>15294</v>
      </c>
      <c r="E18007" s="1" t="s">
        <v>7</v>
      </c>
    </row>
    <row r="18008">
      <c r="A18008" s="1">
        <v>4.9073661E8</v>
      </c>
      <c r="B18008" s="3">
        <v>16210.0</v>
      </c>
      <c r="C18008" s="1" t="s">
        <v>5</v>
      </c>
      <c r="D18008" s="1" t="s">
        <v>11</v>
      </c>
      <c r="E18008" s="1" t="s">
        <v>7</v>
      </c>
    </row>
    <row r="18009">
      <c r="A18009" s="1">
        <v>4.9073662E8</v>
      </c>
      <c r="B18009" s="2">
        <v>16178.0</v>
      </c>
      <c r="C18009" s="1" t="s">
        <v>5</v>
      </c>
      <c r="D18009" s="1" t="s">
        <v>15295</v>
      </c>
      <c r="E18009" s="1" t="s">
        <v>7</v>
      </c>
    </row>
    <row r="18010">
      <c r="A18010" s="1">
        <v>4.90736667E8</v>
      </c>
      <c r="B18010" s="3">
        <v>16199.0</v>
      </c>
      <c r="C18010" s="1" t="s">
        <v>5</v>
      </c>
      <c r="D18010" s="1" t="s">
        <v>15296</v>
      </c>
      <c r="E18010" s="1" t="s">
        <v>7</v>
      </c>
    </row>
    <row r="18011">
      <c r="A18011" s="1">
        <v>4.9073667E8</v>
      </c>
      <c r="B18011" s="2">
        <v>16136.0</v>
      </c>
      <c r="C18011" s="1" t="s">
        <v>5</v>
      </c>
      <c r="D18011" s="1" t="s">
        <v>15297</v>
      </c>
      <c r="E18011" s="1" t="s">
        <v>7</v>
      </c>
    </row>
    <row r="18012">
      <c r="A18012" s="1">
        <v>4.90736677E8</v>
      </c>
      <c r="B18012" s="3">
        <v>16210.0</v>
      </c>
      <c r="C18012" s="1" t="s">
        <v>5</v>
      </c>
      <c r="D18012" s="1" t="s">
        <v>15298</v>
      </c>
      <c r="E18012" s="1" t="s">
        <v>7</v>
      </c>
    </row>
    <row r="18013">
      <c r="A18013" s="1">
        <v>4.90736716E8</v>
      </c>
      <c r="B18013" s="2">
        <v>16188.0</v>
      </c>
      <c r="C18013" s="1" t="s">
        <v>5</v>
      </c>
      <c r="D18013" s="1" t="s">
        <v>15299</v>
      </c>
      <c r="E18013" s="1" t="s">
        <v>7</v>
      </c>
    </row>
    <row r="18014">
      <c r="A18014" s="1">
        <v>4.9073673E8</v>
      </c>
      <c r="B18014" s="2">
        <v>16136.0</v>
      </c>
      <c r="C18014" s="1" t="s">
        <v>5</v>
      </c>
      <c r="D18014" s="1" t="s">
        <v>15300</v>
      </c>
      <c r="E18014" s="1" t="s">
        <v>7</v>
      </c>
    </row>
    <row r="18015">
      <c r="A18015" s="1">
        <v>4.9073676E8</v>
      </c>
      <c r="B18015" s="3">
        <v>16206.0</v>
      </c>
      <c r="C18015" s="1" t="s">
        <v>5</v>
      </c>
      <c r="D18015" s="1" t="s">
        <v>15301</v>
      </c>
      <c r="E18015" s="1" t="s">
        <v>7</v>
      </c>
    </row>
    <row r="18016">
      <c r="A18016" s="1">
        <v>4.90736767E8</v>
      </c>
      <c r="B18016" s="3">
        <v>16223.0</v>
      </c>
      <c r="C18016" s="1" t="s">
        <v>5</v>
      </c>
      <c r="D18016" s="1" t="s">
        <v>15302</v>
      </c>
      <c r="E18016" s="1" t="s">
        <v>11</v>
      </c>
    </row>
    <row r="18017">
      <c r="A18017" s="1">
        <v>4.90736905E8</v>
      </c>
      <c r="B18017" s="2">
        <v>16138.0</v>
      </c>
      <c r="C18017" s="1" t="s">
        <v>5</v>
      </c>
      <c r="D18017" s="1" t="s">
        <v>11</v>
      </c>
      <c r="E18017" s="1" t="s">
        <v>7</v>
      </c>
    </row>
    <row r="18018">
      <c r="A18018" s="1">
        <v>4.90737123E8</v>
      </c>
      <c r="B18018" s="2">
        <v>16175.0</v>
      </c>
      <c r="C18018" s="1" t="s">
        <v>5</v>
      </c>
      <c r="D18018" s="1" t="s">
        <v>15303</v>
      </c>
      <c r="E18018" s="1" t="s">
        <v>11</v>
      </c>
    </row>
    <row r="18019">
      <c r="A18019" s="1">
        <v>4.90737165E8</v>
      </c>
      <c r="B18019" s="3">
        <v>16215.0</v>
      </c>
      <c r="C18019" s="1" t="s">
        <v>5</v>
      </c>
      <c r="D18019" s="1" t="s">
        <v>15304</v>
      </c>
      <c r="E18019" s="1" t="s">
        <v>7</v>
      </c>
    </row>
    <row r="18020">
      <c r="A18020" s="1">
        <v>4.90737249E8</v>
      </c>
      <c r="B18020" s="3">
        <v>16195.0</v>
      </c>
      <c r="C18020" s="1" t="s">
        <v>5</v>
      </c>
      <c r="D18020" s="1" t="s">
        <v>14787</v>
      </c>
      <c r="E18020" s="1" t="s">
        <v>7</v>
      </c>
    </row>
    <row r="18021">
      <c r="A18021" s="1">
        <v>4.90737309E8</v>
      </c>
      <c r="B18021" s="3">
        <v>16210.0</v>
      </c>
      <c r="C18021" s="1" t="s">
        <v>5</v>
      </c>
      <c r="D18021" s="1" t="s">
        <v>15305</v>
      </c>
      <c r="E18021" s="1" t="s">
        <v>11</v>
      </c>
    </row>
    <row r="18022">
      <c r="A18022" s="1">
        <v>4.9073732E8</v>
      </c>
      <c r="B18022" s="2">
        <v>16253.0</v>
      </c>
      <c r="C18022" s="1" t="s">
        <v>5</v>
      </c>
      <c r="D18022" s="1" t="s">
        <v>15306</v>
      </c>
      <c r="E18022" s="1" t="s">
        <v>7</v>
      </c>
    </row>
    <row r="18023">
      <c r="A18023" s="1">
        <v>4.9073734E8</v>
      </c>
      <c r="B18023" s="2">
        <v>16187.0</v>
      </c>
      <c r="C18023" s="1" t="s">
        <v>5</v>
      </c>
      <c r="D18023" s="1" t="s">
        <v>15307</v>
      </c>
      <c r="E18023" s="1" t="s">
        <v>7</v>
      </c>
    </row>
    <row r="18024">
      <c r="A18024" s="1">
        <v>4.90737363E8</v>
      </c>
      <c r="B18024" s="2">
        <v>16135.0</v>
      </c>
      <c r="C18024" s="1" t="s">
        <v>5</v>
      </c>
      <c r="D18024" s="1" t="s">
        <v>11</v>
      </c>
      <c r="E18024" s="1" t="s">
        <v>7</v>
      </c>
    </row>
    <row r="18025">
      <c r="A18025" s="1">
        <v>4.90737376E8</v>
      </c>
      <c r="B18025" s="2">
        <v>16135.0</v>
      </c>
      <c r="C18025" s="1" t="s">
        <v>5</v>
      </c>
      <c r="D18025" s="1" t="s">
        <v>15308</v>
      </c>
      <c r="E18025" s="1" t="s">
        <v>7</v>
      </c>
    </row>
    <row r="18026">
      <c r="A18026" s="1">
        <v>4.90737413E8</v>
      </c>
      <c r="B18026" s="2">
        <v>16135.0</v>
      </c>
      <c r="C18026" s="1" t="s">
        <v>5</v>
      </c>
      <c r="D18026" s="1" t="s">
        <v>15309</v>
      </c>
      <c r="E18026" s="1" t="s">
        <v>7</v>
      </c>
    </row>
    <row r="18027">
      <c r="A18027" s="1">
        <v>4.90737429E8</v>
      </c>
      <c r="B18027" s="3">
        <v>16206.0</v>
      </c>
      <c r="C18027" s="1" t="s">
        <v>5</v>
      </c>
      <c r="D18027" s="1" t="s">
        <v>15310</v>
      </c>
      <c r="E18027" s="1" t="s">
        <v>7</v>
      </c>
    </row>
    <row r="18028">
      <c r="A18028" s="1">
        <v>4.90737435E8</v>
      </c>
      <c r="B18028" s="3">
        <v>16215.0</v>
      </c>
      <c r="C18028" s="1" t="s">
        <v>5</v>
      </c>
      <c r="D18028" s="1" t="s">
        <v>11</v>
      </c>
      <c r="E18028" s="1" t="s">
        <v>7</v>
      </c>
    </row>
    <row r="18029">
      <c r="A18029" s="1">
        <v>4.90737446E8</v>
      </c>
      <c r="B18029" s="2">
        <v>16253.0</v>
      </c>
      <c r="C18029" s="1" t="s">
        <v>5</v>
      </c>
      <c r="D18029" s="1" t="s">
        <v>15311</v>
      </c>
      <c r="E18029" s="1" t="s">
        <v>7</v>
      </c>
    </row>
    <row r="18030">
      <c r="A18030" s="1">
        <v>4.90737605E8</v>
      </c>
      <c r="B18030" s="2">
        <v>16192.0</v>
      </c>
      <c r="C18030" s="1" t="s">
        <v>5</v>
      </c>
      <c r="D18030" s="1" t="s">
        <v>15312</v>
      </c>
      <c r="E18030" s="1" t="s">
        <v>11</v>
      </c>
    </row>
    <row r="18031">
      <c r="A18031" s="1">
        <v>4.90737608E8</v>
      </c>
      <c r="B18031" s="2">
        <v>16251.0</v>
      </c>
      <c r="C18031" s="1" t="s">
        <v>5</v>
      </c>
      <c r="D18031" s="1" t="s">
        <v>15313</v>
      </c>
      <c r="E18031" s="1" t="s">
        <v>15314</v>
      </c>
    </row>
    <row r="18032">
      <c r="A18032" s="1">
        <v>4.90737611E8</v>
      </c>
      <c r="B18032" s="2">
        <v>16180.0</v>
      </c>
      <c r="C18032" s="1" t="s">
        <v>5</v>
      </c>
      <c r="D18032" s="1" t="s">
        <v>15315</v>
      </c>
      <c r="E18032" s="1" t="s">
        <v>15316</v>
      </c>
    </row>
    <row r="18033">
      <c r="A18033" s="1">
        <v>4.90737617E8</v>
      </c>
      <c r="B18033" s="2">
        <v>16251.0</v>
      </c>
      <c r="C18033" s="1" t="s">
        <v>5</v>
      </c>
      <c r="D18033" s="1" t="s">
        <v>15317</v>
      </c>
      <c r="E18033" s="1" t="s">
        <v>7</v>
      </c>
    </row>
    <row r="18034">
      <c r="A18034" s="1">
        <v>4.90737634E8</v>
      </c>
      <c r="B18034" s="2">
        <v>16140.0</v>
      </c>
      <c r="C18034" s="1" t="s">
        <v>5</v>
      </c>
      <c r="D18034" s="1" t="s">
        <v>11</v>
      </c>
      <c r="E18034" s="1" t="s">
        <v>7</v>
      </c>
    </row>
    <row r="18035">
      <c r="A18035" s="1">
        <v>4.90737645E8</v>
      </c>
      <c r="B18035" s="3">
        <v>16204.0</v>
      </c>
      <c r="C18035" s="1" t="s">
        <v>5</v>
      </c>
      <c r="D18035" s="1" t="s">
        <v>15318</v>
      </c>
      <c r="E18035" s="1" t="s">
        <v>7</v>
      </c>
    </row>
    <row r="18036">
      <c r="A18036" s="1">
        <v>4.90737655E8</v>
      </c>
      <c r="B18036" s="2">
        <v>16192.0</v>
      </c>
      <c r="C18036" s="1" t="s">
        <v>5</v>
      </c>
      <c r="D18036" s="1" t="s">
        <v>15319</v>
      </c>
      <c r="E18036" s="1" t="s">
        <v>11</v>
      </c>
    </row>
    <row r="18037">
      <c r="A18037" s="1">
        <v>4.90737661E8</v>
      </c>
      <c r="B18037" s="3">
        <v>16213.0</v>
      </c>
      <c r="C18037" s="1" t="s">
        <v>5</v>
      </c>
      <c r="D18037" s="1" t="s">
        <v>15320</v>
      </c>
      <c r="E18037" s="1" t="s">
        <v>11</v>
      </c>
    </row>
    <row r="18038">
      <c r="A18038" s="1">
        <v>4.90737677E8</v>
      </c>
      <c r="B18038" s="2">
        <v>16169.0</v>
      </c>
      <c r="C18038" s="1" t="s">
        <v>5</v>
      </c>
      <c r="D18038" s="1" t="s">
        <v>11</v>
      </c>
      <c r="E18038" s="1" t="s">
        <v>7</v>
      </c>
    </row>
    <row r="18039">
      <c r="A18039" s="1">
        <v>4.90737709E8</v>
      </c>
      <c r="B18039" s="2">
        <v>16192.0</v>
      </c>
      <c r="C18039" s="1" t="s">
        <v>5</v>
      </c>
      <c r="D18039" s="1" t="s">
        <v>11</v>
      </c>
      <c r="E18039" s="1" t="s">
        <v>7</v>
      </c>
    </row>
    <row r="18040">
      <c r="A18040" s="1">
        <v>4.90737721E8</v>
      </c>
      <c r="B18040" s="2">
        <v>16132.0</v>
      </c>
      <c r="C18040" s="1" t="s">
        <v>5</v>
      </c>
      <c r="D18040" s="1" t="s">
        <v>15321</v>
      </c>
      <c r="E18040" s="1" t="s">
        <v>7</v>
      </c>
    </row>
    <row r="18041">
      <c r="A18041" s="1">
        <v>4.90737734E8</v>
      </c>
      <c r="B18041" s="3">
        <v>16201.0</v>
      </c>
      <c r="C18041" s="1" t="s">
        <v>5</v>
      </c>
      <c r="D18041" s="1" t="s">
        <v>11</v>
      </c>
      <c r="E18041" s="1" t="s">
        <v>7</v>
      </c>
    </row>
    <row r="18042">
      <c r="A18042" s="1">
        <v>4.90737805E8</v>
      </c>
      <c r="B18042" s="2">
        <v>16178.0</v>
      </c>
      <c r="C18042" s="1" t="s">
        <v>5</v>
      </c>
      <c r="D18042" s="1" t="s">
        <v>11</v>
      </c>
      <c r="E18042" s="1" t="s">
        <v>7</v>
      </c>
    </row>
    <row r="18043">
      <c r="A18043" s="1">
        <v>4.90737851E8</v>
      </c>
      <c r="B18043" s="2">
        <v>16252.0</v>
      </c>
      <c r="C18043" s="1" t="s">
        <v>5</v>
      </c>
      <c r="D18043" s="1" t="s">
        <v>15322</v>
      </c>
      <c r="E18043" s="1" t="s">
        <v>15323</v>
      </c>
    </row>
    <row r="18044">
      <c r="A18044" s="1">
        <v>4.90737861E8</v>
      </c>
      <c r="B18044" s="2">
        <v>16170.0</v>
      </c>
      <c r="C18044" s="1" t="s">
        <v>5</v>
      </c>
      <c r="D18044" s="1" t="s">
        <v>15324</v>
      </c>
      <c r="E18044" s="1" t="s">
        <v>7</v>
      </c>
    </row>
    <row r="18045">
      <c r="A18045" s="1">
        <v>4.90737885E8</v>
      </c>
      <c r="B18045" s="2">
        <v>16141.0</v>
      </c>
      <c r="C18045" s="1" t="s">
        <v>5</v>
      </c>
      <c r="D18045" s="1" t="s">
        <v>15325</v>
      </c>
      <c r="E18045" s="1" t="s">
        <v>11</v>
      </c>
    </row>
    <row r="18046">
      <c r="A18046" s="1">
        <v>4.90737907E8</v>
      </c>
      <c r="B18046" s="2">
        <v>16191.0</v>
      </c>
      <c r="C18046" s="1" t="s">
        <v>5</v>
      </c>
      <c r="D18046" s="1" t="s">
        <v>15326</v>
      </c>
      <c r="E18046" s="1" t="s">
        <v>11</v>
      </c>
    </row>
    <row r="18047">
      <c r="A18047" s="1">
        <v>4.90737928E8</v>
      </c>
      <c r="B18047" s="2">
        <v>16136.0</v>
      </c>
      <c r="C18047" s="1" t="s">
        <v>5</v>
      </c>
      <c r="D18047" s="1" t="s">
        <v>15327</v>
      </c>
      <c r="E18047" s="1" t="s">
        <v>15328</v>
      </c>
    </row>
    <row r="18048">
      <c r="A18048" s="1">
        <v>4.90737936E8</v>
      </c>
      <c r="B18048" s="2">
        <v>16139.0</v>
      </c>
      <c r="C18048" s="1" t="s">
        <v>5</v>
      </c>
      <c r="D18048" s="1" t="s">
        <v>11</v>
      </c>
      <c r="E18048" s="1" t="s">
        <v>7</v>
      </c>
    </row>
    <row r="18049">
      <c r="A18049" s="1">
        <v>4.90737977E8</v>
      </c>
      <c r="B18049" s="2">
        <v>16252.0</v>
      </c>
      <c r="C18049" s="1" t="s">
        <v>5</v>
      </c>
      <c r="D18049" s="1" t="s">
        <v>15329</v>
      </c>
      <c r="E18049" s="1" t="s">
        <v>7</v>
      </c>
    </row>
    <row r="18050">
      <c r="A18050" s="1">
        <v>4.90737991E8</v>
      </c>
      <c r="B18050" s="3">
        <v>16199.0</v>
      </c>
      <c r="C18050" s="1" t="s">
        <v>5</v>
      </c>
      <c r="D18050" s="1" t="s">
        <v>11</v>
      </c>
      <c r="E18050" s="1" t="s">
        <v>7</v>
      </c>
    </row>
    <row r="18051">
      <c r="A18051" s="1">
        <v>4.90738005E8</v>
      </c>
      <c r="B18051" s="2">
        <v>16191.0</v>
      </c>
      <c r="C18051" s="1" t="s">
        <v>5</v>
      </c>
      <c r="D18051" s="1" t="s">
        <v>11</v>
      </c>
      <c r="E18051" s="1" t="s">
        <v>7</v>
      </c>
    </row>
    <row r="18052">
      <c r="A18052" s="1">
        <v>4.90738032E8</v>
      </c>
      <c r="B18052" s="3">
        <v>16212.0</v>
      </c>
      <c r="C18052" s="1" t="s">
        <v>5</v>
      </c>
      <c r="D18052" s="1" t="s">
        <v>15330</v>
      </c>
      <c r="E18052" s="1" t="s">
        <v>7</v>
      </c>
    </row>
    <row r="18053">
      <c r="A18053" s="1">
        <v>4.90738043E8</v>
      </c>
      <c r="B18053" s="2">
        <v>16192.0</v>
      </c>
      <c r="C18053" s="1" t="s">
        <v>5</v>
      </c>
      <c r="D18053" s="1" t="s">
        <v>11</v>
      </c>
      <c r="E18053" s="1" t="s">
        <v>7</v>
      </c>
    </row>
    <row r="18054">
      <c r="A18054" s="1">
        <v>4.90738063E8</v>
      </c>
      <c r="B18054" s="2">
        <v>16192.0</v>
      </c>
      <c r="C18054" s="1" t="s">
        <v>5</v>
      </c>
      <c r="D18054" s="1" t="s">
        <v>15331</v>
      </c>
      <c r="E18054" s="1" t="s">
        <v>7</v>
      </c>
    </row>
    <row r="18055">
      <c r="A18055" s="1">
        <v>4.90738083E8</v>
      </c>
      <c r="B18055" s="3">
        <v>16201.0</v>
      </c>
      <c r="C18055" s="1" t="s">
        <v>5</v>
      </c>
      <c r="D18055" s="1" t="s">
        <v>15332</v>
      </c>
      <c r="E18055" s="1" t="s">
        <v>7</v>
      </c>
    </row>
    <row r="18056">
      <c r="A18056" s="1">
        <v>4.90738101E8</v>
      </c>
      <c r="B18056" s="2">
        <v>16192.0</v>
      </c>
      <c r="C18056" s="1" t="s">
        <v>5</v>
      </c>
      <c r="D18056" s="1" t="s">
        <v>15333</v>
      </c>
      <c r="E18056" s="1" t="s">
        <v>11</v>
      </c>
    </row>
    <row r="18057">
      <c r="A18057" s="1">
        <v>4.90738154E8</v>
      </c>
      <c r="B18057" s="3">
        <v>16202.0</v>
      </c>
      <c r="C18057" s="1" t="s">
        <v>5</v>
      </c>
      <c r="D18057" s="1" t="s">
        <v>15334</v>
      </c>
      <c r="E18057" s="1" t="s">
        <v>7</v>
      </c>
    </row>
    <row r="18058">
      <c r="A18058" s="1">
        <v>4.90738156E8</v>
      </c>
      <c r="B18058" s="2">
        <v>16248.0</v>
      </c>
      <c r="C18058" s="1" t="s">
        <v>5</v>
      </c>
      <c r="D18058" s="1" t="s">
        <v>15335</v>
      </c>
      <c r="E18058" s="1" t="s">
        <v>7</v>
      </c>
    </row>
    <row r="18059">
      <c r="A18059" s="1">
        <v>4.90738183E8</v>
      </c>
      <c r="B18059" s="3">
        <v>16199.0</v>
      </c>
      <c r="C18059" s="1" t="s">
        <v>5</v>
      </c>
      <c r="D18059" s="1" t="s">
        <v>11</v>
      </c>
      <c r="E18059" s="1" t="s">
        <v>7</v>
      </c>
    </row>
    <row r="18060">
      <c r="A18060" s="1">
        <v>4.90738256E8</v>
      </c>
      <c r="B18060" s="2">
        <v>16250.0</v>
      </c>
      <c r="C18060" s="1" t="s">
        <v>5</v>
      </c>
      <c r="D18060" s="1" t="s">
        <v>11</v>
      </c>
      <c r="E18060" s="1" t="s">
        <v>7</v>
      </c>
    </row>
    <row r="18061">
      <c r="A18061" s="1">
        <v>4.90738261E8</v>
      </c>
      <c r="B18061" s="2">
        <v>16138.0</v>
      </c>
      <c r="C18061" s="1" t="s">
        <v>5</v>
      </c>
      <c r="D18061" s="1" t="s">
        <v>15336</v>
      </c>
      <c r="E18061" s="1" t="s">
        <v>15337</v>
      </c>
    </row>
    <row r="18062">
      <c r="A18062" s="1">
        <v>4.9073832E8</v>
      </c>
      <c r="B18062" s="2">
        <v>16185.0</v>
      </c>
      <c r="C18062" s="1" t="s">
        <v>5</v>
      </c>
      <c r="D18062" s="1" t="s">
        <v>11</v>
      </c>
      <c r="E18062" s="1" t="s">
        <v>7</v>
      </c>
    </row>
    <row r="18063">
      <c r="A18063" s="1">
        <v>4.90738368E8</v>
      </c>
      <c r="B18063" s="3">
        <v>16206.0</v>
      </c>
      <c r="C18063" s="1" t="s">
        <v>5</v>
      </c>
      <c r="D18063" s="1" t="s">
        <v>15338</v>
      </c>
      <c r="E18063" s="1" t="s">
        <v>7</v>
      </c>
    </row>
    <row r="18064">
      <c r="A18064" s="1">
        <v>4.90738411E8</v>
      </c>
      <c r="B18064" s="2">
        <v>16133.0</v>
      </c>
      <c r="C18064" s="1" t="s">
        <v>5</v>
      </c>
      <c r="D18064" s="1" t="s">
        <v>15339</v>
      </c>
      <c r="E18064" s="1" t="s">
        <v>7</v>
      </c>
    </row>
    <row r="18065">
      <c r="A18065" s="1">
        <v>4.90738413E8</v>
      </c>
      <c r="B18065" s="2">
        <v>16185.0</v>
      </c>
      <c r="C18065" s="1" t="s">
        <v>5</v>
      </c>
      <c r="D18065" s="1" t="s">
        <v>15340</v>
      </c>
      <c r="E18065" s="1" t="s">
        <v>7</v>
      </c>
    </row>
    <row r="18066">
      <c r="A18066" s="1">
        <v>4.90738424E8</v>
      </c>
      <c r="B18066" s="3">
        <v>16204.0</v>
      </c>
      <c r="C18066" s="1" t="s">
        <v>5</v>
      </c>
      <c r="D18066" s="1" t="s">
        <v>15341</v>
      </c>
      <c r="E18066" s="1" t="s">
        <v>7</v>
      </c>
    </row>
    <row r="18067">
      <c r="A18067" s="1">
        <v>4.90738433E8</v>
      </c>
      <c r="B18067" s="2">
        <v>16164.0</v>
      </c>
      <c r="C18067" s="1" t="s">
        <v>5</v>
      </c>
      <c r="D18067" s="1" t="s">
        <v>15342</v>
      </c>
      <c r="E18067" s="1" t="s">
        <v>7</v>
      </c>
    </row>
    <row r="18068">
      <c r="A18068" s="1">
        <v>4.90738445E8</v>
      </c>
      <c r="B18068" s="2">
        <v>16247.0</v>
      </c>
      <c r="C18068" s="1" t="s">
        <v>5</v>
      </c>
      <c r="D18068" s="1" t="s">
        <v>15343</v>
      </c>
      <c r="E18068" s="1" t="s">
        <v>7</v>
      </c>
    </row>
    <row r="18069">
      <c r="A18069" s="1">
        <v>4.90738452E8</v>
      </c>
      <c r="B18069" s="3">
        <v>16199.0</v>
      </c>
      <c r="C18069" s="1" t="s">
        <v>5</v>
      </c>
      <c r="D18069" s="1" t="s">
        <v>15344</v>
      </c>
      <c r="E18069" s="1" t="s">
        <v>11</v>
      </c>
    </row>
    <row r="18070">
      <c r="A18070" s="1">
        <v>4.90738474E8</v>
      </c>
      <c r="B18070" s="2">
        <v>16136.0</v>
      </c>
      <c r="C18070" s="1" t="s">
        <v>5</v>
      </c>
      <c r="D18070" s="1" t="s">
        <v>15345</v>
      </c>
      <c r="E18070" s="1" t="s">
        <v>7</v>
      </c>
    </row>
    <row r="18071">
      <c r="A18071" s="1">
        <v>4.90738487E8</v>
      </c>
      <c r="B18071" s="2">
        <v>16171.0</v>
      </c>
      <c r="C18071" s="1" t="s">
        <v>5</v>
      </c>
      <c r="D18071" s="1" t="s">
        <v>11</v>
      </c>
      <c r="E18071" s="1" t="s">
        <v>7</v>
      </c>
    </row>
    <row r="18072">
      <c r="A18072" s="1">
        <v>4.90738496E8</v>
      </c>
      <c r="B18072" s="2">
        <v>16185.0</v>
      </c>
      <c r="C18072" s="1" t="s">
        <v>5</v>
      </c>
      <c r="D18072" s="1" t="s">
        <v>15346</v>
      </c>
      <c r="E18072" s="1" t="s">
        <v>7</v>
      </c>
    </row>
    <row r="18073">
      <c r="A18073" s="1">
        <v>4.9073852E8</v>
      </c>
      <c r="B18073" s="3">
        <v>16220.0</v>
      </c>
      <c r="C18073" s="1" t="s">
        <v>5</v>
      </c>
      <c r="D18073" s="1" t="s">
        <v>11</v>
      </c>
      <c r="E18073" s="1" t="s">
        <v>7</v>
      </c>
    </row>
    <row r="18074">
      <c r="A18074" s="1">
        <v>4.90738536E8</v>
      </c>
      <c r="B18074" s="2">
        <v>16247.0</v>
      </c>
      <c r="C18074" s="1" t="s">
        <v>5</v>
      </c>
      <c r="D18074" s="1" t="s">
        <v>15347</v>
      </c>
      <c r="E18074" s="1" t="s">
        <v>15348</v>
      </c>
    </row>
    <row r="18075">
      <c r="A18075" s="1">
        <v>4.90738537E8</v>
      </c>
      <c r="B18075" s="3">
        <v>16198.0</v>
      </c>
      <c r="C18075" s="1" t="s">
        <v>5</v>
      </c>
      <c r="D18075" s="1" t="s">
        <v>15349</v>
      </c>
      <c r="E18075" s="1" t="s">
        <v>7</v>
      </c>
    </row>
    <row r="18076">
      <c r="A18076" s="1">
        <v>4.90738556E8</v>
      </c>
      <c r="B18076" s="3">
        <v>16198.0</v>
      </c>
      <c r="C18076" s="1" t="s">
        <v>5</v>
      </c>
      <c r="D18076" s="1" t="s">
        <v>15350</v>
      </c>
      <c r="E18076" s="1" t="s">
        <v>7</v>
      </c>
    </row>
    <row r="18077">
      <c r="A18077" s="1">
        <v>4.9073857E8</v>
      </c>
      <c r="B18077" s="3">
        <v>16195.0</v>
      </c>
      <c r="C18077" s="1" t="s">
        <v>5</v>
      </c>
      <c r="D18077" s="1" t="s">
        <v>15351</v>
      </c>
      <c r="E18077" s="1" t="s">
        <v>7</v>
      </c>
    </row>
    <row r="18078">
      <c r="A18078" s="1">
        <v>4.90738603E8</v>
      </c>
      <c r="B18078" s="3">
        <v>16199.0</v>
      </c>
      <c r="C18078" s="1" t="s">
        <v>5</v>
      </c>
      <c r="D18078" s="1" t="s">
        <v>15352</v>
      </c>
      <c r="E18078" s="1" t="s">
        <v>7</v>
      </c>
    </row>
    <row r="18079">
      <c r="A18079" s="1">
        <v>4.90738642E8</v>
      </c>
      <c r="B18079" s="2">
        <v>16187.0</v>
      </c>
      <c r="C18079" s="1" t="s">
        <v>5</v>
      </c>
      <c r="D18079" s="1" t="s">
        <v>11</v>
      </c>
      <c r="E18079" s="1" t="s">
        <v>7</v>
      </c>
    </row>
    <row r="18080">
      <c r="A18080" s="1">
        <v>4.90738661E8</v>
      </c>
      <c r="B18080" s="3">
        <v>16195.0</v>
      </c>
      <c r="C18080" s="1" t="s">
        <v>5</v>
      </c>
      <c r="D18080" s="1" t="s">
        <v>15353</v>
      </c>
      <c r="E18080" s="1" t="s">
        <v>7</v>
      </c>
    </row>
    <row r="18081">
      <c r="A18081" s="1">
        <v>4.90738699E8</v>
      </c>
      <c r="B18081" s="2">
        <v>16245.0</v>
      </c>
      <c r="C18081" s="1" t="s">
        <v>5</v>
      </c>
      <c r="D18081" s="1" t="s">
        <v>15354</v>
      </c>
      <c r="E18081" s="1" t="s">
        <v>7</v>
      </c>
    </row>
    <row r="18082">
      <c r="A18082" s="1">
        <v>4.90738701E8</v>
      </c>
      <c r="B18082" s="2">
        <v>16245.0</v>
      </c>
      <c r="C18082" s="1" t="s">
        <v>5</v>
      </c>
      <c r="D18082" s="1" t="s">
        <v>15355</v>
      </c>
      <c r="E18082" s="1" t="s">
        <v>7</v>
      </c>
    </row>
    <row r="18083">
      <c r="A18083" s="1">
        <v>4.90738702E8</v>
      </c>
      <c r="B18083" s="2">
        <v>16245.0</v>
      </c>
      <c r="C18083" s="1" t="s">
        <v>5</v>
      </c>
      <c r="D18083" s="1" t="s">
        <v>15356</v>
      </c>
      <c r="E18083" s="1" t="s">
        <v>11</v>
      </c>
    </row>
    <row r="18084">
      <c r="A18084" s="1">
        <v>4.90738771E8</v>
      </c>
      <c r="B18084" s="2">
        <v>16184.0</v>
      </c>
      <c r="C18084" s="1" t="s">
        <v>5</v>
      </c>
      <c r="D18084" s="1" t="s">
        <v>11</v>
      </c>
      <c r="E18084" s="1" t="s">
        <v>7</v>
      </c>
    </row>
    <row r="18085">
      <c r="A18085" s="1">
        <v>4.90738879E8</v>
      </c>
      <c r="B18085" s="2">
        <v>16244.0</v>
      </c>
      <c r="C18085" s="1" t="s">
        <v>5</v>
      </c>
      <c r="D18085" s="1" t="s">
        <v>14519</v>
      </c>
      <c r="E18085" s="1" t="s">
        <v>7</v>
      </c>
    </row>
    <row r="18086">
      <c r="A18086" s="1">
        <v>4.90738921E8</v>
      </c>
      <c r="B18086" s="2">
        <v>16245.0</v>
      </c>
      <c r="C18086" s="1" t="s">
        <v>5</v>
      </c>
      <c r="D18086" s="1" t="s">
        <v>14163</v>
      </c>
      <c r="E18086" s="1" t="s">
        <v>7</v>
      </c>
    </row>
    <row r="18087">
      <c r="A18087" s="1">
        <v>4.90738956E8</v>
      </c>
      <c r="B18087" s="3">
        <v>16222.0</v>
      </c>
      <c r="C18087" s="1" t="s">
        <v>5</v>
      </c>
      <c r="D18087" s="1" t="s">
        <v>11</v>
      </c>
      <c r="E18087" s="1" t="s">
        <v>7</v>
      </c>
    </row>
    <row r="18088">
      <c r="A18088" s="1">
        <v>4.90738957E8</v>
      </c>
      <c r="B18088" s="2">
        <v>16188.0</v>
      </c>
      <c r="C18088" s="1" t="s">
        <v>5</v>
      </c>
      <c r="D18088" s="1" t="s">
        <v>15357</v>
      </c>
      <c r="E18088" s="1" t="s">
        <v>7</v>
      </c>
    </row>
    <row r="18089">
      <c r="A18089" s="1">
        <v>4.90738969E8</v>
      </c>
      <c r="B18089" s="3">
        <v>16201.0</v>
      </c>
      <c r="C18089" s="1" t="s">
        <v>5</v>
      </c>
      <c r="D18089" s="1" t="s">
        <v>15358</v>
      </c>
      <c r="E18089" s="1" t="s">
        <v>7</v>
      </c>
    </row>
    <row r="18090">
      <c r="A18090" s="1">
        <v>4.90738974E8</v>
      </c>
      <c r="B18090" s="2">
        <v>16166.0</v>
      </c>
      <c r="C18090" s="1" t="s">
        <v>5</v>
      </c>
      <c r="D18090" s="1" t="s">
        <v>15359</v>
      </c>
      <c r="E18090" s="1" t="s">
        <v>11</v>
      </c>
    </row>
    <row r="18091">
      <c r="A18091" s="1">
        <v>4.90739002E8</v>
      </c>
      <c r="B18091" s="2">
        <v>16188.0</v>
      </c>
      <c r="C18091" s="1" t="s">
        <v>5</v>
      </c>
      <c r="D18091" s="1" t="s">
        <v>15360</v>
      </c>
      <c r="E18091" s="1" t="s">
        <v>7</v>
      </c>
    </row>
    <row r="18092">
      <c r="A18092" s="1">
        <v>4.90739005E8</v>
      </c>
      <c r="B18092" s="3">
        <v>16208.0</v>
      </c>
      <c r="C18092" s="1" t="s">
        <v>5</v>
      </c>
      <c r="D18092" s="1" t="s">
        <v>15361</v>
      </c>
      <c r="E18092" s="1" t="s">
        <v>7</v>
      </c>
    </row>
    <row r="18093">
      <c r="A18093" s="1">
        <v>4.90739013E8</v>
      </c>
      <c r="B18093" s="2">
        <v>16245.0</v>
      </c>
      <c r="C18093" s="1" t="s">
        <v>5</v>
      </c>
      <c r="D18093" s="1" t="s">
        <v>15362</v>
      </c>
      <c r="E18093" s="1" t="s">
        <v>7</v>
      </c>
    </row>
    <row r="18094">
      <c r="A18094" s="1">
        <v>4.90739021E8</v>
      </c>
      <c r="B18094" s="2">
        <v>16188.0</v>
      </c>
      <c r="C18094" s="1" t="s">
        <v>5</v>
      </c>
      <c r="D18094" s="1" t="s">
        <v>11</v>
      </c>
      <c r="E18094" s="1" t="s">
        <v>7</v>
      </c>
    </row>
    <row r="18095">
      <c r="A18095" s="1">
        <v>4.90739046E8</v>
      </c>
      <c r="B18095" s="3">
        <v>16195.0</v>
      </c>
      <c r="C18095" s="1" t="s">
        <v>5</v>
      </c>
      <c r="D18095" s="1" t="s">
        <v>15363</v>
      </c>
      <c r="E18095" s="1" t="s">
        <v>15364</v>
      </c>
    </row>
    <row r="18096">
      <c r="A18096" s="1">
        <v>4.90739063E8</v>
      </c>
      <c r="B18096" s="2">
        <v>16243.0</v>
      </c>
      <c r="C18096" s="1" t="s">
        <v>5</v>
      </c>
      <c r="D18096" s="1" t="s">
        <v>15365</v>
      </c>
      <c r="E18096" s="1" t="s">
        <v>11</v>
      </c>
    </row>
    <row r="18097">
      <c r="A18097" s="1">
        <v>4.90739076E8</v>
      </c>
      <c r="B18097" s="2">
        <v>16243.0</v>
      </c>
      <c r="C18097" s="1" t="s">
        <v>5</v>
      </c>
      <c r="D18097" s="1" t="s">
        <v>15366</v>
      </c>
      <c r="E18097" s="1" t="s">
        <v>7</v>
      </c>
    </row>
    <row r="18098">
      <c r="A18098" s="1">
        <v>4.90739077E8</v>
      </c>
      <c r="B18098" s="2">
        <v>16244.0</v>
      </c>
      <c r="C18098" s="1" t="s">
        <v>5</v>
      </c>
      <c r="D18098" s="1" t="s">
        <v>15367</v>
      </c>
      <c r="E18098" s="1" t="s">
        <v>7</v>
      </c>
    </row>
    <row r="18099">
      <c r="A18099" s="1">
        <v>4.90739086E8</v>
      </c>
      <c r="B18099" s="3">
        <v>16202.0</v>
      </c>
      <c r="C18099" s="1" t="s">
        <v>5</v>
      </c>
      <c r="D18099" s="1" t="s">
        <v>15368</v>
      </c>
      <c r="E18099" s="1" t="s">
        <v>11</v>
      </c>
    </row>
    <row r="18100">
      <c r="A18100" s="1">
        <v>4.90739096E8</v>
      </c>
      <c r="B18100" s="2">
        <v>16185.0</v>
      </c>
      <c r="C18100" s="1" t="s">
        <v>5</v>
      </c>
      <c r="D18100" s="1" t="s">
        <v>15369</v>
      </c>
      <c r="E18100" s="1" t="s">
        <v>7</v>
      </c>
    </row>
    <row r="18101">
      <c r="A18101" s="1">
        <v>4.907391E8</v>
      </c>
      <c r="B18101" s="3">
        <v>16210.0</v>
      </c>
      <c r="C18101" s="1" t="s">
        <v>5</v>
      </c>
      <c r="D18101" s="1" t="s">
        <v>11</v>
      </c>
      <c r="E18101" s="1" t="s">
        <v>7</v>
      </c>
    </row>
    <row r="18102">
      <c r="A18102" s="1">
        <v>4.90739127E8</v>
      </c>
      <c r="B18102" s="3">
        <v>16206.0</v>
      </c>
      <c r="C18102" s="1" t="s">
        <v>5</v>
      </c>
      <c r="D18102" s="1" t="s">
        <v>15370</v>
      </c>
      <c r="E18102" s="1" t="s">
        <v>7</v>
      </c>
    </row>
    <row r="18103">
      <c r="A18103" s="1">
        <v>4.90739147E8</v>
      </c>
      <c r="B18103" s="2">
        <v>16241.0</v>
      </c>
      <c r="C18103" s="1" t="s">
        <v>5</v>
      </c>
      <c r="D18103" s="1" t="s">
        <v>11</v>
      </c>
      <c r="E18103" s="1" t="s">
        <v>7</v>
      </c>
    </row>
    <row r="18104">
      <c r="A18104" s="1">
        <v>4.90739243E8</v>
      </c>
      <c r="B18104" s="2">
        <v>16163.0</v>
      </c>
      <c r="C18104" s="1" t="s">
        <v>5</v>
      </c>
      <c r="D18104" s="1" t="s">
        <v>15371</v>
      </c>
      <c r="E18104" s="1" t="s">
        <v>7</v>
      </c>
    </row>
    <row r="18105">
      <c r="A18105" s="1">
        <v>4.90739286E8</v>
      </c>
      <c r="B18105" s="2">
        <v>16184.0</v>
      </c>
      <c r="C18105" s="1" t="s">
        <v>5</v>
      </c>
      <c r="D18105" s="1" t="s">
        <v>15372</v>
      </c>
      <c r="E18105" s="1" t="s">
        <v>7</v>
      </c>
    </row>
    <row r="18106">
      <c r="A18106" s="1">
        <v>4.90739291E8</v>
      </c>
      <c r="B18106" s="2">
        <v>16185.0</v>
      </c>
      <c r="C18106" s="1" t="s">
        <v>5</v>
      </c>
      <c r="D18106" s="1" t="s">
        <v>11</v>
      </c>
      <c r="E18106" s="1" t="s">
        <v>7</v>
      </c>
    </row>
    <row r="18107">
      <c r="A18107" s="1">
        <v>4.90739321E8</v>
      </c>
      <c r="B18107" s="2">
        <v>16253.0</v>
      </c>
      <c r="C18107" s="1" t="s">
        <v>5</v>
      </c>
      <c r="D18107" s="1" t="s">
        <v>15373</v>
      </c>
      <c r="E18107" s="1" t="s">
        <v>11</v>
      </c>
    </row>
    <row r="18108">
      <c r="A18108" s="1">
        <v>4.9073936E8</v>
      </c>
      <c r="B18108" s="3">
        <v>16216.0</v>
      </c>
      <c r="C18108" s="1" t="s">
        <v>5</v>
      </c>
      <c r="D18108" s="1" t="s">
        <v>15374</v>
      </c>
      <c r="E18108" s="1" t="s">
        <v>7</v>
      </c>
    </row>
    <row r="18109">
      <c r="A18109" s="1">
        <v>4.90739406E8</v>
      </c>
      <c r="B18109" s="2">
        <v>16190.0</v>
      </c>
      <c r="C18109" s="1" t="s">
        <v>5</v>
      </c>
      <c r="D18109" s="1" t="s">
        <v>15375</v>
      </c>
      <c r="E18109" s="1" t="s">
        <v>7</v>
      </c>
    </row>
    <row r="18110">
      <c r="A18110" s="1">
        <v>4.90739422E8</v>
      </c>
      <c r="B18110" s="3">
        <v>16195.0</v>
      </c>
      <c r="C18110" s="1" t="s">
        <v>5</v>
      </c>
      <c r="D18110" s="1" t="s">
        <v>15376</v>
      </c>
      <c r="E18110" s="1" t="s">
        <v>7</v>
      </c>
    </row>
    <row r="18111">
      <c r="A18111" s="1">
        <v>4.90739446E8</v>
      </c>
      <c r="B18111" s="3">
        <v>16208.0</v>
      </c>
      <c r="C18111" s="1" t="s">
        <v>5</v>
      </c>
      <c r="D18111" s="1" t="s">
        <v>15377</v>
      </c>
      <c r="E18111" s="1" t="s">
        <v>7</v>
      </c>
    </row>
    <row r="18112">
      <c r="A18112" s="1">
        <v>4.90739448E8</v>
      </c>
      <c r="B18112" s="2">
        <v>16241.0</v>
      </c>
      <c r="C18112" s="1" t="s">
        <v>5</v>
      </c>
      <c r="D18112" s="1" t="s">
        <v>11</v>
      </c>
      <c r="E18112" s="1" t="s">
        <v>7</v>
      </c>
    </row>
    <row r="18113">
      <c r="A18113" s="1">
        <v>4.90739484E8</v>
      </c>
      <c r="B18113" s="2">
        <v>16240.0</v>
      </c>
      <c r="C18113" s="1" t="s">
        <v>5</v>
      </c>
      <c r="D18113" s="1" t="s">
        <v>11</v>
      </c>
      <c r="E18113" s="1" t="s">
        <v>7</v>
      </c>
    </row>
    <row r="18114">
      <c r="A18114" s="1">
        <v>4.90739497E8</v>
      </c>
      <c r="B18114" s="2">
        <v>16182.0</v>
      </c>
      <c r="C18114" s="1" t="s">
        <v>5</v>
      </c>
      <c r="D18114" s="1" t="s">
        <v>15378</v>
      </c>
      <c r="E18114" s="1" t="s">
        <v>7</v>
      </c>
    </row>
    <row r="18115">
      <c r="A18115" s="1">
        <v>4.90739615E8</v>
      </c>
      <c r="B18115" s="2">
        <v>16190.0</v>
      </c>
      <c r="C18115" s="1" t="s">
        <v>5</v>
      </c>
      <c r="D18115" s="1" t="s">
        <v>11</v>
      </c>
      <c r="E18115" s="1" t="s">
        <v>7</v>
      </c>
    </row>
    <row r="18116">
      <c r="A18116" s="1">
        <v>4.90739634E8</v>
      </c>
      <c r="B18116" s="2">
        <v>16240.0</v>
      </c>
      <c r="C18116" s="1" t="s">
        <v>5</v>
      </c>
      <c r="D18116" s="1" t="s">
        <v>15379</v>
      </c>
      <c r="E18116" s="1" t="s">
        <v>7</v>
      </c>
    </row>
    <row r="18117">
      <c r="A18117" s="1">
        <v>4.90739702E8</v>
      </c>
      <c r="B18117" s="2">
        <v>16163.0</v>
      </c>
      <c r="C18117" s="1" t="s">
        <v>5</v>
      </c>
      <c r="D18117" s="1" t="s">
        <v>15380</v>
      </c>
      <c r="E18117" s="1" t="s">
        <v>7</v>
      </c>
    </row>
    <row r="18118">
      <c r="A18118" s="1">
        <v>4.90739733E8</v>
      </c>
      <c r="B18118" s="2">
        <v>16181.0</v>
      </c>
      <c r="C18118" s="1" t="s">
        <v>5</v>
      </c>
      <c r="D18118" s="1" t="s">
        <v>15381</v>
      </c>
      <c r="E18118" s="1" t="s">
        <v>7</v>
      </c>
    </row>
    <row r="18119">
      <c r="A18119" s="1">
        <v>4.90739741E8</v>
      </c>
      <c r="B18119" s="3">
        <v>16198.0</v>
      </c>
      <c r="C18119" s="1" t="s">
        <v>5</v>
      </c>
      <c r="D18119" s="1" t="s">
        <v>15382</v>
      </c>
      <c r="E18119" s="1" t="s">
        <v>7</v>
      </c>
    </row>
    <row r="18120">
      <c r="A18120" s="1">
        <v>4.90739775E8</v>
      </c>
      <c r="B18120" s="2">
        <v>16176.0</v>
      </c>
      <c r="C18120" s="1" t="s">
        <v>5</v>
      </c>
      <c r="D18120" s="1" t="s">
        <v>15383</v>
      </c>
      <c r="E18120" s="1" t="s">
        <v>11</v>
      </c>
    </row>
    <row r="18121">
      <c r="A18121" s="1">
        <v>4.9073983E8</v>
      </c>
      <c r="B18121" s="2">
        <v>16189.0</v>
      </c>
      <c r="C18121" s="1" t="s">
        <v>5</v>
      </c>
      <c r="D18121" s="1" t="s">
        <v>7</v>
      </c>
      <c r="E18121" s="1" t="s">
        <v>7</v>
      </c>
    </row>
    <row r="18122">
      <c r="A18122" s="1">
        <v>4.90739915E8</v>
      </c>
      <c r="B18122" s="3">
        <v>16197.0</v>
      </c>
      <c r="C18122" s="1" t="s">
        <v>5</v>
      </c>
      <c r="D18122" s="1" t="s">
        <v>15384</v>
      </c>
      <c r="E18122" s="1" t="s">
        <v>11</v>
      </c>
    </row>
    <row r="18123">
      <c r="A18123" s="1">
        <v>4.9073992E8</v>
      </c>
      <c r="B18123" s="3">
        <v>16206.0</v>
      </c>
      <c r="C18123" s="1" t="s">
        <v>5</v>
      </c>
      <c r="D18123" s="1" t="s">
        <v>15385</v>
      </c>
      <c r="E18123" s="1" t="s">
        <v>7</v>
      </c>
    </row>
    <row r="18124">
      <c r="A18124" s="1">
        <v>4.90739943E8</v>
      </c>
      <c r="B18124" s="2">
        <v>16182.0</v>
      </c>
      <c r="C18124" s="1" t="s">
        <v>5</v>
      </c>
      <c r="D18124" s="1" t="s">
        <v>15386</v>
      </c>
      <c r="E18124" s="1" t="s">
        <v>7</v>
      </c>
    </row>
    <row r="18125">
      <c r="A18125" s="1">
        <v>4.90739981E8</v>
      </c>
      <c r="B18125" s="3">
        <v>16197.0</v>
      </c>
      <c r="C18125" s="1" t="s">
        <v>5</v>
      </c>
      <c r="D18125" s="1" t="s">
        <v>11</v>
      </c>
      <c r="E18125" s="1" t="s">
        <v>7</v>
      </c>
    </row>
    <row r="18126">
      <c r="A18126" s="1">
        <v>4.90740012E8</v>
      </c>
      <c r="B18126" s="2">
        <v>16180.0</v>
      </c>
      <c r="C18126" s="1" t="s">
        <v>5</v>
      </c>
      <c r="D18126" s="1" t="s">
        <v>15387</v>
      </c>
      <c r="E18126" s="1" t="s">
        <v>15388</v>
      </c>
    </row>
    <row r="18127">
      <c r="A18127" s="1">
        <v>4.90740042E8</v>
      </c>
      <c r="B18127" s="2">
        <v>16237.0</v>
      </c>
      <c r="C18127" s="1" t="s">
        <v>5</v>
      </c>
      <c r="D18127" s="1" t="s">
        <v>15389</v>
      </c>
      <c r="E18127" s="1" t="s">
        <v>7</v>
      </c>
    </row>
    <row r="18128">
      <c r="A18128" s="1">
        <v>4.90740065E8</v>
      </c>
      <c r="B18128" s="2">
        <v>16185.0</v>
      </c>
      <c r="C18128" s="1" t="s">
        <v>5</v>
      </c>
      <c r="D18128" s="1" t="s">
        <v>11</v>
      </c>
      <c r="E18128" s="1" t="s">
        <v>7</v>
      </c>
    </row>
    <row r="18129">
      <c r="A18129" s="1">
        <v>4.90740083E8</v>
      </c>
      <c r="B18129" s="2">
        <v>16250.0</v>
      </c>
      <c r="C18129" s="1" t="s">
        <v>5</v>
      </c>
      <c r="D18129" s="1" t="s">
        <v>11</v>
      </c>
      <c r="E18129" s="1" t="s">
        <v>7</v>
      </c>
    </row>
    <row r="18130">
      <c r="A18130" s="1">
        <v>4.90740088E8</v>
      </c>
      <c r="B18130" s="2">
        <v>16184.0</v>
      </c>
      <c r="C18130" s="1" t="s">
        <v>5</v>
      </c>
      <c r="D18130" s="1" t="s">
        <v>15390</v>
      </c>
      <c r="E18130" s="1" t="s">
        <v>7</v>
      </c>
    </row>
    <row r="18131">
      <c r="A18131" s="1">
        <v>4.90740173E8</v>
      </c>
      <c r="B18131" s="2">
        <v>16248.0</v>
      </c>
      <c r="C18131" s="1" t="s">
        <v>5</v>
      </c>
      <c r="D18131" s="1" t="s">
        <v>15391</v>
      </c>
      <c r="E18131" s="1" t="s">
        <v>15392</v>
      </c>
    </row>
    <row r="18132">
      <c r="A18132" s="1">
        <v>4.90740176E8</v>
      </c>
      <c r="B18132" s="2">
        <v>16252.0</v>
      </c>
      <c r="C18132" s="1" t="s">
        <v>5</v>
      </c>
      <c r="D18132" s="1" t="s">
        <v>15393</v>
      </c>
      <c r="E18132" s="1" t="s">
        <v>11</v>
      </c>
    </row>
    <row r="18133">
      <c r="A18133" s="1">
        <v>4.90740203E8</v>
      </c>
      <c r="B18133" s="2">
        <v>16178.0</v>
      </c>
      <c r="C18133" s="1" t="s">
        <v>5</v>
      </c>
      <c r="D18133" s="1" t="s">
        <v>11</v>
      </c>
      <c r="E18133" s="1" t="s">
        <v>7</v>
      </c>
    </row>
    <row r="18134">
      <c r="A18134" s="1">
        <v>4.90740211E8</v>
      </c>
      <c r="B18134" s="2">
        <v>16237.0</v>
      </c>
      <c r="C18134" s="1" t="s">
        <v>5</v>
      </c>
      <c r="D18134" s="1" t="s">
        <v>11</v>
      </c>
      <c r="E18134" s="1" t="s">
        <v>7</v>
      </c>
    </row>
    <row r="18135">
      <c r="A18135" s="1">
        <v>4.90740213E8</v>
      </c>
      <c r="B18135" s="2">
        <v>16182.0</v>
      </c>
      <c r="C18135" s="1" t="s">
        <v>5</v>
      </c>
      <c r="D18135" s="1" t="s">
        <v>15394</v>
      </c>
      <c r="E18135" s="1" t="s">
        <v>7</v>
      </c>
    </row>
    <row r="18136">
      <c r="A18136" s="1">
        <v>4.90740245E8</v>
      </c>
      <c r="B18136" s="2">
        <v>16181.0</v>
      </c>
      <c r="C18136" s="1" t="s">
        <v>5</v>
      </c>
      <c r="D18136" s="1" t="s">
        <v>11</v>
      </c>
      <c r="E18136" s="1" t="s">
        <v>7</v>
      </c>
    </row>
    <row r="18137">
      <c r="A18137" s="1">
        <v>4.90740256E8</v>
      </c>
      <c r="B18137" s="2">
        <v>16248.0</v>
      </c>
      <c r="C18137" s="1" t="s">
        <v>5</v>
      </c>
      <c r="D18137" s="1" t="s">
        <v>15395</v>
      </c>
      <c r="E18137" s="1" t="s">
        <v>7</v>
      </c>
    </row>
    <row r="18138">
      <c r="A18138" s="1">
        <v>4.9074028E8</v>
      </c>
      <c r="B18138" s="2">
        <v>16171.0</v>
      </c>
      <c r="C18138" s="1" t="s">
        <v>5</v>
      </c>
      <c r="D18138" s="1" t="s">
        <v>11</v>
      </c>
      <c r="E18138" s="1" t="s">
        <v>7</v>
      </c>
    </row>
    <row r="18139">
      <c r="A18139" s="1">
        <v>4.90740295E8</v>
      </c>
      <c r="B18139" s="2">
        <v>16248.0</v>
      </c>
      <c r="C18139" s="1" t="s">
        <v>5</v>
      </c>
      <c r="D18139" s="1" t="s">
        <v>11</v>
      </c>
      <c r="E18139" s="1" t="s">
        <v>7</v>
      </c>
    </row>
    <row r="18140">
      <c r="A18140" s="1">
        <v>4.90740296E8</v>
      </c>
      <c r="B18140" s="3">
        <v>16201.0</v>
      </c>
      <c r="C18140" s="1" t="s">
        <v>5</v>
      </c>
      <c r="D18140" s="1" t="s">
        <v>15396</v>
      </c>
      <c r="E18140" s="1" t="s">
        <v>7</v>
      </c>
    </row>
    <row r="18141">
      <c r="A18141" s="1">
        <v>4.90740316E8</v>
      </c>
      <c r="B18141" s="2">
        <v>16251.0</v>
      </c>
      <c r="C18141" s="1" t="s">
        <v>5</v>
      </c>
      <c r="D18141" s="1" t="s">
        <v>15397</v>
      </c>
      <c r="E18141" s="1" t="s">
        <v>11</v>
      </c>
    </row>
    <row r="18142">
      <c r="A18142" s="1">
        <v>4.90740341E8</v>
      </c>
      <c r="B18142" s="2">
        <v>16180.0</v>
      </c>
      <c r="C18142" s="1" t="s">
        <v>5</v>
      </c>
      <c r="D18142" s="1" t="s">
        <v>11</v>
      </c>
      <c r="E18142" s="1" t="s">
        <v>7</v>
      </c>
    </row>
    <row r="18143">
      <c r="A18143" s="1">
        <v>4.90740343E8</v>
      </c>
      <c r="B18143" s="2">
        <v>16232.0</v>
      </c>
      <c r="C18143" s="1" t="s">
        <v>5</v>
      </c>
      <c r="D18143" s="1" t="s">
        <v>15398</v>
      </c>
      <c r="E18143" s="1" t="s">
        <v>7</v>
      </c>
    </row>
    <row r="18144">
      <c r="A18144" s="1">
        <v>4.90740381E8</v>
      </c>
      <c r="B18144" s="2">
        <v>16180.0</v>
      </c>
      <c r="C18144" s="1" t="s">
        <v>5</v>
      </c>
      <c r="D18144" s="1" t="s">
        <v>11</v>
      </c>
      <c r="E18144" s="1" t="s">
        <v>7</v>
      </c>
    </row>
    <row r="18145">
      <c r="A18145" s="1">
        <v>4.90740408E8</v>
      </c>
      <c r="B18145" s="2">
        <v>16253.0</v>
      </c>
      <c r="C18145" s="1" t="s">
        <v>5</v>
      </c>
      <c r="D18145" s="1" t="s">
        <v>15399</v>
      </c>
      <c r="E18145" s="1" t="s">
        <v>15400</v>
      </c>
    </row>
    <row r="18146">
      <c r="A18146" s="1">
        <v>4.90740437E8</v>
      </c>
      <c r="B18146" s="2">
        <v>16240.0</v>
      </c>
      <c r="C18146" s="1" t="s">
        <v>5</v>
      </c>
      <c r="D18146" s="1" t="s">
        <v>15401</v>
      </c>
      <c r="E18146" s="1" t="s">
        <v>15402</v>
      </c>
    </row>
    <row r="18147">
      <c r="A18147" s="1">
        <v>4.90740486E8</v>
      </c>
      <c r="B18147" s="2">
        <v>16168.0</v>
      </c>
      <c r="C18147" s="1" t="s">
        <v>5</v>
      </c>
      <c r="D18147" s="1" t="s">
        <v>15403</v>
      </c>
      <c r="E18147" s="1" t="s">
        <v>7</v>
      </c>
    </row>
    <row r="18148">
      <c r="A18148" s="1">
        <v>4.90740516E8</v>
      </c>
      <c r="B18148" s="2">
        <v>16178.0</v>
      </c>
      <c r="C18148" s="1" t="s">
        <v>5</v>
      </c>
      <c r="D18148" s="1" t="s">
        <v>15404</v>
      </c>
      <c r="E18148" s="1" t="s">
        <v>7</v>
      </c>
    </row>
    <row r="18149">
      <c r="A18149" s="1">
        <v>4.9074052E8</v>
      </c>
      <c r="B18149" s="3">
        <v>16201.0</v>
      </c>
      <c r="C18149" s="1" t="s">
        <v>5</v>
      </c>
      <c r="D18149" s="1" t="s">
        <v>15405</v>
      </c>
      <c r="E18149" s="1" t="s">
        <v>7</v>
      </c>
    </row>
    <row r="18150">
      <c r="A18150" s="1">
        <v>4.90740564E8</v>
      </c>
      <c r="B18150" s="2">
        <v>16183.0</v>
      </c>
      <c r="C18150" s="1" t="s">
        <v>5</v>
      </c>
      <c r="D18150" s="1" t="s">
        <v>11</v>
      </c>
      <c r="E18150" s="1" t="s">
        <v>7</v>
      </c>
    </row>
    <row r="18151">
      <c r="A18151" s="1">
        <v>4.90740589E8</v>
      </c>
      <c r="B18151" s="2">
        <v>16177.0</v>
      </c>
      <c r="C18151" s="1" t="s">
        <v>5</v>
      </c>
      <c r="D18151" s="1" t="s">
        <v>15406</v>
      </c>
      <c r="E18151" s="1" t="s">
        <v>7</v>
      </c>
    </row>
    <row r="18152">
      <c r="A18152" s="1">
        <v>4.90740594E8</v>
      </c>
      <c r="B18152" s="2">
        <v>16163.0</v>
      </c>
      <c r="C18152" s="1" t="s">
        <v>5</v>
      </c>
      <c r="D18152" s="1" t="s">
        <v>15407</v>
      </c>
      <c r="E18152" s="1" t="s">
        <v>7</v>
      </c>
    </row>
    <row r="18153">
      <c r="A18153" s="1">
        <v>4.90740603E8</v>
      </c>
      <c r="B18153" s="2">
        <v>16177.0</v>
      </c>
      <c r="C18153" s="1" t="s">
        <v>5</v>
      </c>
      <c r="D18153" s="1" t="s">
        <v>15408</v>
      </c>
      <c r="E18153" s="1" t="s">
        <v>7</v>
      </c>
    </row>
    <row r="18154">
      <c r="A18154" s="1">
        <v>4.90740648E8</v>
      </c>
      <c r="B18154" s="2">
        <v>16177.0</v>
      </c>
      <c r="C18154" s="1" t="s">
        <v>5</v>
      </c>
      <c r="D18154" s="1" t="s">
        <v>15409</v>
      </c>
      <c r="E18154" s="1" t="s">
        <v>7</v>
      </c>
    </row>
    <row r="18155">
      <c r="A18155" s="1">
        <v>4.90740661E8</v>
      </c>
      <c r="B18155" s="3">
        <v>16222.0</v>
      </c>
      <c r="C18155" s="1" t="s">
        <v>5</v>
      </c>
      <c r="D18155" s="1" t="s">
        <v>15410</v>
      </c>
      <c r="E18155" s="1" t="s">
        <v>7</v>
      </c>
    </row>
    <row r="18156">
      <c r="A18156" s="1">
        <v>4.90740693E8</v>
      </c>
      <c r="B18156" s="2">
        <v>16246.0</v>
      </c>
      <c r="C18156" s="1" t="s">
        <v>5</v>
      </c>
      <c r="D18156" s="1" t="s">
        <v>11</v>
      </c>
      <c r="E18156" s="1" t="s">
        <v>7</v>
      </c>
    </row>
    <row r="18157">
      <c r="A18157" s="1">
        <v>4.90740752E8</v>
      </c>
      <c r="B18157" s="2">
        <v>16176.0</v>
      </c>
      <c r="C18157" s="1" t="s">
        <v>5</v>
      </c>
      <c r="D18157" s="1" t="s">
        <v>15411</v>
      </c>
      <c r="E18157" s="1" t="s">
        <v>11</v>
      </c>
    </row>
    <row r="18158">
      <c r="A18158" s="1">
        <v>4.90740785E8</v>
      </c>
      <c r="B18158" s="2">
        <v>16250.0</v>
      </c>
      <c r="C18158" s="1" t="s">
        <v>5</v>
      </c>
      <c r="D18158" s="1" t="s">
        <v>15412</v>
      </c>
      <c r="E18158" s="1" t="s">
        <v>7</v>
      </c>
    </row>
    <row r="18159">
      <c r="A18159" s="1">
        <v>4.90740794E8</v>
      </c>
      <c r="B18159" s="2">
        <v>16176.0</v>
      </c>
      <c r="C18159" s="1" t="s">
        <v>5</v>
      </c>
      <c r="D18159" s="1" t="s">
        <v>15413</v>
      </c>
      <c r="E18159" s="1" t="s">
        <v>7</v>
      </c>
    </row>
    <row r="18160">
      <c r="A18160" s="1">
        <v>4.90740802E8</v>
      </c>
      <c r="B18160" s="2">
        <v>16169.0</v>
      </c>
      <c r="C18160" s="1" t="s">
        <v>5</v>
      </c>
      <c r="D18160" s="1" t="s">
        <v>15414</v>
      </c>
      <c r="E18160" s="1" t="s">
        <v>15415</v>
      </c>
    </row>
    <row r="18161">
      <c r="A18161" s="1">
        <v>4.90740837E8</v>
      </c>
      <c r="B18161" s="2">
        <v>16171.0</v>
      </c>
      <c r="C18161" s="1" t="s">
        <v>5</v>
      </c>
      <c r="D18161" s="1" t="s">
        <v>15416</v>
      </c>
      <c r="E18161" s="1" t="s">
        <v>7</v>
      </c>
    </row>
    <row r="18162">
      <c r="A18162" s="1">
        <v>4.90740899E8</v>
      </c>
      <c r="B18162" s="3">
        <v>16218.0</v>
      </c>
      <c r="C18162" s="1" t="s">
        <v>5</v>
      </c>
      <c r="D18162" s="1" t="s">
        <v>15417</v>
      </c>
      <c r="E18162" s="1" t="s">
        <v>7</v>
      </c>
    </row>
    <row r="18163">
      <c r="A18163" s="1">
        <v>4.90740903E8</v>
      </c>
      <c r="B18163" s="2">
        <v>16175.0</v>
      </c>
      <c r="C18163" s="1" t="s">
        <v>5</v>
      </c>
      <c r="D18163" s="1" t="s">
        <v>15418</v>
      </c>
      <c r="E18163" s="1" t="s">
        <v>7</v>
      </c>
    </row>
    <row r="18164">
      <c r="A18164" s="1">
        <v>4.90740909E8</v>
      </c>
      <c r="B18164" s="2">
        <v>16177.0</v>
      </c>
      <c r="C18164" s="1" t="s">
        <v>5</v>
      </c>
      <c r="D18164" s="1" t="s">
        <v>15419</v>
      </c>
      <c r="E18164" s="1" t="s">
        <v>7</v>
      </c>
    </row>
    <row r="18165">
      <c r="A18165" s="1">
        <v>4.90741021E8</v>
      </c>
      <c r="B18165" s="2">
        <v>16175.0</v>
      </c>
      <c r="C18165" s="1" t="s">
        <v>5</v>
      </c>
      <c r="D18165" s="1" t="s">
        <v>15420</v>
      </c>
      <c r="E18165" s="1" t="s">
        <v>15421</v>
      </c>
    </row>
    <row r="18166">
      <c r="A18166" s="1">
        <v>4.90741063E8</v>
      </c>
      <c r="B18166" s="2">
        <v>16244.0</v>
      </c>
      <c r="C18166" s="1" t="s">
        <v>5</v>
      </c>
      <c r="D18166" s="1" t="s">
        <v>15422</v>
      </c>
      <c r="E18166" s="1" t="s">
        <v>11</v>
      </c>
    </row>
    <row r="18167">
      <c r="A18167" s="1">
        <v>4.90741088E8</v>
      </c>
      <c r="B18167" s="2">
        <v>16234.0</v>
      </c>
      <c r="C18167" s="1" t="s">
        <v>5</v>
      </c>
      <c r="D18167" s="1" t="s">
        <v>15423</v>
      </c>
      <c r="E18167" s="1" t="s">
        <v>7</v>
      </c>
    </row>
    <row r="18168">
      <c r="A18168" s="1">
        <v>4.90741097E8</v>
      </c>
      <c r="B18168" s="2">
        <v>16171.0</v>
      </c>
      <c r="C18168" s="1" t="s">
        <v>5</v>
      </c>
      <c r="D18168" s="1" t="s">
        <v>15424</v>
      </c>
      <c r="E18168" s="1" t="s">
        <v>11</v>
      </c>
    </row>
    <row r="18169">
      <c r="A18169" s="1">
        <v>4.90741102E8</v>
      </c>
      <c r="B18169" s="2">
        <v>16230.0</v>
      </c>
      <c r="C18169" s="1" t="s">
        <v>5</v>
      </c>
      <c r="D18169" s="1" t="s">
        <v>15425</v>
      </c>
      <c r="E18169" s="1" t="s">
        <v>7</v>
      </c>
    </row>
    <row r="18170">
      <c r="A18170" s="1">
        <v>4.90741156E8</v>
      </c>
      <c r="B18170" s="2">
        <v>16245.0</v>
      </c>
      <c r="C18170" s="1" t="s">
        <v>5</v>
      </c>
      <c r="D18170" s="1" t="s">
        <v>15426</v>
      </c>
      <c r="E18170" s="1" t="s">
        <v>15427</v>
      </c>
    </row>
    <row r="18171">
      <c r="A18171" s="1">
        <v>4.90741163E8</v>
      </c>
      <c r="B18171" s="2">
        <v>16248.0</v>
      </c>
      <c r="C18171" s="1" t="s">
        <v>5</v>
      </c>
      <c r="D18171" s="1" t="s">
        <v>11</v>
      </c>
      <c r="E18171" s="1" t="s">
        <v>7</v>
      </c>
    </row>
    <row r="18172">
      <c r="A18172" s="1">
        <v>4.90741203E8</v>
      </c>
      <c r="B18172" s="2">
        <v>16164.0</v>
      </c>
      <c r="C18172" s="1" t="s">
        <v>5</v>
      </c>
      <c r="D18172" s="1" t="s">
        <v>15428</v>
      </c>
      <c r="E18172" s="1" t="s">
        <v>7</v>
      </c>
    </row>
    <row r="18173">
      <c r="A18173" s="1">
        <v>4.90741206E8</v>
      </c>
      <c r="B18173" s="2">
        <v>16178.0</v>
      </c>
      <c r="C18173" s="1" t="s">
        <v>5</v>
      </c>
      <c r="D18173" s="1" t="s">
        <v>11</v>
      </c>
      <c r="E18173" s="1" t="s">
        <v>7</v>
      </c>
    </row>
    <row r="18174">
      <c r="A18174" s="1">
        <v>4.90741243E8</v>
      </c>
      <c r="B18174" s="2">
        <v>16245.0</v>
      </c>
      <c r="C18174" s="1" t="s">
        <v>5</v>
      </c>
      <c r="D18174" s="1" t="s">
        <v>11</v>
      </c>
      <c r="E18174" s="1" t="s">
        <v>7</v>
      </c>
    </row>
    <row r="18175">
      <c r="A18175" s="1">
        <v>4.90741248E8</v>
      </c>
      <c r="B18175" s="2">
        <v>16246.0</v>
      </c>
      <c r="C18175" s="1" t="s">
        <v>5</v>
      </c>
      <c r="D18175" s="1" t="s">
        <v>15429</v>
      </c>
      <c r="E18175" s="1" t="s">
        <v>7</v>
      </c>
    </row>
    <row r="18176">
      <c r="A18176" s="1">
        <v>4.9074125E8</v>
      </c>
      <c r="B18176" s="2">
        <v>16247.0</v>
      </c>
      <c r="C18176" s="1" t="s">
        <v>5</v>
      </c>
      <c r="D18176" s="1" t="s">
        <v>15430</v>
      </c>
      <c r="E18176" s="1" t="s">
        <v>7</v>
      </c>
    </row>
    <row r="18177">
      <c r="A18177" s="1">
        <v>4.90741293E8</v>
      </c>
      <c r="B18177" s="2">
        <v>16245.0</v>
      </c>
      <c r="C18177" s="1" t="s">
        <v>5</v>
      </c>
      <c r="D18177" s="1" t="s">
        <v>15431</v>
      </c>
      <c r="E18177" s="1" t="s">
        <v>7</v>
      </c>
    </row>
    <row r="18178">
      <c r="A18178" s="1">
        <v>4.90741299E8</v>
      </c>
      <c r="B18178" s="2">
        <v>16227.0</v>
      </c>
      <c r="C18178" s="1" t="s">
        <v>5</v>
      </c>
      <c r="D18178" s="1" t="s">
        <v>11</v>
      </c>
      <c r="E18178" s="1" t="s">
        <v>7</v>
      </c>
    </row>
    <row r="18179">
      <c r="A18179" s="1">
        <v>4.90741327E8</v>
      </c>
      <c r="B18179" s="2">
        <v>16229.0</v>
      </c>
      <c r="C18179" s="1" t="s">
        <v>5</v>
      </c>
      <c r="D18179" s="1" t="s">
        <v>11</v>
      </c>
      <c r="E18179" s="1" t="s">
        <v>7</v>
      </c>
    </row>
    <row r="18180">
      <c r="A18180" s="1">
        <v>4.90741401E8</v>
      </c>
      <c r="B18180" s="2">
        <v>16227.0</v>
      </c>
      <c r="C18180" s="1" t="s">
        <v>5</v>
      </c>
      <c r="D18180" s="1" t="s">
        <v>11</v>
      </c>
      <c r="E18180" s="1" t="s">
        <v>7</v>
      </c>
    </row>
    <row r="18181">
      <c r="A18181" s="1">
        <v>4.90741421E8</v>
      </c>
      <c r="B18181" s="2">
        <v>16227.0</v>
      </c>
      <c r="C18181" s="1" t="s">
        <v>5</v>
      </c>
      <c r="D18181" s="1" t="s">
        <v>15432</v>
      </c>
      <c r="E18181" s="1" t="s">
        <v>7</v>
      </c>
    </row>
    <row r="18182">
      <c r="A18182" s="1">
        <v>4.90741513E8</v>
      </c>
      <c r="B18182" s="3">
        <v>16194.0</v>
      </c>
      <c r="C18182" s="1" t="s">
        <v>5</v>
      </c>
      <c r="D18182" s="1" t="s">
        <v>15433</v>
      </c>
      <c r="E18182" s="1" t="s">
        <v>7</v>
      </c>
    </row>
    <row r="18183">
      <c r="A18183" s="1">
        <v>4.90741603E8</v>
      </c>
      <c r="B18183" s="2">
        <v>16244.0</v>
      </c>
      <c r="C18183" s="1" t="s">
        <v>5</v>
      </c>
      <c r="D18183" s="1" t="s">
        <v>15434</v>
      </c>
      <c r="E18183" s="1" t="s">
        <v>7</v>
      </c>
    </row>
    <row r="18184">
      <c r="A18184" s="1">
        <v>4.90741656E8</v>
      </c>
      <c r="B18184" s="2">
        <v>16243.0</v>
      </c>
      <c r="C18184" s="1" t="s">
        <v>5</v>
      </c>
      <c r="D18184" s="1" t="s">
        <v>15435</v>
      </c>
      <c r="E18184" s="1" t="s">
        <v>11</v>
      </c>
    </row>
    <row r="18185">
      <c r="A18185" s="1">
        <v>4.90741692E8</v>
      </c>
      <c r="B18185" s="2">
        <v>16253.0</v>
      </c>
      <c r="C18185" s="1" t="s">
        <v>5</v>
      </c>
      <c r="D18185" s="1" t="s">
        <v>15436</v>
      </c>
      <c r="E18185" s="1" t="s">
        <v>7</v>
      </c>
    </row>
    <row r="18186">
      <c r="A18186" s="1">
        <v>4.90741697E8</v>
      </c>
      <c r="B18186" s="2">
        <v>16280.0</v>
      </c>
      <c r="C18186" s="1" t="s">
        <v>5</v>
      </c>
      <c r="D18186" s="1" t="s">
        <v>15437</v>
      </c>
      <c r="E18186" s="1" t="s">
        <v>11</v>
      </c>
    </row>
    <row r="18187">
      <c r="A18187" s="1">
        <v>4.90741703E8</v>
      </c>
      <c r="B18187" s="2">
        <v>16238.0</v>
      </c>
      <c r="C18187" s="1" t="s">
        <v>5</v>
      </c>
      <c r="D18187" s="1" t="s">
        <v>11</v>
      </c>
      <c r="E18187" s="1" t="s">
        <v>7</v>
      </c>
    </row>
    <row r="18188">
      <c r="A18188" s="1">
        <v>4.90741723E8</v>
      </c>
      <c r="B18188" s="2">
        <v>16224.0</v>
      </c>
      <c r="C18188" s="1" t="s">
        <v>5</v>
      </c>
      <c r="D18188" s="1" t="s">
        <v>11</v>
      </c>
      <c r="E18188" s="1" t="s">
        <v>7</v>
      </c>
    </row>
    <row r="18189">
      <c r="A18189" s="1">
        <v>4.90741759E8</v>
      </c>
      <c r="B18189" s="2">
        <v>16239.0</v>
      </c>
      <c r="C18189" s="1" t="s">
        <v>5</v>
      </c>
      <c r="D18189" s="1" t="s">
        <v>15438</v>
      </c>
      <c r="E18189" s="1" t="s">
        <v>7</v>
      </c>
    </row>
    <row r="18190">
      <c r="A18190" s="1">
        <v>4.90741781E8</v>
      </c>
      <c r="B18190" s="2">
        <v>16169.0</v>
      </c>
      <c r="C18190" s="1" t="s">
        <v>5</v>
      </c>
      <c r="D18190" s="1" t="s">
        <v>15439</v>
      </c>
      <c r="E18190" s="1" t="s">
        <v>11</v>
      </c>
    </row>
    <row r="18191">
      <c r="A18191" s="1">
        <v>4.9074179E8</v>
      </c>
      <c r="B18191" s="2">
        <v>16169.0</v>
      </c>
      <c r="C18191" s="1" t="s">
        <v>5</v>
      </c>
      <c r="D18191" s="1" t="s">
        <v>11</v>
      </c>
      <c r="E18191" s="1" t="s">
        <v>7</v>
      </c>
    </row>
    <row r="18192">
      <c r="A18192" s="1">
        <v>4.90741795E8</v>
      </c>
      <c r="B18192" s="2">
        <v>16238.0</v>
      </c>
      <c r="C18192" s="1" t="s">
        <v>5</v>
      </c>
      <c r="D18192" s="1" t="s">
        <v>15440</v>
      </c>
      <c r="E18192" s="1" t="s">
        <v>7</v>
      </c>
    </row>
    <row r="18193">
      <c r="A18193" s="1">
        <v>4.90741824E8</v>
      </c>
      <c r="B18193" s="2">
        <v>16175.0</v>
      </c>
      <c r="C18193" s="1" t="s">
        <v>5</v>
      </c>
      <c r="D18193" s="1" t="s">
        <v>11</v>
      </c>
      <c r="E18193" s="1" t="s">
        <v>7</v>
      </c>
    </row>
    <row r="18194">
      <c r="A18194" s="1">
        <v>4.90741829E8</v>
      </c>
      <c r="B18194" s="2">
        <v>16163.0</v>
      </c>
      <c r="C18194" s="1" t="s">
        <v>5</v>
      </c>
      <c r="D18194" s="1" t="s">
        <v>15441</v>
      </c>
      <c r="E18194" s="1" t="s">
        <v>7</v>
      </c>
    </row>
    <row r="18195">
      <c r="A18195" s="1">
        <v>4.90741848E8</v>
      </c>
      <c r="B18195" s="2">
        <v>16238.0</v>
      </c>
      <c r="C18195" s="1" t="s">
        <v>5</v>
      </c>
      <c r="D18195" s="1" t="s">
        <v>15442</v>
      </c>
      <c r="E18195" s="1" t="s">
        <v>15443</v>
      </c>
    </row>
    <row r="18196">
      <c r="A18196" s="1">
        <v>4.90741861E8</v>
      </c>
      <c r="B18196" s="2">
        <v>16241.0</v>
      </c>
      <c r="C18196" s="1" t="s">
        <v>5</v>
      </c>
      <c r="D18196" s="1" t="s">
        <v>15444</v>
      </c>
      <c r="E18196" s="1" t="s">
        <v>7</v>
      </c>
    </row>
    <row r="18197">
      <c r="A18197" s="1">
        <v>4.90741883E8</v>
      </c>
      <c r="B18197" s="2">
        <v>16278.0</v>
      </c>
      <c r="C18197" s="1" t="s">
        <v>5</v>
      </c>
      <c r="D18197" s="1" t="s">
        <v>15445</v>
      </c>
      <c r="E18197" s="1" t="s">
        <v>7</v>
      </c>
    </row>
    <row r="18198">
      <c r="A18198" s="1">
        <v>4.90741888E8</v>
      </c>
      <c r="B18198" s="2">
        <v>16241.0</v>
      </c>
      <c r="C18198" s="1" t="s">
        <v>5</v>
      </c>
      <c r="D18198" s="1" t="s">
        <v>15446</v>
      </c>
      <c r="E18198" s="1" t="s">
        <v>7</v>
      </c>
    </row>
    <row r="18199">
      <c r="A18199" s="1">
        <v>4.90741915E8</v>
      </c>
      <c r="B18199" s="2">
        <v>16168.0</v>
      </c>
      <c r="C18199" s="1" t="s">
        <v>5</v>
      </c>
      <c r="D18199" s="1" t="s">
        <v>11</v>
      </c>
      <c r="E18199" s="1" t="s">
        <v>7</v>
      </c>
    </row>
    <row r="18200">
      <c r="A18200" s="1">
        <v>4.90741938E8</v>
      </c>
      <c r="B18200" s="2">
        <v>16240.0</v>
      </c>
      <c r="C18200" s="1" t="s">
        <v>5</v>
      </c>
      <c r="D18200" s="1" t="s">
        <v>11</v>
      </c>
      <c r="E18200" s="1" t="s">
        <v>7</v>
      </c>
    </row>
    <row r="18201">
      <c r="A18201" s="1">
        <v>4.90741974E8</v>
      </c>
      <c r="B18201" s="2">
        <v>16167.0</v>
      </c>
      <c r="C18201" s="1" t="s">
        <v>5</v>
      </c>
      <c r="D18201" s="1" t="s">
        <v>11</v>
      </c>
      <c r="E18201" s="1" t="s">
        <v>7</v>
      </c>
    </row>
    <row r="18202">
      <c r="A18202" s="1">
        <v>4.90741989E8</v>
      </c>
      <c r="B18202" s="2">
        <v>16278.0</v>
      </c>
      <c r="C18202" s="1" t="s">
        <v>5</v>
      </c>
      <c r="D18202" s="1" t="s">
        <v>15447</v>
      </c>
      <c r="E18202" s="1" t="s">
        <v>7</v>
      </c>
    </row>
    <row r="18203">
      <c r="A18203" s="1">
        <v>4.90742009E8</v>
      </c>
      <c r="B18203" s="2">
        <v>16250.0</v>
      </c>
      <c r="C18203" s="1" t="s">
        <v>5</v>
      </c>
      <c r="D18203" s="1" t="s">
        <v>15448</v>
      </c>
      <c r="E18203" s="1" t="s">
        <v>7</v>
      </c>
    </row>
    <row r="18204">
      <c r="A18204" s="1">
        <v>4.9074201E8</v>
      </c>
      <c r="B18204" s="2">
        <v>16168.0</v>
      </c>
      <c r="C18204" s="1" t="s">
        <v>5</v>
      </c>
      <c r="D18204" s="1" t="s">
        <v>15449</v>
      </c>
      <c r="E18204" s="1" t="s">
        <v>7</v>
      </c>
    </row>
    <row r="18205">
      <c r="A18205" s="1">
        <v>4.90742021E8</v>
      </c>
      <c r="B18205" s="2">
        <v>16237.0</v>
      </c>
      <c r="C18205" s="1" t="s">
        <v>5</v>
      </c>
      <c r="D18205" s="1" t="s">
        <v>11</v>
      </c>
      <c r="E18205" s="1" t="s">
        <v>7</v>
      </c>
    </row>
    <row r="18206">
      <c r="A18206" s="1">
        <v>4.90742043E8</v>
      </c>
      <c r="B18206" s="2">
        <v>16276.0</v>
      </c>
      <c r="C18206" s="1" t="s">
        <v>5</v>
      </c>
      <c r="D18206" s="1" t="s">
        <v>15450</v>
      </c>
      <c r="E18206" s="1" t="s">
        <v>11</v>
      </c>
    </row>
    <row r="18207">
      <c r="A18207" s="1">
        <v>4.90742045E8</v>
      </c>
      <c r="B18207" s="2">
        <v>16238.0</v>
      </c>
      <c r="C18207" s="1" t="s">
        <v>5</v>
      </c>
      <c r="D18207" s="1" t="s">
        <v>11</v>
      </c>
      <c r="E18207" s="1" t="s">
        <v>7</v>
      </c>
    </row>
    <row r="18208">
      <c r="A18208" s="1">
        <v>4.90742052E8</v>
      </c>
      <c r="B18208" s="2">
        <v>16251.0</v>
      </c>
      <c r="C18208" s="1" t="s">
        <v>5</v>
      </c>
      <c r="D18208" s="1" t="s">
        <v>15451</v>
      </c>
      <c r="E18208" s="1" t="s">
        <v>15452</v>
      </c>
    </row>
    <row r="18209">
      <c r="A18209" s="1">
        <v>4.90742054E8</v>
      </c>
      <c r="B18209" s="2">
        <v>16239.0</v>
      </c>
      <c r="C18209" s="1" t="s">
        <v>5</v>
      </c>
      <c r="D18209" s="1" t="s">
        <v>15453</v>
      </c>
      <c r="E18209" s="1" t="s">
        <v>11</v>
      </c>
    </row>
    <row r="18210">
      <c r="A18210" s="1">
        <v>4.90742076E8</v>
      </c>
      <c r="B18210" s="2">
        <v>16276.0</v>
      </c>
      <c r="C18210" s="1" t="s">
        <v>5</v>
      </c>
      <c r="D18210" s="1" t="s">
        <v>15454</v>
      </c>
      <c r="E18210" s="1" t="s">
        <v>7</v>
      </c>
    </row>
    <row r="18211">
      <c r="A18211" s="1">
        <v>4.90742099E8</v>
      </c>
      <c r="B18211" s="2">
        <v>16276.0</v>
      </c>
      <c r="C18211" s="1" t="s">
        <v>5</v>
      </c>
      <c r="D18211" s="1" t="s">
        <v>11</v>
      </c>
      <c r="E18211" s="1" t="s">
        <v>7</v>
      </c>
    </row>
    <row r="18212">
      <c r="A18212" s="1">
        <v>4.9074212E8</v>
      </c>
      <c r="B18212" s="2">
        <v>16275.0</v>
      </c>
      <c r="C18212" s="1" t="s">
        <v>5</v>
      </c>
      <c r="D18212" s="1" t="s">
        <v>15455</v>
      </c>
      <c r="E18212" s="1" t="s">
        <v>7</v>
      </c>
    </row>
    <row r="18213">
      <c r="A18213" s="1">
        <v>4.90742121E8</v>
      </c>
      <c r="B18213" s="2">
        <v>16280.0</v>
      </c>
      <c r="C18213" s="1" t="s">
        <v>5</v>
      </c>
      <c r="D18213" s="1" t="s">
        <v>15456</v>
      </c>
      <c r="E18213" s="1" t="s">
        <v>11</v>
      </c>
    </row>
    <row r="18214">
      <c r="A18214" s="1">
        <v>4.90742131E8</v>
      </c>
      <c r="B18214" s="2">
        <v>16236.0</v>
      </c>
      <c r="C18214" s="1" t="s">
        <v>5</v>
      </c>
      <c r="D18214" s="1" t="s">
        <v>15457</v>
      </c>
      <c r="E18214" s="1" t="s">
        <v>7</v>
      </c>
    </row>
    <row r="18215">
      <c r="A18215" s="1">
        <v>4.90742168E8</v>
      </c>
      <c r="B18215" s="2">
        <v>16236.0</v>
      </c>
      <c r="C18215" s="1" t="s">
        <v>5</v>
      </c>
      <c r="D18215" s="1" t="s">
        <v>15458</v>
      </c>
      <c r="E18215" s="1" t="s">
        <v>11</v>
      </c>
    </row>
    <row r="18216">
      <c r="A18216" s="1">
        <v>4.90742192E8</v>
      </c>
      <c r="B18216" s="2">
        <v>16237.0</v>
      </c>
      <c r="C18216" s="1" t="s">
        <v>5</v>
      </c>
      <c r="D18216" s="1" t="s">
        <v>15459</v>
      </c>
      <c r="E18216" s="1" t="s">
        <v>7</v>
      </c>
    </row>
    <row r="18217">
      <c r="A18217" s="1">
        <v>4.90742212E8</v>
      </c>
      <c r="B18217" s="2">
        <v>16274.0</v>
      </c>
      <c r="C18217" s="1" t="s">
        <v>5</v>
      </c>
      <c r="D18217" s="1" t="s">
        <v>15460</v>
      </c>
      <c r="E18217" s="1" t="s">
        <v>7</v>
      </c>
    </row>
    <row r="18218">
      <c r="A18218" s="1">
        <v>4.90742213E8</v>
      </c>
      <c r="B18218" s="2">
        <v>16276.0</v>
      </c>
      <c r="C18218" s="1" t="s">
        <v>5</v>
      </c>
      <c r="D18218" s="1" t="s">
        <v>15461</v>
      </c>
      <c r="E18218" s="1" t="s">
        <v>7</v>
      </c>
    </row>
    <row r="18219">
      <c r="A18219" s="1">
        <v>4.90742239E8</v>
      </c>
      <c r="B18219" s="2">
        <v>16274.0</v>
      </c>
      <c r="C18219" s="1" t="s">
        <v>5</v>
      </c>
      <c r="D18219" s="1" t="s">
        <v>11</v>
      </c>
      <c r="E18219" s="1" t="s">
        <v>7</v>
      </c>
    </row>
    <row r="18220">
      <c r="A18220" s="1">
        <v>4.90742261E8</v>
      </c>
      <c r="B18220" s="2">
        <v>16278.0</v>
      </c>
      <c r="C18220" s="1" t="s">
        <v>5</v>
      </c>
      <c r="D18220" s="1" t="s">
        <v>15462</v>
      </c>
      <c r="E18220" s="1" t="s">
        <v>7</v>
      </c>
    </row>
    <row r="18221">
      <c r="A18221" s="1">
        <v>4.9074227E8</v>
      </c>
      <c r="B18221" s="2">
        <v>16275.0</v>
      </c>
      <c r="C18221" s="1" t="s">
        <v>5</v>
      </c>
      <c r="D18221" s="1" t="s">
        <v>11</v>
      </c>
      <c r="E18221" s="1" t="s">
        <v>7</v>
      </c>
    </row>
    <row r="18222">
      <c r="A18222" s="1">
        <v>4.90742291E8</v>
      </c>
      <c r="B18222" s="2">
        <v>16279.0</v>
      </c>
      <c r="C18222" s="1" t="s">
        <v>5</v>
      </c>
      <c r="D18222" s="1" t="s">
        <v>11</v>
      </c>
      <c r="E18222" s="1" t="s">
        <v>7</v>
      </c>
    </row>
    <row r="18223">
      <c r="A18223" s="1">
        <v>4.907423E8</v>
      </c>
      <c r="B18223" s="2">
        <v>16236.0</v>
      </c>
      <c r="C18223" s="1" t="s">
        <v>5</v>
      </c>
      <c r="D18223" s="1" t="s">
        <v>15463</v>
      </c>
      <c r="E18223" s="1" t="s">
        <v>7</v>
      </c>
    </row>
    <row r="18224">
      <c r="A18224" s="1">
        <v>4.9074232E8</v>
      </c>
      <c r="B18224" s="2">
        <v>16233.0</v>
      </c>
      <c r="C18224" s="1" t="s">
        <v>5</v>
      </c>
      <c r="D18224" s="1" t="s">
        <v>15464</v>
      </c>
      <c r="E18224" s="1" t="s">
        <v>15465</v>
      </c>
    </row>
    <row r="18225">
      <c r="A18225" s="1">
        <v>4.90742336E8</v>
      </c>
      <c r="B18225" s="2">
        <v>16248.0</v>
      </c>
      <c r="C18225" s="1" t="s">
        <v>5</v>
      </c>
      <c r="D18225" s="1" t="s">
        <v>15466</v>
      </c>
      <c r="E18225" s="1" t="s">
        <v>11</v>
      </c>
    </row>
    <row r="18226">
      <c r="A18226" s="1">
        <v>4.90742343E8</v>
      </c>
      <c r="B18226" s="2">
        <v>16247.0</v>
      </c>
      <c r="C18226" s="1" t="s">
        <v>5</v>
      </c>
      <c r="D18226" s="1" t="s">
        <v>11</v>
      </c>
      <c r="E18226" s="1" t="s">
        <v>7</v>
      </c>
    </row>
    <row r="18227">
      <c r="A18227" s="1">
        <v>4.90742349E8</v>
      </c>
      <c r="B18227" s="2">
        <v>16278.0</v>
      </c>
      <c r="C18227" s="1" t="s">
        <v>5</v>
      </c>
      <c r="D18227" s="1" t="s">
        <v>15467</v>
      </c>
      <c r="E18227" s="1" t="s">
        <v>7</v>
      </c>
    </row>
    <row r="18228">
      <c r="A18228" s="1">
        <v>4.90742353E8</v>
      </c>
      <c r="B18228" s="2">
        <v>16233.0</v>
      </c>
      <c r="C18228" s="1" t="s">
        <v>5</v>
      </c>
      <c r="D18228" s="1" t="s">
        <v>15468</v>
      </c>
      <c r="E18228" s="1" t="s">
        <v>7</v>
      </c>
    </row>
    <row r="18229">
      <c r="A18229" s="1">
        <v>4.90742384E8</v>
      </c>
      <c r="B18229" s="2">
        <v>16163.0</v>
      </c>
      <c r="C18229" s="1" t="s">
        <v>5</v>
      </c>
      <c r="D18229" s="1" t="s">
        <v>15469</v>
      </c>
      <c r="E18229" s="1" t="s">
        <v>7</v>
      </c>
    </row>
    <row r="18230">
      <c r="A18230" s="1">
        <v>4.90742448E8</v>
      </c>
      <c r="B18230" s="2">
        <v>16170.0</v>
      </c>
      <c r="C18230" s="1" t="s">
        <v>5</v>
      </c>
      <c r="D18230" s="1" t="s">
        <v>15470</v>
      </c>
      <c r="E18230" s="1" t="s">
        <v>7</v>
      </c>
    </row>
    <row r="18231">
      <c r="A18231" s="1">
        <v>4.90742455E8</v>
      </c>
      <c r="B18231" s="2">
        <v>16247.0</v>
      </c>
      <c r="C18231" s="1" t="s">
        <v>5</v>
      </c>
      <c r="D18231" s="1" t="s">
        <v>11</v>
      </c>
      <c r="E18231" s="1" t="s">
        <v>7</v>
      </c>
    </row>
    <row r="18232">
      <c r="A18232" s="1">
        <v>4.90742459E8</v>
      </c>
      <c r="B18232" s="2">
        <v>16233.0</v>
      </c>
      <c r="C18232" s="1" t="s">
        <v>5</v>
      </c>
      <c r="D18232" s="1" t="s">
        <v>15471</v>
      </c>
      <c r="E18232" s="1" t="s">
        <v>15472</v>
      </c>
    </row>
    <row r="18233">
      <c r="A18233" s="1">
        <v>4.90742463E8</v>
      </c>
      <c r="B18233" s="2">
        <v>16233.0</v>
      </c>
      <c r="C18233" s="1" t="s">
        <v>5</v>
      </c>
      <c r="D18233" s="1" t="s">
        <v>11</v>
      </c>
      <c r="E18233" s="1" t="s">
        <v>7</v>
      </c>
    </row>
    <row r="18234">
      <c r="A18234" s="1">
        <v>4.90742469E8</v>
      </c>
      <c r="B18234" s="2">
        <v>16272.0</v>
      </c>
      <c r="C18234" s="1" t="s">
        <v>5</v>
      </c>
      <c r="D18234" s="1" t="s">
        <v>15473</v>
      </c>
      <c r="E18234" s="1" t="s">
        <v>7</v>
      </c>
    </row>
    <row r="18235">
      <c r="A18235" s="1">
        <v>4.90742567E8</v>
      </c>
      <c r="B18235" s="2">
        <v>16272.0</v>
      </c>
      <c r="C18235" s="1" t="s">
        <v>5</v>
      </c>
      <c r="D18235" s="1" t="s">
        <v>15474</v>
      </c>
      <c r="E18235" s="1" t="s">
        <v>15475</v>
      </c>
    </row>
    <row r="18236">
      <c r="A18236" s="1">
        <v>4.90742579E8</v>
      </c>
      <c r="B18236" s="3">
        <v>16222.0</v>
      </c>
      <c r="C18236" s="1" t="s">
        <v>5</v>
      </c>
      <c r="D18236" s="1" t="s">
        <v>15476</v>
      </c>
      <c r="E18236" s="1" t="s">
        <v>7</v>
      </c>
    </row>
    <row r="18237">
      <c r="A18237" s="1">
        <v>4.90742621E8</v>
      </c>
      <c r="B18237" s="2">
        <v>16234.0</v>
      </c>
      <c r="C18237" s="1" t="s">
        <v>5</v>
      </c>
      <c r="D18237" s="1" t="s">
        <v>15477</v>
      </c>
      <c r="E18237" s="1" t="s">
        <v>11</v>
      </c>
    </row>
    <row r="18238">
      <c r="A18238" s="1">
        <v>4.9074263E8</v>
      </c>
      <c r="B18238" s="2">
        <v>16274.0</v>
      </c>
      <c r="C18238" s="1" t="s">
        <v>5</v>
      </c>
      <c r="D18238" s="1" t="s">
        <v>15478</v>
      </c>
      <c r="E18238" s="1" t="s">
        <v>11</v>
      </c>
    </row>
    <row r="18239">
      <c r="A18239" s="1">
        <v>4.90742633E8</v>
      </c>
      <c r="B18239" s="2">
        <v>16169.0</v>
      </c>
      <c r="C18239" s="1" t="s">
        <v>5</v>
      </c>
      <c r="D18239" s="1" t="s">
        <v>15479</v>
      </c>
      <c r="E18239" s="1" t="s">
        <v>11</v>
      </c>
    </row>
    <row r="18240">
      <c r="A18240" s="1">
        <v>4.90742664E8</v>
      </c>
      <c r="B18240" s="2">
        <v>16272.0</v>
      </c>
      <c r="C18240" s="1" t="s">
        <v>5</v>
      </c>
      <c r="D18240" s="1" t="s">
        <v>15480</v>
      </c>
      <c r="E18240" s="1" t="s">
        <v>7</v>
      </c>
    </row>
    <row r="18241">
      <c r="A18241" s="1">
        <v>4.90742669E8</v>
      </c>
      <c r="B18241" s="3">
        <v>16220.0</v>
      </c>
      <c r="C18241" s="1" t="s">
        <v>5</v>
      </c>
      <c r="D18241" s="1" t="s">
        <v>15481</v>
      </c>
      <c r="E18241" s="1" t="s">
        <v>7</v>
      </c>
    </row>
    <row r="18242">
      <c r="A18242" s="1">
        <v>4.90742738E8</v>
      </c>
      <c r="B18242" s="2">
        <v>16276.0</v>
      </c>
      <c r="C18242" s="1" t="s">
        <v>5</v>
      </c>
      <c r="D18242" s="1" t="s">
        <v>11</v>
      </c>
      <c r="E18242" s="1" t="s">
        <v>7</v>
      </c>
    </row>
    <row r="18243">
      <c r="A18243" s="1">
        <v>4.90742772E8</v>
      </c>
      <c r="B18243" s="2">
        <v>16231.0</v>
      </c>
      <c r="C18243" s="1" t="s">
        <v>5</v>
      </c>
      <c r="D18243" s="1" t="s">
        <v>15482</v>
      </c>
      <c r="E18243" s="1" t="s">
        <v>7</v>
      </c>
    </row>
    <row r="18244">
      <c r="A18244" s="1">
        <v>4.90742775E8</v>
      </c>
      <c r="B18244" s="2">
        <v>16272.0</v>
      </c>
      <c r="C18244" s="1" t="s">
        <v>5</v>
      </c>
      <c r="D18244" s="1" t="s">
        <v>15483</v>
      </c>
      <c r="E18244" s="1" t="s">
        <v>7</v>
      </c>
    </row>
    <row r="18245">
      <c r="A18245" s="1">
        <v>4.90742856E8</v>
      </c>
      <c r="B18245" s="2">
        <v>16166.0</v>
      </c>
      <c r="C18245" s="1" t="s">
        <v>5</v>
      </c>
      <c r="D18245" s="1" t="s">
        <v>15484</v>
      </c>
      <c r="E18245" s="1" t="s">
        <v>7</v>
      </c>
    </row>
    <row r="18246">
      <c r="A18246" s="1">
        <v>4.90742883E8</v>
      </c>
      <c r="B18246" s="2">
        <v>16230.0</v>
      </c>
      <c r="C18246" s="1" t="s">
        <v>5</v>
      </c>
      <c r="D18246" s="1" t="s">
        <v>15485</v>
      </c>
      <c r="E18246" s="1" t="s">
        <v>7</v>
      </c>
    </row>
    <row r="18247">
      <c r="A18247" s="1">
        <v>4.90742903E8</v>
      </c>
      <c r="B18247" s="2">
        <v>16243.0</v>
      </c>
      <c r="C18247" s="1" t="s">
        <v>5</v>
      </c>
      <c r="D18247" s="1" t="s">
        <v>15486</v>
      </c>
      <c r="E18247" s="1" t="s">
        <v>15487</v>
      </c>
    </row>
    <row r="18248">
      <c r="A18248" s="1">
        <v>4.90742915E8</v>
      </c>
      <c r="B18248" s="2">
        <v>16262.0</v>
      </c>
      <c r="C18248" s="1" t="s">
        <v>5</v>
      </c>
      <c r="D18248" s="1" t="s">
        <v>15488</v>
      </c>
      <c r="E18248" s="1" t="s">
        <v>7</v>
      </c>
    </row>
    <row r="18249">
      <c r="A18249" s="1">
        <v>4.90742929E8</v>
      </c>
      <c r="B18249" s="2">
        <v>16266.0</v>
      </c>
      <c r="C18249" s="1" t="s">
        <v>5</v>
      </c>
      <c r="D18249" s="1" t="s">
        <v>11</v>
      </c>
      <c r="E18249" s="1" t="s">
        <v>7</v>
      </c>
    </row>
    <row r="18250">
      <c r="A18250" s="1">
        <v>4.90742936E8</v>
      </c>
      <c r="B18250" s="2">
        <v>16229.0</v>
      </c>
      <c r="C18250" s="1" t="s">
        <v>5</v>
      </c>
      <c r="D18250" s="1" t="s">
        <v>15489</v>
      </c>
      <c r="E18250" s="1" t="s">
        <v>11</v>
      </c>
    </row>
    <row r="18251">
      <c r="A18251" s="1">
        <v>4.90742966E8</v>
      </c>
      <c r="B18251" s="2">
        <v>16231.0</v>
      </c>
      <c r="C18251" s="1" t="s">
        <v>5</v>
      </c>
      <c r="D18251" s="1" t="s">
        <v>11</v>
      </c>
      <c r="E18251" s="1" t="s">
        <v>7</v>
      </c>
    </row>
    <row r="18252">
      <c r="A18252" s="1">
        <v>4.90742976E8</v>
      </c>
      <c r="B18252" s="2">
        <v>16227.0</v>
      </c>
      <c r="C18252" s="1" t="s">
        <v>5</v>
      </c>
      <c r="D18252" s="1" t="s">
        <v>11</v>
      </c>
      <c r="E18252" s="1" t="s">
        <v>7</v>
      </c>
    </row>
    <row r="18253">
      <c r="A18253" s="1">
        <v>4.90742998E8</v>
      </c>
      <c r="B18253" s="2">
        <v>16229.0</v>
      </c>
      <c r="C18253" s="1" t="s">
        <v>5</v>
      </c>
      <c r="D18253" s="1" t="s">
        <v>15490</v>
      </c>
      <c r="E18253" s="1" t="s">
        <v>7</v>
      </c>
    </row>
    <row r="18254">
      <c r="A18254" s="1">
        <v>4.90743006E8</v>
      </c>
      <c r="B18254" s="2">
        <v>16229.0</v>
      </c>
      <c r="C18254" s="1" t="s">
        <v>5</v>
      </c>
      <c r="D18254" s="1" t="s">
        <v>15491</v>
      </c>
      <c r="E18254" s="1" t="s">
        <v>7</v>
      </c>
    </row>
    <row r="18255">
      <c r="A18255" s="1">
        <v>4.90743017E8</v>
      </c>
      <c r="B18255" s="2">
        <v>16227.0</v>
      </c>
      <c r="C18255" s="1" t="s">
        <v>5</v>
      </c>
      <c r="D18255" s="1" t="s">
        <v>15492</v>
      </c>
      <c r="E18255" s="1" t="s">
        <v>7</v>
      </c>
    </row>
    <row r="18256">
      <c r="A18256" s="1">
        <v>4.90743057E8</v>
      </c>
      <c r="B18256" s="2">
        <v>16163.0</v>
      </c>
      <c r="C18256" s="1" t="s">
        <v>5</v>
      </c>
      <c r="D18256" s="1" t="s">
        <v>11</v>
      </c>
      <c r="E18256" s="1" t="s">
        <v>7</v>
      </c>
    </row>
    <row r="18257">
      <c r="A18257" s="1">
        <v>4.90743086E8</v>
      </c>
      <c r="B18257" s="2">
        <v>16227.0</v>
      </c>
      <c r="C18257" s="1" t="s">
        <v>5</v>
      </c>
      <c r="D18257" s="1" t="s">
        <v>11</v>
      </c>
      <c r="E18257" s="1" t="s">
        <v>7</v>
      </c>
    </row>
    <row r="18258">
      <c r="A18258" s="1">
        <v>4.90743123E8</v>
      </c>
      <c r="B18258" s="2">
        <v>16262.0</v>
      </c>
      <c r="C18258" s="1" t="s">
        <v>5</v>
      </c>
      <c r="D18258" s="1" t="s">
        <v>15493</v>
      </c>
      <c r="E18258" s="1" t="s">
        <v>11</v>
      </c>
    </row>
    <row r="18259">
      <c r="A18259" s="1">
        <v>4.90743127E8</v>
      </c>
      <c r="B18259" s="2">
        <v>16265.0</v>
      </c>
      <c r="C18259" s="1" t="s">
        <v>5</v>
      </c>
      <c r="D18259" s="1" t="s">
        <v>15494</v>
      </c>
      <c r="E18259" s="1" t="s">
        <v>7</v>
      </c>
    </row>
    <row r="18260">
      <c r="A18260" s="1">
        <v>4.90743136E8</v>
      </c>
      <c r="B18260" s="2">
        <v>16262.0</v>
      </c>
      <c r="C18260" s="1" t="s">
        <v>5</v>
      </c>
      <c r="D18260" s="1" t="s">
        <v>11</v>
      </c>
      <c r="E18260" s="1" t="s">
        <v>7</v>
      </c>
    </row>
    <row r="18261">
      <c r="A18261" s="1">
        <v>4.90743154E8</v>
      </c>
      <c r="B18261" s="2">
        <v>16259.0</v>
      </c>
      <c r="C18261" s="1" t="s">
        <v>5</v>
      </c>
      <c r="D18261" s="1" t="s">
        <v>15495</v>
      </c>
      <c r="E18261" s="1" t="s">
        <v>11</v>
      </c>
    </row>
    <row r="18262">
      <c r="A18262" s="1">
        <v>4.90743161E8</v>
      </c>
      <c r="B18262" s="2">
        <v>16259.0</v>
      </c>
      <c r="C18262" s="1" t="s">
        <v>5</v>
      </c>
      <c r="D18262" s="1" t="s">
        <v>15496</v>
      </c>
      <c r="E18262" s="1" t="s">
        <v>7</v>
      </c>
    </row>
    <row r="18263">
      <c r="A18263" s="1">
        <v>4.90743216E8</v>
      </c>
      <c r="B18263" s="2">
        <v>16226.0</v>
      </c>
      <c r="C18263" s="1" t="s">
        <v>5</v>
      </c>
      <c r="D18263" s="1" t="s">
        <v>11</v>
      </c>
      <c r="E18263" s="1" t="s">
        <v>7</v>
      </c>
    </row>
    <row r="18264">
      <c r="A18264" s="1">
        <v>4.90743234E8</v>
      </c>
      <c r="B18264" s="2">
        <v>16267.0</v>
      </c>
      <c r="C18264" s="1" t="s">
        <v>5</v>
      </c>
      <c r="D18264" s="1" t="s">
        <v>15497</v>
      </c>
      <c r="E18264" s="1" t="s">
        <v>7</v>
      </c>
    </row>
    <row r="18265">
      <c r="A18265" s="1">
        <v>4.90743247E8</v>
      </c>
      <c r="B18265" s="2">
        <v>16267.0</v>
      </c>
      <c r="C18265" s="1" t="s">
        <v>5</v>
      </c>
      <c r="D18265" s="1" t="s">
        <v>14519</v>
      </c>
      <c r="E18265" s="1" t="s">
        <v>7</v>
      </c>
    </row>
    <row r="18266">
      <c r="A18266" s="1">
        <v>4.90743249E8</v>
      </c>
      <c r="B18266" s="2">
        <v>16225.0</v>
      </c>
      <c r="C18266" s="1" t="s">
        <v>5</v>
      </c>
      <c r="D18266" s="1" t="s">
        <v>15498</v>
      </c>
      <c r="E18266" s="1" t="s">
        <v>11</v>
      </c>
    </row>
    <row r="18267">
      <c r="A18267" s="1">
        <v>4.90743265E8</v>
      </c>
      <c r="B18267" s="2">
        <v>16239.0</v>
      </c>
      <c r="C18267" s="1" t="s">
        <v>5</v>
      </c>
      <c r="D18267" s="1" t="s">
        <v>15499</v>
      </c>
      <c r="E18267" s="1" t="s">
        <v>15500</v>
      </c>
    </row>
    <row r="18268">
      <c r="A18268" s="1">
        <v>4.9074328E8</v>
      </c>
      <c r="B18268" s="2">
        <v>16239.0</v>
      </c>
      <c r="C18268" s="1" t="s">
        <v>5</v>
      </c>
      <c r="D18268" s="1" t="s">
        <v>15501</v>
      </c>
      <c r="E18268" s="1" t="s">
        <v>7</v>
      </c>
    </row>
    <row r="18269">
      <c r="A18269" s="1">
        <v>4.90743297E8</v>
      </c>
      <c r="B18269" s="3">
        <v>16222.0</v>
      </c>
      <c r="C18269" s="1" t="s">
        <v>5</v>
      </c>
      <c r="D18269" s="1" t="s">
        <v>11</v>
      </c>
      <c r="E18269" s="1" t="s">
        <v>7</v>
      </c>
    </row>
    <row r="18270">
      <c r="A18270" s="1">
        <v>4.90743331E8</v>
      </c>
      <c r="B18270" s="2">
        <v>16315.0</v>
      </c>
      <c r="C18270" s="1" t="s">
        <v>5</v>
      </c>
      <c r="D18270" s="1" t="s">
        <v>15502</v>
      </c>
      <c r="E18270" s="1" t="s">
        <v>11</v>
      </c>
    </row>
    <row r="18271">
      <c r="A18271" s="1">
        <v>4.90743413E8</v>
      </c>
      <c r="B18271" s="2">
        <v>16282.0</v>
      </c>
      <c r="C18271" s="1" t="s">
        <v>5</v>
      </c>
      <c r="D18271" s="1" t="s">
        <v>15503</v>
      </c>
      <c r="E18271" s="1" t="s">
        <v>7</v>
      </c>
    </row>
    <row r="18272">
      <c r="A18272" s="1">
        <v>4.90743453E8</v>
      </c>
      <c r="B18272" s="2">
        <v>16224.0</v>
      </c>
      <c r="C18272" s="1" t="s">
        <v>5</v>
      </c>
      <c r="D18272" s="1" t="s">
        <v>11</v>
      </c>
      <c r="E18272" s="1" t="s">
        <v>7</v>
      </c>
    </row>
    <row r="18273">
      <c r="A18273" s="1">
        <v>4.90743457E8</v>
      </c>
      <c r="B18273" s="2">
        <v>16225.0</v>
      </c>
      <c r="C18273" s="1" t="s">
        <v>5</v>
      </c>
      <c r="D18273" s="1" t="s">
        <v>11</v>
      </c>
      <c r="E18273" s="1" t="s">
        <v>7</v>
      </c>
    </row>
    <row r="18274">
      <c r="A18274" s="1">
        <v>4.90743469E8</v>
      </c>
      <c r="B18274" s="2">
        <v>16239.0</v>
      </c>
      <c r="C18274" s="1" t="s">
        <v>5</v>
      </c>
      <c r="D18274" s="1" t="s">
        <v>15504</v>
      </c>
      <c r="E18274" s="1" t="s">
        <v>7</v>
      </c>
    </row>
    <row r="18275">
      <c r="A18275" s="1">
        <v>4.90743532E8</v>
      </c>
      <c r="B18275" s="2">
        <v>16281.0</v>
      </c>
      <c r="C18275" s="1" t="s">
        <v>5</v>
      </c>
      <c r="D18275" s="1" t="s">
        <v>15505</v>
      </c>
      <c r="E18275" s="1" t="s">
        <v>11</v>
      </c>
    </row>
    <row r="18276">
      <c r="A18276" s="1">
        <v>4.90743535E8</v>
      </c>
      <c r="B18276" s="2">
        <v>16227.0</v>
      </c>
      <c r="C18276" s="1" t="s">
        <v>5</v>
      </c>
      <c r="D18276" s="1" t="s">
        <v>11</v>
      </c>
      <c r="E18276" s="1" t="s">
        <v>7</v>
      </c>
    </row>
    <row r="18277">
      <c r="A18277" s="1">
        <v>4.90743581E8</v>
      </c>
      <c r="B18277" s="2">
        <v>16227.0</v>
      </c>
      <c r="C18277" s="1" t="s">
        <v>5</v>
      </c>
      <c r="D18277" s="1" t="s">
        <v>15506</v>
      </c>
      <c r="E18277" s="1" t="s">
        <v>7</v>
      </c>
    </row>
    <row r="18278">
      <c r="A18278" s="1">
        <v>4.90743597E8</v>
      </c>
      <c r="B18278" s="2">
        <v>16314.0</v>
      </c>
      <c r="C18278" s="1" t="s">
        <v>5</v>
      </c>
      <c r="D18278" s="1" t="s">
        <v>15507</v>
      </c>
      <c r="E18278" s="1" t="s">
        <v>11</v>
      </c>
    </row>
    <row r="18279">
      <c r="A18279" s="1">
        <v>4.90743614E8</v>
      </c>
      <c r="B18279" s="2">
        <v>16314.0</v>
      </c>
      <c r="C18279" s="1" t="s">
        <v>5</v>
      </c>
      <c r="D18279" s="1" t="s">
        <v>15508</v>
      </c>
      <c r="E18279" s="1" t="s">
        <v>7</v>
      </c>
    </row>
    <row r="18280">
      <c r="A18280" s="1">
        <v>4.90743677E8</v>
      </c>
      <c r="B18280" s="2">
        <v>16259.0</v>
      </c>
      <c r="C18280" s="1" t="s">
        <v>5</v>
      </c>
      <c r="D18280" s="1" t="s">
        <v>15509</v>
      </c>
      <c r="E18280" s="1" t="s">
        <v>11</v>
      </c>
    </row>
    <row r="18281">
      <c r="A18281" s="1">
        <v>4.90743682E8</v>
      </c>
      <c r="B18281" s="2">
        <v>16265.0</v>
      </c>
      <c r="C18281" s="1" t="s">
        <v>5</v>
      </c>
      <c r="D18281" s="1" t="s">
        <v>15510</v>
      </c>
      <c r="E18281" s="1" t="s">
        <v>15511</v>
      </c>
    </row>
    <row r="18282">
      <c r="A18282" s="1">
        <v>4.90743729E8</v>
      </c>
      <c r="B18282" s="3">
        <v>16218.0</v>
      </c>
      <c r="C18282" s="1" t="s">
        <v>5</v>
      </c>
      <c r="D18282" s="1" t="s">
        <v>15512</v>
      </c>
      <c r="E18282" s="1" t="s">
        <v>11</v>
      </c>
    </row>
    <row r="18283">
      <c r="A18283" s="1">
        <v>4.9074375E8</v>
      </c>
      <c r="B18283" s="2">
        <v>16225.0</v>
      </c>
      <c r="C18283" s="1" t="s">
        <v>5</v>
      </c>
      <c r="D18283" s="1" t="s">
        <v>11</v>
      </c>
      <c r="E18283" s="1" t="s">
        <v>7</v>
      </c>
    </row>
    <row r="18284">
      <c r="A18284" s="1">
        <v>4.90743772E8</v>
      </c>
      <c r="B18284" s="2">
        <v>16261.0</v>
      </c>
      <c r="C18284" s="1" t="s">
        <v>5</v>
      </c>
      <c r="D18284" s="1" t="s">
        <v>15513</v>
      </c>
      <c r="E18284" s="1" t="s">
        <v>11</v>
      </c>
    </row>
    <row r="18285">
      <c r="A18285" s="1">
        <v>4.90743818E8</v>
      </c>
      <c r="B18285" s="2">
        <v>16309.0</v>
      </c>
      <c r="C18285" s="1" t="s">
        <v>5</v>
      </c>
      <c r="D18285" s="1" t="s">
        <v>15514</v>
      </c>
      <c r="E18285" s="1" t="s">
        <v>7</v>
      </c>
    </row>
    <row r="18286">
      <c r="A18286" s="1">
        <v>4.90743819E8</v>
      </c>
      <c r="B18286" s="2">
        <v>16265.0</v>
      </c>
      <c r="C18286" s="1" t="s">
        <v>5</v>
      </c>
      <c r="D18286" s="1" t="s">
        <v>15515</v>
      </c>
      <c r="E18286" s="1" t="s">
        <v>7</v>
      </c>
    </row>
    <row r="18287">
      <c r="A18287" s="1">
        <v>4.90743842E8</v>
      </c>
      <c r="B18287" s="2">
        <v>16279.0</v>
      </c>
      <c r="C18287" s="1" t="s">
        <v>5</v>
      </c>
      <c r="D18287" s="1" t="s">
        <v>11</v>
      </c>
      <c r="E18287" s="1" t="s">
        <v>7</v>
      </c>
    </row>
    <row r="18288">
      <c r="A18288" s="1">
        <v>4.90743962E8</v>
      </c>
      <c r="B18288" s="2">
        <v>16257.0</v>
      </c>
      <c r="C18288" s="1" t="s">
        <v>5</v>
      </c>
      <c r="D18288" s="1" t="s">
        <v>15516</v>
      </c>
      <c r="E18288" s="1" t="s">
        <v>11</v>
      </c>
    </row>
    <row r="18289">
      <c r="A18289" s="1">
        <v>4.90743994E8</v>
      </c>
      <c r="B18289" s="2">
        <v>16311.0</v>
      </c>
      <c r="C18289" s="1" t="s">
        <v>5</v>
      </c>
      <c r="D18289" s="1" t="s">
        <v>15517</v>
      </c>
      <c r="E18289" s="1" t="s">
        <v>7</v>
      </c>
    </row>
    <row r="18290">
      <c r="A18290" s="1">
        <v>4.90744016E8</v>
      </c>
      <c r="B18290" s="2">
        <v>16255.0</v>
      </c>
      <c r="C18290" s="1" t="s">
        <v>5</v>
      </c>
      <c r="D18290" s="1" t="s">
        <v>15518</v>
      </c>
      <c r="E18290" s="1" t="s">
        <v>15519</v>
      </c>
    </row>
    <row r="18291">
      <c r="A18291" s="1">
        <v>4.90744017E8</v>
      </c>
      <c r="B18291" s="2">
        <v>16281.0</v>
      </c>
      <c r="C18291" s="1" t="s">
        <v>5</v>
      </c>
      <c r="D18291" s="1" t="s">
        <v>15520</v>
      </c>
      <c r="E18291" s="1" t="s">
        <v>7</v>
      </c>
    </row>
    <row r="18292">
      <c r="A18292" s="1">
        <v>4.90744019E8</v>
      </c>
      <c r="B18292" s="2">
        <v>16307.0</v>
      </c>
      <c r="C18292" s="1" t="s">
        <v>5</v>
      </c>
      <c r="D18292" s="1" t="s">
        <v>15521</v>
      </c>
      <c r="E18292" s="1" t="s">
        <v>7</v>
      </c>
    </row>
    <row r="18293">
      <c r="A18293" s="1">
        <v>4.90744054E8</v>
      </c>
      <c r="B18293" s="2">
        <v>16307.0</v>
      </c>
      <c r="C18293" s="1" t="s">
        <v>5</v>
      </c>
      <c r="D18293" s="1" t="s">
        <v>11</v>
      </c>
      <c r="E18293" s="1" t="s">
        <v>7</v>
      </c>
    </row>
    <row r="18294">
      <c r="A18294" s="1">
        <v>4.90744057E8</v>
      </c>
      <c r="B18294" s="2">
        <v>16279.0</v>
      </c>
      <c r="C18294" s="1" t="s">
        <v>5</v>
      </c>
      <c r="D18294" s="1" t="s">
        <v>15522</v>
      </c>
      <c r="E18294" s="1" t="s">
        <v>7</v>
      </c>
    </row>
    <row r="18295">
      <c r="A18295" s="1">
        <v>4.90744059E8</v>
      </c>
      <c r="B18295" s="2">
        <v>16234.0</v>
      </c>
      <c r="C18295" s="1" t="s">
        <v>5</v>
      </c>
      <c r="D18295" s="1" t="s">
        <v>15523</v>
      </c>
      <c r="E18295" s="1" t="s">
        <v>7</v>
      </c>
    </row>
    <row r="18296">
      <c r="A18296" s="1">
        <v>4.90744061E8</v>
      </c>
      <c r="B18296" s="2">
        <v>16276.0</v>
      </c>
      <c r="C18296" s="1" t="s">
        <v>5</v>
      </c>
      <c r="D18296" s="1" t="s">
        <v>15524</v>
      </c>
      <c r="E18296" s="1" t="s">
        <v>7</v>
      </c>
    </row>
    <row r="18297">
      <c r="A18297" s="1">
        <v>4.90744076E8</v>
      </c>
      <c r="B18297" s="2">
        <v>16234.0</v>
      </c>
      <c r="C18297" s="1" t="s">
        <v>5</v>
      </c>
      <c r="D18297" s="1" t="s">
        <v>11</v>
      </c>
      <c r="E18297" s="1" t="s">
        <v>7</v>
      </c>
    </row>
    <row r="18298">
      <c r="A18298" s="1">
        <v>4.90744109E8</v>
      </c>
      <c r="B18298" s="2">
        <v>16279.0</v>
      </c>
      <c r="C18298" s="1" t="s">
        <v>5</v>
      </c>
      <c r="D18298" s="1" t="s">
        <v>11</v>
      </c>
      <c r="E18298" s="1" t="s">
        <v>7</v>
      </c>
    </row>
    <row r="18299">
      <c r="A18299" s="1">
        <v>4.90744161E8</v>
      </c>
      <c r="B18299" s="2">
        <v>16259.0</v>
      </c>
      <c r="C18299" s="1" t="s">
        <v>5</v>
      </c>
      <c r="D18299" s="1" t="s">
        <v>15525</v>
      </c>
      <c r="E18299" s="1" t="s">
        <v>11</v>
      </c>
    </row>
    <row r="18300">
      <c r="A18300" s="1">
        <v>4.90744176E8</v>
      </c>
      <c r="B18300" s="2">
        <v>16313.0</v>
      </c>
      <c r="C18300" s="1" t="s">
        <v>5</v>
      </c>
      <c r="D18300" s="1" t="s">
        <v>7</v>
      </c>
      <c r="E18300" s="1" t="s">
        <v>7</v>
      </c>
    </row>
    <row r="18301">
      <c r="A18301" s="1">
        <v>4.90744209E8</v>
      </c>
      <c r="B18301" s="2">
        <v>16275.0</v>
      </c>
      <c r="C18301" s="1" t="s">
        <v>5</v>
      </c>
      <c r="D18301" s="1" t="s">
        <v>11</v>
      </c>
      <c r="E18301" s="1" t="s">
        <v>7</v>
      </c>
    </row>
    <row r="18302">
      <c r="A18302" s="1">
        <v>4.90744217E8</v>
      </c>
      <c r="B18302" s="2">
        <v>16233.0</v>
      </c>
      <c r="C18302" s="1" t="s">
        <v>5</v>
      </c>
      <c r="D18302" s="1" t="s">
        <v>15526</v>
      </c>
      <c r="E18302" s="1" t="s">
        <v>7</v>
      </c>
    </row>
    <row r="18303">
      <c r="A18303" s="1">
        <v>4.90744222E8</v>
      </c>
      <c r="B18303" s="2">
        <v>16306.0</v>
      </c>
      <c r="C18303" s="1" t="s">
        <v>5</v>
      </c>
      <c r="D18303" s="1" t="s">
        <v>11</v>
      </c>
      <c r="E18303" s="1" t="s">
        <v>7</v>
      </c>
    </row>
    <row r="18304">
      <c r="A18304" s="1">
        <v>4.90744223E8</v>
      </c>
      <c r="B18304" s="2">
        <v>16255.0</v>
      </c>
      <c r="C18304" s="1" t="s">
        <v>5</v>
      </c>
      <c r="D18304" s="1" t="s">
        <v>15527</v>
      </c>
      <c r="E18304" s="1" t="s">
        <v>7</v>
      </c>
    </row>
    <row r="18305">
      <c r="A18305" s="1">
        <v>4.90744229E8</v>
      </c>
      <c r="B18305" s="2">
        <v>16313.0</v>
      </c>
      <c r="C18305" s="1" t="s">
        <v>5</v>
      </c>
      <c r="D18305" s="1" t="s">
        <v>15528</v>
      </c>
      <c r="E18305" s="1" t="s">
        <v>7</v>
      </c>
    </row>
    <row r="18306">
      <c r="A18306" s="1">
        <v>4.90744255E8</v>
      </c>
      <c r="B18306" s="2">
        <v>16304.0</v>
      </c>
      <c r="C18306" s="1" t="s">
        <v>5</v>
      </c>
      <c r="D18306" s="1" t="s">
        <v>15529</v>
      </c>
      <c r="E18306" s="1" t="s">
        <v>7</v>
      </c>
    </row>
    <row r="18307">
      <c r="A18307" s="1">
        <v>4.90744296E8</v>
      </c>
      <c r="B18307" s="2">
        <v>16315.0</v>
      </c>
      <c r="C18307" s="1" t="s">
        <v>5</v>
      </c>
      <c r="D18307" s="1" t="s">
        <v>15530</v>
      </c>
      <c r="E18307" s="1" t="s">
        <v>7</v>
      </c>
    </row>
    <row r="18308">
      <c r="A18308" s="1">
        <v>4.90744301E8</v>
      </c>
      <c r="B18308" s="2">
        <v>16306.0</v>
      </c>
      <c r="C18308" s="1" t="s">
        <v>5</v>
      </c>
      <c r="D18308" s="1" t="s">
        <v>15531</v>
      </c>
      <c r="E18308" s="1" t="s">
        <v>7</v>
      </c>
    </row>
    <row r="18309">
      <c r="A18309" s="1">
        <v>4.90744307E8</v>
      </c>
      <c r="B18309" s="2">
        <v>16281.0</v>
      </c>
      <c r="C18309" s="1" t="s">
        <v>5</v>
      </c>
      <c r="D18309" s="1" t="s">
        <v>15532</v>
      </c>
      <c r="E18309" s="1" t="s">
        <v>7</v>
      </c>
    </row>
    <row r="18310">
      <c r="A18310" s="1">
        <v>4.90744354E8</v>
      </c>
      <c r="B18310" s="2">
        <v>16310.0</v>
      </c>
      <c r="C18310" s="1" t="s">
        <v>5</v>
      </c>
      <c r="D18310" s="1" t="s">
        <v>15533</v>
      </c>
      <c r="E18310" s="1" t="s">
        <v>15534</v>
      </c>
    </row>
    <row r="18311">
      <c r="A18311" s="1">
        <v>4.90744368E8</v>
      </c>
      <c r="B18311" s="2">
        <v>16315.0</v>
      </c>
      <c r="C18311" s="1" t="s">
        <v>5</v>
      </c>
      <c r="D18311" s="1" t="s">
        <v>15535</v>
      </c>
      <c r="E18311" s="1" t="s">
        <v>7</v>
      </c>
    </row>
    <row r="18312">
      <c r="A18312" s="1">
        <v>4.90744456E8</v>
      </c>
      <c r="B18312" s="2">
        <v>16302.0</v>
      </c>
      <c r="C18312" s="1" t="s">
        <v>5</v>
      </c>
      <c r="D18312" s="1" t="s">
        <v>15536</v>
      </c>
      <c r="E18312" s="1" t="s">
        <v>7</v>
      </c>
    </row>
    <row r="18313">
      <c r="A18313" s="1">
        <v>4.90744488E8</v>
      </c>
      <c r="B18313" s="2">
        <v>16262.0</v>
      </c>
      <c r="C18313" s="1" t="s">
        <v>5</v>
      </c>
      <c r="D18313" s="1" t="s">
        <v>15537</v>
      </c>
      <c r="E18313" s="1" t="s">
        <v>7</v>
      </c>
    </row>
    <row r="18314">
      <c r="A18314" s="1">
        <v>4.90744543E8</v>
      </c>
      <c r="B18314" s="2">
        <v>16309.0</v>
      </c>
      <c r="C18314" s="1" t="s">
        <v>5</v>
      </c>
      <c r="D18314" s="1" t="s">
        <v>15538</v>
      </c>
      <c r="E18314" s="1" t="s">
        <v>7</v>
      </c>
    </row>
    <row r="18315">
      <c r="A18315" s="1">
        <v>4.90744577E8</v>
      </c>
      <c r="B18315" s="2">
        <v>16309.0</v>
      </c>
      <c r="C18315" s="1" t="s">
        <v>5</v>
      </c>
      <c r="D18315" s="1" t="s">
        <v>15539</v>
      </c>
      <c r="E18315" s="1" t="s">
        <v>15540</v>
      </c>
    </row>
    <row r="18316">
      <c r="A18316" s="1">
        <v>4.90744581E8</v>
      </c>
      <c r="B18316" s="2">
        <v>16302.0</v>
      </c>
      <c r="C18316" s="1" t="s">
        <v>5</v>
      </c>
      <c r="D18316" s="1" t="s">
        <v>15541</v>
      </c>
      <c r="E18316" s="1" t="s">
        <v>11</v>
      </c>
    </row>
    <row r="18317">
      <c r="A18317" s="1">
        <v>4.90744595E8</v>
      </c>
      <c r="B18317" s="2">
        <v>16302.0</v>
      </c>
      <c r="C18317" s="1" t="s">
        <v>5</v>
      </c>
      <c r="D18317" s="1" t="s">
        <v>11</v>
      </c>
      <c r="E18317" s="1" t="s">
        <v>7</v>
      </c>
    </row>
    <row r="18318">
      <c r="A18318" s="1">
        <v>4.90744621E8</v>
      </c>
      <c r="B18318" s="2">
        <v>16308.0</v>
      </c>
      <c r="C18318" s="1" t="s">
        <v>5</v>
      </c>
      <c r="D18318" s="1" t="s">
        <v>15542</v>
      </c>
      <c r="E18318" s="1" t="s">
        <v>7</v>
      </c>
    </row>
    <row r="18319">
      <c r="A18319" s="1">
        <v>4.90744651E8</v>
      </c>
      <c r="B18319" s="2">
        <v>16275.0</v>
      </c>
      <c r="C18319" s="1" t="s">
        <v>5</v>
      </c>
      <c r="D18319" s="1" t="s">
        <v>11</v>
      </c>
      <c r="E18319" s="1" t="s">
        <v>7</v>
      </c>
    </row>
    <row r="18320">
      <c r="A18320" s="1">
        <v>4.90744652E8</v>
      </c>
      <c r="B18320" s="2">
        <v>16301.0</v>
      </c>
      <c r="C18320" s="1" t="s">
        <v>5</v>
      </c>
      <c r="D18320" s="1" t="s">
        <v>15543</v>
      </c>
      <c r="E18320" s="1" t="s">
        <v>7</v>
      </c>
    </row>
    <row r="18321">
      <c r="A18321" s="1">
        <v>4.90744702E8</v>
      </c>
      <c r="B18321" s="2">
        <v>16269.0</v>
      </c>
      <c r="C18321" s="1" t="s">
        <v>5</v>
      </c>
      <c r="D18321" s="1" t="s">
        <v>15544</v>
      </c>
      <c r="E18321" s="1" t="s">
        <v>7</v>
      </c>
    </row>
    <row r="18322">
      <c r="A18322" s="1">
        <v>4.90744733E8</v>
      </c>
      <c r="B18322" s="2">
        <v>16267.0</v>
      </c>
      <c r="C18322" s="1" t="s">
        <v>5</v>
      </c>
      <c r="D18322" s="1" t="s">
        <v>15545</v>
      </c>
      <c r="E18322" s="1" t="s">
        <v>15546</v>
      </c>
    </row>
    <row r="18323">
      <c r="A18323" s="1">
        <v>4.90744751E8</v>
      </c>
      <c r="B18323" s="2">
        <v>16307.0</v>
      </c>
      <c r="C18323" s="1" t="s">
        <v>5</v>
      </c>
      <c r="D18323" s="1" t="s">
        <v>15547</v>
      </c>
      <c r="E18323" s="1" t="s">
        <v>7</v>
      </c>
    </row>
    <row r="18324">
      <c r="A18324" s="1">
        <v>4.90744822E8</v>
      </c>
      <c r="B18324" s="2">
        <v>16306.0</v>
      </c>
      <c r="C18324" s="1" t="s">
        <v>5</v>
      </c>
      <c r="D18324" s="1" t="s">
        <v>15548</v>
      </c>
      <c r="E18324" s="1" t="s">
        <v>15549</v>
      </c>
    </row>
    <row r="18325">
      <c r="A18325" s="1">
        <v>4.90744843E8</v>
      </c>
      <c r="B18325" s="2">
        <v>16227.0</v>
      </c>
      <c r="C18325" s="1" t="s">
        <v>5</v>
      </c>
      <c r="D18325" s="1" t="s">
        <v>15550</v>
      </c>
      <c r="E18325" s="1" t="s">
        <v>7</v>
      </c>
    </row>
    <row r="18326">
      <c r="A18326" s="1">
        <v>4.90744849E8</v>
      </c>
      <c r="B18326" s="2">
        <v>16300.0</v>
      </c>
      <c r="C18326" s="1" t="s">
        <v>5</v>
      </c>
      <c r="D18326" s="1" t="s">
        <v>11</v>
      </c>
      <c r="E18326" s="1" t="s">
        <v>7</v>
      </c>
    </row>
    <row r="18327">
      <c r="A18327" s="1">
        <v>4.9074485E8</v>
      </c>
      <c r="B18327" s="2">
        <v>16276.0</v>
      </c>
      <c r="C18327" s="1" t="s">
        <v>5</v>
      </c>
      <c r="D18327" s="1" t="s">
        <v>11</v>
      </c>
      <c r="E18327" s="1" t="s">
        <v>7</v>
      </c>
    </row>
    <row r="18328">
      <c r="A18328" s="1">
        <v>4.90744874E8</v>
      </c>
      <c r="B18328" s="2">
        <v>16260.0</v>
      </c>
      <c r="C18328" s="1" t="s">
        <v>5</v>
      </c>
      <c r="D18328" s="1" t="s">
        <v>15551</v>
      </c>
      <c r="E18328" s="1" t="s">
        <v>7</v>
      </c>
    </row>
    <row r="18329">
      <c r="A18329" s="1">
        <v>4.90744875E8</v>
      </c>
      <c r="B18329" s="2">
        <v>16308.0</v>
      </c>
      <c r="C18329" s="1" t="s">
        <v>5</v>
      </c>
      <c r="D18329" s="1" t="s">
        <v>15552</v>
      </c>
      <c r="E18329" s="1" t="s">
        <v>11</v>
      </c>
    </row>
    <row r="18330">
      <c r="A18330" s="1">
        <v>4.90744928E8</v>
      </c>
      <c r="B18330" s="2">
        <v>16227.0</v>
      </c>
      <c r="C18330" s="1" t="s">
        <v>5</v>
      </c>
      <c r="D18330" s="1" t="s">
        <v>15553</v>
      </c>
      <c r="E18330" s="1" t="s">
        <v>7</v>
      </c>
    </row>
    <row r="18331">
      <c r="A18331" s="1">
        <v>4.90745053E8</v>
      </c>
      <c r="B18331" s="2">
        <v>16269.0</v>
      </c>
      <c r="C18331" s="1" t="s">
        <v>5</v>
      </c>
      <c r="D18331" s="1" t="s">
        <v>11</v>
      </c>
      <c r="E18331" s="1" t="s">
        <v>7</v>
      </c>
    </row>
    <row r="18332">
      <c r="A18332" s="1">
        <v>4.90745081E8</v>
      </c>
      <c r="B18332" s="2">
        <v>16304.0</v>
      </c>
      <c r="C18332" s="1" t="s">
        <v>5</v>
      </c>
      <c r="D18332" s="1" t="s">
        <v>11</v>
      </c>
      <c r="E18332" s="1" t="s">
        <v>7</v>
      </c>
    </row>
    <row r="18333">
      <c r="A18333" s="1">
        <v>4.90745091E8</v>
      </c>
      <c r="B18333" s="2">
        <v>16260.0</v>
      </c>
      <c r="C18333" s="1" t="s">
        <v>5</v>
      </c>
      <c r="D18333" s="1" t="s">
        <v>15554</v>
      </c>
      <c r="E18333" s="1" t="s">
        <v>11</v>
      </c>
    </row>
    <row r="18334">
      <c r="A18334" s="1">
        <v>4.90745168E8</v>
      </c>
      <c r="B18334" s="2">
        <v>16303.0</v>
      </c>
      <c r="C18334" s="1" t="s">
        <v>5</v>
      </c>
      <c r="D18334" s="1" t="s">
        <v>15555</v>
      </c>
      <c r="E18334" s="1" t="s">
        <v>11</v>
      </c>
    </row>
    <row r="18335">
      <c r="A18335" s="1">
        <v>4.90745173E8</v>
      </c>
      <c r="B18335" s="2">
        <v>16267.0</v>
      </c>
      <c r="C18335" s="1" t="s">
        <v>5</v>
      </c>
      <c r="D18335" s="1" t="s">
        <v>15556</v>
      </c>
      <c r="E18335" s="1" t="s">
        <v>7</v>
      </c>
    </row>
    <row r="18336">
      <c r="A18336" s="1">
        <v>4.90745179E8</v>
      </c>
      <c r="B18336" s="2">
        <v>16297.0</v>
      </c>
      <c r="C18336" s="1" t="s">
        <v>5</v>
      </c>
      <c r="D18336" s="1" t="s">
        <v>15557</v>
      </c>
      <c r="E18336" s="1" t="s">
        <v>7</v>
      </c>
    </row>
    <row r="18337">
      <c r="A18337" s="1">
        <v>4.90745256E8</v>
      </c>
      <c r="B18337" s="2">
        <v>16260.0</v>
      </c>
      <c r="C18337" s="1" t="s">
        <v>5</v>
      </c>
      <c r="D18337" s="1" t="s">
        <v>11</v>
      </c>
      <c r="E18337" s="1" t="s">
        <v>7</v>
      </c>
    </row>
    <row r="18338">
      <c r="A18338" s="1">
        <v>4.90745283E8</v>
      </c>
      <c r="B18338" s="2">
        <v>16302.0</v>
      </c>
      <c r="C18338" s="1" t="s">
        <v>5</v>
      </c>
      <c r="D18338" s="1" t="s">
        <v>15558</v>
      </c>
      <c r="E18338" s="1" t="s">
        <v>7</v>
      </c>
    </row>
    <row r="18339">
      <c r="A18339" s="1">
        <v>4.90745306E8</v>
      </c>
      <c r="B18339" s="2">
        <v>16224.0</v>
      </c>
      <c r="C18339" s="1" t="s">
        <v>5</v>
      </c>
      <c r="D18339" s="1" t="s">
        <v>15559</v>
      </c>
      <c r="E18339" s="1" t="s">
        <v>11</v>
      </c>
    </row>
    <row r="18340">
      <c r="A18340" s="1">
        <v>4.90745379E8</v>
      </c>
      <c r="B18340" s="2">
        <v>16259.0</v>
      </c>
      <c r="C18340" s="1" t="s">
        <v>5</v>
      </c>
      <c r="D18340" s="1" t="s">
        <v>15560</v>
      </c>
      <c r="E18340" s="1" t="s">
        <v>7</v>
      </c>
    </row>
    <row r="18341">
      <c r="A18341" s="1">
        <v>4.90745396E8</v>
      </c>
      <c r="B18341" s="2">
        <v>16300.0</v>
      </c>
      <c r="C18341" s="1" t="s">
        <v>5</v>
      </c>
      <c r="D18341" s="1" t="s">
        <v>15561</v>
      </c>
      <c r="E18341" s="1" t="s">
        <v>7</v>
      </c>
    </row>
    <row r="18342">
      <c r="A18342" s="1">
        <v>4.90745398E8</v>
      </c>
      <c r="B18342" s="2">
        <v>16301.0</v>
      </c>
      <c r="C18342" s="1" t="s">
        <v>5</v>
      </c>
      <c r="D18342" s="1" t="s">
        <v>11</v>
      </c>
      <c r="E18342" s="1" t="s">
        <v>7</v>
      </c>
    </row>
    <row r="18343">
      <c r="A18343" s="1">
        <v>4.90745413E8</v>
      </c>
      <c r="B18343" s="2">
        <v>16271.0</v>
      </c>
      <c r="C18343" s="1" t="s">
        <v>5</v>
      </c>
      <c r="D18343" s="1" t="s">
        <v>15562</v>
      </c>
      <c r="E18343" s="1" t="s">
        <v>7</v>
      </c>
    </row>
    <row r="18344">
      <c r="A18344" s="1">
        <v>4.90745477E8</v>
      </c>
      <c r="B18344" s="2">
        <v>16294.0</v>
      </c>
      <c r="C18344" s="1" t="s">
        <v>5</v>
      </c>
      <c r="D18344" s="1" t="s">
        <v>11</v>
      </c>
      <c r="E18344" s="1" t="s">
        <v>7</v>
      </c>
    </row>
    <row r="18345">
      <c r="A18345" s="1">
        <v>4.90745491E8</v>
      </c>
      <c r="B18345" s="2">
        <v>16264.0</v>
      </c>
      <c r="C18345" s="1" t="s">
        <v>5</v>
      </c>
      <c r="D18345" s="1" t="s">
        <v>15563</v>
      </c>
      <c r="E18345" s="1" t="s">
        <v>7</v>
      </c>
    </row>
    <row r="18346">
      <c r="A18346" s="1">
        <v>4.90745494E8</v>
      </c>
      <c r="B18346" s="2">
        <v>16269.0</v>
      </c>
      <c r="C18346" s="1" t="s">
        <v>5</v>
      </c>
      <c r="D18346" s="1" t="s">
        <v>15564</v>
      </c>
      <c r="E18346" s="1" t="s">
        <v>15565</v>
      </c>
    </row>
    <row r="18347">
      <c r="A18347" s="1">
        <v>4.90745496E8</v>
      </c>
      <c r="B18347" s="2">
        <v>16300.0</v>
      </c>
      <c r="C18347" s="1" t="s">
        <v>5</v>
      </c>
      <c r="D18347" s="1" t="s">
        <v>15566</v>
      </c>
      <c r="E18347" s="1" t="s">
        <v>11</v>
      </c>
    </row>
    <row r="18348">
      <c r="A18348" s="1">
        <v>4.90745516E8</v>
      </c>
      <c r="B18348" s="2">
        <v>16265.0</v>
      </c>
      <c r="C18348" s="1" t="s">
        <v>5</v>
      </c>
      <c r="D18348" s="1" t="s">
        <v>11</v>
      </c>
      <c r="E18348" s="1" t="s">
        <v>7</v>
      </c>
    </row>
    <row r="18349">
      <c r="A18349" s="1">
        <v>4.90745521E8</v>
      </c>
      <c r="B18349" s="2">
        <v>16281.0</v>
      </c>
      <c r="C18349" s="1" t="s">
        <v>5</v>
      </c>
      <c r="D18349" s="1" t="s">
        <v>15567</v>
      </c>
      <c r="E18349" s="1" t="s">
        <v>15568</v>
      </c>
    </row>
    <row r="18350">
      <c r="A18350" s="1">
        <v>4.90745533E8</v>
      </c>
      <c r="B18350" s="2">
        <v>16225.0</v>
      </c>
      <c r="C18350" s="1" t="s">
        <v>5</v>
      </c>
      <c r="D18350" s="1" t="s">
        <v>15569</v>
      </c>
      <c r="E18350" s="1" t="s">
        <v>7</v>
      </c>
    </row>
    <row r="18351">
      <c r="A18351" s="1">
        <v>4.90745553E8</v>
      </c>
      <c r="B18351" s="2">
        <v>16295.0</v>
      </c>
      <c r="C18351" s="1" t="s">
        <v>5</v>
      </c>
      <c r="D18351" s="1" t="s">
        <v>15570</v>
      </c>
      <c r="E18351" s="1" t="s">
        <v>11</v>
      </c>
    </row>
    <row r="18352">
      <c r="A18352" s="1">
        <v>4.90745566E8</v>
      </c>
      <c r="B18352" s="2">
        <v>16265.0</v>
      </c>
      <c r="C18352" s="1" t="s">
        <v>5</v>
      </c>
      <c r="D18352" s="1" t="s">
        <v>15571</v>
      </c>
      <c r="E18352" s="1" t="s">
        <v>7</v>
      </c>
    </row>
    <row r="18353">
      <c r="A18353" s="1">
        <v>4.90745609E8</v>
      </c>
      <c r="B18353" s="2">
        <v>16264.0</v>
      </c>
      <c r="C18353" s="1" t="s">
        <v>5</v>
      </c>
      <c r="D18353" s="1" t="s">
        <v>15572</v>
      </c>
      <c r="E18353" s="1" t="s">
        <v>15573</v>
      </c>
    </row>
    <row r="18354">
      <c r="A18354" s="1">
        <v>4.90745655E8</v>
      </c>
      <c r="B18354" s="2">
        <v>16259.0</v>
      </c>
      <c r="C18354" s="1" t="s">
        <v>5</v>
      </c>
      <c r="D18354" s="1" t="s">
        <v>11</v>
      </c>
      <c r="E18354" s="1" t="s">
        <v>7</v>
      </c>
    </row>
    <row r="18355">
      <c r="A18355" s="1">
        <v>4.90745664E8</v>
      </c>
      <c r="B18355" s="2">
        <v>16254.0</v>
      </c>
      <c r="C18355" s="1" t="s">
        <v>5</v>
      </c>
      <c r="D18355" s="1" t="s">
        <v>15574</v>
      </c>
      <c r="E18355" s="1" t="s">
        <v>7</v>
      </c>
    </row>
    <row r="18356">
      <c r="A18356" s="1">
        <v>4.90745722E8</v>
      </c>
      <c r="B18356" s="2">
        <v>16314.0</v>
      </c>
      <c r="C18356" s="1" t="s">
        <v>5</v>
      </c>
      <c r="D18356" s="1" t="s">
        <v>15575</v>
      </c>
      <c r="E18356" s="1" t="s">
        <v>7</v>
      </c>
    </row>
    <row r="18357">
      <c r="A18357" s="1">
        <v>4.90745754E8</v>
      </c>
      <c r="B18357" s="2">
        <v>16261.0</v>
      </c>
      <c r="C18357" s="1" t="s">
        <v>5</v>
      </c>
      <c r="D18357" s="1" t="s">
        <v>15576</v>
      </c>
      <c r="E18357" s="1" t="s">
        <v>7</v>
      </c>
    </row>
    <row r="18358">
      <c r="A18358" s="1">
        <v>4.90745755E8</v>
      </c>
      <c r="B18358" s="2">
        <v>16262.0</v>
      </c>
      <c r="C18358" s="1" t="s">
        <v>5</v>
      </c>
      <c r="D18358" s="1" t="s">
        <v>15577</v>
      </c>
      <c r="E18358" s="1" t="s">
        <v>11</v>
      </c>
    </row>
    <row r="18359">
      <c r="A18359" s="1">
        <v>4.90745756E8</v>
      </c>
      <c r="B18359" s="2">
        <v>16255.0</v>
      </c>
      <c r="C18359" s="1" t="s">
        <v>5</v>
      </c>
      <c r="D18359" s="1" t="s">
        <v>15578</v>
      </c>
      <c r="E18359" s="1" t="s">
        <v>7</v>
      </c>
    </row>
    <row r="18360">
      <c r="A18360" s="1">
        <v>4.90745768E8</v>
      </c>
      <c r="B18360" s="2">
        <v>16315.0</v>
      </c>
      <c r="C18360" s="1" t="s">
        <v>5</v>
      </c>
      <c r="D18360" s="1" t="s">
        <v>15579</v>
      </c>
      <c r="E18360" s="1" t="s">
        <v>11</v>
      </c>
    </row>
    <row r="18361">
      <c r="A18361" s="1">
        <v>4.90745773E8</v>
      </c>
      <c r="B18361" s="2">
        <v>16297.0</v>
      </c>
      <c r="C18361" s="1" t="s">
        <v>5</v>
      </c>
      <c r="D18361" s="1" t="s">
        <v>15580</v>
      </c>
      <c r="E18361" s="1" t="s">
        <v>7</v>
      </c>
    </row>
    <row r="18362">
      <c r="A18362" s="1">
        <v>4.90745794E8</v>
      </c>
      <c r="B18362" s="2">
        <v>16302.0</v>
      </c>
      <c r="C18362" s="1" t="s">
        <v>5</v>
      </c>
      <c r="D18362" s="1" t="s">
        <v>15581</v>
      </c>
      <c r="E18362" s="1" t="s">
        <v>11</v>
      </c>
    </row>
    <row r="18363">
      <c r="A18363" s="1">
        <v>4.90745848E8</v>
      </c>
      <c r="B18363" s="2">
        <v>16282.0</v>
      </c>
      <c r="C18363" s="1" t="s">
        <v>5</v>
      </c>
      <c r="D18363" s="1" t="s">
        <v>15582</v>
      </c>
      <c r="E18363" s="1" t="s">
        <v>7</v>
      </c>
    </row>
    <row r="18364">
      <c r="A18364" s="1">
        <v>4.90745865E8</v>
      </c>
      <c r="B18364" s="2">
        <v>16314.0</v>
      </c>
      <c r="C18364" s="1" t="s">
        <v>5</v>
      </c>
      <c r="D18364" s="1" t="s">
        <v>11</v>
      </c>
      <c r="E18364" s="1" t="s">
        <v>7</v>
      </c>
    </row>
    <row r="18365">
      <c r="A18365" s="1">
        <v>4.90745929E8</v>
      </c>
      <c r="B18365" s="2">
        <v>16258.0</v>
      </c>
      <c r="C18365" s="1" t="s">
        <v>5</v>
      </c>
      <c r="D18365" s="1" t="s">
        <v>11</v>
      </c>
      <c r="E18365" s="1" t="s">
        <v>7</v>
      </c>
    </row>
    <row r="18366">
      <c r="A18366" s="1">
        <v>4.90745941E8</v>
      </c>
      <c r="B18366" s="2">
        <v>16289.0</v>
      </c>
      <c r="C18366" s="1" t="s">
        <v>5</v>
      </c>
      <c r="D18366" s="1" t="s">
        <v>15583</v>
      </c>
      <c r="E18366" s="1" t="s">
        <v>7</v>
      </c>
    </row>
    <row r="18367">
      <c r="A18367" s="1">
        <v>4.90745968E8</v>
      </c>
      <c r="B18367" s="2">
        <v>16311.0</v>
      </c>
      <c r="C18367" s="1" t="s">
        <v>5</v>
      </c>
      <c r="D18367" s="1" t="s">
        <v>15584</v>
      </c>
      <c r="E18367" s="1" t="s">
        <v>7</v>
      </c>
    </row>
    <row r="18368">
      <c r="A18368" s="1">
        <v>4.90745975E8</v>
      </c>
      <c r="B18368" s="2">
        <v>16297.0</v>
      </c>
      <c r="C18368" s="1" t="s">
        <v>5</v>
      </c>
      <c r="D18368" s="1" t="s">
        <v>15585</v>
      </c>
      <c r="E18368" s="1" t="s">
        <v>7</v>
      </c>
    </row>
    <row r="18369">
      <c r="A18369" s="1">
        <v>4.90745981E8</v>
      </c>
      <c r="B18369" s="2">
        <v>16313.0</v>
      </c>
      <c r="C18369" s="1" t="s">
        <v>5</v>
      </c>
      <c r="D18369" s="1" t="s">
        <v>15586</v>
      </c>
      <c r="E18369" s="1" t="s">
        <v>11</v>
      </c>
    </row>
    <row r="18370">
      <c r="A18370" s="1">
        <v>4.90746043E8</v>
      </c>
      <c r="B18370" s="2">
        <v>16258.0</v>
      </c>
      <c r="C18370" s="1" t="s">
        <v>5</v>
      </c>
      <c r="D18370" s="1" t="s">
        <v>15587</v>
      </c>
      <c r="E18370" s="1" t="s">
        <v>7</v>
      </c>
    </row>
    <row r="18371">
      <c r="A18371" s="1">
        <v>4.90746049E8</v>
      </c>
      <c r="B18371" s="2">
        <v>16288.0</v>
      </c>
      <c r="C18371" s="1" t="s">
        <v>5</v>
      </c>
      <c r="D18371" s="1" t="s">
        <v>11</v>
      </c>
      <c r="E18371" s="1" t="s">
        <v>7</v>
      </c>
    </row>
    <row r="18372">
      <c r="A18372" s="1">
        <v>4.90746106E8</v>
      </c>
      <c r="B18372" s="2">
        <v>16295.0</v>
      </c>
      <c r="C18372" s="1" t="s">
        <v>5</v>
      </c>
      <c r="D18372" s="1" t="s">
        <v>11</v>
      </c>
      <c r="E18372" s="1" t="s">
        <v>7</v>
      </c>
    </row>
    <row r="18373">
      <c r="A18373" s="1">
        <v>4.90746114E8</v>
      </c>
      <c r="B18373" s="2">
        <v>16293.0</v>
      </c>
      <c r="C18373" s="1" t="s">
        <v>5</v>
      </c>
      <c r="D18373" s="1" t="s">
        <v>15588</v>
      </c>
      <c r="E18373" s="1" t="s">
        <v>7</v>
      </c>
    </row>
    <row r="18374">
      <c r="A18374" s="1">
        <v>4.90746141E8</v>
      </c>
      <c r="B18374" s="2">
        <v>16267.0</v>
      </c>
      <c r="C18374" s="1" t="s">
        <v>5</v>
      </c>
      <c r="D18374" s="1" t="s">
        <v>15589</v>
      </c>
      <c r="E18374" s="1" t="s">
        <v>11</v>
      </c>
    </row>
    <row r="18375">
      <c r="A18375" s="1">
        <v>4.90746166E8</v>
      </c>
      <c r="B18375" s="2">
        <v>16258.0</v>
      </c>
      <c r="C18375" s="1" t="s">
        <v>5</v>
      </c>
      <c r="D18375" s="1" t="s">
        <v>15590</v>
      </c>
      <c r="E18375" s="1" t="s">
        <v>11</v>
      </c>
    </row>
    <row r="18376">
      <c r="A18376" s="1">
        <v>4.90746173E8</v>
      </c>
      <c r="B18376" s="2">
        <v>16295.0</v>
      </c>
      <c r="C18376" s="1" t="s">
        <v>5</v>
      </c>
      <c r="D18376" s="1" t="s">
        <v>11</v>
      </c>
      <c r="E18376" s="1" t="s">
        <v>7</v>
      </c>
    </row>
    <row r="18377">
      <c r="A18377" s="1">
        <v>4.90746203E8</v>
      </c>
      <c r="B18377" s="2">
        <v>16286.0</v>
      </c>
      <c r="C18377" s="1" t="s">
        <v>5</v>
      </c>
      <c r="D18377" s="1" t="s">
        <v>11</v>
      </c>
      <c r="E18377" s="1" t="s">
        <v>7</v>
      </c>
    </row>
    <row r="18378">
      <c r="A18378" s="1">
        <v>4.90746206E8</v>
      </c>
      <c r="B18378" s="2">
        <v>16261.0</v>
      </c>
      <c r="C18378" s="1" t="s">
        <v>5</v>
      </c>
      <c r="D18378" s="1" t="s">
        <v>15591</v>
      </c>
      <c r="E18378" s="1" t="s">
        <v>7</v>
      </c>
    </row>
    <row r="18379">
      <c r="A18379" s="1">
        <v>4.90746208E8</v>
      </c>
      <c r="B18379" s="2">
        <v>16295.0</v>
      </c>
      <c r="C18379" s="1" t="s">
        <v>5</v>
      </c>
      <c r="D18379" s="1" t="s">
        <v>15592</v>
      </c>
      <c r="E18379" s="1" t="s">
        <v>7</v>
      </c>
    </row>
    <row r="18380">
      <c r="A18380" s="1">
        <v>4.90746213E8</v>
      </c>
      <c r="B18380" s="2">
        <v>16295.0</v>
      </c>
      <c r="C18380" s="1" t="s">
        <v>5</v>
      </c>
      <c r="D18380" s="1" t="s">
        <v>11</v>
      </c>
      <c r="E18380" s="1" t="s">
        <v>7</v>
      </c>
    </row>
    <row r="18381">
      <c r="A18381" s="1">
        <v>4.90746234E8</v>
      </c>
      <c r="B18381" s="2">
        <v>16261.0</v>
      </c>
      <c r="C18381" s="1" t="s">
        <v>5</v>
      </c>
      <c r="D18381" s="1" t="s">
        <v>11</v>
      </c>
      <c r="E18381" s="1" t="s">
        <v>7</v>
      </c>
    </row>
    <row r="18382">
      <c r="A18382" s="1">
        <v>4.90746243E8</v>
      </c>
      <c r="B18382" s="2">
        <v>16280.0</v>
      </c>
      <c r="C18382" s="1" t="s">
        <v>5</v>
      </c>
      <c r="D18382" s="1" t="s">
        <v>15593</v>
      </c>
      <c r="E18382" s="1" t="s">
        <v>11</v>
      </c>
    </row>
    <row r="18383">
      <c r="A18383" s="1">
        <v>4.90746279E8</v>
      </c>
      <c r="B18383" s="2">
        <v>16299.0</v>
      </c>
      <c r="C18383" s="1" t="s">
        <v>5</v>
      </c>
      <c r="D18383" s="1" t="s">
        <v>15594</v>
      </c>
      <c r="E18383" s="1" t="s">
        <v>7</v>
      </c>
    </row>
    <row r="18384">
      <c r="A18384" s="1">
        <v>4.90746299E8</v>
      </c>
      <c r="B18384" s="2">
        <v>16294.0</v>
      </c>
      <c r="C18384" s="1" t="s">
        <v>5</v>
      </c>
      <c r="D18384" s="1" t="s">
        <v>11</v>
      </c>
      <c r="E18384" s="1" t="s">
        <v>7</v>
      </c>
    </row>
    <row r="18385">
      <c r="A18385" s="1">
        <v>4.90746307E8</v>
      </c>
      <c r="B18385" s="2">
        <v>16293.0</v>
      </c>
      <c r="C18385" s="1" t="s">
        <v>5</v>
      </c>
      <c r="D18385" s="1" t="s">
        <v>15595</v>
      </c>
      <c r="E18385" s="1" t="s">
        <v>7</v>
      </c>
    </row>
    <row r="18386">
      <c r="A18386" s="1">
        <v>4.90746312E8</v>
      </c>
      <c r="B18386" s="2">
        <v>16276.0</v>
      </c>
      <c r="C18386" s="1" t="s">
        <v>5</v>
      </c>
      <c r="D18386" s="1" t="s">
        <v>15596</v>
      </c>
      <c r="E18386" s="1" t="s">
        <v>7</v>
      </c>
    </row>
    <row r="18387">
      <c r="A18387" s="1">
        <v>4.90746315E8</v>
      </c>
      <c r="B18387" s="2">
        <v>16255.0</v>
      </c>
      <c r="C18387" s="1" t="s">
        <v>5</v>
      </c>
      <c r="D18387" s="1" t="s">
        <v>15597</v>
      </c>
      <c r="E18387" s="1" t="s">
        <v>7</v>
      </c>
    </row>
    <row r="18388">
      <c r="A18388" s="1">
        <v>4.90746328E8</v>
      </c>
      <c r="B18388" s="2">
        <v>16309.0</v>
      </c>
      <c r="C18388" s="1" t="s">
        <v>5</v>
      </c>
      <c r="D18388" s="1" t="s">
        <v>11</v>
      </c>
      <c r="E18388" s="1" t="s">
        <v>7</v>
      </c>
    </row>
    <row r="18389">
      <c r="A18389" s="1">
        <v>4.90746337E8</v>
      </c>
      <c r="B18389" s="2">
        <v>16258.0</v>
      </c>
      <c r="C18389" s="1" t="s">
        <v>5</v>
      </c>
      <c r="D18389" s="1" t="s">
        <v>15598</v>
      </c>
      <c r="E18389" s="1" t="s">
        <v>11</v>
      </c>
    </row>
    <row r="18390">
      <c r="A18390" s="1">
        <v>4.90746341E8</v>
      </c>
      <c r="B18390" s="2">
        <v>16295.0</v>
      </c>
      <c r="C18390" s="1" t="s">
        <v>5</v>
      </c>
      <c r="D18390" s="1" t="s">
        <v>15599</v>
      </c>
      <c r="E18390" s="1" t="s">
        <v>11</v>
      </c>
    </row>
    <row r="18391">
      <c r="A18391" s="1">
        <v>4.90746364E8</v>
      </c>
      <c r="B18391" s="2">
        <v>16293.0</v>
      </c>
      <c r="C18391" s="1" t="s">
        <v>5</v>
      </c>
      <c r="D18391" s="1" t="s">
        <v>15600</v>
      </c>
      <c r="E18391" s="1" t="s">
        <v>7</v>
      </c>
    </row>
    <row r="18392">
      <c r="A18392" s="1">
        <v>4.90746397E8</v>
      </c>
      <c r="B18392" s="2">
        <v>16314.0</v>
      </c>
      <c r="C18392" s="1" t="s">
        <v>5</v>
      </c>
      <c r="D18392" s="1" t="s">
        <v>15601</v>
      </c>
      <c r="E18392" s="1" t="s">
        <v>7</v>
      </c>
    </row>
    <row r="18393">
      <c r="A18393" s="1">
        <v>4.90746421E8</v>
      </c>
      <c r="B18393" s="2">
        <v>16267.0</v>
      </c>
      <c r="C18393" s="1" t="s">
        <v>5</v>
      </c>
      <c r="D18393" s="1" t="s">
        <v>11</v>
      </c>
      <c r="E18393" s="1" t="s">
        <v>7</v>
      </c>
    </row>
    <row r="18394">
      <c r="A18394" s="1">
        <v>4.90746436E8</v>
      </c>
      <c r="B18394" s="2">
        <v>16297.0</v>
      </c>
      <c r="C18394" s="1" t="s">
        <v>5</v>
      </c>
      <c r="D18394" s="1" t="s">
        <v>15602</v>
      </c>
      <c r="E18394" s="1" t="s">
        <v>11</v>
      </c>
    </row>
    <row r="18395">
      <c r="A18395" s="1">
        <v>4.90746448E8</v>
      </c>
      <c r="B18395" s="2">
        <v>16279.0</v>
      </c>
      <c r="C18395" s="1" t="s">
        <v>5</v>
      </c>
      <c r="D18395" s="1" t="s">
        <v>15603</v>
      </c>
      <c r="E18395" s="1" t="s">
        <v>7</v>
      </c>
    </row>
    <row r="18396">
      <c r="A18396" s="1">
        <v>4.90746461E8</v>
      </c>
      <c r="B18396" s="2">
        <v>16255.0</v>
      </c>
      <c r="C18396" s="1" t="s">
        <v>5</v>
      </c>
      <c r="D18396" s="1" t="s">
        <v>15604</v>
      </c>
      <c r="E18396" s="1" t="s">
        <v>11</v>
      </c>
    </row>
    <row r="18397">
      <c r="A18397" s="1">
        <v>4.90746539E8</v>
      </c>
      <c r="B18397" s="2">
        <v>16287.0</v>
      </c>
      <c r="C18397" s="1" t="s">
        <v>5</v>
      </c>
      <c r="D18397" s="1" t="s">
        <v>11</v>
      </c>
      <c r="E18397" s="1" t="s">
        <v>7</v>
      </c>
    </row>
    <row r="18398">
      <c r="A18398" s="1">
        <v>4.90746589E8</v>
      </c>
      <c r="B18398" s="2">
        <v>16308.0</v>
      </c>
      <c r="C18398" s="1" t="s">
        <v>5</v>
      </c>
      <c r="D18398" s="1" t="s">
        <v>15605</v>
      </c>
      <c r="E18398" s="1" t="s">
        <v>15606</v>
      </c>
    </row>
    <row r="18399">
      <c r="A18399" s="1">
        <v>4.90746595E8</v>
      </c>
      <c r="B18399" s="2">
        <v>16286.0</v>
      </c>
      <c r="C18399" s="1" t="s">
        <v>5</v>
      </c>
      <c r="D18399" s="1" t="s">
        <v>15607</v>
      </c>
      <c r="E18399" s="1" t="s">
        <v>7</v>
      </c>
    </row>
    <row r="18400">
      <c r="A18400" s="1">
        <v>4.90746636E8</v>
      </c>
      <c r="B18400" s="2">
        <v>16257.0</v>
      </c>
      <c r="C18400" s="1" t="s">
        <v>5</v>
      </c>
      <c r="D18400" s="1" t="s">
        <v>7</v>
      </c>
      <c r="E18400" s="1" t="s">
        <v>7</v>
      </c>
    </row>
    <row r="18401">
      <c r="A18401" s="1">
        <v>4.90746652E8</v>
      </c>
      <c r="B18401" s="2">
        <v>16288.0</v>
      </c>
      <c r="C18401" s="1" t="s">
        <v>5</v>
      </c>
      <c r="D18401" s="1" t="s">
        <v>15608</v>
      </c>
      <c r="E18401" s="1" t="s">
        <v>11</v>
      </c>
    </row>
    <row r="18402">
      <c r="A18402" s="1">
        <v>4.90746666E8</v>
      </c>
      <c r="B18402" s="2">
        <v>16307.0</v>
      </c>
      <c r="C18402" s="1" t="s">
        <v>5</v>
      </c>
      <c r="D18402" s="1" t="s">
        <v>15609</v>
      </c>
      <c r="E18402" s="1" t="s">
        <v>7</v>
      </c>
    </row>
    <row r="18403">
      <c r="A18403" s="1">
        <v>4.9074669E8</v>
      </c>
      <c r="B18403" s="2">
        <v>16288.0</v>
      </c>
      <c r="C18403" s="1" t="s">
        <v>5</v>
      </c>
      <c r="D18403" s="1" t="s">
        <v>15610</v>
      </c>
      <c r="E18403" s="1" t="s">
        <v>11</v>
      </c>
    </row>
    <row r="18404">
      <c r="A18404" s="1">
        <v>4.90746731E8</v>
      </c>
      <c r="B18404" s="2">
        <v>16306.0</v>
      </c>
      <c r="C18404" s="1" t="s">
        <v>5</v>
      </c>
      <c r="D18404" s="1" t="s">
        <v>11</v>
      </c>
      <c r="E18404" s="1" t="s">
        <v>7</v>
      </c>
    </row>
    <row r="18405">
      <c r="A18405" s="1">
        <v>4.90746771E8</v>
      </c>
      <c r="B18405" s="2">
        <v>16273.0</v>
      </c>
      <c r="C18405" s="1" t="s">
        <v>5</v>
      </c>
      <c r="D18405" s="1" t="s">
        <v>11</v>
      </c>
      <c r="E18405" s="1" t="s">
        <v>7</v>
      </c>
    </row>
    <row r="18406">
      <c r="A18406" s="1">
        <v>4.90746782E8</v>
      </c>
      <c r="B18406" s="2">
        <v>16344.0</v>
      </c>
      <c r="C18406" s="1" t="s">
        <v>5</v>
      </c>
      <c r="D18406" s="1" t="s">
        <v>15611</v>
      </c>
      <c r="E18406" s="1" t="s">
        <v>7</v>
      </c>
    </row>
    <row r="18407">
      <c r="A18407" s="1">
        <v>4.90746811E8</v>
      </c>
      <c r="B18407" s="2">
        <v>16289.0</v>
      </c>
      <c r="C18407" s="1" t="s">
        <v>5</v>
      </c>
      <c r="D18407" s="1" t="s">
        <v>15612</v>
      </c>
      <c r="E18407" s="1" t="s">
        <v>11</v>
      </c>
    </row>
    <row r="18408">
      <c r="A18408" s="1">
        <v>4.90746847E8</v>
      </c>
      <c r="B18408" s="2">
        <v>16307.0</v>
      </c>
      <c r="C18408" s="1" t="s">
        <v>5</v>
      </c>
      <c r="D18408" s="1" t="s">
        <v>11</v>
      </c>
      <c r="E18408" s="1" t="s">
        <v>7</v>
      </c>
    </row>
    <row r="18409">
      <c r="A18409" s="1">
        <v>4.90746856E8</v>
      </c>
      <c r="B18409" s="2">
        <v>16302.0</v>
      </c>
      <c r="C18409" s="1" t="s">
        <v>5</v>
      </c>
      <c r="D18409" s="1" t="s">
        <v>15613</v>
      </c>
      <c r="E18409" s="1" t="s">
        <v>7</v>
      </c>
    </row>
    <row r="18410">
      <c r="A18410" s="1">
        <v>4.90746892E8</v>
      </c>
      <c r="B18410" s="2">
        <v>16314.0</v>
      </c>
      <c r="C18410" s="1" t="s">
        <v>5</v>
      </c>
      <c r="D18410" s="1" t="s">
        <v>15614</v>
      </c>
      <c r="E18410" s="1" t="s">
        <v>7</v>
      </c>
    </row>
    <row r="18411">
      <c r="A18411" s="1">
        <v>4.90746894E8</v>
      </c>
      <c r="B18411" s="2">
        <v>16257.0</v>
      </c>
      <c r="C18411" s="1" t="s">
        <v>5</v>
      </c>
      <c r="D18411" s="1" t="s">
        <v>15615</v>
      </c>
      <c r="E18411" s="1" t="s">
        <v>7</v>
      </c>
    </row>
    <row r="18412">
      <c r="A18412" s="1">
        <v>4.90746904E8</v>
      </c>
      <c r="B18412" s="2">
        <v>16344.0</v>
      </c>
      <c r="C18412" s="1" t="s">
        <v>5</v>
      </c>
      <c r="D18412" s="1" t="s">
        <v>15616</v>
      </c>
      <c r="E18412" s="1" t="s">
        <v>15617</v>
      </c>
    </row>
    <row r="18413">
      <c r="A18413" s="1">
        <v>4.90746929E8</v>
      </c>
      <c r="B18413" s="2">
        <v>16287.0</v>
      </c>
      <c r="C18413" s="1" t="s">
        <v>5</v>
      </c>
      <c r="D18413" s="1" t="s">
        <v>15618</v>
      </c>
      <c r="E18413" s="1" t="s">
        <v>7</v>
      </c>
    </row>
    <row r="18414">
      <c r="A18414" s="1">
        <v>4.90746935E8</v>
      </c>
      <c r="B18414" s="2">
        <v>16294.0</v>
      </c>
      <c r="C18414" s="1" t="s">
        <v>5</v>
      </c>
      <c r="D18414" s="1" t="s">
        <v>15619</v>
      </c>
      <c r="E18414" s="1" t="s">
        <v>7</v>
      </c>
    </row>
    <row r="18415">
      <c r="A18415" s="1">
        <v>4.90746936E8</v>
      </c>
      <c r="B18415" s="2">
        <v>16290.0</v>
      </c>
      <c r="C18415" s="1" t="s">
        <v>5</v>
      </c>
      <c r="D18415" s="1" t="s">
        <v>15620</v>
      </c>
      <c r="E18415" s="1" t="s">
        <v>7</v>
      </c>
    </row>
    <row r="18416">
      <c r="A18416" s="1">
        <v>4.90746961E8</v>
      </c>
      <c r="B18416" s="2">
        <v>16306.0</v>
      </c>
      <c r="C18416" s="1" t="s">
        <v>5</v>
      </c>
      <c r="D18416" s="1" t="s">
        <v>15621</v>
      </c>
      <c r="E18416" s="1" t="s">
        <v>7</v>
      </c>
    </row>
    <row r="18417">
      <c r="A18417" s="1">
        <v>4.90747003E8</v>
      </c>
      <c r="B18417" s="2">
        <v>16292.0</v>
      </c>
      <c r="C18417" s="1" t="s">
        <v>5</v>
      </c>
      <c r="D18417" s="1" t="s">
        <v>15622</v>
      </c>
      <c r="E18417" s="1" t="s">
        <v>15623</v>
      </c>
    </row>
    <row r="18418">
      <c r="A18418" s="1">
        <v>4.90747016E8</v>
      </c>
      <c r="B18418" s="2">
        <v>16286.0</v>
      </c>
      <c r="C18418" s="1" t="s">
        <v>5</v>
      </c>
      <c r="D18418" s="1" t="s">
        <v>11</v>
      </c>
      <c r="E18418" s="1" t="s">
        <v>7</v>
      </c>
    </row>
    <row r="18419">
      <c r="A18419" s="1">
        <v>4.90747047E8</v>
      </c>
      <c r="B18419" s="2">
        <v>16287.0</v>
      </c>
      <c r="C18419" s="1" t="s">
        <v>5</v>
      </c>
      <c r="D18419" s="1" t="s">
        <v>11</v>
      </c>
      <c r="E18419" s="1" t="s">
        <v>7</v>
      </c>
    </row>
    <row r="18420">
      <c r="A18420" s="1">
        <v>4.90747149E8</v>
      </c>
      <c r="B18420" s="2">
        <v>16300.0</v>
      </c>
      <c r="C18420" s="1" t="s">
        <v>5</v>
      </c>
      <c r="D18420" s="1" t="s">
        <v>15624</v>
      </c>
      <c r="E18420" s="1" t="s">
        <v>7</v>
      </c>
    </row>
    <row r="18421">
      <c r="A18421" s="1">
        <v>4.90747153E8</v>
      </c>
      <c r="B18421" s="2">
        <v>16290.0</v>
      </c>
      <c r="C18421" s="1" t="s">
        <v>5</v>
      </c>
      <c r="D18421" s="1" t="s">
        <v>15625</v>
      </c>
      <c r="E18421" s="1" t="s">
        <v>7</v>
      </c>
    </row>
    <row r="18422">
      <c r="A18422" s="1">
        <v>4.90747261E8</v>
      </c>
      <c r="B18422" s="2">
        <v>16285.0</v>
      </c>
      <c r="C18422" s="1" t="s">
        <v>5</v>
      </c>
      <c r="D18422" s="1" t="s">
        <v>11</v>
      </c>
      <c r="E18422" s="1" t="s">
        <v>7</v>
      </c>
    </row>
    <row r="18423">
      <c r="A18423" s="1">
        <v>4.90747274E8</v>
      </c>
      <c r="B18423" s="2">
        <v>16289.0</v>
      </c>
      <c r="C18423" s="1" t="s">
        <v>5</v>
      </c>
      <c r="D18423" s="1" t="s">
        <v>15626</v>
      </c>
      <c r="E18423" s="1" t="s">
        <v>7</v>
      </c>
    </row>
    <row r="18424">
      <c r="A18424" s="1">
        <v>4.90747312E8</v>
      </c>
      <c r="B18424" s="2">
        <v>16255.0</v>
      </c>
      <c r="C18424" s="1" t="s">
        <v>5</v>
      </c>
      <c r="D18424" s="1" t="s">
        <v>15627</v>
      </c>
      <c r="E18424" s="1" t="s">
        <v>15628</v>
      </c>
    </row>
    <row r="18425">
      <c r="A18425" s="1">
        <v>4.90747341E8</v>
      </c>
      <c r="B18425" s="2">
        <v>16288.0</v>
      </c>
      <c r="C18425" s="1" t="s">
        <v>5</v>
      </c>
      <c r="D18425" s="1" t="s">
        <v>11</v>
      </c>
      <c r="E18425" s="1" t="s">
        <v>7</v>
      </c>
    </row>
    <row r="18426">
      <c r="A18426" s="1">
        <v>4.90747382E8</v>
      </c>
      <c r="B18426" s="2">
        <v>16290.0</v>
      </c>
      <c r="C18426" s="1" t="s">
        <v>5</v>
      </c>
      <c r="D18426" s="1" t="s">
        <v>15629</v>
      </c>
      <c r="E18426" s="1" t="s">
        <v>7</v>
      </c>
    </row>
    <row r="18427">
      <c r="A18427" s="1">
        <v>4.90747424E8</v>
      </c>
      <c r="B18427" s="2">
        <v>16290.0</v>
      </c>
      <c r="C18427" s="1" t="s">
        <v>5</v>
      </c>
      <c r="D18427" s="1" t="s">
        <v>15630</v>
      </c>
      <c r="E18427" s="1" t="s">
        <v>7</v>
      </c>
    </row>
    <row r="18428">
      <c r="A18428" s="1">
        <v>4.90747483E8</v>
      </c>
      <c r="B18428" s="2">
        <v>16337.0</v>
      </c>
      <c r="C18428" s="1" t="s">
        <v>5</v>
      </c>
      <c r="D18428" s="1" t="s">
        <v>11</v>
      </c>
      <c r="E18428" s="1" t="s">
        <v>7</v>
      </c>
    </row>
    <row r="18429">
      <c r="A18429" s="1">
        <v>4.90747493E8</v>
      </c>
      <c r="B18429" s="2">
        <v>16300.0</v>
      </c>
      <c r="C18429" s="1" t="s">
        <v>5</v>
      </c>
      <c r="D18429" s="1" t="s">
        <v>15631</v>
      </c>
      <c r="E18429" s="1" t="s">
        <v>7</v>
      </c>
    </row>
    <row r="18430">
      <c r="A18430" s="1">
        <v>4.90747496E8</v>
      </c>
      <c r="B18430" s="2">
        <v>16344.0</v>
      </c>
      <c r="C18430" s="1" t="s">
        <v>5</v>
      </c>
      <c r="D18430" s="1" t="s">
        <v>15632</v>
      </c>
      <c r="E18430" s="1" t="s">
        <v>7</v>
      </c>
    </row>
    <row r="18431">
      <c r="A18431" s="1">
        <v>4.90747518E8</v>
      </c>
      <c r="B18431" s="2">
        <v>16300.0</v>
      </c>
      <c r="C18431" s="1" t="s">
        <v>5</v>
      </c>
      <c r="D18431" s="1" t="s">
        <v>15633</v>
      </c>
      <c r="E18431" s="1" t="s">
        <v>7</v>
      </c>
    </row>
    <row r="18432">
      <c r="A18432" s="1">
        <v>4.90747539E8</v>
      </c>
      <c r="B18432" s="2">
        <v>16285.0</v>
      </c>
      <c r="C18432" s="1" t="s">
        <v>5</v>
      </c>
      <c r="D18432" s="1" t="s">
        <v>15634</v>
      </c>
      <c r="E18432" s="1" t="s">
        <v>7</v>
      </c>
    </row>
    <row r="18433">
      <c r="A18433" s="1">
        <v>4.90747616E8</v>
      </c>
      <c r="B18433" s="2">
        <v>16345.0</v>
      </c>
      <c r="C18433" s="1" t="s">
        <v>5</v>
      </c>
      <c r="D18433" s="1" t="s">
        <v>11</v>
      </c>
      <c r="E18433" s="1" t="s">
        <v>7</v>
      </c>
    </row>
    <row r="18434">
      <c r="A18434" s="1">
        <v>4.90747622E8</v>
      </c>
      <c r="B18434" s="2">
        <v>16288.0</v>
      </c>
      <c r="C18434" s="1" t="s">
        <v>5</v>
      </c>
      <c r="D18434" s="1" t="s">
        <v>11</v>
      </c>
      <c r="E18434" s="1" t="s">
        <v>7</v>
      </c>
    </row>
    <row r="18435">
      <c r="A18435" s="1">
        <v>4.90747653E8</v>
      </c>
      <c r="B18435" s="2">
        <v>16296.0</v>
      </c>
      <c r="C18435" s="1" t="s">
        <v>5</v>
      </c>
      <c r="D18435" s="1" t="s">
        <v>11</v>
      </c>
      <c r="E18435" s="1" t="s">
        <v>7</v>
      </c>
    </row>
    <row r="18436">
      <c r="A18436" s="1">
        <v>4.90747662E8</v>
      </c>
      <c r="B18436" s="2">
        <v>16335.0</v>
      </c>
      <c r="C18436" s="1" t="s">
        <v>5</v>
      </c>
      <c r="D18436" s="1" t="s">
        <v>11</v>
      </c>
      <c r="E18436" s="1" t="s">
        <v>7</v>
      </c>
    </row>
    <row r="18437">
      <c r="A18437" s="1">
        <v>4.90747669E8</v>
      </c>
      <c r="B18437" s="2">
        <v>16287.0</v>
      </c>
      <c r="C18437" s="1" t="s">
        <v>5</v>
      </c>
      <c r="D18437" s="1" t="s">
        <v>11</v>
      </c>
      <c r="E18437" s="1" t="s">
        <v>7</v>
      </c>
    </row>
    <row r="18438">
      <c r="A18438" s="1">
        <v>4.90747697E8</v>
      </c>
      <c r="B18438" s="2">
        <v>16315.0</v>
      </c>
      <c r="C18438" s="1" t="s">
        <v>5</v>
      </c>
      <c r="D18438" s="1" t="s">
        <v>15635</v>
      </c>
      <c r="E18438" s="1" t="s">
        <v>15636</v>
      </c>
    </row>
    <row r="18439">
      <c r="A18439" s="1">
        <v>4.90747709E8</v>
      </c>
      <c r="B18439" s="2">
        <v>16344.0</v>
      </c>
      <c r="C18439" s="1" t="s">
        <v>5</v>
      </c>
      <c r="D18439" s="1" t="s">
        <v>11</v>
      </c>
      <c r="E18439" s="1" t="s">
        <v>7</v>
      </c>
    </row>
    <row r="18440">
      <c r="A18440" s="1">
        <v>4.90747713E8</v>
      </c>
      <c r="B18440" s="2">
        <v>16343.0</v>
      </c>
      <c r="C18440" s="1" t="s">
        <v>5</v>
      </c>
      <c r="D18440" s="1" t="s">
        <v>15637</v>
      </c>
      <c r="E18440" s="1" t="s">
        <v>7</v>
      </c>
    </row>
    <row r="18441">
      <c r="A18441" s="1">
        <v>4.90747715E8</v>
      </c>
      <c r="B18441" s="2">
        <v>16297.0</v>
      </c>
      <c r="C18441" s="1" t="s">
        <v>5</v>
      </c>
      <c r="D18441" s="1" t="s">
        <v>15638</v>
      </c>
      <c r="E18441" s="1" t="s">
        <v>11</v>
      </c>
    </row>
    <row r="18442">
      <c r="A18442" s="1">
        <v>4.90747749E8</v>
      </c>
      <c r="B18442" s="2">
        <v>16334.0</v>
      </c>
      <c r="C18442" s="1" t="s">
        <v>5</v>
      </c>
      <c r="D18442" s="1" t="s">
        <v>15639</v>
      </c>
      <c r="E18442" s="1" t="s">
        <v>7</v>
      </c>
    </row>
    <row r="18443">
      <c r="A18443" s="1">
        <v>4.90747893E8</v>
      </c>
      <c r="B18443" s="2">
        <v>16342.0</v>
      </c>
      <c r="C18443" s="1" t="s">
        <v>5</v>
      </c>
      <c r="D18443" s="1" t="s">
        <v>15640</v>
      </c>
      <c r="E18443" s="1" t="s">
        <v>7</v>
      </c>
    </row>
    <row r="18444">
      <c r="A18444" s="1">
        <v>4.90747896E8</v>
      </c>
      <c r="B18444" s="2">
        <v>16258.0</v>
      </c>
      <c r="C18444" s="1" t="s">
        <v>5</v>
      </c>
      <c r="D18444" s="1" t="s">
        <v>11</v>
      </c>
      <c r="E18444" s="1" t="s">
        <v>7</v>
      </c>
    </row>
    <row r="18445">
      <c r="A18445" s="1">
        <v>4.90747926E8</v>
      </c>
      <c r="B18445" s="2">
        <v>16342.0</v>
      </c>
      <c r="C18445" s="1" t="s">
        <v>5</v>
      </c>
      <c r="D18445" s="1" t="s">
        <v>15641</v>
      </c>
      <c r="E18445" s="1" t="s">
        <v>7</v>
      </c>
    </row>
    <row r="18446">
      <c r="A18446" s="1">
        <v>4.90747939E8</v>
      </c>
      <c r="B18446" s="2">
        <v>16342.0</v>
      </c>
      <c r="C18446" s="1" t="s">
        <v>5</v>
      </c>
      <c r="D18446" s="1" t="s">
        <v>11</v>
      </c>
      <c r="E18446" s="1" t="s">
        <v>7</v>
      </c>
    </row>
    <row r="18447">
      <c r="A18447" s="1">
        <v>4.90747976E8</v>
      </c>
      <c r="B18447" s="2">
        <v>16257.0</v>
      </c>
      <c r="C18447" s="1" t="s">
        <v>5</v>
      </c>
      <c r="D18447" s="1" t="s">
        <v>15642</v>
      </c>
      <c r="E18447" s="1" t="s">
        <v>11</v>
      </c>
    </row>
    <row r="18448">
      <c r="A18448" s="1">
        <v>4.90747981E8</v>
      </c>
      <c r="B18448" s="2">
        <v>16335.0</v>
      </c>
      <c r="C18448" s="1" t="s">
        <v>5</v>
      </c>
      <c r="D18448" s="1" t="s">
        <v>15643</v>
      </c>
      <c r="E18448" s="1" t="s">
        <v>11</v>
      </c>
    </row>
    <row r="18449">
      <c r="A18449" s="1">
        <v>4.90747986E8</v>
      </c>
      <c r="B18449" s="2">
        <v>16339.0</v>
      </c>
      <c r="C18449" s="1" t="s">
        <v>5</v>
      </c>
      <c r="D18449" s="1" t="s">
        <v>15644</v>
      </c>
      <c r="E18449" s="1" t="s">
        <v>11</v>
      </c>
    </row>
    <row r="18450">
      <c r="A18450" s="1">
        <v>4.90747991E8</v>
      </c>
      <c r="B18450" s="2">
        <v>16296.0</v>
      </c>
      <c r="C18450" s="1" t="s">
        <v>5</v>
      </c>
      <c r="D18450" s="1" t="s">
        <v>15645</v>
      </c>
      <c r="E18450" s="1" t="s">
        <v>7</v>
      </c>
    </row>
    <row r="18451">
      <c r="A18451" s="1">
        <v>4.90747994E8</v>
      </c>
      <c r="B18451" s="2">
        <v>16293.0</v>
      </c>
      <c r="C18451" s="1" t="s">
        <v>5</v>
      </c>
      <c r="D18451" s="1" t="s">
        <v>15646</v>
      </c>
      <c r="E18451" s="1" t="s">
        <v>7</v>
      </c>
    </row>
    <row r="18452">
      <c r="A18452" s="1">
        <v>4.90748E8</v>
      </c>
      <c r="B18452" s="2">
        <v>16285.0</v>
      </c>
      <c r="C18452" s="1" t="s">
        <v>5</v>
      </c>
      <c r="D18452" s="1" t="s">
        <v>15647</v>
      </c>
      <c r="E18452" s="1" t="s">
        <v>7</v>
      </c>
    </row>
    <row r="18453">
      <c r="A18453" s="1">
        <v>4.90748036E8</v>
      </c>
      <c r="B18453" s="2">
        <v>16341.0</v>
      </c>
      <c r="C18453" s="1" t="s">
        <v>5</v>
      </c>
      <c r="D18453" s="1" t="s">
        <v>15648</v>
      </c>
      <c r="E18453" s="1" t="s">
        <v>11</v>
      </c>
    </row>
    <row r="18454">
      <c r="A18454" s="1">
        <v>4.90748077E8</v>
      </c>
      <c r="B18454" s="2">
        <v>16330.0</v>
      </c>
      <c r="C18454" s="1" t="s">
        <v>5</v>
      </c>
      <c r="D18454" s="1" t="s">
        <v>15649</v>
      </c>
      <c r="E18454" s="1" t="s">
        <v>7</v>
      </c>
    </row>
    <row r="18455">
      <c r="A18455" s="1">
        <v>4.90748245E8</v>
      </c>
      <c r="B18455" s="2">
        <v>16338.0</v>
      </c>
      <c r="C18455" s="1" t="s">
        <v>5</v>
      </c>
      <c r="D18455" s="1" t="s">
        <v>15650</v>
      </c>
      <c r="E18455" s="1" t="s">
        <v>7</v>
      </c>
    </row>
    <row r="18456">
      <c r="A18456" s="1">
        <v>4.90748275E8</v>
      </c>
      <c r="B18456" s="2">
        <v>16314.0</v>
      </c>
      <c r="C18456" s="1" t="s">
        <v>5</v>
      </c>
      <c r="D18456" s="1" t="s">
        <v>11</v>
      </c>
      <c r="E18456" s="1" t="s">
        <v>7</v>
      </c>
    </row>
    <row r="18457">
      <c r="A18457" s="1">
        <v>4.90748283E8</v>
      </c>
      <c r="B18457" s="2">
        <v>16344.0</v>
      </c>
      <c r="C18457" s="1" t="s">
        <v>5</v>
      </c>
      <c r="D18457" s="1" t="s">
        <v>11</v>
      </c>
      <c r="E18457" s="1" t="s">
        <v>7</v>
      </c>
    </row>
    <row r="18458">
      <c r="A18458" s="1">
        <v>4.90748286E8</v>
      </c>
      <c r="B18458" s="2">
        <v>16330.0</v>
      </c>
      <c r="C18458" s="1" t="s">
        <v>5</v>
      </c>
      <c r="D18458" s="1" t="s">
        <v>15651</v>
      </c>
      <c r="E18458" s="1" t="s">
        <v>7</v>
      </c>
    </row>
    <row r="18459">
      <c r="A18459" s="1">
        <v>4.90748293E8</v>
      </c>
      <c r="B18459" s="2">
        <v>16314.0</v>
      </c>
      <c r="C18459" s="1" t="s">
        <v>5</v>
      </c>
      <c r="D18459" s="1" t="s">
        <v>15652</v>
      </c>
      <c r="E18459" s="1" t="s">
        <v>7</v>
      </c>
    </row>
    <row r="18460">
      <c r="A18460" s="1">
        <v>4.90748299E8</v>
      </c>
      <c r="B18460" s="2">
        <v>16344.0</v>
      </c>
      <c r="C18460" s="1" t="s">
        <v>5</v>
      </c>
      <c r="D18460" s="1" t="s">
        <v>11</v>
      </c>
      <c r="E18460" s="1" t="s">
        <v>7</v>
      </c>
    </row>
    <row r="18461">
      <c r="A18461" s="1">
        <v>4.9074832E8</v>
      </c>
      <c r="B18461" s="2">
        <v>16336.0</v>
      </c>
      <c r="C18461" s="1" t="s">
        <v>5</v>
      </c>
      <c r="D18461" s="1" t="s">
        <v>15653</v>
      </c>
      <c r="E18461" s="1" t="s">
        <v>11</v>
      </c>
    </row>
    <row r="18462">
      <c r="A18462" s="1">
        <v>4.90748342E8</v>
      </c>
      <c r="B18462" s="2">
        <v>16337.0</v>
      </c>
      <c r="C18462" s="1" t="s">
        <v>5</v>
      </c>
      <c r="D18462" s="1" t="s">
        <v>15654</v>
      </c>
      <c r="E18462" s="1" t="s">
        <v>15655</v>
      </c>
    </row>
    <row r="18463">
      <c r="A18463" s="1">
        <v>4.90748367E8</v>
      </c>
      <c r="B18463" s="2">
        <v>16337.0</v>
      </c>
      <c r="C18463" s="1" t="s">
        <v>5</v>
      </c>
      <c r="D18463" s="1" t="s">
        <v>15656</v>
      </c>
      <c r="E18463" s="1" t="s">
        <v>7</v>
      </c>
    </row>
    <row r="18464">
      <c r="A18464" s="1">
        <v>4.90748376E8</v>
      </c>
      <c r="B18464" s="2">
        <v>16311.0</v>
      </c>
      <c r="C18464" s="1" t="s">
        <v>5</v>
      </c>
      <c r="D18464" s="1" t="s">
        <v>11</v>
      </c>
      <c r="E18464" s="1" t="s">
        <v>7</v>
      </c>
    </row>
    <row r="18465">
      <c r="A18465" s="1">
        <v>4.90748428E8</v>
      </c>
      <c r="B18465" s="2">
        <v>16290.0</v>
      </c>
      <c r="C18465" s="1" t="s">
        <v>5</v>
      </c>
      <c r="D18465" s="1" t="s">
        <v>11</v>
      </c>
      <c r="E18465" s="1" t="s">
        <v>7</v>
      </c>
    </row>
    <row r="18466">
      <c r="A18466" s="1">
        <v>4.90748453E8</v>
      </c>
      <c r="B18466" s="2">
        <v>16334.0</v>
      </c>
      <c r="C18466" s="1" t="s">
        <v>5</v>
      </c>
      <c r="D18466" s="1" t="s">
        <v>15657</v>
      </c>
      <c r="E18466" s="1" t="s">
        <v>7</v>
      </c>
    </row>
    <row r="18467">
      <c r="A18467" s="1">
        <v>4.90748459E8</v>
      </c>
      <c r="B18467" s="2">
        <v>16331.0</v>
      </c>
      <c r="C18467" s="1" t="s">
        <v>5</v>
      </c>
      <c r="D18467" s="1" t="s">
        <v>11</v>
      </c>
      <c r="E18467" s="1" t="s">
        <v>7</v>
      </c>
    </row>
    <row r="18468">
      <c r="A18468" s="1">
        <v>4.90748462E8</v>
      </c>
      <c r="B18468" s="2">
        <v>16327.0</v>
      </c>
      <c r="C18468" s="1" t="s">
        <v>5</v>
      </c>
      <c r="D18468" s="1" t="s">
        <v>11</v>
      </c>
      <c r="E18468" s="1" t="s">
        <v>7</v>
      </c>
    </row>
    <row r="18469">
      <c r="A18469" s="1">
        <v>4.90748471E8</v>
      </c>
      <c r="B18469" s="2">
        <v>16331.0</v>
      </c>
      <c r="C18469" s="1" t="s">
        <v>5</v>
      </c>
      <c r="D18469" s="1" t="s">
        <v>15658</v>
      </c>
      <c r="E18469" s="1" t="s">
        <v>7</v>
      </c>
    </row>
    <row r="18470">
      <c r="A18470" s="1">
        <v>4.90748584E8</v>
      </c>
      <c r="B18470" s="2">
        <v>16332.0</v>
      </c>
      <c r="C18470" s="1" t="s">
        <v>5</v>
      </c>
      <c r="D18470" s="1" t="s">
        <v>15659</v>
      </c>
      <c r="E18470" s="1" t="s">
        <v>7</v>
      </c>
    </row>
    <row r="18471">
      <c r="A18471" s="1">
        <v>4.90748643E8</v>
      </c>
      <c r="B18471" s="2">
        <v>16332.0</v>
      </c>
      <c r="C18471" s="1" t="s">
        <v>5</v>
      </c>
      <c r="D18471" s="1" t="s">
        <v>11</v>
      </c>
      <c r="E18471" s="1" t="s">
        <v>7</v>
      </c>
    </row>
    <row r="18472">
      <c r="A18472" s="1">
        <v>4.90748697E8</v>
      </c>
      <c r="B18472" s="2">
        <v>16325.0</v>
      </c>
      <c r="C18472" s="1" t="s">
        <v>5</v>
      </c>
      <c r="D18472" s="1" t="s">
        <v>15660</v>
      </c>
      <c r="E18472" s="1" t="s">
        <v>7</v>
      </c>
    </row>
    <row r="18473">
      <c r="A18473" s="1">
        <v>4.90748742E8</v>
      </c>
      <c r="B18473" s="2">
        <v>16287.0</v>
      </c>
      <c r="C18473" s="1" t="s">
        <v>5</v>
      </c>
      <c r="D18473" s="1" t="s">
        <v>15661</v>
      </c>
      <c r="E18473" s="1" t="s">
        <v>11</v>
      </c>
    </row>
    <row r="18474">
      <c r="A18474" s="1">
        <v>4.90748752E8</v>
      </c>
      <c r="B18474" s="2">
        <v>16285.0</v>
      </c>
      <c r="C18474" s="1" t="s">
        <v>5</v>
      </c>
      <c r="D18474" s="1" t="s">
        <v>15662</v>
      </c>
      <c r="E18474" s="1" t="s">
        <v>7</v>
      </c>
    </row>
    <row r="18475">
      <c r="A18475" s="1">
        <v>4.90748775E8</v>
      </c>
      <c r="B18475" s="2">
        <v>16324.0</v>
      </c>
      <c r="C18475" s="1" t="s">
        <v>5</v>
      </c>
      <c r="D18475" s="1" t="s">
        <v>11</v>
      </c>
      <c r="E18475" s="1" t="s">
        <v>7</v>
      </c>
    </row>
    <row r="18476">
      <c r="A18476" s="1">
        <v>4.90748787E8</v>
      </c>
      <c r="B18476" s="2">
        <v>16327.0</v>
      </c>
      <c r="C18476" s="1" t="s">
        <v>5</v>
      </c>
      <c r="D18476" s="1" t="s">
        <v>15663</v>
      </c>
      <c r="E18476" s="1" t="s">
        <v>7</v>
      </c>
    </row>
    <row r="18477">
      <c r="A18477" s="1">
        <v>4.90748804E8</v>
      </c>
      <c r="B18477" s="2">
        <v>16327.0</v>
      </c>
      <c r="C18477" s="1" t="s">
        <v>5</v>
      </c>
      <c r="D18477" s="1" t="s">
        <v>15664</v>
      </c>
      <c r="E18477" s="1" t="s">
        <v>11</v>
      </c>
    </row>
    <row r="18478">
      <c r="A18478" s="1">
        <v>4.9074884E8</v>
      </c>
      <c r="B18478" s="2">
        <v>16321.0</v>
      </c>
      <c r="C18478" s="1" t="s">
        <v>5</v>
      </c>
      <c r="D18478" s="1" t="s">
        <v>11</v>
      </c>
      <c r="E18478" s="1" t="s">
        <v>7</v>
      </c>
    </row>
    <row r="18479">
      <c r="A18479" s="1">
        <v>4.90748909E8</v>
      </c>
      <c r="B18479" s="2">
        <v>16327.0</v>
      </c>
      <c r="C18479" s="1" t="s">
        <v>5</v>
      </c>
      <c r="D18479" s="1" t="s">
        <v>15665</v>
      </c>
      <c r="E18479" s="1" t="s">
        <v>11</v>
      </c>
    </row>
    <row r="18480">
      <c r="A18480" s="1">
        <v>4.90748916E8</v>
      </c>
      <c r="B18480" s="2">
        <v>16328.0</v>
      </c>
      <c r="C18480" s="1" t="s">
        <v>5</v>
      </c>
      <c r="D18480" s="1" t="s">
        <v>15666</v>
      </c>
      <c r="E18480" s="1" t="s">
        <v>11</v>
      </c>
    </row>
    <row r="18481">
      <c r="A18481" s="1">
        <v>4.9074892E8</v>
      </c>
      <c r="B18481" s="2">
        <v>16328.0</v>
      </c>
      <c r="C18481" s="1" t="s">
        <v>5</v>
      </c>
      <c r="D18481" s="1" t="s">
        <v>15667</v>
      </c>
      <c r="E18481" s="1" t="s">
        <v>7</v>
      </c>
    </row>
    <row r="18482">
      <c r="A18482" s="1">
        <v>4.90748952E8</v>
      </c>
      <c r="B18482" s="2">
        <v>16327.0</v>
      </c>
      <c r="C18482" s="1" t="s">
        <v>5</v>
      </c>
      <c r="D18482" s="1" t="s">
        <v>11</v>
      </c>
      <c r="E18482" s="1" t="s">
        <v>7</v>
      </c>
    </row>
    <row r="18483">
      <c r="A18483" s="1">
        <v>4.90749135E8</v>
      </c>
      <c r="B18483" s="2">
        <v>16339.0</v>
      </c>
      <c r="C18483" s="1" t="s">
        <v>5</v>
      </c>
      <c r="D18483" s="1" t="s">
        <v>11</v>
      </c>
      <c r="E18483" s="1" t="s">
        <v>7</v>
      </c>
    </row>
    <row r="18484">
      <c r="A18484" s="1">
        <v>4.90749166E8</v>
      </c>
      <c r="B18484" s="2">
        <v>16325.0</v>
      </c>
      <c r="C18484" s="1" t="s">
        <v>5</v>
      </c>
      <c r="D18484" s="1" t="s">
        <v>11</v>
      </c>
      <c r="E18484" s="1" t="s">
        <v>7</v>
      </c>
    </row>
    <row r="18485">
      <c r="A18485" s="1">
        <v>4.90749178E8</v>
      </c>
      <c r="B18485" s="2">
        <v>16344.0</v>
      </c>
      <c r="C18485" s="1" t="s">
        <v>5</v>
      </c>
      <c r="D18485" s="1" t="s">
        <v>15668</v>
      </c>
      <c r="E18485" s="1" t="s">
        <v>7</v>
      </c>
    </row>
    <row r="18486">
      <c r="A18486" s="1">
        <v>4.9074919E8</v>
      </c>
      <c r="B18486" s="2">
        <v>16320.0</v>
      </c>
      <c r="C18486" s="1" t="s">
        <v>5</v>
      </c>
      <c r="D18486" s="1" t="s">
        <v>15669</v>
      </c>
      <c r="E18486" s="1" t="s">
        <v>11</v>
      </c>
    </row>
    <row r="18487">
      <c r="A18487" s="1">
        <v>4.90749207E8</v>
      </c>
      <c r="B18487" s="2">
        <v>16316.0</v>
      </c>
      <c r="C18487" s="1" t="s">
        <v>5</v>
      </c>
      <c r="D18487" s="1" t="s">
        <v>11</v>
      </c>
      <c r="E18487" s="1" t="s">
        <v>7</v>
      </c>
    </row>
    <row r="18488">
      <c r="A18488" s="1">
        <v>4.90749212E8</v>
      </c>
      <c r="B18488" s="2">
        <v>16325.0</v>
      </c>
      <c r="C18488" s="1" t="s">
        <v>5</v>
      </c>
      <c r="D18488" s="1" t="s">
        <v>15670</v>
      </c>
      <c r="E18488" s="1" t="s">
        <v>7</v>
      </c>
    </row>
    <row r="18489">
      <c r="A18489" s="1">
        <v>4.90749213E8</v>
      </c>
      <c r="B18489" s="2">
        <v>16322.0</v>
      </c>
      <c r="C18489" s="1" t="s">
        <v>5</v>
      </c>
      <c r="D18489" s="1" t="s">
        <v>11</v>
      </c>
      <c r="E18489" s="1" t="s">
        <v>7</v>
      </c>
    </row>
    <row r="18490">
      <c r="A18490" s="1">
        <v>4.90749226E8</v>
      </c>
      <c r="B18490" s="2">
        <v>16325.0</v>
      </c>
      <c r="C18490" s="1" t="s">
        <v>5</v>
      </c>
      <c r="D18490" s="1" t="s">
        <v>11</v>
      </c>
      <c r="E18490" s="1" t="s">
        <v>7</v>
      </c>
    </row>
    <row r="18491">
      <c r="A18491" s="1">
        <v>4.90749263E8</v>
      </c>
      <c r="B18491" s="2">
        <v>16325.0</v>
      </c>
      <c r="C18491" s="1" t="s">
        <v>5</v>
      </c>
      <c r="D18491" s="1" t="s">
        <v>11</v>
      </c>
      <c r="E18491" s="1" t="s">
        <v>7</v>
      </c>
    </row>
    <row r="18492">
      <c r="A18492" s="1">
        <v>4.90749286E8</v>
      </c>
      <c r="B18492" s="2">
        <v>16323.0</v>
      </c>
      <c r="C18492" s="1" t="s">
        <v>5</v>
      </c>
      <c r="D18492" s="1" t="s">
        <v>11</v>
      </c>
      <c r="E18492" s="1" t="s">
        <v>7</v>
      </c>
    </row>
    <row r="18493">
      <c r="A18493" s="1">
        <v>4.90749338E8</v>
      </c>
      <c r="B18493" s="2">
        <v>16332.0</v>
      </c>
      <c r="C18493" s="1" t="s">
        <v>5</v>
      </c>
      <c r="D18493" s="1" t="s">
        <v>15671</v>
      </c>
      <c r="E18493" s="1" t="s">
        <v>7</v>
      </c>
    </row>
    <row r="18494">
      <c r="A18494" s="1">
        <v>4.90749343E8</v>
      </c>
      <c r="B18494" s="2">
        <v>16343.0</v>
      </c>
      <c r="C18494" s="1" t="s">
        <v>5</v>
      </c>
      <c r="D18494" s="1" t="s">
        <v>15672</v>
      </c>
      <c r="E18494" s="1" t="s">
        <v>7</v>
      </c>
    </row>
    <row r="18495">
      <c r="A18495" s="1">
        <v>4.9074936E8</v>
      </c>
      <c r="B18495" s="2">
        <v>16337.0</v>
      </c>
      <c r="C18495" s="1" t="s">
        <v>5</v>
      </c>
      <c r="D18495" s="1" t="s">
        <v>15673</v>
      </c>
      <c r="E18495" s="1" t="s">
        <v>7</v>
      </c>
    </row>
    <row r="18496">
      <c r="A18496" s="1">
        <v>4.90749389E8</v>
      </c>
      <c r="B18496" s="2">
        <v>16331.0</v>
      </c>
      <c r="C18496" s="1" t="s">
        <v>5</v>
      </c>
      <c r="D18496" s="1" t="s">
        <v>15674</v>
      </c>
      <c r="E18496" s="1" t="s">
        <v>15675</v>
      </c>
    </row>
    <row r="18497">
      <c r="A18497" s="1">
        <v>4.90749422E8</v>
      </c>
      <c r="B18497" s="2">
        <v>16342.0</v>
      </c>
      <c r="C18497" s="1" t="s">
        <v>5</v>
      </c>
      <c r="D18497" s="1" t="s">
        <v>15676</v>
      </c>
      <c r="E18497" s="1" t="s">
        <v>7</v>
      </c>
    </row>
    <row r="18498">
      <c r="A18498" s="1">
        <v>4.90749505E8</v>
      </c>
      <c r="B18498" s="2">
        <v>16321.0</v>
      </c>
      <c r="C18498" s="1" t="s">
        <v>5</v>
      </c>
      <c r="D18498" s="1" t="s">
        <v>15677</v>
      </c>
      <c r="E18498" s="1" t="s">
        <v>11</v>
      </c>
    </row>
    <row r="18499">
      <c r="A18499" s="1">
        <v>4.90749525E8</v>
      </c>
      <c r="B18499" s="2">
        <v>16374.0</v>
      </c>
      <c r="C18499" s="1" t="s">
        <v>5</v>
      </c>
      <c r="D18499" s="1" t="s">
        <v>15678</v>
      </c>
      <c r="E18499" s="1" t="s">
        <v>11</v>
      </c>
    </row>
    <row r="18500">
      <c r="A18500" s="1">
        <v>4.90749538E8</v>
      </c>
      <c r="B18500" s="2">
        <v>16341.0</v>
      </c>
      <c r="C18500" s="1" t="s">
        <v>5</v>
      </c>
      <c r="D18500" s="1" t="s">
        <v>15679</v>
      </c>
      <c r="E18500" s="1" t="s">
        <v>7</v>
      </c>
    </row>
    <row r="18501">
      <c r="A18501" s="1">
        <v>4.90749608E8</v>
      </c>
      <c r="B18501" s="2">
        <v>16387.0</v>
      </c>
      <c r="C18501" s="1" t="s">
        <v>5</v>
      </c>
      <c r="D18501" s="1" t="s">
        <v>11</v>
      </c>
      <c r="E18501" s="1" t="s">
        <v>7</v>
      </c>
    </row>
    <row r="18502">
      <c r="A18502" s="1">
        <v>4.90749634E8</v>
      </c>
      <c r="B18502" s="2">
        <v>16388.0</v>
      </c>
      <c r="C18502" s="1" t="s">
        <v>5</v>
      </c>
      <c r="D18502" s="1" t="s">
        <v>15680</v>
      </c>
      <c r="E18502" s="1" t="s">
        <v>11</v>
      </c>
    </row>
    <row r="18503">
      <c r="A18503" s="1">
        <v>4.90749647E8</v>
      </c>
      <c r="B18503" s="2">
        <v>16339.0</v>
      </c>
      <c r="C18503" s="1" t="s">
        <v>5</v>
      </c>
      <c r="D18503" s="1" t="s">
        <v>15681</v>
      </c>
      <c r="E18503" s="1" t="s">
        <v>15682</v>
      </c>
    </row>
    <row r="18504">
      <c r="A18504" s="1">
        <v>4.90749684E8</v>
      </c>
      <c r="B18504" s="2">
        <v>16372.0</v>
      </c>
      <c r="C18504" s="1" t="s">
        <v>5</v>
      </c>
      <c r="D18504" s="1" t="s">
        <v>15683</v>
      </c>
      <c r="E18504" s="1" t="s">
        <v>7</v>
      </c>
    </row>
    <row r="18505">
      <c r="A18505" s="1">
        <v>4.90749728E8</v>
      </c>
      <c r="B18505" s="2">
        <v>16329.0</v>
      </c>
      <c r="C18505" s="1" t="s">
        <v>5</v>
      </c>
      <c r="D18505" s="1" t="s">
        <v>15684</v>
      </c>
      <c r="E18505" s="1" t="s">
        <v>7</v>
      </c>
    </row>
    <row r="18506">
      <c r="A18506" s="1">
        <v>4.90749758E8</v>
      </c>
      <c r="B18506" s="2">
        <v>16373.0</v>
      </c>
      <c r="C18506" s="1" t="s">
        <v>5</v>
      </c>
      <c r="D18506" s="1" t="s">
        <v>15685</v>
      </c>
      <c r="E18506" s="1" t="s">
        <v>7</v>
      </c>
    </row>
    <row r="18507">
      <c r="A18507" s="1">
        <v>4.90749785E8</v>
      </c>
      <c r="B18507" s="2">
        <v>16374.0</v>
      </c>
      <c r="C18507" s="1" t="s">
        <v>5</v>
      </c>
      <c r="D18507" s="1" t="s">
        <v>15686</v>
      </c>
      <c r="E18507" s="1" t="s">
        <v>7</v>
      </c>
    </row>
    <row r="18508">
      <c r="A18508" s="1">
        <v>4.9074984E8</v>
      </c>
      <c r="B18508" s="2">
        <v>16380.0</v>
      </c>
      <c r="C18508" s="1" t="s">
        <v>5</v>
      </c>
      <c r="D18508" s="1" t="s">
        <v>15687</v>
      </c>
      <c r="E18508" s="1" t="s">
        <v>7</v>
      </c>
    </row>
    <row r="18509">
      <c r="A18509" s="1">
        <v>4.90749893E8</v>
      </c>
      <c r="B18509" s="2">
        <v>16386.0</v>
      </c>
      <c r="C18509" s="1" t="s">
        <v>5</v>
      </c>
      <c r="D18509" s="1" t="s">
        <v>11</v>
      </c>
      <c r="E18509" s="1" t="s">
        <v>7</v>
      </c>
    </row>
    <row r="18510">
      <c r="A18510" s="1">
        <v>4.90749937E8</v>
      </c>
      <c r="B18510" s="2">
        <v>16374.0</v>
      </c>
      <c r="C18510" s="1" t="s">
        <v>5</v>
      </c>
      <c r="D18510" s="1" t="s">
        <v>15688</v>
      </c>
      <c r="E18510" s="1" t="s">
        <v>7</v>
      </c>
    </row>
    <row r="18511">
      <c r="A18511" s="1">
        <v>4.90749942E8</v>
      </c>
      <c r="B18511" s="2">
        <v>16316.0</v>
      </c>
      <c r="C18511" s="1" t="s">
        <v>5</v>
      </c>
      <c r="D18511" s="1" t="s">
        <v>15689</v>
      </c>
      <c r="E18511" s="1" t="s">
        <v>7</v>
      </c>
    </row>
    <row r="18512">
      <c r="A18512" s="1">
        <v>4.90749944E8</v>
      </c>
      <c r="B18512" s="2">
        <v>16318.0</v>
      </c>
      <c r="C18512" s="1" t="s">
        <v>5</v>
      </c>
      <c r="D18512" s="1" t="s">
        <v>15690</v>
      </c>
      <c r="E18512" s="1" t="s">
        <v>11</v>
      </c>
    </row>
    <row r="18513">
      <c r="A18513" s="1">
        <v>4.90749999E8</v>
      </c>
      <c r="B18513" s="2">
        <v>16402.0</v>
      </c>
      <c r="C18513" s="1" t="s">
        <v>5</v>
      </c>
      <c r="D18513" s="1" t="s">
        <v>15691</v>
      </c>
      <c r="E18513" s="1" t="s">
        <v>7</v>
      </c>
    </row>
    <row r="18514">
      <c r="A18514" s="1">
        <v>4.90750013E8</v>
      </c>
      <c r="B18514" s="2">
        <v>16370.0</v>
      </c>
      <c r="C18514" s="1" t="s">
        <v>5</v>
      </c>
      <c r="D18514" s="1" t="s">
        <v>15692</v>
      </c>
      <c r="E18514" s="1" t="s">
        <v>15693</v>
      </c>
    </row>
    <row r="18515">
      <c r="A18515" s="1">
        <v>4.90750018E8</v>
      </c>
      <c r="B18515" s="2">
        <v>16318.0</v>
      </c>
      <c r="C18515" s="1" t="s">
        <v>5</v>
      </c>
      <c r="D18515" s="1" t="s">
        <v>15694</v>
      </c>
      <c r="E18515" s="1" t="s">
        <v>7</v>
      </c>
    </row>
    <row r="18516">
      <c r="A18516" s="1">
        <v>4.90750053E8</v>
      </c>
      <c r="B18516" s="2">
        <v>16373.0</v>
      </c>
      <c r="C18516" s="1" t="s">
        <v>5</v>
      </c>
      <c r="D18516" s="1" t="s">
        <v>11</v>
      </c>
      <c r="E18516" s="1" t="s">
        <v>7</v>
      </c>
    </row>
    <row r="18517">
      <c r="A18517" s="1">
        <v>4.90750056E8</v>
      </c>
      <c r="B18517" s="2">
        <v>16373.0</v>
      </c>
      <c r="C18517" s="1" t="s">
        <v>5</v>
      </c>
      <c r="D18517" s="1" t="s">
        <v>15695</v>
      </c>
      <c r="E18517" s="1" t="s">
        <v>15696</v>
      </c>
    </row>
    <row r="18518">
      <c r="A18518" s="1">
        <v>4.90750109E8</v>
      </c>
      <c r="B18518" s="2">
        <v>16317.0</v>
      </c>
      <c r="C18518" s="1" t="s">
        <v>5</v>
      </c>
      <c r="D18518" s="1" t="s">
        <v>15697</v>
      </c>
      <c r="E18518" s="1" t="s">
        <v>7</v>
      </c>
    </row>
    <row r="18519">
      <c r="A18519" s="1">
        <v>4.90750114E8</v>
      </c>
      <c r="B18519" s="2">
        <v>16374.0</v>
      </c>
      <c r="C18519" s="1" t="s">
        <v>5</v>
      </c>
      <c r="D18519" s="1" t="s">
        <v>15698</v>
      </c>
      <c r="E18519" s="1" t="s">
        <v>7</v>
      </c>
    </row>
    <row r="18520">
      <c r="A18520" s="1">
        <v>4.90750131E8</v>
      </c>
      <c r="B18520" s="2">
        <v>16316.0</v>
      </c>
      <c r="C18520" s="1" t="s">
        <v>5</v>
      </c>
      <c r="D18520" s="1" t="s">
        <v>11</v>
      </c>
      <c r="E18520" s="1" t="s">
        <v>7</v>
      </c>
    </row>
    <row r="18521">
      <c r="A18521" s="1">
        <v>4.90750195E8</v>
      </c>
      <c r="B18521" s="2">
        <v>16373.0</v>
      </c>
      <c r="C18521" s="1" t="s">
        <v>5</v>
      </c>
      <c r="D18521" s="1" t="s">
        <v>15699</v>
      </c>
      <c r="E18521" s="1" t="s">
        <v>7</v>
      </c>
    </row>
    <row r="18522">
      <c r="A18522" s="1">
        <v>4.90750214E8</v>
      </c>
      <c r="B18522" s="2">
        <v>16371.0</v>
      </c>
      <c r="C18522" s="1" t="s">
        <v>5</v>
      </c>
      <c r="D18522" s="1" t="s">
        <v>15700</v>
      </c>
      <c r="E18522" s="1" t="s">
        <v>7</v>
      </c>
    </row>
    <row r="18523">
      <c r="A18523" s="1">
        <v>4.90750234E8</v>
      </c>
      <c r="B18523" s="2">
        <v>16374.0</v>
      </c>
      <c r="C18523" s="1" t="s">
        <v>5</v>
      </c>
      <c r="D18523" s="1" t="s">
        <v>15701</v>
      </c>
      <c r="E18523" s="1" t="s">
        <v>7</v>
      </c>
    </row>
    <row r="18524">
      <c r="A18524" s="1">
        <v>4.90750236E8</v>
      </c>
      <c r="B18524" s="2">
        <v>16316.0</v>
      </c>
      <c r="C18524" s="1" t="s">
        <v>5</v>
      </c>
      <c r="D18524" s="1" t="s">
        <v>11</v>
      </c>
      <c r="E18524" s="1" t="s">
        <v>7</v>
      </c>
    </row>
    <row r="18525">
      <c r="A18525" s="1">
        <v>4.90750253E8</v>
      </c>
      <c r="B18525" s="2">
        <v>16367.0</v>
      </c>
      <c r="C18525" s="1" t="s">
        <v>5</v>
      </c>
      <c r="D18525" s="1" t="s">
        <v>15702</v>
      </c>
      <c r="E18525" s="1" t="s">
        <v>7</v>
      </c>
    </row>
    <row r="18526">
      <c r="A18526" s="1">
        <v>4.90750265E8</v>
      </c>
      <c r="B18526" s="2">
        <v>16372.0</v>
      </c>
      <c r="C18526" s="1" t="s">
        <v>5</v>
      </c>
      <c r="D18526" s="1" t="s">
        <v>15703</v>
      </c>
      <c r="E18526" s="1" t="s">
        <v>11</v>
      </c>
    </row>
    <row r="18527">
      <c r="A18527" s="1">
        <v>4.90750269E8</v>
      </c>
      <c r="B18527" s="2">
        <v>16379.0</v>
      </c>
      <c r="C18527" s="1" t="s">
        <v>5</v>
      </c>
      <c r="D18527" s="1" t="s">
        <v>15704</v>
      </c>
      <c r="E18527" s="1" t="s">
        <v>15705</v>
      </c>
    </row>
    <row r="18528">
      <c r="A18528" s="1">
        <v>4.90750275E8</v>
      </c>
      <c r="B18528" s="2">
        <v>16388.0</v>
      </c>
      <c r="C18528" s="1" t="s">
        <v>5</v>
      </c>
      <c r="D18528" s="1" t="s">
        <v>15706</v>
      </c>
      <c r="E18528" s="1" t="s">
        <v>7</v>
      </c>
    </row>
    <row r="18529">
      <c r="A18529" s="1">
        <v>4.90750283E8</v>
      </c>
      <c r="B18529" s="2">
        <v>16372.0</v>
      </c>
      <c r="C18529" s="1" t="s">
        <v>5</v>
      </c>
      <c r="D18529" s="1" t="s">
        <v>15707</v>
      </c>
      <c r="E18529" s="1" t="s">
        <v>11</v>
      </c>
    </row>
    <row r="18530">
      <c r="A18530" s="1">
        <v>4.90750325E8</v>
      </c>
      <c r="B18530" s="2">
        <v>16376.0</v>
      </c>
      <c r="C18530" s="1" t="s">
        <v>5</v>
      </c>
      <c r="D18530" s="1" t="s">
        <v>15708</v>
      </c>
      <c r="E18530" s="1" t="s">
        <v>7</v>
      </c>
    </row>
    <row r="18531">
      <c r="A18531" s="1">
        <v>4.90750343E8</v>
      </c>
      <c r="B18531" s="2">
        <v>16379.0</v>
      </c>
      <c r="C18531" s="1" t="s">
        <v>5</v>
      </c>
      <c r="D18531" s="1" t="s">
        <v>15709</v>
      </c>
      <c r="E18531" s="1" t="s">
        <v>7</v>
      </c>
    </row>
    <row r="18532">
      <c r="A18532" s="1">
        <v>4.90750423E8</v>
      </c>
      <c r="B18532" s="2">
        <v>16334.0</v>
      </c>
      <c r="C18532" s="1" t="s">
        <v>5</v>
      </c>
      <c r="D18532" s="1" t="s">
        <v>15710</v>
      </c>
      <c r="E18532" s="1" t="s">
        <v>7</v>
      </c>
    </row>
    <row r="18533">
      <c r="A18533" s="1">
        <v>4.90750424E8</v>
      </c>
      <c r="B18533" s="2">
        <v>16370.0</v>
      </c>
      <c r="C18533" s="1" t="s">
        <v>5</v>
      </c>
      <c r="D18533" s="1" t="s">
        <v>15711</v>
      </c>
      <c r="E18533" s="1" t="s">
        <v>7</v>
      </c>
    </row>
    <row r="18534">
      <c r="A18534" s="1">
        <v>4.90750428E8</v>
      </c>
      <c r="B18534" s="2">
        <v>16371.0</v>
      </c>
      <c r="C18534" s="1" t="s">
        <v>5</v>
      </c>
      <c r="D18534" s="1" t="s">
        <v>15712</v>
      </c>
      <c r="E18534" s="1" t="s">
        <v>7</v>
      </c>
    </row>
    <row r="18535">
      <c r="A18535" s="1">
        <v>4.90750431E8</v>
      </c>
      <c r="B18535" s="2">
        <v>16332.0</v>
      </c>
      <c r="C18535" s="1" t="s">
        <v>5</v>
      </c>
      <c r="D18535" s="1" t="s">
        <v>15713</v>
      </c>
      <c r="E18535" s="1" t="s">
        <v>7</v>
      </c>
    </row>
    <row r="18536">
      <c r="A18536" s="1">
        <v>4.90750453E8</v>
      </c>
      <c r="B18536" s="2">
        <v>16371.0</v>
      </c>
      <c r="C18536" s="1" t="s">
        <v>5</v>
      </c>
      <c r="D18536" s="1" t="s">
        <v>15714</v>
      </c>
      <c r="E18536" s="1" t="s">
        <v>7</v>
      </c>
    </row>
    <row r="18537">
      <c r="A18537" s="1">
        <v>4.90750506E8</v>
      </c>
      <c r="B18537" s="2">
        <v>16372.0</v>
      </c>
      <c r="C18537" s="1" t="s">
        <v>5</v>
      </c>
      <c r="D18537" s="1" t="s">
        <v>15715</v>
      </c>
      <c r="E18537" s="1" t="s">
        <v>11</v>
      </c>
    </row>
    <row r="18538">
      <c r="A18538" s="1">
        <v>4.90750555E8</v>
      </c>
      <c r="B18538" s="2">
        <v>16332.0</v>
      </c>
      <c r="C18538" s="1" t="s">
        <v>5</v>
      </c>
      <c r="D18538" s="1" t="s">
        <v>11</v>
      </c>
      <c r="E18538" s="1" t="s">
        <v>7</v>
      </c>
    </row>
    <row r="18539">
      <c r="A18539" s="1">
        <v>4.90750585E8</v>
      </c>
      <c r="B18539" s="2">
        <v>16366.0</v>
      </c>
      <c r="C18539" s="1" t="s">
        <v>5</v>
      </c>
      <c r="D18539" s="1" t="s">
        <v>11</v>
      </c>
      <c r="E18539" s="1" t="s">
        <v>7</v>
      </c>
    </row>
    <row r="18540">
      <c r="A18540" s="1">
        <v>4.9075059E8</v>
      </c>
      <c r="B18540" s="2">
        <v>16386.0</v>
      </c>
      <c r="C18540" s="1" t="s">
        <v>5</v>
      </c>
      <c r="D18540" s="1" t="s">
        <v>15716</v>
      </c>
      <c r="E18540" s="1" t="s">
        <v>7</v>
      </c>
    </row>
    <row r="18541">
      <c r="A18541" s="1">
        <v>4.90750859E8</v>
      </c>
      <c r="B18541" s="2">
        <v>16372.0</v>
      </c>
      <c r="C18541" s="1" t="s">
        <v>5</v>
      </c>
      <c r="D18541" s="1" t="s">
        <v>15717</v>
      </c>
      <c r="E18541" s="1" t="s">
        <v>11</v>
      </c>
    </row>
    <row r="18542">
      <c r="A18542" s="1">
        <v>4.90750867E8</v>
      </c>
      <c r="B18542" s="2">
        <v>16367.0</v>
      </c>
      <c r="C18542" s="1" t="s">
        <v>5</v>
      </c>
      <c r="D18542" s="1" t="s">
        <v>15718</v>
      </c>
      <c r="E18542" s="1" t="s">
        <v>7</v>
      </c>
    </row>
    <row r="18543">
      <c r="A18543" s="1">
        <v>4.90750905E8</v>
      </c>
      <c r="B18543" s="2">
        <v>16366.0</v>
      </c>
      <c r="C18543" s="1" t="s">
        <v>5</v>
      </c>
      <c r="D18543" s="1" t="s">
        <v>15719</v>
      </c>
      <c r="E18543" s="1" t="s">
        <v>15720</v>
      </c>
    </row>
    <row r="18544">
      <c r="A18544" s="1">
        <v>4.90750938E8</v>
      </c>
      <c r="B18544" s="2">
        <v>16391.0</v>
      </c>
      <c r="C18544" s="1" t="s">
        <v>5</v>
      </c>
      <c r="D18544" s="1" t="s">
        <v>15721</v>
      </c>
      <c r="E18544" s="1" t="s">
        <v>7</v>
      </c>
    </row>
    <row r="18545">
      <c r="A18545" s="1">
        <v>4.90750953E8</v>
      </c>
      <c r="B18545" s="2">
        <v>16364.0</v>
      </c>
      <c r="C18545" s="1" t="s">
        <v>5</v>
      </c>
      <c r="D18545" s="1" t="s">
        <v>15722</v>
      </c>
      <c r="E18545" s="1" t="s">
        <v>7</v>
      </c>
    </row>
    <row r="18546">
      <c r="A18546" s="1">
        <v>4.9075104E8</v>
      </c>
      <c r="B18546" s="2">
        <v>16367.0</v>
      </c>
      <c r="C18546" s="1" t="s">
        <v>5</v>
      </c>
      <c r="D18546" s="1" t="s">
        <v>15723</v>
      </c>
      <c r="E18546" s="1" t="s">
        <v>7</v>
      </c>
    </row>
    <row r="18547">
      <c r="A18547" s="1">
        <v>4.90751047E8</v>
      </c>
      <c r="B18547" s="2">
        <v>16388.0</v>
      </c>
      <c r="C18547" s="1" t="s">
        <v>5</v>
      </c>
      <c r="D18547" s="1" t="s">
        <v>15724</v>
      </c>
      <c r="E18547" s="1" t="s">
        <v>7</v>
      </c>
    </row>
    <row r="18548">
      <c r="A18548" s="1">
        <v>4.90751056E8</v>
      </c>
      <c r="B18548" s="2">
        <v>16363.0</v>
      </c>
      <c r="C18548" s="1" t="s">
        <v>5</v>
      </c>
      <c r="D18548" s="1" t="s">
        <v>15725</v>
      </c>
      <c r="E18548" s="1" t="s">
        <v>7</v>
      </c>
    </row>
    <row r="18549">
      <c r="A18549" s="1">
        <v>4.90751075E8</v>
      </c>
      <c r="B18549" s="2">
        <v>16363.0</v>
      </c>
      <c r="C18549" s="1" t="s">
        <v>5</v>
      </c>
      <c r="D18549" s="1" t="s">
        <v>15726</v>
      </c>
      <c r="E18549" s="1" t="s">
        <v>7</v>
      </c>
    </row>
    <row r="18550">
      <c r="A18550" s="1">
        <v>4.90751102E8</v>
      </c>
      <c r="B18550" s="2">
        <v>16364.0</v>
      </c>
      <c r="C18550" s="1" t="s">
        <v>5</v>
      </c>
      <c r="D18550" s="1" t="s">
        <v>15727</v>
      </c>
      <c r="E18550" s="1" t="s">
        <v>11</v>
      </c>
    </row>
    <row r="18551">
      <c r="A18551" s="1">
        <v>4.90751115E8</v>
      </c>
      <c r="B18551" s="2">
        <v>16378.0</v>
      </c>
      <c r="C18551" s="1" t="s">
        <v>5</v>
      </c>
      <c r="D18551" s="1" t="s">
        <v>15728</v>
      </c>
      <c r="E18551" s="1" t="s">
        <v>7</v>
      </c>
    </row>
    <row r="18552">
      <c r="A18552" s="1">
        <v>4.90751178E8</v>
      </c>
      <c r="B18552" s="2">
        <v>16430.0</v>
      </c>
      <c r="C18552" s="1" t="s">
        <v>5</v>
      </c>
      <c r="D18552" s="1" t="s">
        <v>15729</v>
      </c>
      <c r="E18552" s="1" t="s">
        <v>7</v>
      </c>
    </row>
    <row r="18553">
      <c r="A18553" s="1">
        <v>4.90751179E8</v>
      </c>
      <c r="B18553" s="2">
        <v>16363.0</v>
      </c>
      <c r="C18553" s="1" t="s">
        <v>5</v>
      </c>
      <c r="D18553" s="1" t="s">
        <v>15730</v>
      </c>
      <c r="E18553" s="1" t="s">
        <v>7</v>
      </c>
    </row>
    <row r="18554">
      <c r="A18554" s="1">
        <v>4.90751188E8</v>
      </c>
      <c r="B18554" s="2">
        <v>16430.0</v>
      </c>
      <c r="C18554" s="1" t="s">
        <v>5</v>
      </c>
      <c r="D18554" s="1" t="s">
        <v>15731</v>
      </c>
      <c r="E18554" s="1" t="s">
        <v>7</v>
      </c>
    </row>
    <row r="18555">
      <c r="A18555" s="1">
        <v>4.90751227E8</v>
      </c>
      <c r="B18555" s="2">
        <v>16431.0</v>
      </c>
      <c r="C18555" s="1" t="s">
        <v>5</v>
      </c>
      <c r="D18555" s="1" t="s">
        <v>15732</v>
      </c>
      <c r="E18555" s="1" t="s">
        <v>7</v>
      </c>
    </row>
    <row r="18556">
      <c r="A18556" s="1">
        <v>4.90751253E8</v>
      </c>
      <c r="B18556" s="2">
        <v>16362.0</v>
      </c>
      <c r="C18556" s="1" t="s">
        <v>5</v>
      </c>
      <c r="D18556" s="1" t="s">
        <v>15733</v>
      </c>
      <c r="E18556" s="1" t="s">
        <v>7</v>
      </c>
    </row>
    <row r="18557">
      <c r="A18557" s="1">
        <v>4.90751289E8</v>
      </c>
      <c r="B18557" s="2">
        <v>16360.0</v>
      </c>
      <c r="C18557" s="1" t="s">
        <v>5</v>
      </c>
      <c r="D18557" s="1" t="s">
        <v>15734</v>
      </c>
      <c r="E18557" s="1" t="s">
        <v>7</v>
      </c>
    </row>
    <row r="18558">
      <c r="A18558" s="1">
        <v>4.90751298E8</v>
      </c>
      <c r="B18558" s="2">
        <v>16362.0</v>
      </c>
      <c r="C18558" s="1" t="s">
        <v>5</v>
      </c>
      <c r="D18558" s="1" t="s">
        <v>15735</v>
      </c>
      <c r="E18558" s="1" t="s">
        <v>11</v>
      </c>
    </row>
    <row r="18559">
      <c r="A18559" s="1">
        <v>4.90751315E8</v>
      </c>
      <c r="B18559" s="2">
        <v>16327.0</v>
      </c>
      <c r="C18559" s="1" t="s">
        <v>5</v>
      </c>
      <c r="D18559" s="1" t="s">
        <v>15736</v>
      </c>
      <c r="E18559" s="1" t="s">
        <v>15737</v>
      </c>
    </row>
    <row r="18560">
      <c r="A18560" s="1">
        <v>4.90751346E8</v>
      </c>
      <c r="B18560" s="2">
        <v>16360.0</v>
      </c>
      <c r="C18560" s="1" t="s">
        <v>5</v>
      </c>
      <c r="D18560" s="1" t="s">
        <v>11</v>
      </c>
      <c r="E18560" s="1" t="s">
        <v>7</v>
      </c>
    </row>
    <row r="18561">
      <c r="A18561" s="1">
        <v>4.90751349E8</v>
      </c>
      <c r="B18561" s="2">
        <v>16429.0</v>
      </c>
      <c r="C18561" s="1" t="s">
        <v>5</v>
      </c>
      <c r="D18561" s="1" t="s">
        <v>15738</v>
      </c>
      <c r="E18561" s="1" t="s">
        <v>11</v>
      </c>
    </row>
    <row r="18562">
      <c r="A18562" s="1">
        <v>4.90751364E8</v>
      </c>
      <c r="B18562" s="2">
        <v>16362.0</v>
      </c>
      <c r="C18562" s="1" t="s">
        <v>5</v>
      </c>
      <c r="D18562" s="1" t="s">
        <v>15739</v>
      </c>
      <c r="E18562" s="1" t="s">
        <v>15740</v>
      </c>
    </row>
    <row r="18563">
      <c r="A18563" s="1">
        <v>4.90751378E8</v>
      </c>
      <c r="B18563" s="2">
        <v>16318.0</v>
      </c>
      <c r="C18563" s="1" t="s">
        <v>5</v>
      </c>
      <c r="D18563" s="1" t="s">
        <v>15741</v>
      </c>
      <c r="E18563" s="1" t="s">
        <v>7</v>
      </c>
    </row>
    <row r="18564">
      <c r="A18564" s="1">
        <v>4.90751389E8</v>
      </c>
      <c r="B18564" s="2">
        <v>16318.0</v>
      </c>
      <c r="C18564" s="1" t="s">
        <v>5</v>
      </c>
      <c r="D18564" s="1" t="s">
        <v>15742</v>
      </c>
      <c r="E18564" s="1" t="s">
        <v>11</v>
      </c>
    </row>
    <row r="18565">
      <c r="A18565" s="1">
        <v>4.90751395E8</v>
      </c>
      <c r="B18565" s="2">
        <v>16360.0</v>
      </c>
      <c r="C18565" s="1" t="s">
        <v>5</v>
      </c>
      <c r="D18565" s="1" t="s">
        <v>11</v>
      </c>
      <c r="E18565" s="1" t="s">
        <v>7</v>
      </c>
    </row>
    <row r="18566">
      <c r="A18566" s="1">
        <v>4.90751417E8</v>
      </c>
      <c r="B18566" s="2">
        <v>16385.0</v>
      </c>
      <c r="C18566" s="1" t="s">
        <v>5</v>
      </c>
      <c r="D18566" s="1" t="s">
        <v>15743</v>
      </c>
      <c r="E18566" s="1" t="s">
        <v>7</v>
      </c>
    </row>
    <row r="18567">
      <c r="A18567" s="1">
        <v>4.90751429E8</v>
      </c>
      <c r="B18567" s="2">
        <v>16318.0</v>
      </c>
      <c r="C18567" s="1" t="s">
        <v>5</v>
      </c>
      <c r="D18567" s="1" t="s">
        <v>11</v>
      </c>
      <c r="E18567" s="1" t="s">
        <v>7</v>
      </c>
    </row>
    <row r="18568">
      <c r="A18568" s="1">
        <v>4.90751444E8</v>
      </c>
      <c r="B18568" s="2">
        <v>16364.0</v>
      </c>
      <c r="C18568" s="1" t="s">
        <v>5</v>
      </c>
      <c r="D18568" s="1" t="s">
        <v>15744</v>
      </c>
      <c r="E18568" s="1" t="s">
        <v>7</v>
      </c>
    </row>
    <row r="18569">
      <c r="A18569" s="1">
        <v>4.90751467E8</v>
      </c>
      <c r="B18569" s="2">
        <v>16431.0</v>
      </c>
      <c r="C18569" s="1" t="s">
        <v>5</v>
      </c>
      <c r="D18569" s="1" t="s">
        <v>15745</v>
      </c>
      <c r="E18569" s="1" t="s">
        <v>7</v>
      </c>
    </row>
    <row r="18570">
      <c r="A18570" s="1">
        <v>4.90751516E8</v>
      </c>
      <c r="B18570" s="2">
        <v>16358.0</v>
      </c>
      <c r="C18570" s="1" t="s">
        <v>5</v>
      </c>
      <c r="D18570" s="1" t="s">
        <v>15746</v>
      </c>
      <c r="E18570" s="1" t="s">
        <v>7</v>
      </c>
    </row>
    <row r="18571">
      <c r="A18571" s="1">
        <v>4.90751534E8</v>
      </c>
      <c r="B18571" s="2">
        <v>16359.0</v>
      </c>
      <c r="C18571" s="1" t="s">
        <v>5</v>
      </c>
      <c r="D18571" s="1" t="s">
        <v>15747</v>
      </c>
      <c r="E18571" s="1" t="s">
        <v>7</v>
      </c>
    </row>
    <row r="18572">
      <c r="A18572" s="1">
        <v>4.90751576E8</v>
      </c>
      <c r="B18572" s="2">
        <v>16426.0</v>
      </c>
      <c r="C18572" s="1" t="s">
        <v>5</v>
      </c>
      <c r="D18572" s="1" t="s">
        <v>15748</v>
      </c>
      <c r="E18572" s="1" t="s">
        <v>7</v>
      </c>
    </row>
    <row r="18573">
      <c r="A18573" s="1">
        <v>4.90751599E8</v>
      </c>
      <c r="B18573" s="2">
        <v>16360.0</v>
      </c>
      <c r="C18573" s="1" t="s">
        <v>5</v>
      </c>
      <c r="D18573" s="1" t="s">
        <v>15749</v>
      </c>
      <c r="E18573" s="1" t="s">
        <v>15750</v>
      </c>
    </row>
    <row r="18574">
      <c r="A18574" s="1">
        <v>4.90751612E8</v>
      </c>
      <c r="B18574" s="2">
        <v>16377.0</v>
      </c>
      <c r="C18574" s="1" t="s">
        <v>5</v>
      </c>
      <c r="D18574" s="1" t="s">
        <v>15751</v>
      </c>
      <c r="E18574" s="1" t="s">
        <v>7</v>
      </c>
    </row>
    <row r="18575">
      <c r="A18575" s="1">
        <v>4.90751624E8</v>
      </c>
      <c r="B18575" s="2">
        <v>16434.0</v>
      </c>
      <c r="C18575" s="1" t="s">
        <v>5</v>
      </c>
      <c r="D18575" s="1" t="s">
        <v>15752</v>
      </c>
      <c r="E18575" s="1" t="s">
        <v>11</v>
      </c>
    </row>
    <row r="18576">
      <c r="A18576" s="1">
        <v>4.90751626E8</v>
      </c>
      <c r="B18576" s="2">
        <v>16431.0</v>
      </c>
      <c r="C18576" s="1" t="s">
        <v>5</v>
      </c>
      <c r="D18576" s="1" t="s">
        <v>15753</v>
      </c>
      <c r="E18576" s="1" t="s">
        <v>7</v>
      </c>
    </row>
    <row r="18577">
      <c r="A18577" s="1">
        <v>4.90751661E8</v>
      </c>
      <c r="B18577" s="2">
        <v>16324.0</v>
      </c>
      <c r="C18577" s="1" t="s">
        <v>5</v>
      </c>
      <c r="D18577" s="1" t="s">
        <v>15754</v>
      </c>
      <c r="E18577" s="1" t="s">
        <v>15755</v>
      </c>
    </row>
    <row r="18578">
      <c r="A18578" s="1">
        <v>4.90751688E8</v>
      </c>
      <c r="B18578" s="2">
        <v>16379.0</v>
      </c>
      <c r="C18578" s="1" t="s">
        <v>5</v>
      </c>
      <c r="D18578" s="1" t="s">
        <v>15756</v>
      </c>
      <c r="E18578" s="1" t="s">
        <v>7</v>
      </c>
    </row>
    <row r="18579">
      <c r="A18579" s="1">
        <v>4.90751698E8</v>
      </c>
      <c r="B18579" s="2">
        <v>16362.0</v>
      </c>
      <c r="C18579" s="1" t="s">
        <v>5</v>
      </c>
      <c r="D18579" s="1" t="s">
        <v>15757</v>
      </c>
      <c r="E18579" s="1" t="s">
        <v>11</v>
      </c>
    </row>
    <row r="18580">
      <c r="A18580" s="1">
        <v>4.90751715E8</v>
      </c>
      <c r="B18580" s="2">
        <v>16357.0</v>
      </c>
      <c r="C18580" s="1" t="s">
        <v>5</v>
      </c>
      <c r="D18580" s="1" t="s">
        <v>15758</v>
      </c>
      <c r="E18580" s="1" t="s">
        <v>7</v>
      </c>
    </row>
    <row r="18581">
      <c r="A18581" s="1">
        <v>4.90751738E8</v>
      </c>
      <c r="B18581" s="2">
        <v>16360.0</v>
      </c>
      <c r="C18581" s="1" t="s">
        <v>5</v>
      </c>
      <c r="D18581" s="1" t="s">
        <v>15759</v>
      </c>
      <c r="E18581" s="1" t="s">
        <v>11</v>
      </c>
    </row>
    <row r="18582">
      <c r="A18582" s="1">
        <v>4.90751739E8</v>
      </c>
      <c r="B18582" s="2">
        <v>16402.0</v>
      </c>
      <c r="C18582" s="1" t="s">
        <v>5</v>
      </c>
      <c r="D18582" s="1" t="s">
        <v>15760</v>
      </c>
      <c r="E18582" s="1" t="s">
        <v>7</v>
      </c>
    </row>
    <row r="18583">
      <c r="A18583" s="1">
        <v>4.90751784E8</v>
      </c>
      <c r="B18583" s="2">
        <v>16402.0</v>
      </c>
      <c r="C18583" s="1" t="s">
        <v>5</v>
      </c>
      <c r="D18583" s="1" t="s">
        <v>11</v>
      </c>
      <c r="E18583" s="1" t="s">
        <v>7</v>
      </c>
    </row>
    <row r="18584">
      <c r="A18584" s="1">
        <v>4.90751867E8</v>
      </c>
      <c r="B18584" s="2">
        <v>16365.0</v>
      </c>
      <c r="C18584" s="1" t="s">
        <v>5</v>
      </c>
      <c r="D18584" s="1" t="s">
        <v>15761</v>
      </c>
      <c r="E18584" s="1" t="s">
        <v>7</v>
      </c>
    </row>
    <row r="18585">
      <c r="A18585" s="1">
        <v>4.90751873E8</v>
      </c>
      <c r="B18585" s="2">
        <v>16435.0</v>
      </c>
      <c r="C18585" s="1" t="s">
        <v>5</v>
      </c>
      <c r="D18585" s="1" t="s">
        <v>11</v>
      </c>
      <c r="E18585" s="1" t="s">
        <v>7</v>
      </c>
    </row>
    <row r="18586">
      <c r="A18586" s="1">
        <v>4.90751874E8</v>
      </c>
      <c r="B18586" s="2">
        <v>16323.0</v>
      </c>
      <c r="C18586" s="1" t="s">
        <v>5</v>
      </c>
      <c r="D18586" s="1" t="s">
        <v>11</v>
      </c>
      <c r="E18586" s="1" t="s">
        <v>7</v>
      </c>
    </row>
    <row r="18587">
      <c r="A18587" s="1">
        <v>4.90751923E8</v>
      </c>
      <c r="B18587" s="2">
        <v>16429.0</v>
      </c>
      <c r="C18587" s="1" t="s">
        <v>5</v>
      </c>
      <c r="D18587" s="1" t="s">
        <v>15762</v>
      </c>
      <c r="E18587" s="1" t="s">
        <v>11</v>
      </c>
    </row>
    <row r="18588">
      <c r="A18588" s="1">
        <v>4.90751924E8</v>
      </c>
      <c r="B18588" s="2">
        <v>16323.0</v>
      </c>
      <c r="C18588" s="1" t="s">
        <v>5</v>
      </c>
      <c r="D18588" s="1" t="s">
        <v>15763</v>
      </c>
      <c r="E18588" s="1" t="s">
        <v>11</v>
      </c>
    </row>
    <row r="18589">
      <c r="A18589" s="1">
        <v>4.90751933E8</v>
      </c>
      <c r="B18589" s="2">
        <v>16392.0</v>
      </c>
      <c r="C18589" s="1" t="s">
        <v>5</v>
      </c>
      <c r="D18589" s="1" t="s">
        <v>11</v>
      </c>
      <c r="E18589" s="1" t="s">
        <v>7</v>
      </c>
    </row>
    <row r="18590">
      <c r="A18590" s="1">
        <v>4.90751939E8</v>
      </c>
      <c r="B18590" s="2">
        <v>16392.0</v>
      </c>
      <c r="C18590" s="1" t="s">
        <v>5</v>
      </c>
      <c r="D18590" s="1" t="s">
        <v>15764</v>
      </c>
      <c r="E18590" s="1" t="s">
        <v>7</v>
      </c>
    </row>
    <row r="18591">
      <c r="A18591" s="1">
        <v>4.90751979E8</v>
      </c>
      <c r="B18591" s="2">
        <v>16364.0</v>
      </c>
      <c r="C18591" s="1" t="s">
        <v>5</v>
      </c>
      <c r="D18591" s="1" t="s">
        <v>15765</v>
      </c>
      <c r="E18591" s="1" t="s">
        <v>7</v>
      </c>
    </row>
    <row r="18592">
      <c r="A18592" s="1">
        <v>4.90752014E8</v>
      </c>
      <c r="B18592" s="2">
        <v>16323.0</v>
      </c>
      <c r="C18592" s="1" t="s">
        <v>5</v>
      </c>
      <c r="D18592" s="1" t="s">
        <v>11</v>
      </c>
      <c r="E18592" s="1" t="s">
        <v>7</v>
      </c>
    </row>
    <row r="18593">
      <c r="A18593" s="1">
        <v>4.90752018E8</v>
      </c>
      <c r="B18593" s="2">
        <v>16391.0</v>
      </c>
      <c r="C18593" s="1" t="s">
        <v>5</v>
      </c>
      <c r="D18593" s="1" t="s">
        <v>11</v>
      </c>
      <c r="E18593" s="1" t="s">
        <v>7</v>
      </c>
    </row>
    <row r="18594">
      <c r="A18594" s="1">
        <v>4.90752146E8</v>
      </c>
      <c r="B18594" s="2">
        <v>16431.0</v>
      </c>
      <c r="C18594" s="1" t="s">
        <v>5</v>
      </c>
      <c r="D18594" s="1" t="s">
        <v>15766</v>
      </c>
      <c r="E18594" s="1" t="s">
        <v>15767</v>
      </c>
    </row>
    <row r="18595">
      <c r="A18595" s="1">
        <v>4.90752156E8</v>
      </c>
      <c r="B18595" s="2">
        <v>16355.0</v>
      </c>
      <c r="C18595" s="1" t="s">
        <v>5</v>
      </c>
      <c r="D18595" s="1" t="s">
        <v>15768</v>
      </c>
      <c r="E18595" s="1" t="s">
        <v>7</v>
      </c>
    </row>
    <row r="18596">
      <c r="A18596" s="1">
        <v>4.90752188E8</v>
      </c>
      <c r="B18596" s="2">
        <v>16356.0</v>
      </c>
      <c r="C18596" s="1" t="s">
        <v>5</v>
      </c>
      <c r="D18596" s="1" t="s">
        <v>11</v>
      </c>
      <c r="E18596" s="1" t="s">
        <v>7</v>
      </c>
    </row>
    <row r="18597">
      <c r="A18597" s="1">
        <v>4.90752248E8</v>
      </c>
      <c r="B18597" s="2">
        <v>16321.0</v>
      </c>
      <c r="C18597" s="1" t="s">
        <v>5</v>
      </c>
      <c r="D18597" s="1" t="s">
        <v>15769</v>
      </c>
      <c r="E18597" s="1" t="s">
        <v>7</v>
      </c>
    </row>
    <row r="18598">
      <c r="A18598" s="1">
        <v>4.90752268E8</v>
      </c>
      <c r="B18598" s="2">
        <v>16374.0</v>
      </c>
      <c r="C18598" s="1" t="s">
        <v>5</v>
      </c>
      <c r="D18598" s="1" t="s">
        <v>15770</v>
      </c>
      <c r="E18598" s="1" t="s">
        <v>11</v>
      </c>
    </row>
    <row r="18599">
      <c r="A18599" s="1">
        <v>4.90752274E8</v>
      </c>
      <c r="B18599" s="2">
        <v>16388.0</v>
      </c>
      <c r="C18599" s="1" t="s">
        <v>5</v>
      </c>
      <c r="D18599" s="1" t="s">
        <v>15771</v>
      </c>
      <c r="E18599" s="1" t="s">
        <v>7</v>
      </c>
    </row>
    <row r="18600">
      <c r="A18600" s="1">
        <v>4.90752309E8</v>
      </c>
      <c r="B18600" s="2">
        <v>16387.0</v>
      </c>
      <c r="C18600" s="1" t="s">
        <v>5</v>
      </c>
      <c r="D18600" s="1" t="s">
        <v>11</v>
      </c>
      <c r="E18600" s="1" t="s">
        <v>7</v>
      </c>
    </row>
    <row r="18601">
      <c r="A18601" s="1">
        <v>4.90752315E8</v>
      </c>
      <c r="B18601" s="2">
        <v>16356.0</v>
      </c>
      <c r="C18601" s="1" t="s">
        <v>5</v>
      </c>
      <c r="D18601" s="1" t="s">
        <v>15772</v>
      </c>
      <c r="E18601" s="1" t="s">
        <v>7</v>
      </c>
    </row>
    <row r="18602">
      <c r="A18602" s="1">
        <v>4.90752339E8</v>
      </c>
      <c r="B18602" s="2">
        <v>16374.0</v>
      </c>
      <c r="C18602" s="1" t="s">
        <v>5</v>
      </c>
      <c r="D18602" s="1" t="s">
        <v>15773</v>
      </c>
      <c r="E18602" s="1" t="s">
        <v>7</v>
      </c>
    </row>
    <row r="18603">
      <c r="A18603" s="1">
        <v>4.90752363E8</v>
      </c>
      <c r="B18603" s="2">
        <v>16358.0</v>
      </c>
      <c r="C18603" s="1" t="s">
        <v>5</v>
      </c>
      <c r="D18603" s="1" t="s">
        <v>15774</v>
      </c>
      <c r="E18603" s="1" t="s">
        <v>11</v>
      </c>
    </row>
    <row r="18604">
      <c r="A18604" s="1">
        <v>4.90752386E8</v>
      </c>
      <c r="B18604" s="2">
        <v>16374.0</v>
      </c>
      <c r="C18604" s="1" t="s">
        <v>5</v>
      </c>
      <c r="D18604" s="1" t="s">
        <v>15775</v>
      </c>
      <c r="E18604" s="1" t="s">
        <v>7</v>
      </c>
    </row>
    <row r="18605">
      <c r="A18605" s="1">
        <v>4.90752401E8</v>
      </c>
      <c r="B18605" s="2">
        <v>16367.0</v>
      </c>
      <c r="C18605" s="1" t="s">
        <v>5</v>
      </c>
      <c r="D18605" s="1" t="s">
        <v>15776</v>
      </c>
      <c r="E18605" s="1" t="s">
        <v>7</v>
      </c>
    </row>
    <row r="18606">
      <c r="A18606" s="1">
        <v>4.90752435E8</v>
      </c>
      <c r="B18606" s="2">
        <v>16386.0</v>
      </c>
      <c r="C18606" s="1" t="s">
        <v>5</v>
      </c>
      <c r="D18606" s="1" t="s">
        <v>15777</v>
      </c>
      <c r="E18606" s="1" t="s">
        <v>7</v>
      </c>
    </row>
    <row r="18607">
      <c r="A18607" s="1">
        <v>4.90752534E8</v>
      </c>
      <c r="B18607" s="2">
        <v>16367.0</v>
      </c>
      <c r="C18607" s="1" t="s">
        <v>5</v>
      </c>
      <c r="D18607" s="1" t="s">
        <v>11</v>
      </c>
      <c r="E18607" s="1" t="s">
        <v>7</v>
      </c>
    </row>
    <row r="18608">
      <c r="A18608" s="1">
        <v>4.90752558E8</v>
      </c>
      <c r="B18608" s="2">
        <v>16431.0</v>
      </c>
      <c r="C18608" s="1" t="s">
        <v>5</v>
      </c>
      <c r="D18608" s="1" t="s">
        <v>15778</v>
      </c>
      <c r="E18608" s="1" t="s">
        <v>7</v>
      </c>
    </row>
    <row r="18609">
      <c r="A18609" s="1">
        <v>4.90752573E8</v>
      </c>
      <c r="B18609" s="2">
        <v>16367.0</v>
      </c>
      <c r="C18609" s="1" t="s">
        <v>5</v>
      </c>
      <c r="D18609" s="1" t="s">
        <v>11</v>
      </c>
      <c r="E18609" s="1" t="s">
        <v>7</v>
      </c>
    </row>
    <row r="18610">
      <c r="A18610" s="1">
        <v>4.90752653E8</v>
      </c>
      <c r="B18610" s="2">
        <v>16387.0</v>
      </c>
      <c r="C18610" s="1" t="s">
        <v>5</v>
      </c>
      <c r="D18610" s="1" t="s">
        <v>15779</v>
      </c>
      <c r="E18610" s="1" t="s">
        <v>15780</v>
      </c>
    </row>
    <row r="18611">
      <c r="A18611" s="1">
        <v>4.90752679E8</v>
      </c>
      <c r="B18611" s="2">
        <v>16385.0</v>
      </c>
      <c r="C18611" s="1" t="s">
        <v>5</v>
      </c>
      <c r="D18611" s="1" t="s">
        <v>15781</v>
      </c>
      <c r="E18611" s="1" t="s">
        <v>7</v>
      </c>
    </row>
    <row r="18612">
      <c r="A18612" s="1">
        <v>4.90752703E8</v>
      </c>
      <c r="B18612" s="2">
        <v>16423.0</v>
      </c>
      <c r="C18612" s="1" t="s">
        <v>5</v>
      </c>
      <c r="D18612" s="1" t="s">
        <v>15782</v>
      </c>
      <c r="E18612" s="1" t="s">
        <v>11</v>
      </c>
    </row>
    <row r="18613">
      <c r="A18613" s="1">
        <v>4.90752713E8</v>
      </c>
      <c r="B18613" s="2">
        <v>16431.0</v>
      </c>
      <c r="C18613" s="1" t="s">
        <v>5</v>
      </c>
      <c r="D18613" s="1" t="s">
        <v>15783</v>
      </c>
      <c r="E18613" s="1" t="s">
        <v>7</v>
      </c>
    </row>
    <row r="18614">
      <c r="A18614" s="1">
        <v>4.90752728E8</v>
      </c>
      <c r="B18614" s="2">
        <v>16351.0</v>
      </c>
      <c r="C18614" s="1" t="s">
        <v>5</v>
      </c>
      <c r="D18614" s="1" t="s">
        <v>11</v>
      </c>
      <c r="E18614" s="1" t="s">
        <v>7</v>
      </c>
    </row>
    <row r="18615">
      <c r="A18615" s="1">
        <v>4.90752773E8</v>
      </c>
      <c r="B18615" s="2">
        <v>16416.0</v>
      </c>
      <c r="C18615" s="1" t="s">
        <v>5</v>
      </c>
      <c r="D18615" s="1" t="s">
        <v>15784</v>
      </c>
      <c r="E18615" s="1" t="s">
        <v>15785</v>
      </c>
    </row>
    <row r="18616">
      <c r="A18616" s="1">
        <v>4.90752779E8</v>
      </c>
      <c r="B18616" s="2">
        <v>16353.0</v>
      </c>
      <c r="C18616" s="1" t="s">
        <v>5</v>
      </c>
      <c r="D18616" s="1" t="s">
        <v>15786</v>
      </c>
      <c r="E18616" s="1" t="s">
        <v>15787</v>
      </c>
    </row>
    <row r="18617">
      <c r="A18617" s="1">
        <v>4.90752782E8</v>
      </c>
      <c r="B18617" s="2">
        <v>16430.0</v>
      </c>
      <c r="C18617" s="1" t="s">
        <v>5</v>
      </c>
      <c r="D18617" s="1" t="s">
        <v>11</v>
      </c>
      <c r="E18617" s="1" t="s">
        <v>7</v>
      </c>
    </row>
    <row r="18618">
      <c r="A18618" s="1">
        <v>4.90752864E8</v>
      </c>
      <c r="B18618" s="2">
        <v>16379.0</v>
      </c>
      <c r="C18618" s="1" t="s">
        <v>5</v>
      </c>
      <c r="D18618" s="1" t="s">
        <v>15788</v>
      </c>
      <c r="E18618" s="1" t="s">
        <v>7</v>
      </c>
    </row>
    <row r="18619">
      <c r="A18619" s="1">
        <v>4.90752887E8</v>
      </c>
      <c r="B18619" s="2">
        <v>16415.0</v>
      </c>
      <c r="C18619" s="1" t="s">
        <v>5</v>
      </c>
      <c r="D18619" s="1" t="s">
        <v>15789</v>
      </c>
      <c r="E18619" s="1" t="s">
        <v>7</v>
      </c>
    </row>
    <row r="18620">
      <c r="A18620" s="1">
        <v>4.90752896E8</v>
      </c>
      <c r="B18620" s="2">
        <v>16353.0</v>
      </c>
      <c r="C18620" s="1" t="s">
        <v>5</v>
      </c>
      <c r="D18620" s="1" t="s">
        <v>15790</v>
      </c>
      <c r="E18620" s="1" t="s">
        <v>11</v>
      </c>
    </row>
    <row r="18621">
      <c r="A18621" s="1">
        <v>4.90752972E8</v>
      </c>
      <c r="B18621" s="2">
        <v>16357.0</v>
      </c>
      <c r="C18621" s="1" t="s">
        <v>5</v>
      </c>
      <c r="D18621" s="1" t="s">
        <v>15791</v>
      </c>
      <c r="E18621" s="1" t="s">
        <v>11</v>
      </c>
    </row>
    <row r="18622">
      <c r="A18622" s="1">
        <v>4.90753074E8</v>
      </c>
      <c r="B18622" s="2">
        <v>16351.0</v>
      </c>
      <c r="C18622" s="1" t="s">
        <v>5</v>
      </c>
      <c r="D18622" s="1" t="s">
        <v>11</v>
      </c>
      <c r="E18622" s="1" t="s">
        <v>7</v>
      </c>
    </row>
    <row r="18623">
      <c r="A18623" s="1">
        <v>4.90753097E8</v>
      </c>
      <c r="B18623" s="2">
        <v>16421.0</v>
      </c>
      <c r="C18623" s="1" t="s">
        <v>5</v>
      </c>
      <c r="D18623" s="1" t="s">
        <v>15792</v>
      </c>
      <c r="E18623" s="1" t="s">
        <v>11</v>
      </c>
    </row>
    <row r="18624">
      <c r="A18624" s="1">
        <v>4.90753384E8</v>
      </c>
      <c r="B18624" s="2">
        <v>16402.0</v>
      </c>
      <c r="C18624" s="1" t="s">
        <v>5</v>
      </c>
      <c r="D18624" s="1" t="s">
        <v>15793</v>
      </c>
      <c r="E18624" s="1" t="s">
        <v>15794</v>
      </c>
    </row>
    <row r="18625">
      <c r="A18625" s="1">
        <v>4.90753536E8</v>
      </c>
      <c r="B18625" s="2">
        <v>16406.0</v>
      </c>
      <c r="C18625" s="1" t="s">
        <v>5</v>
      </c>
      <c r="D18625" s="1" t="s">
        <v>14519</v>
      </c>
      <c r="E18625" s="1" t="s">
        <v>7</v>
      </c>
    </row>
    <row r="18626">
      <c r="A18626" s="1">
        <v>4.90753569E8</v>
      </c>
      <c r="B18626" s="2">
        <v>16346.0</v>
      </c>
      <c r="C18626" s="1" t="s">
        <v>5</v>
      </c>
      <c r="D18626" s="1" t="s">
        <v>11</v>
      </c>
      <c r="E18626" s="1" t="s">
        <v>7</v>
      </c>
    </row>
    <row r="18627">
      <c r="A18627" s="1">
        <v>4.90753577E8</v>
      </c>
      <c r="B18627" s="2">
        <v>16433.0</v>
      </c>
      <c r="C18627" s="1" t="s">
        <v>5</v>
      </c>
      <c r="D18627" s="1" t="s">
        <v>11</v>
      </c>
      <c r="E18627" s="1" t="s">
        <v>7</v>
      </c>
    </row>
    <row r="18628">
      <c r="A18628" s="1">
        <v>4.90753598E8</v>
      </c>
      <c r="B18628" s="2">
        <v>16427.0</v>
      </c>
      <c r="C18628" s="1" t="s">
        <v>5</v>
      </c>
      <c r="D18628" s="1" t="s">
        <v>11</v>
      </c>
      <c r="E18628" s="1" t="s">
        <v>7</v>
      </c>
    </row>
    <row r="18629">
      <c r="A18629" s="1">
        <v>4.90753619E8</v>
      </c>
      <c r="B18629" s="2">
        <v>16352.0</v>
      </c>
      <c r="C18629" s="1" t="s">
        <v>5</v>
      </c>
      <c r="D18629" s="1" t="s">
        <v>15795</v>
      </c>
      <c r="E18629" s="1" t="s">
        <v>7</v>
      </c>
    </row>
    <row r="18630">
      <c r="A18630" s="1">
        <v>4.90753641E8</v>
      </c>
      <c r="B18630" s="2">
        <v>16409.0</v>
      </c>
      <c r="C18630" s="1" t="s">
        <v>5</v>
      </c>
      <c r="D18630" s="1" t="s">
        <v>15796</v>
      </c>
      <c r="E18630" s="1" t="s">
        <v>11</v>
      </c>
    </row>
    <row r="18631">
      <c r="A18631" s="1">
        <v>4.90753667E8</v>
      </c>
      <c r="B18631" s="2">
        <v>16353.0</v>
      </c>
      <c r="C18631" s="1" t="s">
        <v>5</v>
      </c>
      <c r="D18631" s="1" t="s">
        <v>15797</v>
      </c>
      <c r="E18631" s="1" t="s">
        <v>7</v>
      </c>
    </row>
    <row r="18632">
      <c r="A18632" s="1">
        <v>4.90753674E8</v>
      </c>
      <c r="B18632" s="2">
        <v>16352.0</v>
      </c>
      <c r="C18632" s="1" t="s">
        <v>5</v>
      </c>
      <c r="D18632" s="1" t="s">
        <v>15798</v>
      </c>
      <c r="E18632" s="1" t="s">
        <v>7</v>
      </c>
    </row>
    <row r="18633">
      <c r="A18633" s="1">
        <v>4.90753704E8</v>
      </c>
      <c r="B18633" s="2">
        <v>16433.0</v>
      </c>
      <c r="C18633" s="1" t="s">
        <v>5</v>
      </c>
      <c r="D18633" s="1" t="s">
        <v>15799</v>
      </c>
      <c r="E18633" s="1" t="s">
        <v>7</v>
      </c>
    </row>
    <row r="18634">
      <c r="A18634" s="1">
        <v>4.90753755E8</v>
      </c>
      <c r="B18634" s="2">
        <v>16373.0</v>
      </c>
      <c r="C18634" s="1" t="s">
        <v>5</v>
      </c>
      <c r="D18634" s="1" t="s">
        <v>15800</v>
      </c>
      <c r="E18634" s="1" t="s">
        <v>7</v>
      </c>
    </row>
    <row r="18635">
      <c r="A18635" s="1">
        <v>4.90753776E8</v>
      </c>
      <c r="B18635" s="2">
        <v>16373.0</v>
      </c>
      <c r="C18635" s="1" t="s">
        <v>5</v>
      </c>
      <c r="D18635" s="1" t="s">
        <v>15801</v>
      </c>
      <c r="E18635" s="1" t="s">
        <v>7</v>
      </c>
    </row>
    <row r="18636">
      <c r="A18636" s="1">
        <v>4.90753791E8</v>
      </c>
      <c r="B18636" s="2">
        <v>16360.0</v>
      </c>
      <c r="C18636" s="1" t="s">
        <v>5</v>
      </c>
      <c r="D18636" s="1" t="s">
        <v>15802</v>
      </c>
      <c r="E18636" s="1" t="s">
        <v>7</v>
      </c>
    </row>
    <row r="18637">
      <c r="A18637" s="1">
        <v>4.90753796E8</v>
      </c>
      <c r="B18637" s="2">
        <v>16352.0</v>
      </c>
      <c r="C18637" s="1" t="s">
        <v>5</v>
      </c>
      <c r="D18637" s="1" t="s">
        <v>15803</v>
      </c>
      <c r="E18637" s="1" t="s">
        <v>7</v>
      </c>
    </row>
    <row r="18638">
      <c r="A18638" s="1">
        <v>4.90753804E8</v>
      </c>
      <c r="B18638" s="2">
        <v>16431.0</v>
      </c>
      <c r="C18638" s="1" t="s">
        <v>5</v>
      </c>
      <c r="D18638" s="1" t="s">
        <v>15804</v>
      </c>
      <c r="E18638" s="1" t="s">
        <v>7</v>
      </c>
    </row>
    <row r="18639">
      <c r="A18639" s="1">
        <v>4.90753814E8</v>
      </c>
      <c r="B18639" s="2">
        <v>16435.0</v>
      </c>
      <c r="C18639" s="1" t="s">
        <v>5</v>
      </c>
      <c r="D18639" s="1" t="s">
        <v>15805</v>
      </c>
      <c r="E18639" s="1" t="s">
        <v>7</v>
      </c>
    </row>
    <row r="18640">
      <c r="A18640" s="1">
        <v>4.90753836E8</v>
      </c>
      <c r="B18640" s="2">
        <v>16372.0</v>
      </c>
      <c r="C18640" s="1" t="s">
        <v>5</v>
      </c>
      <c r="D18640" s="1" t="s">
        <v>15806</v>
      </c>
      <c r="E18640" s="1" t="s">
        <v>15807</v>
      </c>
    </row>
    <row r="18641">
      <c r="A18641" s="1">
        <v>4.90753849E8</v>
      </c>
      <c r="B18641" s="2">
        <v>16401.0</v>
      </c>
      <c r="C18641" s="1" t="s">
        <v>5</v>
      </c>
      <c r="D18641" s="1" t="s">
        <v>11</v>
      </c>
      <c r="E18641" s="1" t="s">
        <v>7</v>
      </c>
    </row>
    <row r="18642">
      <c r="A18642" s="1">
        <v>4.90753855E8</v>
      </c>
      <c r="B18642" s="2">
        <v>16372.0</v>
      </c>
      <c r="C18642" s="1" t="s">
        <v>5</v>
      </c>
      <c r="D18642" s="1" t="s">
        <v>15808</v>
      </c>
      <c r="E18642" s="1" t="s">
        <v>11</v>
      </c>
    </row>
    <row r="18643">
      <c r="A18643" s="1">
        <v>4.90753857E8</v>
      </c>
      <c r="B18643" s="2">
        <v>16431.0</v>
      </c>
      <c r="C18643" s="1" t="s">
        <v>5</v>
      </c>
      <c r="D18643" s="1" t="s">
        <v>15809</v>
      </c>
      <c r="E18643" s="1" t="s">
        <v>7</v>
      </c>
    </row>
    <row r="18644">
      <c r="A18644" s="1">
        <v>4.90753862E8</v>
      </c>
      <c r="B18644" s="2">
        <v>16405.0</v>
      </c>
      <c r="C18644" s="1" t="s">
        <v>5</v>
      </c>
      <c r="D18644" s="1" t="s">
        <v>15810</v>
      </c>
      <c r="E18644" s="1" t="s">
        <v>7</v>
      </c>
    </row>
    <row r="18645">
      <c r="A18645" s="1">
        <v>4.90753879E8</v>
      </c>
      <c r="B18645" s="2">
        <v>16431.0</v>
      </c>
      <c r="C18645" s="1" t="s">
        <v>5</v>
      </c>
      <c r="D18645" s="1" t="s">
        <v>15811</v>
      </c>
      <c r="E18645" s="1" t="s">
        <v>7</v>
      </c>
    </row>
    <row r="18646">
      <c r="A18646" s="1">
        <v>4.90753909E8</v>
      </c>
      <c r="B18646" s="2">
        <v>16418.0</v>
      </c>
      <c r="C18646" s="1" t="s">
        <v>5</v>
      </c>
      <c r="D18646" s="1" t="s">
        <v>11</v>
      </c>
      <c r="E18646" s="1" t="s">
        <v>7</v>
      </c>
    </row>
    <row r="18647">
      <c r="A18647" s="1">
        <v>4.90754055E8</v>
      </c>
      <c r="B18647" s="2">
        <v>16419.0</v>
      </c>
      <c r="C18647" s="1" t="s">
        <v>5</v>
      </c>
      <c r="D18647" s="1" t="s">
        <v>15812</v>
      </c>
      <c r="E18647" s="1" t="s">
        <v>7</v>
      </c>
    </row>
    <row r="18648">
      <c r="A18648" s="1">
        <v>4.90754058E8</v>
      </c>
      <c r="B18648" s="2">
        <v>16401.0</v>
      </c>
      <c r="C18648" s="1" t="s">
        <v>5</v>
      </c>
      <c r="D18648" s="1" t="s">
        <v>15813</v>
      </c>
      <c r="E18648" s="1" t="s">
        <v>7</v>
      </c>
    </row>
    <row r="18649">
      <c r="A18649" s="1">
        <v>4.90754115E8</v>
      </c>
      <c r="B18649" s="2">
        <v>16405.0</v>
      </c>
      <c r="C18649" s="1" t="s">
        <v>5</v>
      </c>
      <c r="D18649" s="1" t="s">
        <v>11</v>
      </c>
      <c r="E18649" s="1" t="s">
        <v>7</v>
      </c>
    </row>
    <row r="18650">
      <c r="A18650" s="1">
        <v>4.90754137E8</v>
      </c>
      <c r="B18650" s="2">
        <v>16404.0</v>
      </c>
      <c r="C18650" s="1" t="s">
        <v>5</v>
      </c>
      <c r="D18650" s="1" t="s">
        <v>15814</v>
      </c>
      <c r="E18650" s="1" t="s">
        <v>7</v>
      </c>
    </row>
    <row r="18651">
      <c r="A18651" s="1">
        <v>4.90754168E8</v>
      </c>
      <c r="B18651" s="2">
        <v>16404.0</v>
      </c>
      <c r="C18651" s="1" t="s">
        <v>5</v>
      </c>
      <c r="D18651" s="1" t="s">
        <v>15815</v>
      </c>
      <c r="E18651" s="1" t="s">
        <v>7</v>
      </c>
    </row>
    <row r="18652">
      <c r="A18652" s="1">
        <v>4.90754206E8</v>
      </c>
      <c r="B18652" s="2">
        <v>16468.0</v>
      </c>
      <c r="C18652" s="1" t="s">
        <v>5</v>
      </c>
      <c r="D18652" s="1" t="s">
        <v>15816</v>
      </c>
      <c r="E18652" s="1" t="s">
        <v>11</v>
      </c>
    </row>
    <row r="18653">
      <c r="A18653" s="1">
        <v>4.90754224E8</v>
      </c>
      <c r="B18653" s="2">
        <v>16433.0</v>
      </c>
      <c r="C18653" s="1" t="s">
        <v>5</v>
      </c>
      <c r="D18653" s="1" t="s">
        <v>15817</v>
      </c>
      <c r="E18653" s="1" t="s">
        <v>11</v>
      </c>
    </row>
    <row r="18654">
      <c r="A18654" s="1">
        <v>4.90754315E8</v>
      </c>
      <c r="B18654" s="2">
        <v>16422.0</v>
      </c>
      <c r="C18654" s="1" t="s">
        <v>5</v>
      </c>
      <c r="D18654" s="1" t="s">
        <v>15818</v>
      </c>
      <c r="E18654" s="1" t="s">
        <v>7</v>
      </c>
    </row>
    <row r="18655">
      <c r="A18655" s="1">
        <v>4.90754407E8</v>
      </c>
      <c r="B18655" s="2">
        <v>16419.0</v>
      </c>
      <c r="C18655" s="1" t="s">
        <v>5</v>
      </c>
      <c r="D18655" s="1" t="s">
        <v>11</v>
      </c>
      <c r="E18655" s="1" t="s">
        <v>7</v>
      </c>
    </row>
    <row r="18656">
      <c r="A18656" s="1">
        <v>4.90754417E8</v>
      </c>
      <c r="B18656" s="2">
        <v>16395.0</v>
      </c>
      <c r="C18656" s="1" t="s">
        <v>5</v>
      </c>
      <c r="D18656" s="1" t="s">
        <v>15819</v>
      </c>
      <c r="E18656" s="1" t="s">
        <v>7</v>
      </c>
    </row>
    <row r="18657">
      <c r="A18657" s="1">
        <v>4.90754479E8</v>
      </c>
      <c r="B18657" s="2">
        <v>16400.0</v>
      </c>
      <c r="C18657" s="1" t="s">
        <v>5</v>
      </c>
      <c r="D18657" s="1" t="s">
        <v>15820</v>
      </c>
      <c r="E18657" s="1" t="s">
        <v>11</v>
      </c>
    </row>
    <row r="18658">
      <c r="A18658" s="1">
        <v>4.90754598E8</v>
      </c>
      <c r="B18658" s="2">
        <v>16414.0</v>
      </c>
      <c r="C18658" s="1" t="s">
        <v>5</v>
      </c>
      <c r="D18658" s="1" t="s">
        <v>15821</v>
      </c>
      <c r="E18658" s="1" t="s">
        <v>7</v>
      </c>
    </row>
    <row r="18659">
      <c r="A18659" s="1">
        <v>4.90754653E8</v>
      </c>
      <c r="B18659" s="2">
        <v>16419.0</v>
      </c>
      <c r="C18659" s="1" t="s">
        <v>5</v>
      </c>
      <c r="D18659" s="1" t="s">
        <v>15822</v>
      </c>
      <c r="E18659" s="1" t="s">
        <v>7</v>
      </c>
    </row>
    <row r="18660">
      <c r="A18660" s="1">
        <v>4.90754675E8</v>
      </c>
      <c r="B18660" s="2">
        <v>16399.0</v>
      </c>
      <c r="C18660" s="1" t="s">
        <v>5</v>
      </c>
      <c r="D18660" s="1" t="s">
        <v>14519</v>
      </c>
      <c r="E18660" s="1" t="s">
        <v>7</v>
      </c>
    </row>
    <row r="18661">
      <c r="A18661" s="1">
        <v>4.9075468E8</v>
      </c>
      <c r="B18661" s="2">
        <v>16394.0</v>
      </c>
      <c r="C18661" s="1" t="s">
        <v>5</v>
      </c>
      <c r="D18661" s="1" t="s">
        <v>15823</v>
      </c>
      <c r="E18661" s="1" t="s">
        <v>7</v>
      </c>
    </row>
    <row r="18662">
      <c r="A18662" s="1">
        <v>4.90754683E8</v>
      </c>
      <c r="B18662" s="2">
        <v>16419.0</v>
      </c>
      <c r="C18662" s="1" t="s">
        <v>5</v>
      </c>
      <c r="D18662" s="1" t="s">
        <v>11</v>
      </c>
      <c r="E18662" s="1" t="s">
        <v>7</v>
      </c>
    </row>
    <row r="18663">
      <c r="A18663" s="1">
        <v>4.90754689E8</v>
      </c>
      <c r="B18663" s="2">
        <v>16411.0</v>
      </c>
      <c r="C18663" s="1" t="s">
        <v>5</v>
      </c>
      <c r="D18663" s="1" t="s">
        <v>15824</v>
      </c>
      <c r="E18663" s="1" t="s">
        <v>7</v>
      </c>
    </row>
    <row r="18664">
      <c r="A18664" s="1">
        <v>4.90754744E8</v>
      </c>
      <c r="B18664" s="2">
        <v>16428.0</v>
      </c>
      <c r="C18664" s="1" t="s">
        <v>5</v>
      </c>
      <c r="D18664" s="1" t="s">
        <v>15825</v>
      </c>
      <c r="E18664" s="1" t="s">
        <v>7</v>
      </c>
    </row>
    <row r="18665">
      <c r="A18665" s="1">
        <v>4.90754745E8</v>
      </c>
      <c r="B18665" s="2">
        <v>16392.0</v>
      </c>
      <c r="C18665" s="1" t="s">
        <v>5</v>
      </c>
      <c r="D18665" s="1" t="s">
        <v>11</v>
      </c>
      <c r="E18665" s="1" t="s">
        <v>7</v>
      </c>
    </row>
    <row r="18666">
      <c r="A18666" s="1">
        <v>4.9075476E8</v>
      </c>
      <c r="B18666" s="2">
        <v>16351.0</v>
      </c>
      <c r="C18666" s="1" t="s">
        <v>5</v>
      </c>
      <c r="D18666" s="1" t="s">
        <v>15826</v>
      </c>
      <c r="E18666" s="1" t="s">
        <v>11</v>
      </c>
    </row>
    <row r="18667">
      <c r="A18667" s="1">
        <v>4.90754779E8</v>
      </c>
      <c r="B18667" s="2">
        <v>16366.0</v>
      </c>
      <c r="C18667" s="1" t="s">
        <v>5</v>
      </c>
      <c r="D18667" s="1" t="s">
        <v>15827</v>
      </c>
      <c r="E18667" s="1" t="s">
        <v>11</v>
      </c>
    </row>
    <row r="18668">
      <c r="A18668" s="1">
        <v>4.90754831E8</v>
      </c>
      <c r="B18668" s="2">
        <v>16420.0</v>
      </c>
      <c r="C18668" s="1" t="s">
        <v>5</v>
      </c>
      <c r="D18668" s="1" t="s">
        <v>15828</v>
      </c>
      <c r="E18668" s="1" t="s">
        <v>11</v>
      </c>
    </row>
    <row r="18669">
      <c r="A18669" s="1">
        <v>4.90754899E8</v>
      </c>
      <c r="B18669" s="2">
        <v>16416.0</v>
      </c>
      <c r="C18669" s="1" t="s">
        <v>5</v>
      </c>
      <c r="D18669" s="1" t="s">
        <v>11</v>
      </c>
      <c r="E18669" s="1" t="s">
        <v>7</v>
      </c>
    </row>
    <row r="18670">
      <c r="A18670" s="1">
        <v>4.90754917E8</v>
      </c>
      <c r="B18670" s="2">
        <v>16397.0</v>
      </c>
      <c r="C18670" s="1" t="s">
        <v>5</v>
      </c>
      <c r="D18670" s="1" t="s">
        <v>15829</v>
      </c>
      <c r="E18670" s="1" t="s">
        <v>11</v>
      </c>
    </row>
    <row r="18671">
      <c r="A18671" s="1">
        <v>4.9075495E8</v>
      </c>
      <c r="B18671" s="2">
        <v>16427.0</v>
      </c>
      <c r="C18671" s="1" t="s">
        <v>5</v>
      </c>
      <c r="D18671" s="1" t="s">
        <v>11</v>
      </c>
      <c r="E18671" s="1" t="s">
        <v>7</v>
      </c>
    </row>
    <row r="18672">
      <c r="A18672" s="1">
        <v>4.90754961E8</v>
      </c>
      <c r="B18672" s="2">
        <v>16427.0</v>
      </c>
      <c r="C18672" s="1" t="s">
        <v>5</v>
      </c>
      <c r="D18672" s="1" t="s">
        <v>15830</v>
      </c>
      <c r="E18672" s="1" t="s">
        <v>11</v>
      </c>
    </row>
    <row r="18673">
      <c r="A18673" s="1">
        <v>4.90755017E8</v>
      </c>
      <c r="B18673" s="2">
        <v>16357.0</v>
      </c>
      <c r="C18673" s="1" t="s">
        <v>5</v>
      </c>
      <c r="D18673" s="1" t="s">
        <v>11</v>
      </c>
      <c r="E18673" s="1" t="s">
        <v>7</v>
      </c>
    </row>
    <row r="18674">
      <c r="A18674" s="1">
        <v>4.90755022E8</v>
      </c>
      <c r="B18674" s="2">
        <v>16414.0</v>
      </c>
      <c r="C18674" s="1" t="s">
        <v>5</v>
      </c>
      <c r="D18674" s="1" t="s">
        <v>15831</v>
      </c>
      <c r="E18674" s="1" t="s">
        <v>7</v>
      </c>
    </row>
    <row r="18675">
      <c r="A18675" s="1">
        <v>4.90755029E8</v>
      </c>
      <c r="B18675" s="2">
        <v>16397.0</v>
      </c>
      <c r="C18675" s="1" t="s">
        <v>5</v>
      </c>
      <c r="D18675" s="1" t="s">
        <v>15832</v>
      </c>
      <c r="E18675" s="1" t="s">
        <v>7</v>
      </c>
    </row>
    <row r="18676">
      <c r="A18676" s="1">
        <v>4.90755059E8</v>
      </c>
      <c r="B18676" s="2">
        <v>16365.0</v>
      </c>
      <c r="C18676" s="1" t="s">
        <v>5</v>
      </c>
      <c r="D18676" s="1" t="s">
        <v>15833</v>
      </c>
      <c r="E18676" s="1" t="s">
        <v>11</v>
      </c>
    </row>
    <row r="18677">
      <c r="A18677" s="1">
        <v>4.90755061E8</v>
      </c>
      <c r="B18677" s="2">
        <v>16395.0</v>
      </c>
      <c r="C18677" s="1" t="s">
        <v>5</v>
      </c>
      <c r="D18677" s="1" t="s">
        <v>15834</v>
      </c>
      <c r="E18677" s="1" t="s">
        <v>7</v>
      </c>
    </row>
    <row r="18678">
      <c r="A18678" s="1">
        <v>4.90755075E8</v>
      </c>
      <c r="B18678" s="2">
        <v>16431.0</v>
      </c>
      <c r="C18678" s="1" t="s">
        <v>5</v>
      </c>
      <c r="D18678" s="1" t="s">
        <v>15835</v>
      </c>
      <c r="E18678" s="1" t="s">
        <v>7</v>
      </c>
    </row>
    <row r="18679">
      <c r="A18679" s="1">
        <v>4.9075508E8</v>
      </c>
      <c r="B18679" s="2">
        <v>16460.0</v>
      </c>
      <c r="C18679" s="1" t="s">
        <v>5</v>
      </c>
      <c r="D18679" s="1" t="s">
        <v>11</v>
      </c>
      <c r="E18679" s="1" t="s">
        <v>7</v>
      </c>
    </row>
    <row r="18680">
      <c r="A18680" s="1">
        <v>4.90755127E8</v>
      </c>
      <c r="B18680" s="2">
        <v>16395.0</v>
      </c>
      <c r="C18680" s="1" t="s">
        <v>5</v>
      </c>
      <c r="D18680" s="1" t="s">
        <v>15836</v>
      </c>
      <c r="E18680" s="1" t="s">
        <v>11</v>
      </c>
    </row>
    <row r="18681">
      <c r="A18681" s="1">
        <v>4.90755138E8</v>
      </c>
      <c r="B18681" s="2">
        <v>16409.0</v>
      </c>
      <c r="C18681" s="1" t="s">
        <v>5</v>
      </c>
      <c r="D18681" s="1" t="s">
        <v>15837</v>
      </c>
      <c r="E18681" s="1" t="s">
        <v>11</v>
      </c>
    </row>
    <row r="18682">
      <c r="A18682" s="1">
        <v>4.90755155E8</v>
      </c>
      <c r="B18682" s="2">
        <v>16365.0</v>
      </c>
      <c r="C18682" s="1" t="s">
        <v>5</v>
      </c>
      <c r="D18682" s="1" t="s">
        <v>11</v>
      </c>
      <c r="E18682" s="1" t="s">
        <v>7</v>
      </c>
    </row>
    <row r="18683">
      <c r="A18683" s="1">
        <v>4.90755157E8</v>
      </c>
      <c r="B18683" s="2">
        <v>16415.0</v>
      </c>
      <c r="C18683" s="1" t="s">
        <v>5</v>
      </c>
      <c r="D18683" s="1" t="s">
        <v>15838</v>
      </c>
      <c r="E18683" s="1" t="s">
        <v>7</v>
      </c>
    </row>
    <row r="18684">
      <c r="A18684" s="1">
        <v>4.90755179E8</v>
      </c>
      <c r="B18684" s="2">
        <v>16390.0</v>
      </c>
      <c r="C18684" s="1" t="s">
        <v>5</v>
      </c>
      <c r="D18684" s="1" t="s">
        <v>15839</v>
      </c>
      <c r="E18684" s="1" t="s">
        <v>7</v>
      </c>
    </row>
    <row r="18685">
      <c r="A18685" s="1">
        <v>4.90755203E8</v>
      </c>
      <c r="B18685" s="2">
        <v>16390.0</v>
      </c>
      <c r="C18685" s="1" t="s">
        <v>5</v>
      </c>
      <c r="D18685" s="1" t="s">
        <v>15840</v>
      </c>
      <c r="E18685" s="1" t="s">
        <v>7</v>
      </c>
    </row>
    <row r="18686">
      <c r="A18686" s="1">
        <v>4.9075522E8</v>
      </c>
      <c r="B18686" s="2">
        <v>16364.0</v>
      </c>
      <c r="C18686" s="1" t="s">
        <v>5</v>
      </c>
      <c r="D18686" s="1" t="s">
        <v>15841</v>
      </c>
      <c r="E18686" s="1" t="s">
        <v>7</v>
      </c>
    </row>
    <row r="18687">
      <c r="A18687" s="1">
        <v>4.90755257E8</v>
      </c>
      <c r="B18687" s="2">
        <v>16407.0</v>
      </c>
      <c r="C18687" s="1" t="s">
        <v>5</v>
      </c>
      <c r="D18687" s="1" t="s">
        <v>11</v>
      </c>
      <c r="E18687" s="1" t="s">
        <v>7</v>
      </c>
    </row>
    <row r="18688">
      <c r="A18688" s="1">
        <v>4.90755282E8</v>
      </c>
      <c r="B18688" s="2">
        <v>16414.0</v>
      </c>
      <c r="C18688" s="1" t="s">
        <v>5</v>
      </c>
      <c r="D18688" s="1" t="s">
        <v>15842</v>
      </c>
      <c r="E18688" s="1" t="s">
        <v>7</v>
      </c>
    </row>
    <row r="18689">
      <c r="A18689" s="1">
        <v>4.90755289E8</v>
      </c>
      <c r="B18689" s="2">
        <v>16364.0</v>
      </c>
      <c r="C18689" s="1" t="s">
        <v>5</v>
      </c>
      <c r="D18689" s="1" t="s">
        <v>15843</v>
      </c>
      <c r="E18689" s="1" t="s">
        <v>7</v>
      </c>
    </row>
    <row r="18690">
      <c r="A18690" s="1">
        <v>4.90755294E8</v>
      </c>
      <c r="B18690" s="2">
        <v>16416.0</v>
      </c>
      <c r="C18690" s="1" t="s">
        <v>5</v>
      </c>
      <c r="D18690" s="1" t="s">
        <v>11</v>
      </c>
      <c r="E18690" s="1" t="s">
        <v>7</v>
      </c>
    </row>
    <row r="18691">
      <c r="A18691" s="1">
        <v>4.90755318E8</v>
      </c>
      <c r="B18691" s="2">
        <v>16346.0</v>
      </c>
      <c r="C18691" s="1" t="s">
        <v>5</v>
      </c>
      <c r="D18691" s="1" t="s">
        <v>15844</v>
      </c>
      <c r="E18691" s="1" t="s">
        <v>7</v>
      </c>
    </row>
    <row r="18692">
      <c r="A18692" s="1">
        <v>4.90755349E8</v>
      </c>
      <c r="B18692" s="2">
        <v>16349.0</v>
      </c>
      <c r="C18692" s="1" t="s">
        <v>5</v>
      </c>
      <c r="D18692" s="1" t="s">
        <v>15845</v>
      </c>
      <c r="E18692" s="1" t="s">
        <v>7</v>
      </c>
    </row>
    <row r="18693">
      <c r="A18693" s="1">
        <v>4.90755429E8</v>
      </c>
      <c r="B18693" s="2">
        <v>16393.0</v>
      </c>
      <c r="C18693" s="1" t="s">
        <v>5</v>
      </c>
      <c r="D18693" s="1" t="s">
        <v>15846</v>
      </c>
      <c r="E18693" s="1" t="s">
        <v>7</v>
      </c>
    </row>
    <row r="18694">
      <c r="A18694" s="1">
        <v>4.90755461E8</v>
      </c>
      <c r="B18694" s="2">
        <v>16383.0</v>
      </c>
      <c r="C18694" s="1" t="s">
        <v>5</v>
      </c>
      <c r="D18694" s="1" t="s">
        <v>15847</v>
      </c>
      <c r="E18694" s="1" t="s">
        <v>7</v>
      </c>
    </row>
    <row r="18695">
      <c r="A18695" s="1">
        <v>4.90755503E8</v>
      </c>
      <c r="B18695" s="2">
        <v>16349.0</v>
      </c>
      <c r="C18695" s="1" t="s">
        <v>5</v>
      </c>
      <c r="D18695" s="1" t="s">
        <v>15848</v>
      </c>
      <c r="E18695" s="1" t="s">
        <v>7</v>
      </c>
    </row>
    <row r="18696">
      <c r="A18696" s="1">
        <v>4.90755591E8</v>
      </c>
      <c r="B18696" s="2">
        <v>16350.0</v>
      </c>
      <c r="C18696" s="1" t="s">
        <v>5</v>
      </c>
      <c r="D18696" s="1" t="s">
        <v>15849</v>
      </c>
      <c r="E18696" s="1" t="s">
        <v>11</v>
      </c>
    </row>
    <row r="18697">
      <c r="A18697" s="1">
        <v>4.90755597E8</v>
      </c>
      <c r="B18697" s="2">
        <v>16468.0</v>
      </c>
      <c r="C18697" s="1" t="s">
        <v>5</v>
      </c>
      <c r="D18697" s="1" t="s">
        <v>15850</v>
      </c>
      <c r="E18697" s="1" t="s">
        <v>7</v>
      </c>
    </row>
    <row r="18698">
      <c r="A18698" s="1">
        <v>4.90755607E8</v>
      </c>
      <c r="B18698" s="2">
        <v>16393.0</v>
      </c>
      <c r="C18698" s="1" t="s">
        <v>5</v>
      </c>
      <c r="D18698" s="1" t="s">
        <v>11</v>
      </c>
      <c r="E18698" s="1" t="s">
        <v>7</v>
      </c>
    </row>
    <row r="18699">
      <c r="A18699" s="1">
        <v>4.90755689E8</v>
      </c>
      <c r="B18699" s="2">
        <v>16428.0</v>
      </c>
      <c r="C18699" s="1" t="s">
        <v>5</v>
      </c>
      <c r="D18699" s="1" t="s">
        <v>15851</v>
      </c>
      <c r="E18699" s="1" t="s">
        <v>11</v>
      </c>
    </row>
    <row r="18700">
      <c r="A18700" s="1">
        <v>4.90755699E8</v>
      </c>
      <c r="B18700" s="2">
        <v>16413.0</v>
      </c>
      <c r="C18700" s="1" t="s">
        <v>5</v>
      </c>
      <c r="D18700" s="1" t="s">
        <v>11</v>
      </c>
      <c r="E18700" s="1" t="s">
        <v>7</v>
      </c>
    </row>
    <row r="18701">
      <c r="A18701" s="1">
        <v>4.90755775E8</v>
      </c>
      <c r="B18701" s="2">
        <v>16468.0</v>
      </c>
      <c r="C18701" s="1" t="s">
        <v>5</v>
      </c>
      <c r="D18701" s="1" t="s">
        <v>15852</v>
      </c>
      <c r="E18701" s="1" t="s">
        <v>7</v>
      </c>
    </row>
    <row r="18702">
      <c r="A18702" s="1">
        <v>4.90755857E8</v>
      </c>
      <c r="B18702" s="2">
        <v>16437.0</v>
      </c>
      <c r="C18702" s="1" t="s">
        <v>5</v>
      </c>
      <c r="D18702" s="1" t="s">
        <v>11</v>
      </c>
      <c r="E18702" s="1" t="s">
        <v>7</v>
      </c>
    </row>
    <row r="18703">
      <c r="A18703" s="1">
        <v>4.9075588E8</v>
      </c>
      <c r="B18703" s="2">
        <v>16398.0</v>
      </c>
      <c r="C18703" s="1" t="s">
        <v>5</v>
      </c>
      <c r="D18703" s="1" t="s">
        <v>15853</v>
      </c>
      <c r="E18703" s="1" t="s">
        <v>11</v>
      </c>
    </row>
    <row r="18704">
      <c r="A18704" s="1">
        <v>4.9075596E8</v>
      </c>
      <c r="B18704" s="2">
        <v>16360.0</v>
      </c>
      <c r="C18704" s="1" t="s">
        <v>5</v>
      </c>
      <c r="D18704" s="1" t="s">
        <v>15854</v>
      </c>
      <c r="E18704" s="1" t="s">
        <v>15855</v>
      </c>
    </row>
    <row r="18705">
      <c r="A18705" s="1">
        <v>4.90755981E8</v>
      </c>
      <c r="B18705" s="2">
        <v>16420.0</v>
      </c>
      <c r="C18705" s="1" t="s">
        <v>5</v>
      </c>
      <c r="D18705" s="1" t="s">
        <v>11</v>
      </c>
      <c r="E18705" s="1" t="s">
        <v>7</v>
      </c>
    </row>
    <row r="18706">
      <c r="A18706" s="1">
        <v>4.90756008E8</v>
      </c>
      <c r="B18706" s="2">
        <v>16409.0</v>
      </c>
      <c r="C18706" s="1" t="s">
        <v>5</v>
      </c>
      <c r="D18706" s="1" t="s">
        <v>15856</v>
      </c>
      <c r="E18706" s="1" t="s">
        <v>7</v>
      </c>
    </row>
    <row r="18707">
      <c r="A18707" s="1">
        <v>4.90756043E8</v>
      </c>
      <c r="B18707" s="2">
        <v>16408.0</v>
      </c>
      <c r="C18707" s="1" t="s">
        <v>5</v>
      </c>
      <c r="D18707" s="1" t="s">
        <v>15857</v>
      </c>
      <c r="E18707" s="1" t="s">
        <v>7</v>
      </c>
    </row>
    <row r="18708">
      <c r="A18708" s="1">
        <v>4.90756059E8</v>
      </c>
      <c r="B18708" s="2">
        <v>16384.0</v>
      </c>
      <c r="C18708" s="1" t="s">
        <v>5</v>
      </c>
      <c r="D18708" s="1" t="s">
        <v>15858</v>
      </c>
      <c r="E18708" s="1" t="s">
        <v>7</v>
      </c>
    </row>
    <row r="18709">
      <c r="A18709" s="1">
        <v>4.90756084E8</v>
      </c>
      <c r="B18709" s="2">
        <v>16409.0</v>
      </c>
      <c r="C18709" s="1" t="s">
        <v>5</v>
      </c>
      <c r="D18709" s="1" t="s">
        <v>15859</v>
      </c>
      <c r="E18709" s="1" t="s">
        <v>15860</v>
      </c>
    </row>
    <row r="18710">
      <c r="A18710" s="1">
        <v>4.90756144E8</v>
      </c>
      <c r="B18710" s="2">
        <v>16404.0</v>
      </c>
      <c r="C18710" s="1" t="s">
        <v>5</v>
      </c>
      <c r="D18710" s="1" t="s">
        <v>15861</v>
      </c>
      <c r="E18710" s="1" t="s">
        <v>7</v>
      </c>
    </row>
    <row r="18711">
      <c r="A18711" s="1">
        <v>4.90756148E8</v>
      </c>
      <c r="B18711" s="2">
        <v>16383.0</v>
      </c>
      <c r="C18711" s="1" t="s">
        <v>5</v>
      </c>
      <c r="D18711" s="1" t="s">
        <v>15862</v>
      </c>
      <c r="E18711" s="1" t="s">
        <v>11</v>
      </c>
    </row>
    <row r="18712">
      <c r="A18712" s="1">
        <v>4.90756188E8</v>
      </c>
      <c r="B18712" s="2">
        <v>16360.0</v>
      </c>
      <c r="C18712" s="1" t="s">
        <v>5</v>
      </c>
      <c r="D18712" s="1" t="s">
        <v>15863</v>
      </c>
      <c r="E18712" s="1" t="s">
        <v>7</v>
      </c>
    </row>
    <row r="18713">
      <c r="A18713" s="1">
        <v>4.90756229E8</v>
      </c>
      <c r="B18713" s="2">
        <v>16383.0</v>
      </c>
      <c r="C18713" s="1" t="s">
        <v>5</v>
      </c>
      <c r="D18713" s="1" t="s">
        <v>15864</v>
      </c>
      <c r="E18713" s="1" t="s">
        <v>7</v>
      </c>
    </row>
    <row r="18714">
      <c r="A18714" s="1">
        <v>4.90756258E8</v>
      </c>
      <c r="B18714" s="2">
        <v>16465.0</v>
      </c>
      <c r="C18714" s="1" t="s">
        <v>5</v>
      </c>
      <c r="D18714" s="1" t="s">
        <v>15865</v>
      </c>
      <c r="E18714" s="1" t="s">
        <v>7</v>
      </c>
    </row>
    <row r="18715">
      <c r="A18715" s="1">
        <v>4.90756277E8</v>
      </c>
      <c r="B18715" s="2">
        <v>16359.0</v>
      </c>
      <c r="C18715" s="1" t="s">
        <v>5</v>
      </c>
      <c r="D18715" s="1" t="s">
        <v>15866</v>
      </c>
      <c r="E18715" s="1" t="s">
        <v>7</v>
      </c>
    </row>
    <row r="18716">
      <c r="A18716" s="1">
        <v>4.90756299E8</v>
      </c>
      <c r="B18716" s="2">
        <v>16423.0</v>
      </c>
      <c r="C18716" s="1" t="s">
        <v>5</v>
      </c>
      <c r="D18716" s="1" t="s">
        <v>15867</v>
      </c>
      <c r="E18716" s="1" t="s">
        <v>11</v>
      </c>
    </row>
    <row r="18717">
      <c r="A18717" s="1">
        <v>4.90756407E8</v>
      </c>
      <c r="B18717" s="2">
        <v>16413.0</v>
      </c>
      <c r="C18717" s="1" t="s">
        <v>5</v>
      </c>
      <c r="D18717" s="1" t="s">
        <v>15868</v>
      </c>
      <c r="E18717" s="1" t="s">
        <v>7</v>
      </c>
    </row>
    <row r="18718">
      <c r="A18718" s="1">
        <v>4.90756448E8</v>
      </c>
      <c r="B18718" s="2">
        <v>16381.0</v>
      </c>
      <c r="C18718" s="1" t="s">
        <v>5</v>
      </c>
      <c r="D18718" s="1" t="s">
        <v>11</v>
      </c>
      <c r="E18718" s="1" t="s">
        <v>7</v>
      </c>
    </row>
    <row r="18719">
      <c r="A18719" s="1">
        <v>4.90756544E8</v>
      </c>
      <c r="B18719" s="2">
        <v>16404.0</v>
      </c>
      <c r="C18719" s="1" t="s">
        <v>5</v>
      </c>
      <c r="D18719" s="1" t="s">
        <v>15869</v>
      </c>
      <c r="E18719" s="1" t="s">
        <v>7</v>
      </c>
    </row>
    <row r="18720">
      <c r="A18720" s="1">
        <v>4.90756563E8</v>
      </c>
      <c r="B18720" s="2">
        <v>16437.0</v>
      </c>
      <c r="C18720" s="1" t="s">
        <v>5</v>
      </c>
      <c r="D18720" s="1" t="s">
        <v>15870</v>
      </c>
      <c r="E18720" s="1" t="s">
        <v>7</v>
      </c>
    </row>
    <row r="18721">
      <c r="A18721" s="1">
        <v>4.90756597E8</v>
      </c>
      <c r="B18721" s="2">
        <v>16357.0</v>
      </c>
      <c r="C18721" s="1" t="s">
        <v>5</v>
      </c>
      <c r="D18721" s="1" t="s">
        <v>11</v>
      </c>
      <c r="E18721" s="1" t="s">
        <v>7</v>
      </c>
    </row>
    <row r="18722">
      <c r="A18722" s="1">
        <v>4.90756629E8</v>
      </c>
      <c r="B18722" s="2">
        <v>16393.0</v>
      </c>
      <c r="C18722" s="1" t="s">
        <v>5</v>
      </c>
      <c r="D18722" s="1" t="s">
        <v>15871</v>
      </c>
      <c r="E18722" s="1" t="s">
        <v>7</v>
      </c>
    </row>
    <row r="18723">
      <c r="A18723" s="1">
        <v>4.90756643E8</v>
      </c>
      <c r="B18723" s="2">
        <v>16404.0</v>
      </c>
      <c r="C18723" s="1" t="s">
        <v>5</v>
      </c>
      <c r="D18723" s="1" t="s">
        <v>11</v>
      </c>
      <c r="E18723" s="1" t="s">
        <v>7</v>
      </c>
    </row>
    <row r="18724">
      <c r="A18724" s="1">
        <v>4.90756662E8</v>
      </c>
      <c r="B18724" s="2">
        <v>16402.0</v>
      </c>
      <c r="C18724" s="1" t="s">
        <v>5</v>
      </c>
      <c r="D18724" s="1" t="s">
        <v>15872</v>
      </c>
      <c r="E18724" s="1" t="s">
        <v>15873</v>
      </c>
    </row>
    <row r="18725">
      <c r="A18725" s="1">
        <v>4.90756697E8</v>
      </c>
      <c r="B18725" s="2">
        <v>16462.0</v>
      </c>
      <c r="C18725" s="1" t="s">
        <v>5</v>
      </c>
      <c r="D18725" s="1" t="s">
        <v>15874</v>
      </c>
      <c r="E18725" s="1" t="s">
        <v>7</v>
      </c>
    </row>
    <row r="18726">
      <c r="A18726" s="1">
        <v>4.90756751E8</v>
      </c>
      <c r="B18726" s="2">
        <v>16412.0</v>
      </c>
      <c r="C18726" s="1" t="s">
        <v>5</v>
      </c>
      <c r="D18726" s="1" t="s">
        <v>15875</v>
      </c>
      <c r="E18726" s="1" t="s">
        <v>7</v>
      </c>
    </row>
    <row r="18727">
      <c r="A18727" s="1">
        <v>4.90756773E8</v>
      </c>
      <c r="B18727" s="2">
        <v>16349.0</v>
      </c>
      <c r="C18727" s="1" t="s">
        <v>5</v>
      </c>
      <c r="D18727" s="1" t="s">
        <v>15876</v>
      </c>
      <c r="E18727" s="1" t="s">
        <v>11</v>
      </c>
    </row>
    <row r="18728">
      <c r="A18728" s="1">
        <v>4.90756791E8</v>
      </c>
      <c r="B18728" s="2">
        <v>16465.0</v>
      </c>
      <c r="C18728" s="1" t="s">
        <v>5</v>
      </c>
      <c r="D18728" s="1" t="s">
        <v>15877</v>
      </c>
      <c r="E18728" s="1" t="s">
        <v>7</v>
      </c>
    </row>
    <row r="18729">
      <c r="A18729" s="1">
        <v>4.90756828E8</v>
      </c>
      <c r="B18729" s="2">
        <v>16420.0</v>
      </c>
      <c r="C18729" s="1" t="s">
        <v>5</v>
      </c>
      <c r="D18729" s="1" t="s">
        <v>11</v>
      </c>
      <c r="E18729" s="1" t="s">
        <v>7</v>
      </c>
    </row>
    <row r="18730">
      <c r="A18730" s="1">
        <v>4.90756849E8</v>
      </c>
      <c r="B18730" s="2">
        <v>16411.0</v>
      </c>
      <c r="C18730" s="1" t="s">
        <v>5</v>
      </c>
      <c r="D18730" s="1" t="s">
        <v>15878</v>
      </c>
      <c r="E18730" s="1" t="s">
        <v>7</v>
      </c>
    </row>
    <row r="18731">
      <c r="A18731" s="1">
        <v>4.90756877E8</v>
      </c>
      <c r="B18731" s="2">
        <v>16409.0</v>
      </c>
      <c r="C18731" s="1" t="s">
        <v>5</v>
      </c>
      <c r="D18731" s="1" t="s">
        <v>11</v>
      </c>
      <c r="E18731" s="1" t="s">
        <v>7</v>
      </c>
    </row>
    <row r="18732">
      <c r="A18732" s="1">
        <v>4.90756892E8</v>
      </c>
      <c r="B18732" s="2">
        <v>16409.0</v>
      </c>
      <c r="C18732" s="1" t="s">
        <v>5</v>
      </c>
      <c r="D18732" s="1" t="s">
        <v>15879</v>
      </c>
      <c r="E18732" s="1" t="s">
        <v>11</v>
      </c>
    </row>
    <row r="18733">
      <c r="A18733" s="1">
        <v>4.90756932E8</v>
      </c>
      <c r="B18733" s="2">
        <v>16414.0</v>
      </c>
      <c r="C18733" s="1" t="s">
        <v>5</v>
      </c>
      <c r="D18733" s="1" t="s">
        <v>15880</v>
      </c>
      <c r="E18733" s="1" t="s">
        <v>7</v>
      </c>
    </row>
    <row r="18734">
      <c r="A18734" s="1">
        <v>4.90756969E8</v>
      </c>
      <c r="B18734" s="2">
        <v>16454.0</v>
      </c>
      <c r="C18734" s="1" t="s">
        <v>5</v>
      </c>
      <c r="D18734" s="1" t="s">
        <v>11</v>
      </c>
      <c r="E18734" s="1" t="s">
        <v>7</v>
      </c>
    </row>
    <row r="18735">
      <c r="A18735" s="1">
        <v>4.90757012E8</v>
      </c>
      <c r="B18735" s="2">
        <v>16393.0</v>
      </c>
      <c r="C18735" s="1" t="s">
        <v>5</v>
      </c>
      <c r="D18735" s="1" t="s">
        <v>11</v>
      </c>
      <c r="E18735" s="1" t="s">
        <v>7</v>
      </c>
    </row>
    <row r="18736">
      <c r="A18736" s="1">
        <v>4.90757062E8</v>
      </c>
      <c r="B18736" s="2">
        <v>16413.0</v>
      </c>
      <c r="C18736" s="1" t="s">
        <v>5</v>
      </c>
      <c r="D18736" s="1" t="s">
        <v>15881</v>
      </c>
      <c r="E18736" s="1" t="s">
        <v>15882</v>
      </c>
    </row>
    <row r="18737">
      <c r="A18737" s="1">
        <v>4.90757117E8</v>
      </c>
      <c r="B18737" s="2">
        <v>16384.0</v>
      </c>
      <c r="C18737" s="1" t="s">
        <v>5</v>
      </c>
      <c r="D18737" s="1" t="s">
        <v>15883</v>
      </c>
      <c r="E18737" s="1" t="s">
        <v>7</v>
      </c>
    </row>
    <row r="18738">
      <c r="A18738" s="1">
        <v>4.90757127E8</v>
      </c>
      <c r="B18738" s="2">
        <v>16464.0</v>
      </c>
      <c r="C18738" s="1" t="s">
        <v>5</v>
      </c>
      <c r="D18738" s="1" t="s">
        <v>15884</v>
      </c>
      <c r="E18738" s="1" t="s">
        <v>7</v>
      </c>
    </row>
    <row r="18739">
      <c r="A18739" s="1">
        <v>4.90757178E8</v>
      </c>
      <c r="B18739" s="2">
        <v>16460.0</v>
      </c>
      <c r="C18739" s="1" t="s">
        <v>5</v>
      </c>
      <c r="D18739" s="1" t="s">
        <v>11</v>
      </c>
      <c r="E18739" s="1" t="s">
        <v>7</v>
      </c>
    </row>
    <row r="18740">
      <c r="A18740" s="1">
        <v>4.90757217E8</v>
      </c>
      <c r="B18740" s="2">
        <v>16461.0</v>
      </c>
      <c r="C18740" s="1" t="s">
        <v>5</v>
      </c>
      <c r="D18740" s="1" t="s">
        <v>11</v>
      </c>
      <c r="E18740" s="1" t="s">
        <v>7</v>
      </c>
    </row>
    <row r="18741">
      <c r="A18741" s="1">
        <v>4.90757243E8</v>
      </c>
      <c r="B18741" s="2">
        <v>16461.0</v>
      </c>
      <c r="C18741" s="1" t="s">
        <v>5</v>
      </c>
      <c r="D18741" s="1" t="s">
        <v>14519</v>
      </c>
      <c r="E18741" s="1" t="s">
        <v>7</v>
      </c>
    </row>
    <row r="18742">
      <c r="A18742" s="1">
        <v>4.90757339E8</v>
      </c>
      <c r="B18742" s="2">
        <v>16463.0</v>
      </c>
      <c r="C18742" s="1" t="s">
        <v>5</v>
      </c>
      <c r="D18742" s="1" t="s">
        <v>11</v>
      </c>
      <c r="E18742" s="1" t="s">
        <v>7</v>
      </c>
    </row>
    <row r="18743">
      <c r="A18743" s="1">
        <v>4.90757382E8</v>
      </c>
      <c r="B18743" s="2">
        <v>16394.0</v>
      </c>
      <c r="C18743" s="1" t="s">
        <v>5</v>
      </c>
      <c r="D18743" s="1" t="s">
        <v>11</v>
      </c>
      <c r="E18743" s="1" t="s">
        <v>7</v>
      </c>
    </row>
    <row r="18744">
      <c r="A18744" s="1">
        <v>4.90757387E8</v>
      </c>
      <c r="B18744" s="2">
        <v>16346.0</v>
      </c>
      <c r="C18744" s="1" t="s">
        <v>5</v>
      </c>
      <c r="D18744" s="1" t="s">
        <v>15885</v>
      </c>
      <c r="E18744" s="1" t="s">
        <v>7</v>
      </c>
    </row>
    <row r="18745">
      <c r="A18745" s="1">
        <v>4.90757412E8</v>
      </c>
      <c r="B18745" s="2">
        <v>16395.0</v>
      </c>
      <c r="C18745" s="1" t="s">
        <v>5</v>
      </c>
      <c r="D18745" s="1" t="s">
        <v>15886</v>
      </c>
      <c r="E18745" s="1" t="s">
        <v>7</v>
      </c>
    </row>
    <row r="18746">
      <c r="A18746" s="1">
        <v>4.90757477E8</v>
      </c>
      <c r="B18746" s="2">
        <v>16447.0</v>
      </c>
      <c r="C18746" s="1" t="s">
        <v>5</v>
      </c>
      <c r="D18746" s="1" t="s">
        <v>15887</v>
      </c>
      <c r="E18746" s="1" t="s">
        <v>7</v>
      </c>
    </row>
    <row r="18747">
      <c r="A18747" s="1">
        <v>4.90757487E8</v>
      </c>
      <c r="B18747" s="2">
        <v>16346.0</v>
      </c>
      <c r="C18747" s="1" t="s">
        <v>5</v>
      </c>
      <c r="D18747" s="1" t="s">
        <v>15888</v>
      </c>
      <c r="E18747" s="1" t="s">
        <v>11</v>
      </c>
    </row>
    <row r="18748">
      <c r="A18748" s="1">
        <v>4.90757553E8</v>
      </c>
      <c r="B18748" s="2">
        <v>16409.0</v>
      </c>
      <c r="C18748" s="1" t="s">
        <v>5</v>
      </c>
      <c r="D18748" s="1" t="s">
        <v>11</v>
      </c>
      <c r="E18748" s="1" t="s">
        <v>7</v>
      </c>
    </row>
    <row r="18749">
      <c r="A18749" s="1">
        <v>4.90757627E8</v>
      </c>
      <c r="B18749" s="2">
        <v>16467.0</v>
      </c>
      <c r="C18749" s="1" t="s">
        <v>5</v>
      </c>
      <c r="D18749" s="1" t="s">
        <v>15889</v>
      </c>
      <c r="E18749" s="1" t="s">
        <v>15890</v>
      </c>
    </row>
    <row r="18750">
      <c r="A18750" s="1">
        <v>4.90757638E8</v>
      </c>
      <c r="B18750" s="2">
        <v>16390.0</v>
      </c>
      <c r="C18750" s="1" t="s">
        <v>5</v>
      </c>
      <c r="D18750" s="1" t="s">
        <v>15891</v>
      </c>
      <c r="E18750" s="1" t="s">
        <v>7</v>
      </c>
    </row>
    <row r="18751">
      <c r="A18751" s="1">
        <v>4.90757654E8</v>
      </c>
      <c r="B18751" s="2">
        <v>16462.0</v>
      </c>
      <c r="C18751" s="1" t="s">
        <v>5</v>
      </c>
      <c r="D18751" s="1" t="s">
        <v>15892</v>
      </c>
      <c r="E18751" s="1" t="s">
        <v>15893</v>
      </c>
    </row>
    <row r="18752">
      <c r="A18752" s="1">
        <v>4.90757695E8</v>
      </c>
      <c r="B18752" s="2">
        <v>16465.0</v>
      </c>
      <c r="C18752" s="1" t="s">
        <v>5</v>
      </c>
      <c r="D18752" s="1" t="s">
        <v>15894</v>
      </c>
      <c r="E18752" s="1" t="s">
        <v>7</v>
      </c>
    </row>
    <row r="18753">
      <c r="A18753" s="1">
        <v>4.90757704E8</v>
      </c>
      <c r="B18753" s="2">
        <v>16409.0</v>
      </c>
      <c r="C18753" s="1" t="s">
        <v>5</v>
      </c>
      <c r="D18753" s="1" t="s">
        <v>15895</v>
      </c>
      <c r="E18753" s="1" t="s">
        <v>7</v>
      </c>
    </row>
    <row r="18754">
      <c r="A18754" s="1">
        <v>4.90757723E8</v>
      </c>
      <c r="B18754" s="2">
        <v>16455.0</v>
      </c>
      <c r="C18754" s="1" t="s">
        <v>5</v>
      </c>
      <c r="D18754" s="1" t="s">
        <v>11</v>
      </c>
      <c r="E18754" s="1" t="s">
        <v>7</v>
      </c>
    </row>
    <row r="18755">
      <c r="A18755" s="1">
        <v>4.90757739E8</v>
      </c>
      <c r="B18755" s="2">
        <v>16465.0</v>
      </c>
      <c r="C18755" s="1" t="s">
        <v>5</v>
      </c>
      <c r="D18755" s="1" t="s">
        <v>11</v>
      </c>
      <c r="E18755" s="1" t="s">
        <v>7</v>
      </c>
    </row>
    <row r="18756">
      <c r="A18756" s="1">
        <v>4.90757742E8</v>
      </c>
      <c r="B18756" s="2">
        <v>16405.0</v>
      </c>
      <c r="C18756" s="1" t="s">
        <v>5</v>
      </c>
      <c r="D18756" s="1" t="s">
        <v>15896</v>
      </c>
      <c r="E18756" s="1" t="s">
        <v>7</v>
      </c>
    </row>
    <row r="18757">
      <c r="A18757" s="1">
        <v>4.90757797E8</v>
      </c>
      <c r="B18757" s="2">
        <v>16409.0</v>
      </c>
      <c r="C18757" s="1" t="s">
        <v>5</v>
      </c>
      <c r="D18757" s="1" t="s">
        <v>11</v>
      </c>
      <c r="E18757" s="1" t="s">
        <v>7</v>
      </c>
    </row>
    <row r="18758">
      <c r="A18758" s="1">
        <v>4.90757819E8</v>
      </c>
      <c r="B18758" s="2">
        <v>16464.0</v>
      </c>
      <c r="C18758" s="1" t="s">
        <v>5</v>
      </c>
      <c r="D18758" s="1" t="s">
        <v>11</v>
      </c>
      <c r="E18758" s="1" t="s">
        <v>7</v>
      </c>
    </row>
    <row r="18759">
      <c r="A18759" s="1">
        <v>4.90757839E8</v>
      </c>
      <c r="B18759" s="2">
        <v>16461.0</v>
      </c>
      <c r="C18759" s="1" t="s">
        <v>5</v>
      </c>
      <c r="D18759" s="1" t="s">
        <v>15897</v>
      </c>
      <c r="E18759" s="1" t="s">
        <v>7</v>
      </c>
    </row>
    <row r="18760">
      <c r="A18760" s="1">
        <v>4.90757893E8</v>
      </c>
      <c r="B18760" s="2">
        <v>16411.0</v>
      </c>
      <c r="C18760" s="1" t="s">
        <v>5</v>
      </c>
      <c r="D18760" s="1" t="s">
        <v>15898</v>
      </c>
      <c r="E18760" s="1" t="s">
        <v>7</v>
      </c>
    </row>
    <row r="18761">
      <c r="A18761" s="1">
        <v>4.90757904E8</v>
      </c>
      <c r="B18761" s="2">
        <v>16391.0</v>
      </c>
      <c r="C18761" s="1" t="s">
        <v>5</v>
      </c>
      <c r="D18761" s="1" t="s">
        <v>11</v>
      </c>
      <c r="E18761" s="1" t="s">
        <v>7</v>
      </c>
    </row>
    <row r="18762">
      <c r="A18762" s="1">
        <v>4.90757964E8</v>
      </c>
      <c r="B18762" s="2">
        <v>16408.0</v>
      </c>
      <c r="C18762" s="1" t="s">
        <v>5</v>
      </c>
      <c r="D18762" s="1" t="s">
        <v>15899</v>
      </c>
      <c r="E18762" s="1" t="s">
        <v>7</v>
      </c>
    </row>
    <row r="18763">
      <c r="A18763" s="1">
        <v>4.90757967E8</v>
      </c>
      <c r="B18763" s="2">
        <v>16402.0</v>
      </c>
      <c r="C18763" s="1" t="s">
        <v>5</v>
      </c>
      <c r="D18763" s="1" t="s">
        <v>15900</v>
      </c>
      <c r="E18763" s="1" t="s">
        <v>7</v>
      </c>
    </row>
    <row r="18764">
      <c r="A18764" s="1">
        <v>4.90757972E8</v>
      </c>
      <c r="B18764" s="2">
        <v>16451.0</v>
      </c>
      <c r="C18764" s="1" t="s">
        <v>5</v>
      </c>
      <c r="D18764" s="1" t="s">
        <v>15901</v>
      </c>
      <c r="E18764" s="1" t="s">
        <v>7</v>
      </c>
    </row>
    <row r="18765">
      <c r="A18765" s="1">
        <v>4.90757979E8</v>
      </c>
      <c r="B18765" s="2">
        <v>16408.0</v>
      </c>
      <c r="C18765" s="1" t="s">
        <v>5</v>
      </c>
      <c r="D18765" s="1" t="s">
        <v>15902</v>
      </c>
      <c r="E18765" s="1" t="s">
        <v>11</v>
      </c>
    </row>
    <row r="18766">
      <c r="A18766" s="1">
        <v>4.90757997E8</v>
      </c>
      <c r="B18766" s="2">
        <v>16441.0</v>
      </c>
      <c r="C18766" s="1" t="s">
        <v>5</v>
      </c>
      <c r="D18766" s="1" t="s">
        <v>11</v>
      </c>
      <c r="E18766" s="1" t="s">
        <v>7</v>
      </c>
    </row>
    <row r="18767">
      <c r="A18767" s="1">
        <v>4.90758078E8</v>
      </c>
      <c r="B18767" s="2">
        <v>16436.0</v>
      </c>
      <c r="C18767" s="1" t="s">
        <v>5</v>
      </c>
      <c r="D18767" s="1" t="s">
        <v>15903</v>
      </c>
      <c r="E18767" s="1" t="s">
        <v>7</v>
      </c>
    </row>
    <row r="18768">
      <c r="A18768" s="1">
        <v>4.90758178E8</v>
      </c>
      <c r="B18768" s="2">
        <v>16457.0</v>
      </c>
      <c r="C18768" s="1" t="s">
        <v>5</v>
      </c>
      <c r="D18768" s="1" t="s">
        <v>15904</v>
      </c>
      <c r="E18768" s="1" t="s">
        <v>11</v>
      </c>
    </row>
    <row r="18769">
      <c r="A18769" s="1">
        <v>4.90758179E8</v>
      </c>
      <c r="B18769" s="2">
        <v>16439.0</v>
      </c>
      <c r="C18769" s="1" t="s">
        <v>5</v>
      </c>
      <c r="D18769" s="1" t="s">
        <v>15905</v>
      </c>
      <c r="E18769" s="1" t="s">
        <v>7</v>
      </c>
    </row>
    <row r="18770">
      <c r="A18770" s="1">
        <v>4.90758203E8</v>
      </c>
      <c r="B18770" s="2">
        <v>16492.0</v>
      </c>
      <c r="C18770" s="1" t="s">
        <v>5</v>
      </c>
      <c r="D18770" s="1" t="s">
        <v>15906</v>
      </c>
      <c r="E18770" s="1" t="s">
        <v>11</v>
      </c>
    </row>
    <row r="18771">
      <c r="A18771" s="1">
        <v>4.90758249E8</v>
      </c>
      <c r="B18771" s="2">
        <v>16381.0</v>
      </c>
      <c r="C18771" s="1" t="s">
        <v>5</v>
      </c>
      <c r="D18771" s="1" t="s">
        <v>15907</v>
      </c>
      <c r="E18771" s="1" t="s">
        <v>7</v>
      </c>
    </row>
    <row r="18772">
      <c r="A18772" s="1">
        <v>4.90758253E8</v>
      </c>
      <c r="B18772" s="2">
        <v>16451.0</v>
      </c>
      <c r="C18772" s="1" t="s">
        <v>5</v>
      </c>
      <c r="D18772" s="1" t="s">
        <v>11</v>
      </c>
      <c r="E18772" s="1" t="s">
        <v>7</v>
      </c>
    </row>
    <row r="18773">
      <c r="A18773" s="1">
        <v>4.90758258E8</v>
      </c>
      <c r="B18773" s="2">
        <v>16381.0</v>
      </c>
      <c r="C18773" s="1" t="s">
        <v>5</v>
      </c>
      <c r="D18773" s="1" t="s">
        <v>15908</v>
      </c>
      <c r="E18773" s="1" t="s">
        <v>7</v>
      </c>
    </row>
    <row r="18774">
      <c r="A18774" s="1">
        <v>4.90758271E8</v>
      </c>
      <c r="B18774" s="2">
        <v>16465.0</v>
      </c>
      <c r="C18774" s="1" t="s">
        <v>5</v>
      </c>
      <c r="D18774" s="1" t="s">
        <v>15909</v>
      </c>
      <c r="E18774" s="1" t="s">
        <v>7</v>
      </c>
    </row>
    <row r="18775">
      <c r="A18775" s="1">
        <v>4.90758283E8</v>
      </c>
      <c r="B18775" s="2">
        <v>16455.0</v>
      </c>
      <c r="C18775" s="1" t="s">
        <v>5</v>
      </c>
      <c r="D18775" s="1" t="s">
        <v>15910</v>
      </c>
      <c r="E18775" s="1" t="s">
        <v>7</v>
      </c>
    </row>
    <row r="18776">
      <c r="A18776" s="1">
        <v>4.90758352E8</v>
      </c>
      <c r="B18776" s="2">
        <v>16400.0</v>
      </c>
      <c r="C18776" s="1" t="s">
        <v>5</v>
      </c>
      <c r="D18776" s="1" t="s">
        <v>15911</v>
      </c>
      <c r="E18776" s="1" t="s">
        <v>11</v>
      </c>
    </row>
    <row r="18777">
      <c r="A18777" s="1">
        <v>4.90758391E8</v>
      </c>
      <c r="B18777" s="2">
        <v>16399.0</v>
      </c>
      <c r="C18777" s="1" t="s">
        <v>5</v>
      </c>
      <c r="D18777" s="1" t="s">
        <v>15912</v>
      </c>
      <c r="E18777" s="1" t="s">
        <v>7</v>
      </c>
    </row>
    <row r="18778">
      <c r="A18778" s="1">
        <v>4.90758437E8</v>
      </c>
      <c r="B18778" s="2">
        <v>16407.0</v>
      </c>
      <c r="C18778" s="1" t="s">
        <v>5</v>
      </c>
      <c r="D18778" s="1" t="s">
        <v>15913</v>
      </c>
      <c r="E18778" s="1" t="s">
        <v>7</v>
      </c>
    </row>
    <row r="18779">
      <c r="A18779" s="1">
        <v>4.90758517E8</v>
      </c>
      <c r="B18779" s="2">
        <v>16453.0</v>
      </c>
      <c r="C18779" s="1" t="s">
        <v>5</v>
      </c>
      <c r="D18779" s="1" t="s">
        <v>15914</v>
      </c>
      <c r="E18779" s="1" t="s">
        <v>7</v>
      </c>
    </row>
    <row r="18780">
      <c r="A18780" s="1">
        <v>4.90758535E8</v>
      </c>
      <c r="B18780" s="2">
        <v>16526.0</v>
      </c>
      <c r="C18780" s="1" t="s">
        <v>5</v>
      </c>
      <c r="D18780" s="1" t="s">
        <v>11</v>
      </c>
      <c r="E18780" s="1" t="s">
        <v>7</v>
      </c>
    </row>
    <row r="18781">
      <c r="A18781" s="1">
        <v>4.90758583E8</v>
      </c>
      <c r="B18781" s="2">
        <v>16525.0</v>
      </c>
      <c r="C18781" s="1" t="s">
        <v>5</v>
      </c>
      <c r="D18781" s="1" t="s">
        <v>15915</v>
      </c>
      <c r="E18781" s="1" t="s">
        <v>7</v>
      </c>
    </row>
    <row r="18782">
      <c r="A18782" s="1">
        <v>4.90758614E8</v>
      </c>
      <c r="B18782" s="2">
        <v>16395.0</v>
      </c>
      <c r="C18782" s="1" t="s">
        <v>5</v>
      </c>
      <c r="D18782" s="1" t="s">
        <v>15916</v>
      </c>
      <c r="E18782" s="1" t="s">
        <v>7</v>
      </c>
    </row>
    <row r="18783">
      <c r="A18783" s="1">
        <v>4.90758638E8</v>
      </c>
      <c r="B18783" s="2">
        <v>16456.0</v>
      </c>
      <c r="C18783" s="1" t="s">
        <v>5</v>
      </c>
      <c r="D18783" s="1" t="s">
        <v>15917</v>
      </c>
      <c r="E18783" s="1" t="s">
        <v>7</v>
      </c>
    </row>
    <row r="18784">
      <c r="A18784" s="1">
        <v>4.90758729E8</v>
      </c>
      <c r="B18784" s="2">
        <v>16444.0</v>
      </c>
      <c r="C18784" s="1" t="s">
        <v>5</v>
      </c>
      <c r="D18784" s="1" t="s">
        <v>15918</v>
      </c>
      <c r="E18784" s="1" t="s">
        <v>11</v>
      </c>
    </row>
    <row r="18785">
      <c r="A18785" s="1">
        <v>4.90758796E8</v>
      </c>
      <c r="B18785" s="2">
        <v>16518.0</v>
      </c>
      <c r="C18785" s="1" t="s">
        <v>5</v>
      </c>
      <c r="D18785" s="1" t="s">
        <v>15919</v>
      </c>
      <c r="E18785" s="1" t="s">
        <v>7</v>
      </c>
    </row>
    <row r="18786">
      <c r="A18786" s="1">
        <v>4.90758845E8</v>
      </c>
      <c r="B18786" s="2">
        <v>16514.0</v>
      </c>
      <c r="C18786" s="1" t="s">
        <v>5</v>
      </c>
      <c r="D18786" s="1" t="s">
        <v>15920</v>
      </c>
      <c r="E18786" s="1" t="s">
        <v>7</v>
      </c>
    </row>
    <row r="18787">
      <c r="A18787" s="1">
        <v>4.90758918E8</v>
      </c>
      <c r="B18787" s="2">
        <v>16465.0</v>
      </c>
      <c r="C18787" s="1" t="s">
        <v>5</v>
      </c>
      <c r="D18787" s="1" t="s">
        <v>15921</v>
      </c>
      <c r="E18787" s="1" t="s">
        <v>7</v>
      </c>
    </row>
    <row r="18788">
      <c r="A18788" s="1">
        <v>4.90758923E8</v>
      </c>
      <c r="B18788" s="2">
        <v>16455.0</v>
      </c>
      <c r="C18788" s="1" t="s">
        <v>5</v>
      </c>
      <c r="D18788" s="1" t="s">
        <v>15922</v>
      </c>
      <c r="E18788" s="1" t="s">
        <v>7</v>
      </c>
    </row>
    <row r="18789">
      <c r="A18789" s="1">
        <v>4.90758974E8</v>
      </c>
      <c r="B18789" s="2">
        <v>16460.0</v>
      </c>
      <c r="C18789" s="1" t="s">
        <v>5</v>
      </c>
      <c r="D18789" s="1" t="s">
        <v>15923</v>
      </c>
      <c r="E18789" s="1" t="s">
        <v>7</v>
      </c>
    </row>
    <row r="18790">
      <c r="A18790" s="1">
        <v>4.90759025E8</v>
      </c>
      <c r="B18790" s="2">
        <v>16526.0</v>
      </c>
      <c r="C18790" s="1" t="s">
        <v>5</v>
      </c>
      <c r="D18790" s="1" t="s">
        <v>15924</v>
      </c>
      <c r="E18790" s="1" t="s">
        <v>7</v>
      </c>
    </row>
    <row r="18791">
      <c r="A18791" s="1">
        <v>4.90759046E8</v>
      </c>
      <c r="B18791" s="2">
        <v>16441.0</v>
      </c>
      <c r="C18791" s="1" t="s">
        <v>5</v>
      </c>
      <c r="D18791" s="1" t="s">
        <v>11</v>
      </c>
      <c r="E18791" s="1" t="s">
        <v>7</v>
      </c>
    </row>
    <row r="18792">
      <c r="A18792" s="1">
        <v>4.90759052E8</v>
      </c>
      <c r="B18792" s="2">
        <v>16443.0</v>
      </c>
      <c r="C18792" s="1" t="s">
        <v>5</v>
      </c>
      <c r="D18792" s="1" t="s">
        <v>11</v>
      </c>
      <c r="E18792" s="1" t="s">
        <v>7</v>
      </c>
    </row>
    <row r="18793">
      <c r="A18793" s="1">
        <v>4.90759063E8</v>
      </c>
      <c r="B18793" s="2">
        <v>16442.0</v>
      </c>
      <c r="C18793" s="1" t="s">
        <v>5</v>
      </c>
      <c r="D18793" s="1" t="s">
        <v>11</v>
      </c>
      <c r="E18793" s="1" t="s">
        <v>7</v>
      </c>
    </row>
    <row r="18794">
      <c r="A18794" s="1">
        <v>4.90759076E8</v>
      </c>
      <c r="B18794" s="2">
        <v>16443.0</v>
      </c>
      <c r="C18794" s="1" t="s">
        <v>5</v>
      </c>
      <c r="D18794" s="1" t="s">
        <v>15925</v>
      </c>
      <c r="E18794" s="1" t="s">
        <v>7</v>
      </c>
    </row>
    <row r="18795">
      <c r="A18795" s="1">
        <v>4.90759093E8</v>
      </c>
      <c r="B18795" s="2">
        <v>16449.0</v>
      </c>
      <c r="C18795" s="1" t="s">
        <v>5</v>
      </c>
      <c r="D18795" s="1" t="s">
        <v>15926</v>
      </c>
      <c r="E18795" s="1" t="s">
        <v>11</v>
      </c>
    </row>
    <row r="18796">
      <c r="A18796" s="1">
        <v>4.90759098E8</v>
      </c>
      <c r="B18796" s="2">
        <v>16442.0</v>
      </c>
      <c r="C18796" s="1" t="s">
        <v>5</v>
      </c>
      <c r="D18796" s="1" t="s">
        <v>15927</v>
      </c>
      <c r="E18796" s="1" t="s">
        <v>7</v>
      </c>
    </row>
    <row r="18797">
      <c r="A18797" s="1">
        <v>4.90759103E8</v>
      </c>
      <c r="B18797" s="2">
        <v>16393.0</v>
      </c>
      <c r="C18797" s="1" t="s">
        <v>5</v>
      </c>
      <c r="D18797" s="1" t="s">
        <v>11</v>
      </c>
      <c r="E18797" s="1" t="s">
        <v>7</v>
      </c>
    </row>
    <row r="18798">
      <c r="A18798" s="1">
        <v>4.90759105E8</v>
      </c>
      <c r="B18798" s="2">
        <v>16518.0</v>
      </c>
      <c r="C18798" s="1" t="s">
        <v>5</v>
      </c>
      <c r="D18798" s="1" t="s">
        <v>15928</v>
      </c>
      <c r="E18798" s="1" t="s">
        <v>7</v>
      </c>
    </row>
    <row r="18799">
      <c r="A18799" s="1">
        <v>4.90759172E8</v>
      </c>
      <c r="B18799" s="2">
        <v>16392.0</v>
      </c>
      <c r="C18799" s="1" t="s">
        <v>5</v>
      </c>
      <c r="D18799" s="1" t="s">
        <v>11</v>
      </c>
      <c r="E18799" s="1" t="s">
        <v>7</v>
      </c>
    </row>
    <row r="18800">
      <c r="A18800" s="1">
        <v>4.90759174E8</v>
      </c>
      <c r="B18800" s="2">
        <v>16461.0</v>
      </c>
      <c r="C18800" s="1" t="s">
        <v>5</v>
      </c>
      <c r="D18800" s="1" t="s">
        <v>15929</v>
      </c>
      <c r="E18800" s="1" t="s">
        <v>7</v>
      </c>
    </row>
    <row r="18801">
      <c r="A18801" s="1">
        <v>4.90759177E8</v>
      </c>
      <c r="B18801" s="2">
        <v>16439.0</v>
      </c>
      <c r="C18801" s="1" t="s">
        <v>5</v>
      </c>
      <c r="D18801" s="1" t="s">
        <v>15930</v>
      </c>
      <c r="E18801" s="1" t="s">
        <v>15931</v>
      </c>
    </row>
    <row r="18802">
      <c r="A18802" s="1">
        <v>4.90759184E8</v>
      </c>
      <c r="B18802" s="2">
        <v>16463.0</v>
      </c>
      <c r="C18802" s="1" t="s">
        <v>5</v>
      </c>
      <c r="D18802" s="1" t="s">
        <v>15932</v>
      </c>
      <c r="E18802" s="1" t="s">
        <v>7</v>
      </c>
    </row>
    <row r="18803">
      <c r="A18803" s="1">
        <v>4.90759195E8</v>
      </c>
      <c r="B18803" s="2">
        <v>16484.0</v>
      </c>
      <c r="C18803" s="1" t="s">
        <v>5</v>
      </c>
      <c r="D18803" s="1" t="s">
        <v>15933</v>
      </c>
      <c r="E18803" s="1" t="s">
        <v>7</v>
      </c>
    </row>
    <row r="18804">
      <c r="A18804" s="1">
        <v>4.90759198E8</v>
      </c>
      <c r="B18804" s="2">
        <v>16449.0</v>
      </c>
      <c r="C18804" s="1" t="s">
        <v>5</v>
      </c>
      <c r="D18804" s="1" t="s">
        <v>15934</v>
      </c>
      <c r="E18804" s="1" t="s">
        <v>15935</v>
      </c>
    </row>
    <row r="18805">
      <c r="A18805" s="1">
        <v>4.907592E8</v>
      </c>
      <c r="B18805" s="2">
        <v>16451.0</v>
      </c>
      <c r="C18805" s="1" t="s">
        <v>5</v>
      </c>
      <c r="D18805" s="1" t="s">
        <v>15936</v>
      </c>
      <c r="E18805" s="1" t="s">
        <v>7</v>
      </c>
    </row>
    <row r="18806">
      <c r="A18806" s="1">
        <v>4.90759224E8</v>
      </c>
      <c r="B18806" s="2">
        <v>16519.0</v>
      </c>
      <c r="C18806" s="1" t="s">
        <v>5</v>
      </c>
      <c r="D18806" s="1" t="s">
        <v>11</v>
      </c>
      <c r="E18806" s="1" t="s">
        <v>7</v>
      </c>
    </row>
    <row r="18807">
      <c r="A18807" s="1">
        <v>4.90759299E8</v>
      </c>
      <c r="B18807" s="2">
        <v>16439.0</v>
      </c>
      <c r="C18807" s="1" t="s">
        <v>5</v>
      </c>
      <c r="D18807" s="1" t="s">
        <v>15937</v>
      </c>
      <c r="E18807" s="1" t="s">
        <v>7</v>
      </c>
    </row>
    <row r="18808">
      <c r="A18808" s="1">
        <v>4.90759308E8</v>
      </c>
      <c r="B18808" s="2">
        <v>16451.0</v>
      </c>
      <c r="C18808" s="1" t="s">
        <v>5</v>
      </c>
      <c r="D18808" s="1" t="s">
        <v>11</v>
      </c>
      <c r="E18808" s="1" t="s">
        <v>7</v>
      </c>
    </row>
    <row r="18809">
      <c r="A18809" s="1">
        <v>4.90759339E8</v>
      </c>
      <c r="B18809" s="2">
        <v>16390.0</v>
      </c>
      <c r="C18809" s="1" t="s">
        <v>5</v>
      </c>
      <c r="D18809" s="1" t="s">
        <v>15938</v>
      </c>
      <c r="E18809" s="1" t="s">
        <v>7</v>
      </c>
    </row>
    <row r="18810">
      <c r="A18810" s="1">
        <v>4.90759375E8</v>
      </c>
      <c r="B18810" s="2">
        <v>16446.0</v>
      </c>
      <c r="C18810" s="1" t="s">
        <v>5</v>
      </c>
      <c r="D18810" s="1" t="s">
        <v>15939</v>
      </c>
      <c r="E18810" s="1" t="s">
        <v>7</v>
      </c>
    </row>
    <row r="18811">
      <c r="A18811" s="1">
        <v>4.90759425E8</v>
      </c>
      <c r="B18811" s="2">
        <v>16451.0</v>
      </c>
      <c r="C18811" s="1" t="s">
        <v>5</v>
      </c>
      <c r="D18811" s="1" t="s">
        <v>11</v>
      </c>
      <c r="E18811" s="1" t="s">
        <v>7</v>
      </c>
    </row>
    <row r="18812">
      <c r="A18812" s="1">
        <v>4.90759438E8</v>
      </c>
      <c r="B18812" s="2">
        <v>16384.0</v>
      </c>
      <c r="C18812" s="1" t="s">
        <v>5</v>
      </c>
      <c r="D18812" s="1" t="s">
        <v>15940</v>
      </c>
      <c r="E18812" s="1" t="s">
        <v>7</v>
      </c>
    </row>
    <row r="18813">
      <c r="A18813" s="1">
        <v>4.90759489E8</v>
      </c>
      <c r="B18813" s="2">
        <v>16514.0</v>
      </c>
      <c r="C18813" s="1" t="s">
        <v>5</v>
      </c>
      <c r="D18813" s="1" t="s">
        <v>15941</v>
      </c>
      <c r="E18813" s="1" t="s">
        <v>7</v>
      </c>
    </row>
    <row r="18814">
      <c r="A18814" s="1">
        <v>4.90759542E8</v>
      </c>
      <c r="B18814" s="2">
        <v>16448.0</v>
      </c>
      <c r="C18814" s="1" t="s">
        <v>5</v>
      </c>
      <c r="D18814" s="1" t="s">
        <v>15942</v>
      </c>
      <c r="E18814" s="1" t="s">
        <v>7</v>
      </c>
    </row>
    <row r="18815">
      <c r="A18815" s="1">
        <v>4.90759579E8</v>
      </c>
      <c r="B18815" s="2">
        <v>16446.0</v>
      </c>
      <c r="C18815" s="1" t="s">
        <v>5</v>
      </c>
      <c r="D18815" s="1" t="s">
        <v>11</v>
      </c>
      <c r="E18815" s="1" t="s">
        <v>7</v>
      </c>
    </row>
    <row r="18816">
      <c r="A18816" s="1">
        <v>4.90759676E8</v>
      </c>
      <c r="B18816" s="2">
        <v>16513.0</v>
      </c>
      <c r="C18816" s="1" t="s">
        <v>5</v>
      </c>
      <c r="D18816" s="1" t="s">
        <v>15943</v>
      </c>
      <c r="E18816" s="1" t="s">
        <v>11</v>
      </c>
    </row>
    <row r="18817">
      <c r="A18817" s="1">
        <v>4.90759678E8</v>
      </c>
      <c r="B18817" s="2">
        <v>16444.0</v>
      </c>
      <c r="C18817" s="1" t="s">
        <v>5</v>
      </c>
      <c r="D18817" s="1" t="s">
        <v>15944</v>
      </c>
      <c r="E18817" s="1" t="s">
        <v>7</v>
      </c>
    </row>
    <row r="18818">
      <c r="A18818" s="1">
        <v>4.90759708E8</v>
      </c>
      <c r="B18818" s="2">
        <v>16513.0</v>
      </c>
      <c r="C18818" s="1" t="s">
        <v>5</v>
      </c>
      <c r="D18818" s="1" t="s">
        <v>15945</v>
      </c>
      <c r="E18818" s="1" t="s">
        <v>7</v>
      </c>
    </row>
    <row r="18819">
      <c r="A18819" s="1">
        <v>4.90759775E8</v>
      </c>
      <c r="B18819" s="2">
        <v>16493.0</v>
      </c>
      <c r="C18819" s="1" t="s">
        <v>5</v>
      </c>
      <c r="D18819" s="1" t="s">
        <v>15946</v>
      </c>
      <c r="E18819" s="1" t="s">
        <v>15947</v>
      </c>
    </row>
    <row r="18820">
      <c r="A18820" s="1">
        <v>4.90759819E8</v>
      </c>
      <c r="B18820" s="2">
        <v>16519.0</v>
      </c>
      <c r="C18820" s="1" t="s">
        <v>5</v>
      </c>
      <c r="D18820" s="1" t="s">
        <v>15948</v>
      </c>
      <c r="E18820" s="1" t="s">
        <v>7</v>
      </c>
    </row>
    <row r="18821">
      <c r="A18821" s="1">
        <v>4.90759833E8</v>
      </c>
      <c r="B18821" s="2">
        <v>16447.0</v>
      </c>
      <c r="C18821" s="1" t="s">
        <v>5</v>
      </c>
      <c r="D18821" s="1" t="s">
        <v>15949</v>
      </c>
      <c r="E18821" s="1" t="s">
        <v>11</v>
      </c>
    </row>
    <row r="18822">
      <c r="A18822" s="1">
        <v>4.90759878E8</v>
      </c>
      <c r="B18822" s="2">
        <v>16447.0</v>
      </c>
      <c r="C18822" s="1" t="s">
        <v>5</v>
      </c>
      <c r="D18822" s="1" t="s">
        <v>15950</v>
      </c>
      <c r="E18822" s="1" t="s">
        <v>7</v>
      </c>
    </row>
    <row r="18823">
      <c r="A18823" s="1">
        <v>4.90760006E8</v>
      </c>
      <c r="B18823" s="2">
        <v>16380.0</v>
      </c>
      <c r="C18823" s="1" t="s">
        <v>5</v>
      </c>
      <c r="D18823" s="1" t="s">
        <v>15951</v>
      </c>
      <c r="E18823" s="1" t="s">
        <v>7</v>
      </c>
    </row>
    <row r="18824">
      <c r="A18824" s="1">
        <v>4.90760014E8</v>
      </c>
      <c r="B18824" s="2">
        <v>16456.0</v>
      </c>
      <c r="C18824" s="1" t="s">
        <v>5</v>
      </c>
      <c r="D18824" s="1" t="s">
        <v>15952</v>
      </c>
      <c r="E18824" s="1" t="s">
        <v>15953</v>
      </c>
    </row>
    <row r="18825">
      <c r="A18825" s="1">
        <v>4.90760021E8</v>
      </c>
      <c r="B18825" s="2">
        <v>16448.0</v>
      </c>
      <c r="C18825" s="1" t="s">
        <v>5</v>
      </c>
      <c r="D18825" s="1" t="s">
        <v>15954</v>
      </c>
      <c r="E18825" s="1" t="s">
        <v>7</v>
      </c>
    </row>
    <row r="18826">
      <c r="A18826" s="1">
        <v>4.90760093E8</v>
      </c>
      <c r="B18826" s="2">
        <v>16504.0</v>
      </c>
      <c r="C18826" s="1" t="s">
        <v>5</v>
      </c>
      <c r="D18826" s="1" t="s">
        <v>11</v>
      </c>
      <c r="E18826" s="1" t="s">
        <v>7</v>
      </c>
    </row>
    <row r="18827">
      <c r="A18827" s="1">
        <v>4.90760112E8</v>
      </c>
      <c r="B18827" s="2">
        <v>16440.0</v>
      </c>
      <c r="C18827" s="1" t="s">
        <v>5</v>
      </c>
      <c r="D18827" s="1" t="s">
        <v>15955</v>
      </c>
      <c r="E18827" s="1" t="s">
        <v>11</v>
      </c>
    </row>
    <row r="18828">
      <c r="A18828" s="1">
        <v>4.90760124E8</v>
      </c>
      <c r="B18828" s="2">
        <v>16380.0</v>
      </c>
      <c r="C18828" s="1" t="s">
        <v>5</v>
      </c>
      <c r="D18828" s="1" t="s">
        <v>15956</v>
      </c>
      <c r="E18828" s="1" t="s">
        <v>7</v>
      </c>
    </row>
    <row r="18829">
      <c r="A18829" s="1">
        <v>4.90760179E8</v>
      </c>
      <c r="B18829" s="2">
        <v>16491.0</v>
      </c>
      <c r="C18829" s="1" t="s">
        <v>5</v>
      </c>
      <c r="D18829" s="1" t="s">
        <v>15957</v>
      </c>
      <c r="E18829" s="1" t="s">
        <v>7</v>
      </c>
    </row>
    <row r="18830">
      <c r="A18830" s="1">
        <v>4.90760308E8</v>
      </c>
      <c r="B18830" s="2">
        <v>16492.0</v>
      </c>
      <c r="C18830" s="1" t="s">
        <v>5</v>
      </c>
      <c r="D18830" s="1" t="s">
        <v>11</v>
      </c>
      <c r="E18830" s="1" t="s">
        <v>7</v>
      </c>
    </row>
    <row r="18831">
      <c r="A18831" s="1">
        <v>4.90760309E8</v>
      </c>
      <c r="B18831" s="2">
        <v>16437.0</v>
      </c>
      <c r="C18831" s="1" t="s">
        <v>5</v>
      </c>
      <c r="D18831" s="1" t="s">
        <v>15958</v>
      </c>
      <c r="E18831" s="1" t="s">
        <v>7</v>
      </c>
    </row>
    <row r="18832">
      <c r="A18832" s="1">
        <v>4.90760337E8</v>
      </c>
      <c r="B18832" s="2">
        <v>16525.0</v>
      </c>
      <c r="C18832" s="1" t="s">
        <v>5</v>
      </c>
      <c r="D18832" s="1" t="s">
        <v>11</v>
      </c>
      <c r="E18832" s="1" t="s">
        <v>7</v>
      </c>
    </row>
    <row r="18833">
      <c r="A18833" s="1">
        <v>4.90760357E8</v>
      </c>
      <c r="B18833" s="2">
        <v>16444.0</v>
      </c>
      <c r="C18833" s="1" t="s">
        <v>5</v>
      </c>
      <c r="D18833" s="1" t="s">
        <v>15959</v>
      </c>
      <c r="E18833" s="1" t="s">
        <v>7</v>
      </c>
    </row>
    <row r="18834">
      <c r="A18834" s="1">
        <v>4.90760407E8</v>
      </c>
      <c r="B18834" s="2">
        <v>16496.0</v>
      </c>
      <c r="C18834" s="1" t="s">
        <v>5</v>
      </c>
      <c r="D18834" s="1" t="s">
        <v>15960</v>
      </c>
      <c r="E18834" s="1" t="s">
        <v>7</v>
      </c>
    </row>
    <row r="18835">
      <c r="A18835" s="1">
        <v>4.90760412E8</v>
      </c>
      <c r="B18835" s="2">
        <v>16444.0</v>
      </c>
      <c r="C18835" s="1" t="s">
        <v>5</v>
      </c>
      <c r="D18835" s="1" t="s">
        <v>15961</v>
      </c>
      <c r="E18835" s="1" t="s">
        <v>7</v>
      </c>
    </row>
    <row r="18836">
      <c r="A18836" s="1">
        <v>4.90760439E8</v>
      </c>
      <c r="B18836" s="2">
        <v>16377.0</v>
      </c>
      <c r="C18836" s="1" t="s">
        <v>5</v>
      </c>
      <c r="D18836" s="1" t="s">
        <v>15962</v>
      </c>
      <c r="E18836" s="1" t="s">
        <v>7</v>
      </c>
    </row>
    <row r="18837">
      <c r="A18837" s="1">
        <v>4.90760498E8</v>
      </c>
      <c r="B18837" s="2">
        <v>16502.0</v>
      </c>
      <c r="C18837" s="1" t="s">
        <v>5</v>
      </c>
      <c r="D18837" s="1" t="s">
        <v>15963</v>
      </c>
      <c r="E18837" s="1" t="s">
        <v>11</v>
      </c>
    </row>
    <row r="18838">
      <c r="A18838" s="1">
        <v>4.90760527E8</v>
      </c>
      <c r="B18838" s="2">
        <v>16555.0</v>
      </c>
      <c r="C18838" s="1" t="s">
        <v>5</v>
      </c>
      <c r="D18838" s="1" t="s">
        <v>15964</v>
      </c>
      <c r="E18838" s="1" t="s">
        <v>11</v>
      </c>
    </row>
    <row r="18839">
      <c r="A18839" s="1">
        <v>4.90760581E8</v>
      </c>
      <c r="B18839" s="2">
        <v>16435.0</v>
      </c>
      <c r="C18839" s="1" t="s">
        <v>5</v>
      </c>
      <c r="D18839" s="1" t="s">
        <v>15965</v>
      </c>
      <c r="E18839" s="1" t="s">
        <v>7</v>
      </c>
    </row>
    <row r="18840">
      <c r="A18840" s="1">
        <v>4.90760592E8</v>
      </c>
      <c r="B18840" s="2">
        <v>16502.0</v>
      </c>
      <c r="C18840" s="1" t="s">
        <v>5</v>
      </c>
      <c r="D18840" s="1" t="s">
        <v>11</v>
      </c>
      <c r="E18840" s="1" t="s">
        <v>7</v>
      </c>
    </row>
    <row r="18841">
      <c r="A18841" s="1">
        <v>4.90760597E8</v>
      </c>
      <c r="B18841" s="2">
        <v>16504.0</v>
      </c>
      <c r="C18841" s="1" t="s">
        <v>5</v>
      </c>
      <c r="D18841" s="1" t="s">
        <v>15966</v>
      </c>
      <c r="E18841" s="1" t="s">
        <v>7</v>
      </c>
    </row>
    <row r="18842">
      <c r="A18842" s="1">
        <v>4.90760598E8</v>
      </c>
      <c r="B18842" s="2">
        <v>16453.0</v>
      </c>
      <c r="C18842" s="1" t="s">
        <v>5</v>
      </c>
      <c r="D18842" s="1" t="s">
        <v>15967</v>
      </c>
      <c r="E18842" s="1" t="s">
        <v>7</v>
      </c>
    </row>
    <row r="18843">
      <c r="A18843" s="1">
        <v>4.90760606E8</v>
      </c>
      <c r="B18843" s="2">
        <v>16453.0</v>
      </c>
      <c r="C18843" s="1" t="s">
        <v>5</v>
      </c>
      <c r="D18843" s="1" t="s">
        <v>15968</v>
      </c>
      <c r="E18843" s="1" t="s">
        <v>7</v>
      </c>
    </row>
    <row r="18844">
      <c r="A18844" s="1">
        <v>4.90760647E8</v>
      </c>
      <c r="B18844" s="2">
        <v>16504.0</v>
      </c>
      <c r="C18844" s="1" t="s">
        <v>5</v>
      </c>
      <c r="D18844" s="1" t="s">
        <v>11</v>
      </c>
      <c r="E18844" s="1" t="s">
        <v>7</v>
      </c>
    </row>
    <row r="18845">
      <c r="A18845" s="1">
        <v>4.9076065E8</v>
      </c>
      <c r="B18845" s="2">
        <v>16444.0</v>
      </c>
      <c r="C18845" s="1" t="s">
        <v>5</v>
      </c>
      <c r="D18845" s="1" t="s">
        <v>15969</v>
      </c>
      <c r="E18845" s="1" t="s">
        <v>15970</v>
      </c>
    </row>
    <row r="18846">
      <c r="A18846" s="1">
        <v>4.90760728E8</v>
      </c>
      <c r="B18846" s="2">
        <v>16488.0</v>
      </c>
      <c r="C18846" s="1" t="s">
        <v>5</v>
      </c>
      <c r="D18846" s="1" t="s">
        <v>14519</v>
      </c>
      <c r="E18846" s="1" t="s">
        <v>7</v>
      </c>
    </row>
    <row r="18847">
      <c r="A18847" s="1">
        <v>4.90760772E8</v>
      </c>
      <c r="B18847" s="2">
        <v>16472.0</v>
      </c>
      <c r="C18847" s="1" t="s">
        <v>5</v>
      </c>
      <c r="D18847" s="1" t="s">
        <v>15971</v>
      </c>
      <c r="E18847" s="1" t="s">
        <v>15972</v>
      </c>
    </row>
    <row r="18848">
      <c r="A18848" s="1">
        <v>4.90760773E8</v>
      </c>
      <c r="B18848" s="2">
        <v>16444.0</v>
      </c>
      <c r="C18848" s="1" t="s">
        <v>5</v>
      </c>
      <c r="D18848" s="1" t="s">
        <v>15973</v>
      </c>
      <c r="E18848" s="1" t="s">
        <v>7</v>
      </c>
    </row>
    <row r="18849">
      <c r="A18849" s="1">
        <v>4.90760812E8</v>
      </c>
      <c r="B18849" s="2">
        <v>16500.0</v>
      </c>
      <c r="C18849" s="1" t="s">
        <v>5</v>
      </c>
      <c r="D18849" s="1" t="s">
        <v>11</v>
      </c>
      <c r="E18849" s="1" t="s">
        <v>7</v>
      </c>
    </row>
    <row r="18850">
      <c r="A18850" s="1">
        <v>4.90760912E8</v>
      </c>
      <c r="B18850" s="2">
        <v>16451.0</v>
      </c>
      <c r="C18850" s="1" t="s">
        <v>5</v>
      </c>
      <c r="D18850" s="1" t="s">
        <v>15974</v>
      </c>
      <c r="E18850" s="1" t="s">
        <v>7</v>
      </c>
    </row>
    <row r="18851">
      <c r="A18851" s="1">
        <v>4.90760944E8</v>
      </c>
      <c r="B18851" s="2">
        <v>16495.0</v>
      </c>
      <c r="C18851" s="1" t="s">
        <v>5</v>
      </c>
      <c r="D18851" s="1" t="s">
        <v>15975</v>
      </c>
      <c r="E18851" s="1" t="s">
        <v>7</v>
      </c>
    </row>
    <row r="18852">
      <c r="A18852" s="1">
        <v>4.90760957E8</v>
      </c>
      <c r="B18852" s="2">
        <v>16475.0</v>
      </c>
      <c r="C18852" s="1" t="s">
        <v>5</v>
      </c>
      <c r="D18852" s="1" t="s">
        <v>15976</v>
      </c>
      <c r="E18852" s="1" t="s">
        <v>7</v>
      </c>
    </row>
    <row r="18853">
      <c r="A18853" s="1">
        <v>4.90760992E8</v>
      </c>
      <c r="B18853" s="2">
        <v>16484.0</v>
      </c>
      <c r="C18853" s="1" t="s">
        <v>5</v>
      </c>
      <c r="D18853" s="1" t="s">
        <v>15977</v>
      </c>
      <c r="E18853" s="1" t="s">
        <v>7</v>
      </c>
    </row>
    <row r="18854">
      <c r="A18854" s="1">
        <v>4.90761044E8</v>
      </c>
      <c r="B18854" s="2">
        <v>16503.0</v>
      </c>
      <c r="C18854" s="1" t="s">
        <v>5</v>
      </c>
      <c r="D18854" s="1" t="s">
        <v>15978</v>
      </c>
      <c r="E18854" s="1" t="s">
        <v>7</v>
      </c>
    </row>
    <row r="18855">
      <c r="A18855" s="1">
        <v>4.90761092E8</v>
      </c>
      <c r="B18855" s="2">
        <v>16519.0</v>
      </c>
      <c r="C18855" s="1" t="s">
        <v>5</v>
      </c>
      <c r="D18855" s="1" t="s">
        <v>15979</v>
      </c>
      <c r="E18855" s="1" t="s">
        <v>7</v>
      </c>
    </row>
    <row r="18856">
      <c r="A18856" s="1">
        <v>4.90761105E8</v>
      </c>
      <c r="B18856" s="2">
        <v>16470.0</v>
      </c>
      <c r="C18856" s="1" t="s">
        <v>5</v>
      </c>
      <c r="D18856" s="1" t="s">
        <v>11</v>
      </c>
      <c r="E18856" s="1" t="s">
        <v>7</v>
      </c>
    </row>
    <row r="18857">
      <c r="A18857" s="1">
        <v>4.90761135E8</v>
      </c>
      <c r="B18857" s="2">
        <v>16551.0</v>
      </c>
      <c r="C18857" s="1" t="s">
        <v>5</v>
      </c>
      <c r="D18857" s="1" t="s">
        <v>15980</v>
      </c>
      <c r="E18857" s="1" t="s">
        <v>7</v>
      </c>
    </row>
    <row r="18858">
      <c r="A18858" s="1">
        <v>4.90761156E8</v>
      </c>
      <c r="B18858" s="2">
        <v>16519.0</v>
      </c>
      <c r="C18858" s="1" t="s">
        <v>5</v>
      </c>
      <c r="D18858" s="1" t="s">
        <v>15981</v>
      </c>
      <c r="E18858" s="1" t="s">
        <v>7</v>
      </c>
    </row>
    <row r="18859">
      <c r="A18859" s="1">
        <v>4.90761157E8</v>
      </c>
      <c r="B18859" s="2">
        <v>16491.0</v>
      </c>
      <c r="C18859" s="1" t="s">
        <v>5</v>
      </c>
      <c r="D18859" s="1" t="s">
        <v>15982</v>
      </c>
      <c r="E18859" s="1" t="s">
        <v>7</v>
      </c>
    </row>
    <row r="18860">
      <c r="A18860" s="1">
        <v>4.90761179E8</v>
      </c>
      <c r="B18860" s="2">
        <v>16498.0</v>
      </c>
      <c r="C18860" s="1" t="s">
        <v>5</v>
      </c>
      <c r="D18860" s="1" t="s">
        <v>15983</v>
      </c>
      <c r="E18860" s="1" t="s">
        <v>15984</v>
      </c>
    </row>
    <row r="18861">
      <c r="A18861" s="1">
        <v>4.90761252E8</v>
      </c>
      <c r="B18861" s="2">
        <v>16483.0</v>
      </c>
      <c r="C18861" s="1" t="s">
        <v>5</v>
      </c>
      <c r="D18861" s="1" t="s">
        <v>15985</v>
      </c>
      <c r="E18861" s="1" t="s">
        <v>7</v>
      </c>
    </row>
    <row r="18862">
      <c r="A18862" s="1">
        <v>4.90761378E8</v>
      </c>
      <c r="B18862" s="2">
        <v>16484.0</v>
      </c>
      <c r="C18862" s="1" t="s">
        <v>5</v>
      </c>
      <c r="D18862" s="1" t="s">
        <v>15986</v>
      </c>
      <c r="E18862" s="1" t="s">
        <v>7</v>
      </c>
    </row>
    <row r="18863">
      <c r="A18863" s="1">
        <v>4.90761453E8</v>
      </c>
      <c r="B18863" s="2">
        <v>16490.0</v>
      </c>
      <c r="C18863" s="1" t="s">
        <v>5</v>
      </c>
      <c r="D18863" s="1" t="s">
        <v>15987</v>
      </c>
      <c r="E18863" s="1" t="s">
        <v>7</v>
      </c>
    </row>
    <row r="18864">
      <c r="A18864" s="1">
        <v>4.90761523E8</v>
      </c>
      <c r="B18864" s="2">
        <v>16507.0</v>
      </c>
      <c r="C18864" s="1" t="s">
        <v>5</v>
      </c>
      <c r="D18864" s="1" t="s">
        <v>15988</v>
      </c>
      <c r="E18864" s="1" t="s">
        <v>7</v>
      </c>
    </row>
    <row r="18865">
      <c r="A18865" s="1">
        <v>4.90761608E8</v>
      </c>
      <c r="B18865" s="2">
        <v>16489.0</v>
      </c>
      <c r="C18865" s="1" t="s">
        <v>5</v>
      </c>
      <c r="D18865" s="1" t="s">
        <v>15989</v>
      </c>
      <c r="E18865" s="1" t="s">
        <v>7</v>
      </c>
    </row>
    <row r="18866">
      <c r="A18866" s="1">
        <v>4.90761639E8</v>
      </c>
      <c r="B18866" s="2">
        <v>16517.0</v>
      </c>
      <c r="C18866" s="1" t="s">
        <v>5</v>
      </c>
      <c r="D18866" s="1" t="s">
        <v>15990</v>
      </c>
      <c r="E18866" s="1" t="s">
        <v>7</v>
      </c>
    </row>
    <row r="18867">
      <c r="A18867" s="1">
        <v>4.90761661E8</v>
      </c>
      <c r="B18867" s="2">
        <v>16504.0</v>
      </c>
      <c r="C18867" s="1" t="s">
        <v>5</v>
      </c>
      <c r="D18867" s="1" t="s">
        <v>15991</v>
      </c>
      <c r="E18867" s="1" t="s">
        <v>7</v>
      </c>
    </row>
    <row r="18868">
      <c r="A18868" s="1">
        <v>4.90761686E8</v>
      </c>
      <c r="B18868" s="2">
        <v>16498.0</v>
      </c>
      <c r="C18868" s="1" t="s">
        <v>5</v>
      </c>
      <c r="D18868" s="1" t="s">
        <v>15992</v>
      </c>
      <c r="E18868" s="1" t="s">
        <v>7</v>
      </c>
    </row>
    <row r="18869">
      <c r="A18869" s="1">
        <v>4.90761767E8</v>
      </c>
      <c r="B18869" s="2">
        <v>16470.0</v>
      </c>
      <c r="C18869" s="1" t="s">
        <v>5</v>
      </c>
      <c r="D18869" s="1" t="s">
        <v>15993</v>
      </c>
      <c r="E18869" s="1" t="s">
        <v>7</v>
      </c>
    </row>
    <row r="18870">
      <c r="A18870" s="1">
        <v>4.90761823E8</v>
      </c>
      <c r="B18870" s="2">
        <v>16500.0</v>
      </c>
      <c r="C18870" s="1" t="s">
        <v>5</v>
      </c>
      <c r="D18870" s="1" t="s">
        <v>15994</v>
      </c>
      <c r="E18870" s="1" t="s">
        <v>11</v>
      </c>
    </row>
    <row r="18871">
      <c r="A18871" s="1">
        <v>4.90761902E8</v>
      </c>
      <c r="B18871" s="2">
        <v>16553.0</v>
      </c>
      <c r="C18871" s="1" t="s">
        <v>5</v>
      </c>
      <c r="D18871" s="1" t="s">
        <v>15995</v>
      </c>
      <c r="E18871" s="1" t="s">
        <v>7</v>
      </c>
    </row>
    <row r="18872">
      <c r="A18872" s="1">
        <v>4.90761904E8</v>
      </c>
      <c r="B18872" s="2">
        <v>16448.0</v>
      </c>
      <c r="C18872" s="1" t="s">
        <v>5</v>
      </c>
      <c r="D18872" s="1" t="s">
        <v>15996</v>
      </c>
      <c r="E18872" s="1" t="s">
        <v>11</v>
      </c>
    </row>
    <row r="18873">
      <c r="A18873" s="1">
        <v>4.9076195E8</v>
      </c>
      <c r="B18873" s="2">
        <v>16503.0</v>
      </c>
      <c r="C18873" s="1" t="s">
        <v>5</v>
      </c>
      <c r="D18873" s="1" t="s">
        <v>15997</v>
      </c>
      <c r="E18873" s="1" t="s">
        <v>11</v>
      </c>
    </row>
    <row r="18874">
      <c r="A18874" s="1">
        <v>4.90761972E8</v>
      </c>
      <c r="B18874" s="2">
        <v>16489.0</v>
      </c>
      <c r="C18874" s="1" t="s">
        <v>5</v>
      </c>
      <c r="D18874" s="1" t="s">
        <v>15998</v>
      </c>
      <c r="E18874" s="1" t="s">
        <v>7</v>
      </c>
    </row>
    <row r="18875">
      <c r="A18875" s="1">
        <v>4.90761993E8</v>
      </c>
      <c r="B18875" s="2">
        <v>16497.0</v>
      </c>
      <c r="C18875" s="1" t="s">
        <v>5</v>
      </c>
      <c r="D18875" s="1" t="s">
        <v>15999</v>
      </c>
      <c r="E18875" s="1" t="s">
        <v>11</v>
      </c>
    </row>
    <row r="18876">
      <c r="A18876" s="1">
        <v>4.90762001E8</v>
      </c>
      <c r="B18876" s="2">
        <v>16486.0</v>
      </c>
      <c r="C18876" s="1" t="s">
        <v>5</v>
      </c>
      <c r="D18876" s="1" t="s">
        <v>16000</v>
      </c>
      <c r="E18876" s="1" t="s">
        <v>7</v>
      </c>
    </row>
    <row r="18877">
      <c r="A18877" s="1">
        <v>4.90762024E8</v>
      </c>
      <c r="B18877" s="2">
        <v>16500.0</v>
      </c>
      <c r="C18877" s="1" t="s">
        <v>5</v>
      </c>
      <c r="D18877" s="1" t="s">
        <v>16001</v>
      </c>
      <c r="E18877" s="1" t="s">
        <v>7</v>
      </c>
    </row>
    <row r="18878">
      <c r="A18878" s="1">
        <v>4.90762093E8</v>
      </c>
      <c r="B18878" s="2">
        <v>16499.0</v>
      </c>
      <c r="C18878" s="1" t="s">
        <v>5</v>
      </c>
      <c r="D18878" s="1" t="s">
        <v>16002</v>
      </c>
      <c r="E18878" s="1" t="s">
        <v>7</v>
      </c>
    </row>
    <row r="18879">
      <c r="A18879" s="1">
        <v>4.90762196E8</v>
      </c>
      <c r="B18879" s="2">
        <v>16505.0</v>
      </c>
      <c r="C18879" s="1" t="s">
        <v>5</v>
      </c>
      <c r="D18879" s="1" t="s">
        <v>16003</v>
      </c>
      <c r="E18879" s="1" t="s">
        <v>16004</v>
      </c>
    </row>
    <row r="18880">
      <c r="A18880" s="1">
        <v>4.90762206E8</v>
      </c>
      <c r="B18880" s="2">
        <v>16446.0</v>
      </c>
      <c r="C18880" s="1" t="s">
        <v>5</v>
      </c>
      <c r="D18880" s="1" t="s">
        <v>16005</v>
      </c>
      <c r="E18880" s="1" t="s">
        <v>16006</v>
      </c>
    </row>
    <row r="18881">
      <c r="A18881" s="1">
        <v>4.90762252E8</v>
      </c>
      <c r="B18881" s="2">
        <v>16498.0</v>
      </c>
      <c r="C18881" s="1" t="s">
        <v>5</v>
      </c>
      <c r="D18881" s="1" t="s">
        <v>16007</v>
      </c>
      <c r="E18881" s="1" t="s">
        <v>7</v>
      </c>
    </row>
    <row r="18882">
      <c r="A18882" s="1">
        <v>4.90762272E8</v>
      </c>
      <c r="B18882" s="2">
        <v>16510.0</v>
      </c>
      <c r="C18882" s="1" t="s">
        <v>5</v>
      </c>
      <c r="D18882" s="1" t="s">
        <v>16008</v>
      </c>
      <c r="E18882" s="1" t="s">
        <v>7</v>
      </c>
    </row>
    <row r="18883">
      <c r="A18883" s="1">
        <v>4.90762328E8</v>
      </c>
      <c r="B18883" s="2">
        <v>16556.0</v>
      </c>
      <c r="C18883" s="1" t="s">
        <v>5</v>
      </c>
      <c r="D18883" s="1" t="s">
        <v>16009</v>
      </c>
      <c r="E18883" s="1" t="s">
        <v>11</v>
      </c>
    </row>
    <row r="18884">
      <c r="A18884" s="1">
        <v>4.90762343E8</v>
      </c>
      <c r="B18884" s="2">
        <v>16509.0</v>
      </c>
      <c r="C18884" s="1" t="s">
        <v>5</v>
      </c>
      <c r="D18884" s="1" t="s">
        <v>11</v>
      </c>
      <c r="E18884" s="1" t="s">
        <v>7</v>
      </c>
    </row>
    <row r="18885">
      <c r="A18885" s="1">
        <v>4.90762368E8</v>
      </c>
      <c r="B18885" s="2">
        <v>16556.0</v>
      </c>
      <c r="C18885" s="1" t="s">
        <v>5</v>
      </c>
      <c r="D18885" s="1" t="s">
        <v>16010</v>
      </c>
      <c r="E18885" s="1" t="s">
        <v>11</v>
      </c>
    </row>
    <row r="18886">
      <c r="A18886" s="1">
        <v>4.90762391E8</v>
      </c>
      <c r="B18886" s="2">
        <v>16504.0</v>
      </c>
      <c r="C18886" s="1" t="s">
        <v>5</v>
      </c>
      <c r="D18886" s="1" t="s">
        <v>16011</v>
      </c>
      <c r="E18886" s="1" t="s">
        <v>7</v>
      </c>
    </row>
    <row r="18887">
      <c r="A18887" s="1">
        <v>4.90762437E8</v>
      </c>
      <c r="B18887" s="2">
        <v>16552.0</v>
      </c>
      <c r="C18887" s="1" t="s">
        <v>5</v>
      </c>
      <c r="D18887" s="1" t="s">
        <v>16012</v>
      </c>
      <c r="E18887" s="1" t="s">
        <v>7</v>
      </c>
    </row>
    <row r="18888">
      <c r="A18888" s="1">
        <v>4.90762452E8</v>
      </c>
      <c r="B18888" s="2">
        <v>16493.0</v>
      </c>
      <c r="C18888" s="1" t="s">
        <v>5</v>
      </c>
      <c r="D18888" s="1" t="s">
        <v>16013</v>
      </c>
      <c r="E18888" s="1" t="s">
        <v>7</v>
      </c>
    </row>
    <row r="18889">
      <c r="A18889" s="1">
        <v>4.90762454E8</v>
      </c>
      <c r="B18889" s="2">
        <v>16504.0</v>
      </c>
      <c r="C18889" s="1" t="s">
        <v>5</v>
      </c>
      <c r="D18889" s="1" t="s">
        <v>11</v>
      </c>
      <c r="E18889" s="1" t="s">
        <v>7</v>
      </c>
    </row>
    <row r="18890">
      <c r="A18890" s="1">
        <v>4.90762544E8</v>
      </c>
      <c r="B18890" s="2">
        <v>16479.0</v>
      </c>
      <c r="C18890" s="1" t="s">
        <v>5</v>
      </c>
      <c r="D18890" s="1" t="s">
        <v>16014</v>
      </c>
      <c r="E18890" s="1" t="s">
        <v>7</v>
      </c>
    </row>
    <row r="18891">
      <c r="A18891" s="1">
        <v>4.90762592E8</v>
      </c>
      <c r="B18891" s="2">
        <v>16497.0</v>
      </c>
      <c r="C18891" s="1" t="s">
        <v>5</v>
      </c>
      <c r="D18891" s="1" t="s">
        <v>16015</v>
      </c>
      <c r="E18891" s="1" t="s">
        <v>7</v>
      </c>
    </row>
    <row r="18892">
      <c r="A18892" s="1">
        <v>4.9076268E8</v>
      </c>
      <c r="B18892" s="2">
        <v>16443.0</v>
      </c>
      <c r="C18892" s="1" t="s">
        <v>5</v>
      </c>
      <c r="D18892" s="1" t="s">
        <v>16016</v>
      </c>
      <c r="E18892" s="1" t="s">
        <v>7</v>
      </c>
    </row>
    <row r="18893">
      <c r="A18893" s="1">
        <v>4.90762694E8</v>
      </c>
      <c r="B18893" s="2">
        <v>16482.0</v>
      </c>
      <c r="C18893" s="1" t="s">
        <v>5</v>
      </c>
      <c r="D18893" s="1" t="s">
        <v>16017</v>
      </c>
      <c r="E18893" s="1" t="s">
        <v>7</v>
      </c>
    </row>
    <row r="18894">
      <c r="A18894" s="1">
        <v>4.90762701E8</v>
      </c>
      <c r="B18894" s="2">
        <v>16443.0</v>
      </c>
      <c r="C18894" s="1" t="s">
        <v>5</v>
      </c>
      <c r="D18894" s="1" t="s">
        <v>16018</v>
      </c>
      <c r="E18894" s="1" t="s">
        <v>7</v>
      </c>
    </row>
    <row r="18895">
      <c r="A18895" s="1">
        <v>4.90762704E8</v>
      </c>
      <c r="B18895" s="2">
        <v>16478.0</v>
      </c>
      <c r="C18895" s="1" t="s">
        <v>5</v>
      </c>
      <c r="D18895" s="1" t="s">
        <v>16019</v>
      </c>
      <c r="E18895" s="1" t="s">
        <v>11</v>
      </c>
    </row>
    <row r="18896">
      <c r="A18896" s="1">
        <v>4.90762726E8</v>
      </c>
      <c r="B18896" s="2">
        <v>16504.0</v>
      </c>
      <c r="C18896" s="1" t="s">
        <v>5</v>
      </c>
      <c r="D18896" s="1" t="s">
        <v>16020</v>
      </c>
      <c r="E18896" s="1" t="s">
        <v>16021</v>
      </c>
    </row>
    <row r="18897">
      <c r="A18897" s="1">
        <v>4.90762761E8</v>
      </c>
      <c r="B18897" s="2">
        <v>16442.0</v>
      </c>
      <c r="C18897" s="1" t="s">
        <v>5</v>
      </c>
      <c r="D18897" s="1" t="s">
        <v>11</v>
      </c>
      <c r="E18897" s="1" t="s">
        <v>7</v>
      </c>
    </row>
    <row r="18898">
      <c r="A18898" s="1">
        <v>4.90762812E8</v>
      </c>
      <c r="B18898" s="2">
        <v>16490.0</v>
      </c>
      <c r="C18898" s="1" t="s">
        <v>5</v>
      </c>
      <c r="D18898" s="1" t="s">
        <v>16022</v>
      </c>
      <c r="E18898" s="1" t="s">
        <v>16023</v>
      </c>
    </row>
    <row r="18899">
      <c r="A18899" s="1">
        <v>4.90762846E8</v>
      </c>
      <c r="B18899" s="2">
        <v>16548.0</v>
      </c>
      <c r="C18899" s="1" t="s">
        <v>5</v>
      </c>
      <c r="D18899" s="1" t="s">
        <v>16024</v>
      </c>
      <c r="E18899" s="1" t="s">
        <v>11</v>
      </c>
    </row>
    <row r="18900">
      <c r="A18900" s="1">
        <v>4.90762863E8</v>
      </c>
      <c r="B18900" s="2">
        <v>16484.0</v>
      </c>
      <c r="C18900" s="1" t="s">
        <v>5</v>
      </c>
      <c r="D18900" s="1" t="s">
        <v>16025</v>
      </c>
      <c r="E18900" s="1" t="s">
        <v>11</v>
      </c>
    </row>
    <row r="18901">
      <c r="A18901" s="1">
        <v>4.90762866E8</v>
      </c>
      <c r="B18901" s="2">
        <v>16474.0</v>
      </c>
      <c r="C18901" s="1" t="s">
        <v>5</v>
      </c>
      <c r="D18901" s="1" t="s">
        <v>16026</v>
      </c>
      <c r="E18901" s="1" t="s">
        <v>7</v>
      </c>
    </row>
    <row r="18902">
      <c r="A18902" s="1">
        <v>4.90762904E8</v>
      </c>
      <c r="B18902" s="2">
        <v>16495.0</v>
      </c>
      <c r="C18902" s="1" t="s">
        <v>5</v>
      </c>
      <c r="D18902" s="1" t="s">
        <v>16027</v>
      </c>
      <c r="E18902" s="1" t="s">
        <v>11</v>
      </c>
    </row>
    <row r="18903">
      <c r="A18903" s="1">
        <v>4.90762916E8</v>
      </c>
      <c r="B18903" s="2">
        <v>16553.0</v>
      </c>
      <c r="C18903" s="1" t="s">
        <v>5</v>
      </c>
      <c r="D18903" s="1" t="s">
        <v>14519</v>
      </c>
      <c r="E18903" s="1" t="s">
        <v>7</v>
      </c>
    </row>
    <row r="18904">
      <c r="A18904" s="1">
        <v>4.90762984E8</v>
      </c>
      <c r="B18904" s="2">
        <v>16506.0</v>
      </c>
      <c r="C18904" s="1" t="s">
        <v>5</v>
      </c>
      <c r="D18904" s="1" t="s">
        <v>11</v>
      </c>
      <c r="E18904" s="1" t="s">
        <v>7</v>
      </c>
    </row>
    <row r="18905">
      <c r="A18905" s="1">
        <v>4.90763057E8</v>
      </c>
      <c r="B18905" s="2">
        <v>16548.0</v>
      </c>
      <c r="C18905" s="1" t="s">
        <v>5</v>
      </c>
      <c r="D18905" s="1" t="s">
        <v>11</v>
      </c>
      <c r="E18905" s="1" t="s">
        <v>7</v>
      </c>
    </row>
    <row r="18906">
      <c r="A18906" s="1">
        <v>4.90763064E8</v>
      </c>
      <c r="B18906" s="2">
        <v>16497.0</v>
      </c>
      <c r="C18906" s="1" t="s">
        <v>5</v>
      </c>
      <c r="D18906" s="1" t="s">
        <v>16028</v>
      </c>
      <c r="E18906" s="1" t="s">
        <v>11</v>
      </c>
    </row>
    <row r="18907">
      <c r="A18907" s="1">
        <v>4.90763076E8</v>
      </c>
      <c r="B18907" s="2">
        <v>16489.0</v>
      </c>
      <c r="C18907" s="1" t="s">
        <v>5</v>
      </c>
      <c r="D18907" s="1" t="s">
        <v>16029</v>
      </c>
      <c r="E18907" s="1" t="s">
        <v>7</v>
      </c>
    </row>
    <row r="18908">
      <c r="A18908" s="1">
        <v>4.90763078E8</v>
      </c>
      <c r="B18908" s="2">
        <v>16552.0</v>
      </c>
      <c r="C18908" s="1" t="s">
        <v>5</v>
      </c>
      <c r="D18908" s="1" t="s">
        <v>16030</v>
      </c>
      <c r="E18908" s="1" t="s">
        <v>7</v>
      </c>
    </row>
    <row r="18909">
      <c r="A18909" s="1">
        <v>4.9076311E8</v>
      </c>
      <c r="B18909" s="2">
        <v>16552.0</v>
      </c>
      <c r="C18909" s="1" t="s">
        <v>5</v>
      </c>
      <c r="D18909" s="1" t="s">
        <v>16031</v>
      </c>
      <c r="E18909" s="1" t="s">
        <v>16032</v>
      </c>
    </row>
    <row r="18910">
      <c r="A18910" s="1">
        <v>4.90763158E8</v>
      </c>
      <c r="B18910" s="2">
        <v>16498.0</v>
      </c>
      <c r="C18910" s="1" t="s">
        <v>5</v>
      </c>
      <c r="D18910" s="1" t="s">
        <v>16033</v>
      </c>
      <c r="E18910" s="1" t="s">
        <v>7</v>
      </c>
    </row>
    <row r="18911">
      <c r="A18911" s="1">
        <v>4.90763163E8</v>
      </c>
      <c r="B18911" s="2">
        <v>16495.0</v>
      </c>
      <c r="C18911" s="1" t="s">
        <v>5</v>
      </c>
      <c r="D18911" s="1" t="s">
        <v>16034</v>
      </c>
      <c r="E18911" s="1" t="s">
        <v>7</v>
      </c>
    </row>
    <row r="18912">
      <c r="A18912" s="1">
        <v>4.90763178E8</v>
      </c>
      <c r="B18912" s="2">
        <v>16551.0</v>
      </c>
      <c r="C18912" s="1" t="s">
        <v>5</v>
      </c>
      <c r="D18912" s="1" t="s">
        <v>16035</v>
      </c>
      <c r="E18912" s="1" t="s">
        <v>7</v>
      </c>
    </row>
    <row r="18913">
      <c r="A18913" s="1">
        <v>4.90763227E8</v>
      </c>
      <c r="B18913" s="2">
        <v>16552.0</v>
      </c>
      <c r="C18913" s="1" t="s">
        <v>5</v>
      </c>
      <c r="D18913" s="1" t="s">
        <v>16036</v>
      </c>
      <c r="E18913" s="1" t="s">
        <v>7</v>
      </c>
    </row>
    <row r="18914">
      <c r="A18914" s="1">
        <v>4.90763238E8</v>
      </c>
      <c r="B18914" s="2">
        <v>16472.0</v>
      </c>
      <c r="C18914" s="1" t="s">
        <v>5</v>
      </c>
      <c r="D18914" s="1" t="s">
        <v>11</v>
      </c>
      <c r="E18914" s="1" t="s">
        <v>7</v>
      </c>
    </row>
    <row r="18915">
      <c r="A18915" s="1">
        <v>4.90763261E8</v>
      </c>
      <c r="B18915" s="2">
        <v>16472.0</v>
      </c>
      <c r="C18915" s="1" t="s">
        <v>5</v>
      </c>
      <c r="D18915" s="1" t="s">
        <v>16037</v>
      </c>
      <c r="E18915" s="1" t="s">
        <v>11</v>
      </c>
    </row>
    <row r="18916">
      <c r="A18916" s="1">
        <v>4.90763327E8</v>
      </c>
      <c r="B18916" s="2">
        <v>16499.0</v>
      </c>
      <c r="C18916" s="1" t="s">
        <v>5</v>
      </c>
      <c r="D18916" s="1" t="s">
        <v>11</v>
      </c>
      <c r="E18916" s="1" t="s">
        <v>7</v>
      </c>
    </row>
    <row r="18917">
      <c r="A18917" s="1">
        <v>4.90763351E8</v>
      </c>
      <c r="B18917" s="2">
        <v>16493.0</v>
      </c>
      <c r="C18917" s="1" t="s">
        <v>5</v>
      </c>
      <c r="D18917" s="1" t="s">
        <v>16038</v>
      </c>
      <c r="E18917" s="1" t="s">
        <v>16039</v>
      </c>
    </row>
    <row r="18918">
      <c r="A18918" s="1">
        <v>4.90763388E8</v>
      </c>
      <c r="B18918" s="2">
        <v>16551.0</v>
      </c>
      <c r="C18918" s="1" t="s">
        <v>5</v>
      </c>
      <c r="D18918" s="1" t="s">
        <v>11</v>
      </c>
      <c r="E18918" s="1" t="s">
        <v>7</v>
      </c>
    </row>
    <row r="18919">
      <c r="A18919" s="1">
        <v>4.90763437E8</v>
      </c>
      <c r="B18919" s="2">
        <v>16551.0</v>
      </c>
      <c r="C18919" s="1" t="s">
        <v>5</v>
      </c>
      <c r="D18919" s="1" t="s">
        <v>16040</v>
      </c>
      <c r="E18919" s="1" t="s">
        <v>7</v>
      </c>
    </row>
    <row r="18920">
      <c r="A18920" s="1">
        <v>4.90763448E8</v>
      </c>
      <c r="B18920" s="2">
        <v>16498.0</v>
      </c>
      <c r="C18920" s="1" t="s">
        <v>5</v>
      </c>
      <c r="D18920" s="1" t="s">
        <v>11</v>
      </c>
      <c r="E18920" s="1" t="s">
        <v>7</v>
      </c>
    </row>
    <row r="18921">
      <c r="A18921" s="1">
        <v>4.90763461E8</v>
      </c>
      <c r="B18921" s="2">
        <v>16555.0</v>
      </c>
      <c r="C18921" s="1" t="s">
        <v>5</v>
      </c>
      <c r="D18921" s="1" t="s">
        <v>16041</v>
      </c>
      <c r="E18921" s="1" t="s">
        <v>7</v>
      </c>
    </row>
    <row r="18922">
      <c r="A18922" s="1">
        <v>4.90763545E8</v>
      </c>
      <c r="B18922" s="2">
        <v>16549.0</v>
      </c>
      <c r="C18922" s="1" t="s">
        <v>5</v>
      </c>
      <c r="D18922" s="1" t="s">
        <v>11</v>
      </c>
      <c r="E18922" s="1" t="s">
        <v>7</v>
      </c>
    </row>
    <row r="18923">
      <c r="A18923" s="1">
        <v>4.90763557E8</v>
      </c>
      <c r="B18923" s="2">
        <v>16555.0</v>
      </c>
      <c r="C18923" s="1" t="s">
        <v>5</v>
      </c>
      <c r="D18923" s="1" t="s">
        <v>16042</v>
      </c>
      <c r="E18923" s="1" t="s">
        <v>7</v>
      </c>
    </row>
    <row r="18924">
      <c r="A18924" s="1">
        <v>4.90763563E8</v>
      </c>
      <c r="B18924" s="2">
        <v>16549.0</v>
      </c>
      <c r="C18924" s="1" t="s">
        <v>5</v>
      </c>
      <c r="D18924" s="1" t="s">
        <v>11</v>
      </c>
      <c r="E18924" s="1" t="s">
        <v>7</v>
      </c>
    </row>
    <row r="18925">
      <c r="A18925" s="1">
        <v>4.90763576E8</v>
      </c>
      <c r="B18925" s="2">
        <v>16553.0</v>
      </c>
      <c r="C18925" s="1" t="s">
        <v>5</v>
      </c>
      <c r="D18925" s="1" t="s">
        <v>16043</v>
      </c>
      <c r="E18925" s="1" t="s">
        <v>7</v>
      </c>
    </row>
    <row r="18926">
      <c r="A18926" s="1">
        <v>4.90763591E8</v>
      </c>
      <c r="B18926" s="2">
        <v>16534.0</v>
      </c>
      <c r="C18926" s="1" t="s">
        <v>5</v>
      </c>
      <c r="D18926" s="1" t="s">
        <v>11</v>
      </c>
      <c r="E18926" s="1" t="s">
        <v>7</v>
      </c>
    </row>
    <row r="18927">
      <c r="A18927" s="1">
        <v>4.90763606E8</v>
      </c>
      <c r="B18927" s="2">
        <v>16470.0</v>
      </c>
      <c r="C18927" s="1" t="s">
        <v>5</v>
      </c>
      <c r="D18927" s="1" t="s">
        <v>16044</v>
      </c>
      <c r="E18927" s="1" t="s">
        <v>7</v>
      </c>
    </row>
    <row r="18928">
      <c r="A18928" s="1">
        <v>4.90763624E8</v>
      </c>
      <c r="B18928" s="2">
        <v>16544.0</v>
      </c>
      <c r="C18928" s="1" t="s">
        <v>5</v>
      </c>
      <c r="D18928" s="1" t="s">
        <v>16045</v>
      </c>
      <c r="E18928" s="1" t="s">
        <v>7</v>
      </c>
    </row>
    <row r="18929">
      <c r="A18929" s="1">
        <v>4.90763632E8</v>
      </c>
      <c r="B18929" s="2">
        <v>16497.0</v>
      </c>
      <c r="C18929" s="1" t="s">
        <v>5</v>
      </c>
      <c r="D18929" s="1" t="s">
        <v>16046</v>
      </c>
      <c r="E18929" s="1" t="s">
        <v>7</v>
      </c>
    </row>
    <row r="18930">
      <c r="A18930" s="1">
        <v>4.90763636E8</v>
      </c>
      <c r="B18930" s="2">
        <v>16470.0</v>
      </c>
      <c r="C18930" s="1" t="s">
        <v>5</v>
      </c>
      <c r="D18930" s="1" t="s">
        <v>16047</v>
      </c>
      <c r="E18930" s="1" t="s">
        <v>7</v>
      </c>
    </row>
    <row r="18931">
      <c r="A18931" s="1">
        <v>4.90763657E8</v>
      </c>
      <c r="B18931" s="2">
        <v>16476.0</v>
      </c>
      <c r="C18931" s="1" t="s">
        <v>5</v>
      </c>
      <c r="D18931" s="1" t="s">
        <v>16048</v>
      </c>
      <c r="E18931" s="1" t="s">
        <v>7</v>
      </c>
    </row>
    <row r="18932">
      <c r="A18932" s="1">
        <v>4.90763692E8</v>
      </c>
      <c r="B18932" s="2">
        <v>16548.0</v>
      </c>
      <c r="C18932" s="1" t="s">
        <v>5</v>
      </c>
      <c r="D18932" s="1" t="s">
        <v>16049</v>
      </c>
      <c r="E18932" s="1" t="s">
        <v>7</v>
      </c>
    </row>
    <row r="18933">
      <c r="A18933" s="1">
        <v>4.90763724E8</v>
      </c>
      <c r="B18933" s="2">
        <v>16478.0</v>
      </c>
      <c r="C18933" s="1" t="s">
        <v>5</v>
      </c>
      <c r="D18933" s="1" t="s">
        <v>11</v>
      </c>
      <c r="E18933" s="1" t="s">
        <v>7</v>
      </c>
    </row>
    <row r="18934">
      <c r="A18934" s="1">
        <v>4.90763733E8</v>
      </c>
      <c r="B18934" s="2">
        <v>16547.0</v>
      </c>
      <c r="C18934" s="1" t="s">
        <v>5</v>
      </c>
      <c r="D18934" s="1" t="s">
        <v>16050</v>
      </c>
      <c r="E18934" s="1" t="s">
        <v>16051</v>
      </c>
    </row>
    <row r="18935">
      <c r="A18935" s="1">
        <v>4.90763734E8</v>
      </c>
      <c r="B18935" s="2">
        <v>16475.0</v>
      </c>
      <c r="C18935" s="1" t="s">
        <v>5</v>
      </c>
      <c r="D18935" s="1" t="s">
        <v>16052</v>
      </c>
      <c r="E18935" s="1" t="s">
        <v>7</v>
      </c>
    </row>
    <row r="18936">
      <c r="A18936" s="1">
        <v>4.90763746E8</v>
      </c>
      <c r="B18936" s="2">
        <v>16497.0</v>
      </c>
      <c r="C18936" s="1" t="s">
        <v>5</v>
      </c>
      <c r="D18936" s="1" t="s">
        <v>11</v>
      </c>
      <c r="E18936" s="1" t="s">
        <v>7</v>
      </c>
    </row>
    <row r="18937">
      <c r="A18937" s="1">
        <v>4.90763836E8</v>
      </c>
      <c r="B18937" s="2">
        <v>16552.0</v>
      </c>
      <c r="C18937" s="1" t="s">
        <v>5</v>
      </c>
      <c r="D18937" s="1" t="s">
        <v>16053</v>
      </c>
      <c r="E18937" s="1" t="s">
        <v>11</v>
      </c>
    </row>
    <row r="18938">
      <c r="A18938" s="1">
        <v>4.90763846E8</v>
      </c>
      <c r="B18938" s="2">
        <v>16475.0</v>
      </c>
      <c r="C18938" s="1" t="s">
        <v>5</v>
      </c>
      <c r="D18938" s="1" t="s">
        <v>16054</v>
      </c>
      <c r="E18938" s="1" t="s">
        <v>11</v>
      </c>
    </row>
    <row r="18939">
      <c r="A18939" s="1">
        <v>4.90763852E8</v>
      </c>
      <c r="B18939" s="2">
        <v>16552.0</v>
      </c>
      <c r="C18939" s="1" t="s">
        <v>5</v>
      </c>
      <c r="D18939" s="1" t="s">
        <v>16055</v>
      </c>
      <c r="E18939" s="1" t="s">
        <v>7</v>
      </c>
    </row>
    <row r="18940">
      <c r="A18940" s="1">
        <v>4.90763854E8</v>
      </c>
      <c r="B18940" s="2">
        <v>16527.0</v>
      </c>
      <c r="C18940" s="1" t="s">
        <v>5</v>
      </c>
      <c r="D18940" s="1" t="s">
        <v>16056</v>
      </c>
      <c r="E18940" s="1" t="s">
        <v>7</v>
      </c>
    </row>
    <row r="18941">
      <c r="A18941" s="1">
        <v>4.90763966E8</v>
      </c>
      <c r="B18941" s="2">
        <v>16532.0</v>
      </c>
      <c r="C18941" s="1" t="s">
        <v>5</v>
      </c>
      <c r="D18941" s="1" t="s">
        <v>16057</v>
      </c>
      <c r="E18941" s="1" t="s">
        <v>11</v>
      </c>
    </row>
    <row r="18942">
      <c r="A18942" s="1">
        <v>4.90764047E8</v>
      </c>
      <c r="B18942" s="2">
        <v>16549.0</v>
      </c>
      <c r="C18942" s="1" t="s">
        <v>5</v>
      </c>
      <c r="D18942" s="1" t="s">
        <v>16058</v>
      </c>
      <c r="E18942" s="1" t="s">
        <v>11</v>
      </c>
    </row>
    <row r="18943">
      <c r="A18943" s="1">
        <v>4.9076407E8</v>
      </c>
      <c r="B18943" s="2">
        <v>16497.0</v>
      </c>
      <c r="C18943" s="1" t="s">
        <v>5</v>
      </c>
      <c r="D18943" s="1" t="s">
        <v>11</v>
      </c>
      <c r="E18943" s="1" t="s">
        <v>7</v>
      </c>
    </row>
    <row r="18944">
      <c r="A18944" s="1">
        <v>4.90764071E8</v>
      </c>
      <c r="B18944" s="2">
        <v>16540.0</v>
      </c>
      <c r="C18944" s="1" t="s">
        <v>5</v>
      </c>
      <c r="D18944" s="1" t="s">
        <v>11</v>
      </c>
      <c r="E18944" s="1" t="s">
        <v>7</v>
      </c>
    </row>
    <row r="18945">
      <c r="A18945" s="1">
        <v>4.90764078E8</v>
      </c>
      <c r="B18945" s="2">
        <v>16551.0</v>
      </c>
      <c r="C18945" s="1" t="s">
        <v>5</v>
      </c>
      <c r="D18945" s="1" t="s">
        <v>16059</v>
      </c>
      <c r="E18945" s="1" t="s">
        <v>7</v>
      </c>
    </row>
    <row r="18946">
      <c r="A18946" s="1">
        <v>4.90764111E8</v>
      </c>
      <c r="B18946" s="2">
        <v>16545.0</v>
      </c>
      <c r="C18946" s="1" t="s">
        <v>5</v>
      </c>
      <c r="D18946" s="1" t="s">
        <v>16060</v>
      </c>
      <c r="E18946" s="1" t="s">
        <v>7</v>
      </c>
    </row>
    <row r="18947">
      <c r="A18947" s="1">
        <v>4.90764173E8</v>
      </c>
      <c r="B18947" s="2">
        <v>16472.0</v>
      </c>
      <c r="C18947" s="1" t="s">
        <v>5</v>
      </c>
      <c r="D18947" s="1" t="s">
        <v>11</v>
      </c>
      <c r="E18947" s="1" t="s">
        <v>7</v>
      </c>
    </row>
    <row r="18948">
      <c r="A18948" s="1">
        <v>4.9076418E8</v>
      </c>
      <c r="B18948" s="2">
        <v>16549.0</v>
      </c>
      <c r="C18948" s="1" t="s">
        <v>5</v>
      </c>
      <c r="D18948" s="1" t="s">
        <v>16061</v>
      </c>
      <c r="E18948" s="1" t="s">
        <v>7</v>
      </c>
    </row>
    <row r="18949">
      <c r="A18949" s="1">
        <v>4.90764191E8</v>
      </c>
      <c r="B18949" s="2">
        <v>16545.0</v>
      </c>
      <c r="C18949" s="1" t="s">
        <v>5</v>
      </c>
      <c r="D18949" s="1" t="s">
        <v>16062</v>
      </c>
      <c r="E18949" s="1" t="s">
        <v>7</v>
      </c>
    </row>
    <row r="18950">
      <c r="A18950" s="1">
        <v>4.90764203E8</v>
      </c>
      <c r="B18950" s="2">
        <v>16553.0</v>
      </c>
      <c r="C18950" s="1" t="s">
        <v>5</v>
      </c>
      <c r="D18950" s="1" t="s">
        <v>16063</v>
      </c>
      <c r="E18950" s="1" t="s">
        <v>7</v>
      </c>
    </row>
    <row r="18951">
      <c r="A18951" s="1">
        <v>4.90764214E8</v>
      </c>
      <c r="B18951" s="2">
        <v>16552.0</v>
      </c>
      <c r="C18951" s="1" t="s">
        <v>5</v>
      </c>
      <c r="D18951" s="1" t="s">
        <v>16064</v>
      </c>
      <c r="E18951" s="1" t="s">
        <v>16065</v>
      </c>
    </row>
    <row r="18952">
      <c r="A18952" s="1">
        <v>4.90764226E8</v>
      </c>
      <c r="B18952" s="2">
        <v>16530.0</v>
      </c>
      <c r="C18952" s="1" t="s">
        <v>5</v>
      </c>
      <c r="D18952" s="1" t="s">
        <v>16066</v>
      </c>
      <c r="E18952" s="1" t="s">
        <v>7</v>
      </c>
    </row>
    <row r="18953">
      <c r="A18953" s="1">
        <v>4.90764227E8</v>
      </c>
      <c r="B18953" s="2">
        <v>16551.0</v>
      </c>
      <c r="C18953" s="1" t="s">
        <v>5</v>
      </c>
      <c r="D18953" s="1" t="s">
        <v>16067</v>
      </c>
      <c r="E18953" s="1" t="s">
        <v>7</v>
      </c>
    </row>
    <row r="18954">
      <c r="A18954" s="1">
        <v>4.90764297E8</v>
      </c>
      <c r="B18954" s="2">
        <v>16548.0</v>
      </c>
      <c r="C18954" s="1" t="s">
        <v>5</v>
      </c>
      <c r="D18954" s="1" t="s">
        <v>16068</v>
      </c>
      <c r="E18954" s="1" t="s">
        <v>7</v>
      </c>
    </row>
    <row r="18955">
      <c r="A18955" s="1">
        <v>4.9076434E8</v>
      </c>
      <c r="B18955" s="2">
        <v>16523.0</v>
      </c>
      <c r="C18955" s="1" t="s">
        <v>5</v>
      </c>
      <c r="D18955" s="1" t="s">
        <v>11</v>
      </c>
      <c r="E18955" s="1" t="s">
        <v>7</v>
      </c>
    </row>
    <row r="18956">
      <c r="A18956" s="1">
        <v>4.90764367E8</v>
      </c>
      <c r="B18956" s="2">
        <v>16547.0</v>
      </c>
      <c r="C18956" s="1" t="s">
        <v>5</v>
      </c>
      <c r="D18956" s="1" t="s">
        <v>11</v>
      </c>
      <c r="E18956" s="1" t="s">
        <v>7</v>
      </c>
    </row>
    <row r="18957">
      <c r="A18957" s="1">
        <v>4.90764388E8</v>
      </c>
      <c r="B18957" s="2">
        <v>16537.0</v>
      </c>
      <c r="C18957" s="1" t="s">
        <v>5</v>
      </c>
      <c r="D18957" s="1" t="s">
        <v>16069</v>
      </c>
      <c r="E18957" s="1" t="s">
        <v>11</v>
      </c>
    </row>
    <row r="18958">
      <c r="A18958" s="1">
        <v>4.90764417E8</v>
      </c>
      <c r="B18958" s="2">
        <v>16479.0</v>
      </c>
      <c r="C18958" s="1" t="s">
        <v>5</v>
      </c>
      <c r="D18958" s="1" t="s">
        <v>11</v>
      </c>
      <c r="E18958" s="1" t="s">
        <v>7</v>
      </c>
    </row>
    <row r="18959">
      <c r="A18959" s="1">
        <v>4.90764425E8</v>
      </c>
      <c r="B18959" s="2">
        <v>16539.0</v>
      </c>
      <c r="C18959" s="1" t="s">
        <v>5</v>
      </c>
      <c r="D18959" s="1" t="s">
        <v>16070</v>
      </c>
      <c r="E18959" s="1" t="s">
        <v>11</v>
      </c>
    </row>
    <row r="18960">
      <c r="A18960" s="1">
        <v>4.90764428E8</v>
      </c>
      <c r="B18960" s="2">
        <v>16542.0</v>
      </c>
      <c r="C18960" s="1" t="s">
        <v>5</v>
      </c>
      <c r="D18960" s="1" t="s">
        <v>16071</v>
      </c>
      <c r="E18960" s="1" t="s">
        <v>11</v>
      </c>
    </row>
    <row r="18961">
      <c r="A18961" s="1">
        <v>4.90764439E8</v>
      </c>
      <c r="B18961" s="2">
        <v>16539.0</v>
      </c>
      <c r="C18961" s="1" t="s">
        <v>5</v>
      </c>
      <c r="D18961" s="1" t="s">
        <v>16072</v>
      </c>
      <c r="E18961" s="1" t="s">
        <v>7</v>
      </c>
    </row>
    <row r="18962">
      <c r="A18962" s="1">
        <v>4.90764513E8</v>
      </c>
      <c r="B18962" s="2">
        <v>16546.0</v>
      </c>
      <c r="C18962" s="1" t="s">
        <v>5</v>
      </c>
      <c r="D18962" s="1" t="s">
        <v>16073</v>
      </c>
      <c r="E18962" s="1" t="s">
        <v>16074</v>
      </c>
    </row>
    <row r="18963">
      <c r="A18963" s="1">
        <v>4.90764591E8</v>
      </c>
      <c r="B18963" s="2">
        <v>16523.0</v>
      </c>
      <c r="C18963" s="1" t="s">
        <v>5</v>
      </c>
      <c r="D18963" s="1" t="s">
        <v>16075</v>
      </c>
      <c r="E18963" s="1" t="s">
        <v>11</v>
      </c>
    </row>
    <row r="18964">
      <c r="A18964" s="1">
        <v>4.90764637E8</v>
      </c>
      <c r="B18964" s="2">
        <v>16549.0</v>
      </c>
      <c r="C18964" s="1" t="s">
        <v>5</v>
      </c>
      <c r="D18964" s="1" t="s">
        <v>16076</v>
      </c>
      <c r="E18964" s="1" t="s">
        <v>7</v>
      </c>
    </row>
    <row r="18965">
      <c r="A18965" s="1">
        <v>4.90764655E8</v>
      </c>
      <c r="B18965" s="3">
        <v>16588.0</v>
      </c>
      <c r="C18965" s="1" t="s">
        <v>5</v>
      </c>
      <c r="D18965" s="1" t="s">
        <v>11</v>
      </c>
      <c r="E18965" s="1" t="s">
        <v>7</v>
      </c>
    </row>
    <row r="18966">
      <c r="A18966" s="1">
        <v>4.90764659E8</v>
      </c>
      <c r="B18966" s="2">
        <v>16490.0</v>
      </c>
      <c r="C18966" s="1" t="s">
        <v>5</v>
      </c>
      <c r="D18966" s="1" t="s">
        <v>16077</v>
      </c>
      <c r="E18966" s="1" t="s">
        <v>7</v>
      </c>
    </row>
    <row r="18967">
      <c r="A18967" s="1">
        <v>4.90764677E8</v>
      </c>
      <c r="B18967" s="2">
        <v>16552.0</v>
      </c>
      <c r="C18967" s="1" t="s">
        <v>5</v>
      </c>
      <c r="D18967" s="1" t="s">
        <v>16078</v>
      </c>
      <c r="E18967" s="1" t="s">
        <v>7</v>
      </c>
    </row>
    <row r="18968">
      <c r="A18968" s="1">
        <v>4.90764683E8</v>
      </c>
      <c r="B18968" s="2">
        <v>16472.0</v>
      </c>
      <c r="C18968" s="1" t="s">
        <v>5</v>
      </c>
      <c r="D18968" s="1" t="s">
        <v>11</v>
      </c>
      <c r="E18968" s="1" t="s">
        <v>7</v>
      </c>
    </row>
    <row r="18969">
      <c r="A18969" s="1">
        <v>4.90764692E8</v>
      </c>
      <c r="B18969" s="2">
        <v>16549.0</v>
      </c>
      <c r="C18969" s="1" t="s">
        <v>5</v>
      </c>
      <c r="D18969" s="1" t="s">
        <v>16079</v>
      </c>
      <c r="E18969" s="1" t="s">
        <v>7</v>
      </c>
    </row>
    <row r="18970">
      <c r="A18970" s="1">
        <v>4.90764698E8</v>
      </c>
      <c r="B18970" s="2">
        <v>16527.0</v>
      </c>
      <c r="C18970" s="1" t="s">
        <v>5</v>
      </c>
      <c r="D18970" s="1" t="s">
        <v>16080</v>
      </c>
      <c r="E18970" s="1" t="s">
        <v>7</v>
      </c>
    </row>
    <row r="18971">
      <c r="A18971" s="1">
        <v>4.90764732E8</v>
      </c>
      <c r="B18971" s="2">
        <v>16551.0</v>
      </c>
      <c r="C18971" s="1" t="s">
        <v>5</v>
      </c>
      <c r="D18971" s="1" t="s">
        <v>16081</v>
      </c>
      <c r="E18971" s="1" t="s">
        <v>7</v>
      </c>
    </row>
    <row r="18972">
      <c r="A18972" s="1">
        <v>4.90764778E8</v>
      </c>
      <c r="B18972" s="2">
        <v>16534.0</v>
      </c>
      <c r="C18972" s="1" t="s">
        <v>5</v>
      </c>
      <c r="D18972" s="1" t="s">
        <v>11</v>
      </c>
      <c r="E18972" s="1" t="s">
        <v>7</v>
      </c>
    </row>
    <row r="18973">
      <c r="A18973" s="1">
        <v>4.90764786E8</v>
      </c>
      <c r="B18973" s="2">
        <v>16547.0</v>
      </c>
      <c r="C18973" s="1" t="s">
        <v>5</v>
      </c>
      <c r="D18973" s="1" t="s">
        <v>16082</v>
      </c>
      <c r="E18973" s="1" t="s">
        <v>11</v>
      </c>
    </row>
    <row r="18974">
      <c r="A18974" s="1">
        <v>4.90764793E8</v>
      </c>
      <c r="B18974" s="2">
        <v>16521.0</v>
      </c>
      <c r="C18974" s="1" t="s">
        <v>5</v>
      </c>
      <c r="D18974" s="1" t="s">
        <v>11</v>
      </c>
      <c r="E18974" s="1" t="s">
        <v>7</v>
      </c>
    </row>
    <row r="18975">
      <c r="A18975" s="1">
        <v>4.90764843E8</v>
      </c>
      <c r="B18975" s="2">
        <v>16548.0</v>
      </c>
      <c r="C18975" s="1" t="s">
        <v>5</v>
      </c>
      <c r="D18975" s="1" t="s">
        <v>11</v>
      </c>
      <c r="E18975" s="1" t="s">
        <v>7</v>
      </c>
    </row>
    <row r="18976">
      <c r="A18976" s="1">
        <v>4.90764916E8</v>
      </c>
      <c r="B18976" s="2">
        <v>16476.0</v>
      </c>
      <c r="C18976" s="1" t="s">
        <v>5</v>
      </c>
      <c r="D18976" s="1" t="s">
        <v>16083</v>
      </c>
      <c r="E18976" s="1" t="s">
        <v>7</v>
      </c>
    </row>
    <row r="18977">
      <c r="A18977" s="1">
        <v>4.90764938E8</v>
      </c>
      <c r="B18977" s="2">
        <v>16516.0</v>
      </c>
      <c r="C18977" s="1" t="s">
        <v>5</v>
      </c>
      <c r="D18977" s="1" t="s">
        <v>16084</v>
      </c>
      <c r="E18977" s="1" t="s">
        <v>7</v>
      </c>
    </row>
    <row r="18978">
      <c r="A18978" s="1">
        <v>4.90765037E8</v>
      </c>
      <c r="B18978" s="2">
        <v>16538.0</v>
      </c>
      <c r="C18978" s="1" t="s">
        <v>5</v>
      </c>
      <c r="D18978" s="1" t="s">
        <v>16085</v>
      </c>
      <c r="E18978" s="1" t="s">
        <v>7</v>
      </c>
    </row>
    <row r="18979">
      <c r="A18979" s="1">
        <v>4.90765048E8</v>
      </c>
      <c r="B18979" s="2">
        <v>16475.0</v>
      </c>
      <c r="C18979" s="1" t="s">
        <v>5</v>
      </c>
      <c r="D18979" s="1" t="s">
        <v>16086</v>
      </c>
      <c r="E18979" s="1" t="s">
        <v>7</v>
      </c>
    </row>
    <row r="18980">
      <c r="A18980" s="1">
        <v>4.90765056E8</v>
      </c>
      <c r="B18980" s="2">
        <v>16539.0</v>
      </c>
      <c r="C18980" s="1" t="s">
        <v>5</v>
      </c>
      <c r="D18980" s="1" t="s">
        <v>16087</v>
      </c>
      <c r="E18980" s="1" t="s">
        <v>7</v>
      </c>
    </row>
    <row r="18981">
      <c r="A18981" s="1">
        <v>4.90765099E8</v>
      </c>
      <c r="B18981" s="2">
        <v>16547.0</v>
      </c>
      <c r="C18981" s="1" t="s">
        <v>5</v>
      </c>
      <c r="D18981" s="1" t="s">
        <v>11</v>
      </c>
      <c r="E18981" s="1" t="s">
        <v>7</v>
      </c>
    </row>
    <row r="18982">
      <c r="A18982" s="1">
        <v>4.90765106E8</v>
      </c>
      <c r="B18982" s="2">
        <v>16549.0</v>
      </c>
      <c r="C18982" s="1" t="s">
        <v>5</v>
      </c>
      <c r="D18982" s="1" t="s">
        <v>16088</v>
      </c>
      <c r="E18982" s="1" t="s">
        <v>7</v>
      </c>
    </row>
    <row r="18983">
      <c r="A18983" s="1">
        <v>4.90765151E8</v>
      </c>
      <c r="B18983" s="2">
        <v>16538.0</v>
      </c>
      <c r="C18983" s="1" t="s">
        <v>5</v>
      </c>
      <c r="D18983" s="1" t="s">
        <v>16089</v>
      </c>
      <c r="E18983" s="1" t="s">
        <v>16090</v>
      </c>
    </row>
    <row r="18984">
      <c r="A18984" s="1">
        <v>4.90765167E8</v>
      </c>
      <c r="B18984" s="2">
        <v>16544.0</v>
      </c>
      <c r="C18984" s="1" t="s">
        <v>5</v>
      </c>
      <c r="D18984" s="1" t="s">
        <v>11</v>
      </c>
      <c r="E18984" s="1" t="s">
        <v>7</v>
      </c>
    </row>
    <row r="18985">
      <c r="A18985" s="1">
        <v>4.90765316E8</v>
      </c>
      <c r="B18985" s="2">
        <v>16521.0</v>
      </c>
      <c r="C18985" s="1" t="s">
        <v>5</v>
      </c>
      <c r="D18985" s="1" t="s">
        <v>16091</v>
      </c>
      <c r="E18985" s="1" t="s">
        <v>7</v>
      </c>
    </row>
    <row r="18986">
      <c r="A18986" s="1">
        <v>4.90765334E8</v>
      </c>
      <c r="B18986" s="2">
        <v>16541.0</v>
      </c>
      <c r="C18986" s="1" t="s">
        <v>5</v>
      </c>
      <c r="D18986" s="1" t="s">
        <v>7</v>
      </c>
      <c r="E18986" s="1" t="s">
        <v>7</v>
      </c>
    </row>
    <row r="18987">
      <c r="A18987" s="1">
        <v>4.90765363E8</v>
      </c>
      <c r="B18987" s="2">
        <v>16535.0</v>
      </c>
      <c r="C18987" s="1" t="s">
        <v>5</v>
      </c>
      <c r="D18987" s="1" t="s">
        <v>16092</v>
      </c>
      <c r="E18987" s="1" t="s">
        <v>7</v>
      </c>
    </row>
    <row r="18988">
      <c r="A18988" s="1">
        <v>4.90765369E8</v>
      </c>
      <c r="B18988" s="2">
        <v>16539.0</v>
      </c>
      <c r="C18988" s="1" t="s">
        <v>5</v>
      </c>
      <c r="D18988" s="1" t="s">
        <v>11</v>
      </c>
      <c r="E18988" s="1" t="s">
        <v>7</v>
      </c>
    </row>
    <row r="18989">
      <c r="A18989" s="1">
        <v>4.90765403E8</v>
      </c>
      <c r="B18989" s="3">
        <v>16582.0</v>
      </c>
      <c r="C18989" s="1" t="s">
        <v>5</v>
      </c>
      <c r="D18989" s="1" t="s">
        <v>16093</v>
      </c>
      <c r="E18989" s="1" t="s">
        <v>11</v>
      </c>
    </row>
    <row r="18990">
      <c r="A18990" s="1">
        <v>4.90765423E8</v>
      </c>
      <c r="B18990" s="2">
        <v>16507.0</v>
      </c>
      <c r="C18990" s="1" t="s">
        <v>5</v>
      </c>
      <c r="D18990" s="1" t="s">
        <v>16094</v>
      </c>
      <c r="E18990" s="1" t="s">
        <v>11</v>
      </c>
    </row>
    <row r="18991">
      <c r="A18991" s="1">
        <v>4.90765437E8</v>
      </c>
      <c r="B18991" s="2">
        <v>16534.0</v>
      </c>
      <c r="C18991" s="1" t="s">
        <v>5</v>
      </c>
      <c r="D18991" s="1" t="s">
        <v>16095</v>
      </c>
      <c r="E18991" s="1" t="s">
        <v>7</v>
      </c>
    </row>
    <row r="18992">
      <c r="A18992" s="1">
        <v>4.90765447E8</v>
      </c>
      <c r="B18992" s="2">
        <v>16507.0</v>
      </c>
      <c r="C18992" s="1" t="s">
        <v>5</v>
      </c>
      <c r="D18992" s="1" t="s">
        <v>16096</v>
      </c>
      <c r="E18992" s="1" t="s">
        <v>7</v>
      </c>
    </row>
    <row r="18993">
      <c r="A18993" s="1">
        <v>4.90765452E8</v>
      </c>
      <c r="B18993" s="2">
        <v>16483.0</v>
      </c>
      <c r="C18993" s="1" t="s">
        <v>5</v>
      </c>
      <c r="D18993" s="1" t="s">
        <v>16097</v>
      </c>
      <c r="E18993" s="1" t="s">
        <v>7</v>
      </c>
    </row>
    <row r="18994">
      <c r="A18994" s="1">
        <v>4.90765505E8</v>
      </c>
      <c r="B18994" s="2">
        <v>16530.0</v>
      </c>
      <c r="C18994" s="1" t="s">
        <v>5</v>
      </c>
      <c r="D18994" s="1" t="s">
        <v>16098</v>
      </c>
      <c r="E18994" s="1" t="s">
        <v>7</v>
      </c>
    </row>
    <row r="18995">
      <c r="A18995" s="1">
        <v>4.90765548E8</v>
      </c>
      <c r="B18995" s="2">
        <v>16516.0</v>
      </c>
      <c r="C18995" s="1" t="s">
        <v>5</v>
      </c>
      <c r="D18995" s="1" t="s">
        <v>16099</v>
      </c>
      <c r="E18995" s="1" t="s">
        <v>7</v>
      </c>
    </row>
    <row r="18996">
      <c r="A18996" s="1">
        <v>4.90765579E8</v>
      </c>
      <c r="B18996" s="2">
        <v>16507.0</v>
      </c>
      <c r="C18996" s="1" t="s">
        <v>5</v>
      </c>
      <c r="D18996" s="1" t="s">
        <v>16100</v>
      </c>
      <c r="E18996" s="1" t="s">
        <v>7</v>
      </c>
    </row>
    <row r="18997">
      <c r="A18997" s="1">
        <v>4.90765584E8</v>
      </c>
      <c r="B18997" s="2">
        <v>16545.0</v>
      </c>
      <c r="C18997" s="1" t="s">
        <v>5</v>
      </c>
      <c r="D18997" s="1" t="s">
        <v>16101</v>
      </c>
      <c r="E18997" s="1" t="s">
        <v>7</v>
      </c>
    </row>
    <row r="18998">
      <c r="A18998" s="1">
        <v>4.90765619E8</v>
      </c>
      <c r="B18998" s="2">
        <v>16528.0</v>
      </c>
      <c r="C18998" s="1" t="s">
        <v>5</v>
      </c>
      <c r="D18998" s="1" t="s">
        <v>16102</v>
      </c>
      <c r="E18998" s="1" t="s">
        <v>11</v>
      </c>
    </row>
    <row r="18999">
      <c r="A18999" s="1">
        <v>4.90765632E8</v>
      </c>
      <c r="B18999" s="2">
        <v>16528.0</v>
      </c>
      <c r="C18999" s="1" t="s">
        <v>5</v>
      </c>
      <c r="D18999" s="1" t="s">
        <v>16103</v>
      </c>
      <c r="E18999" s="1" t="s">
        <v>7</v>
      </c>
    </row>
    <row r="19000">
      <c r="A19000" s="1">
        <v>4.90765659E8</v>
      </c>
      <c r="B19000" s="2">
        <v>16506.0</v>
      </c>
      <c r="C19000" s="1" t="s">
        <v>5</v>
      </c>
      <c r="D19000" s="1" t="s">
        <v>16104</v>
      </c>
      <c r="E19000" s="1" t="s">
        <v>7</v>
      </c>
    </row>
    <row r="19001">
      <c r="A19001" s="1">
        <v>4.90765717E8</v>
      </c>
      <c r="B19001" s="2">
        <v>16532.0</v>
      </c>
      <c r="C19001" s="1" t="s">
        <v>5</v>
      </c>
      <c r="D19001" s="1" t="s">
        <v>16105</v>
      </c>
      <c r="E19001" s="1" t="s">
        <v>11</v>
      </c>
    </row>
    <row r="19002">
      <c r="A19002" s="1">
        <v>4.90765725E8</v>
      </c>
      <c r="B19002" s="2">
        <v>16507.0</v>
      </c>
      <c r="C19002" s="1" t="s">
        <v>5</v>
      </c>
      <c r="D19002" s="1" t="s">
        <v>11</v>
      </c>
      <c r="E19002" s="1" t="s">
        <v>7</v>
      </c>
    </row>
    <row r="19003">
      <c r="A19003" s="1">
        <v>4.90765789E8</v>
      </c>
      <c r="B19003" s="2">
        <v>16507.0</v>
      </c>
      <c r="C19003" s="1" t="s">
        <v>5</v>
      </c>
      <c r="D19003" s="1" t="s">
        <v>16106</v>
      </c>
      <c r="E19003" s="1" t="s">
        <v>7</v>
      </c>
    </row>
    <row r="19004">
      <c r="A19004" s="1">
        <v>4.90765834E8</v>
      </c>
      <c r="B19004" s="2">
        <v>16478.0</v>
      </c>
      <c r="C19004" s="1" t="s">
        <v>5</v>
      </c>
      <c r="D19004" s="1" t="s">
        <v>16107</v>
      </c>
      <c r="E19004" s="1" t="s">
        <v>11</v>
      </c>
    </row>
    <row r="19005">
      <c r="A19005" s="1">
        <v>4.90765883E8</v>
      </c>
      <c r="B19005" s="2">
        <v>16535.0</v>
      </c>
      <c r="C19005" s="1" t="s">
        <v>5</v>
      </c>
      <c r="D19005" s="1" t="s">
        <v>16108</v>
      </c>
      <c r="E19005" s="1" t="s">
        <v>7</v>
      </c>
    </row>
    <row r="19006">
      <c r="A19006" s="1">
        <v>4.9076595E8</v>
      </c>
      <c r="B19006" s="2">
        <v>16516.0</v>
      </c>
      <c r="C19006" s="1" t="s">
        <v>5</v>
      </c>
      <c r="D19006" s="1" t="s">
        <v>16109</v>
      </c>
      <c r="E19006" s="1" t="s">
        <v>7</v>
      </c>
    </row>
    <row r="19007">
      <c r="A19007" s="1">
        <v>4.90765955E8</v>
      </c>
      <c r="B19007" s="2">
        <v>16527.0</v>
      </c>
      <c r="C19007" s="1" t="s">
        <v>5</v>
      </c>
      <c r="D19007" s="1" t="s">
        <v>16110</v>
      </c>
      <c r="E19007" s="1" t="s">
        <v>11</v>
      </c>
    </row>
    <row r="19008">
      <c r="A19008" s="1">
        <v>4.90765972E8</v>
      </c>
      <c r="B19008" s="2">
        <v>16532.0</v>
      </c>
      <c r="C19008" s="1" t="s">
        <v>5</v>
      </c>
      <c r="D19008" s="1" t="s">
        <v>16111</v>
      </c>
      <c r="E19008" s="1" t="s">
        <v>7</v>
      </c>
    </row>
    <row r="19009">
      <c r="A19009" s="1">
        <v>4.9076598E8</v>
      </c>
      <c r="B19009" s="2">
        <v>16539.0</v>
      </c>
      <c r="C19009" s="1" t="s">
        <v>5</v>
      </c>
      <c r="D19009" s="1" t="s">
        <v>16112</v>
      </c>
      <c r="E19009" s="1" t="s">
        <v>11</v>
      </c>
    </row>
    <row r="19010">
      <c r="A19010" s="1">
        <v>4.90766007E8</v>
      </c>
      <c r="B19010" s="3">
        <v>16588.0</v>
      </c>
      <c r="C19010" s="1" t="s">
        <v>5</v>
      </c>
      <c r="D19010" s="1" t="s">
        <v>16113</v>
      </c>
      <c r="E19010" s="1" t="s">
        <v>16114</v>
      </c>
    </row>
    <row r="19011">
      <c r="A19011" s="1">
        <v>4.90766013E8</v>
      </c>
      <c r="B19011" s="2">
        <v>16534.0</v>
      </c>
      <c r="C19011" s="1" t="s">
        <v>5</v>
      </c>
      <c r="D19011" s="1" t="s">
        <v>16115</v>
      </c>
      <c r="E19011" s="1" t="s">
        <v>7</v>
      </c>
    </row>
    <row r="19012">
      <c r="A19012" s="1">
        <v>4.90766017E8</v>
      </c>
      <c r="B19012" s="2">
        <v>16538.0</v>
      </c>
      <c r="C19012" s="1" t="s">
        <v>5</v>
      </c>
      <c r="D19012" s="1" t="s">
        <v>16116</v>
      </c>
      <c r="E19012" s="1" t="s">
        <v>7</v>
      </c>
    </row>
    <row r="19013">
      <c r="A19013" s="1">
        <v>4.90766034E8</v>
      </c>
      <c r="B19013" s="2">
        <v>16531.0</v>
      </c>
      <c r="C19013" s="1" t="s">
        <v>5</v>
      </c>
      <c r="D19013" s="1" t="s">
        <v>11</v>
      </c>
      <c r="E19013" s="1" t="s">
        <v>7</v>
      </c>
    </row>
    <row r="19014">
      <c r="A19014" s="1">
        <v>4.90766037E8</v>
      </c>
      <c r="B19014" s="2">
        <v>16507.0</v>
      </c>
      <c r="C19014" s="1" t="s">
        <v>5</v>
      </c>
      <c r="D19014" s="1" t="s">
        <v>16117</v>
      </c>
      <c r="E19014" s="1" t="s">
        <v>7</v>
      </c>
    </row>
    <row r="19015">
      <c r="A19015" s="1">
        <v>4.90766049E8</v>
      </c>
      <c r="B19015" s="2">
        <v>16475.0</v>
      </c>
      <c r="C19015" s="1" t="s">
        <v>5</v>
      </c>
      <c r="D19015" s="1" t="s">
        <v>16118</v>
      </c>
      <c r="E19015" s="1" t="s">
        <v>7</v>
      </c>
    </row>
    <row r="19016">
      <c r="A19016" s="1">
        <v>4.90766059E8</v>
      </c>
      <c r="B19016" s="2">
        <v>16539.0</v>
      </c>
      <c r="C19016" s="1" t="s">
        <v>5</v>
      </c>
      <c r="D19016" s="1" t="s">
        <v>11</v>
      </c>
      <c r="E19016" s="1" t="s">
        <v>7</v>
      </c>
    </row>
    <row r="19017">
      <c r="A19017" s="1">
        <v>4.90766067E8</v>
      </c>
      <c r="B19017" s="3">
        <v>16574.0</v>
      </c>
      <c r="C19017" s="1" t="s">
        <v>5</v>
      </c>
      <c r="D19017" s="1" t="s">
        <v>16119</v>
      </c>
      <c r="E19017" s="1" t="s">
        <v>7</v>
      </c>
    </row>
    <row r="19018">
      <c r="A19018" s="1">
        <v>4.90766098E8</v>
      </c>
      <c r="B19018" s="2">
        <v>16479.0</v>
      </c>
      <c r="C19018" s="1" t="s">
        <v>5</v>
      </c>
      <c r="D19018" s="1" t="s">
        <v>16120</v>
      </c>
      <c r="E19018" s="1" t="s">
        <v>7</v>
      </c>
    </row>
    <row r="19019">
      <c r="A19019" s="1">
        <v>4.90766099E8</v>
      </c>
      <c r="B19019" s="2">
        <v>16531.0</v>
      </c>
      <c r="C19019" s="1" t="s">
        <v>5</v>
      </c>
      <c r="D19019" s="1" t="s">
        <v>16121</v>
      </c>
      <c r="E19019" s="1" t="s">
        <v>7</v>
      </c>
    </row>
    <row r="19020">
      <c r="A19020" s="1">
        <v>4.90766116E8</v>
      </c>
      <c r="B19020" s="3">
        <v>16587.0</v>
      </c>
      <c r="C19020" s="1" t="s">
        <v>5</v>
      </c>
      <c r="D19020" s="1" t="s">
        <v>11</v>
      </c>
      <c r="E19020" s="1" t="s">
        <v>7</v>
      </c>
    </row>
    <row r="19021">
      <c r="A19021" s="1">
        <v>4.90766186E8</v>
      </c>
      <c r="B19021" s="2">
        <v>16478.0</v>
      </c>
      <c r="C19021" s="1" t="s">
        <v>5</v>
      </c>
      <c r="D19021" s="1" t="s">
        <v>16122</v>
      </c>
      <c r="E19021" s="1" t="s">
        <v>7</v>
      </c>
    </row>
    <row r="19022">
      <c r="A19022" s="1">
        <v>4.90766214E8</v>
      </c>
      <c r="B19022" s="2">
        <v>16537.0</v>
      </c>
      <c r="C19022" s="1" t="s">
        <v>5</v>
      </c>
      <c r="D19022" s="1" t="s">
        <v>11</v>
      </c>
      <c r="E19022" s="1" t="s">
        <v>7</v>
      </c>
    </row>
    <row r="19023">
      <c r="A19023" s="1">
        <v>4.90766243E8</v>
      </c>
      <c r="B19023" s="2">
        <v>16535.0</v>
      </c>
      <c r="C19023" s="1" t="s">
        <v>5</v>
      </c>
      <c r="D19023" s="1" t="s">
        <v>16123</v>
      </c>
      <c r="E19023" s="1" t="s">
        <v>11</v>
      </c>
    </row>
    <row r="19024">
      <c r="A19024" s="1">
        <v>4.90766274E8</v>
      </c>
      <c r="B19024" s="2">
        <v>16472.0</v>
      </c>
      <c r="C19024" s="1" t="s">
        <v>5</v>
      </c>
      <c r="D19024" s="1" t="s">
        <v>16124</v>
      </c>
      <c r="E19024" s="1" t="s">
        <v>7</v>
      </c>
    </row>
    <row r="19025">
      <c r="A19025" s="1">
        <v>4.90766329E8</v>
      </c>
      <c r="B19025" s="2">
        <v>16530.0</v>
      </c>
      <c r="C19025" s="1" t="s">
        <v>5</v>
      </c>
      <c r="D19025" s="1" t="s">
        <v>16125</v>
      </c>
      <c r="E19025" s="1" t="s">
        <v>7</v>
      </c>
    </row>
    <row r="19026">
      <c r="A19026" s="1">
        <v>4.90766368E8</v>
      </c>
      <c r="B19026" s="3">
        <v>16588.0</v>
      </c>
      <c r="C19026" s="1" t="s">
        <v>5</v>
      </c>
      <c r="D19026" s="1" t="s">
        <v>16126</v>
      </c>
      <c r="E19026" s="1" t="s">
        <v>7</v>
      </c>
    </row>
    <row r="19027">
      <c r="A19027" s="1">
        <v>4.90766379E8</v>
      </c>
      <c r="B19027" s="2">
        <v>16535.0</v>
      </c>
      <c r="C19027" s="1" t="s">
        <v>5</v>
      </c>
      <c r="D19027" s="1" t="s">
        <v>16127</v>
      </c>
      <c r="E19027" s="1" t="s">
        <v>16128</v>
      </c>
    </row>
    <row r="19028">
      <c r="A19028" s="1">
        <v>4.90766407E8</v>
      </c>
      <c r="B19028" s="2">
        <v>16528.0</v>
      </c>
      <c r="C19028" s="1" t="s">
        <v>5</v>
      </c>
      <c r="D19028" s="1" t="s">
        <v>16129</v>
      </c>
      <c r="E19028" s="1" t="s">
        <v>7</v>
      </c>
    </row>
    <row r="19029">
      <c r="A19029" s="1">
        <v>4.90766419E8</v>
      </c>
      <c r="B19029" s="2">
        <v>16535.0</v>
      </c>
      <c r="C19029" s="1" t="s">
        <v>5</v>
      </c>
      <c r="D19029" s="1" t="s">
        <v>16130</v>
      </c>
      <c r="E19029" s="1" t="s">
        <v>7</v>
      </c>
    </row>
    <row r="19030">
      <c r="A19030" s="1">
        <v>4.90766437E8</v>
      </c>
      <c r="B19030" s="2">
        <v>16523.0</v>
      </c>
      <c r="C19030" s="1" t="s">
        <v>5</v>
      </c>
      <c r="D19030" s="1" t="s">
        <v>16131</v>
      </c>
      <c r="E19030" s="1" t="s">
        <v>7</v>
      </c>
    </row>
    <row r="19031">
      <c r="A19031" s="1">
        <v>4.90766443E8</v>
      </c>
      <c r="B19031" s="2">
        <v>16472.0</v>
      </c>
      <c r="C19031" s="1" t="s">
        <v>5</v>
      </c>
      <c r="D19031" s="1" t="s">
        <v>16132</v>
      </c>
      <c r="E19031" s="1" t="s">
        <v>11</v>
      </c>
    </row>
    <row r="19032">
      <c r="A19032" s="1">
        <v>4.90766508E8</v>
      </c>
      <c r="B19032" s="2">
        <v>16533.0</v>
      </c>
      <c r="C19032" s="1" t="s">
        <v>5</v>
      </c>
      <c r="D19032" s="1" t="s">
        <v>16133</v>
      </c>
      <c r="E19032" s="1" t="s">
        <v>7</v>
      </c>
    </row>
    <row r="19033">
      <c r="A19033" s="1">
        <v>4.90766591E8</v>
      </c>
      <c r="B19033" s="3">
        <v>16582.0</v>
      </c>
      <c r="C19033" s="1" t="s">
        <v>5</v>
      </c>
      <c r="D19033" s="1" t="s">
        <v>11</v>
      </c>
      <c r="E19033" s="1" t="s">
        <v>7</v>
      </c>
    </row>
    <row r="19034">
      <c r="A19034" s="1">
        <v>4.90766625E8</v>
      </c>
      <c r="B19034" s="2">
        <v>16532.0</v>
      </c>
      <c r="C19034" s="1" t="s">
        <v>5</v>
      </c>
      <c r="D19034" s="1" t="s">
        <v>16134</v>
      </c>
      <c r="E19034" s="1" t="s">
        <v>7</v>
      </c>
    </row>
    <row r="19035">
      <c r="A19035" s="1">
        <v>4.90766741E8</v>
      </c>
      <c r="B19035" s="3">
        <v>16587.0</v>
      </c>
      <c r="C19035" s="1" t="s">
        <v>5</v>
      </c>
      <c r="D19035" s="1" t="s">
        <v>16135</v>
      </c>
      <c r="E19035" s="1" t="s">
        <v>7</v>
      </c>
    </row>
    <row r="19036">
      <c r="A19036" s="1">
        <v>4.90766757E8</v>
      </c>
      <c r="B19036" s="3">
        <v>16580.0</v>
      </c>
      <c r="C19036" s="1" t="s">
        <v>5</v>
      </c>
      <c r="D19036" s="1" t="s">
        <v>16136</v>
      </c>
      <c r="E19036" s="1" t="s">
        <v>7</v>
      </c>
    </row>
    <row r="19037">
      <c r="A19037" s="1">
        <v>4.90766854E8</v>
      </c>
      <c r="B19037" s="3">
        <v>16586.0</v>
      </c>
      <c r="C19037" s="1" t="s">
        <v>5</v>
      </c>
      <c r="D19037" s="1" t="s">
        <v>11</v>
      </c>
      <c r="E19037" s="1" t="s">
        <v>7</v>
      </c>
    </row>
    <row r="19038">
      <c r="A19038" s="1">
        <v>4.90766866E8</v>
      </c>
      <c r="B19038" s="2">
        <v>16470.0</v>
      </c>
      <c r="C19038" s="1" t="s">
        <v>5</v>
      </c>
      <c r="D19038" s="1" t="s">
        <v>16137</v>
      </c>
      <c r="E19038" s="1" t="s">
        <v>16138</v>
      </c>
    </row>
    <row r="19039">
      <c r="A19039" s="1">
        <v>4.90766877E8</v>
      </c>
      <c r="B19039" s="2">
        <v>16531.0</v>
      </c>
      <c r="C19039" s="1" t="s">
        <v>5</v>
      </c>
      <c r="D19039" s="1" t="s">
        <v>16139</v>
      </c>
      <c r="E19039" s="1" t="s">
        <v>11</v>
      </c>
    </row>
    <row r="19040">
      <c r="A19040" s="1">
        <v>4.90766958E8</v>
      </c>
      <c r="B19040" s="3">
        <v>16583.0</v>
      </c>
      <c r="C19040" s="1" t="s">
        <v>5</v>
      </c>
      <c r="D19040" s="1" t="s">
        <v>16140</v>
      </c>
      <c r="E19040" s="1" t="s">
        <v>11</v>
      </c>
    </row>
    <row r="19041">
      <c r="A19041" s="1">
        <v>4.90766959E8</v>
      </c>
      <c r="B19041" s="2">
        <v>16540.0</v>
      </c>
      <c r="C19041" s="1" t="s">
        <v>5</v>
      </c>
      <c r="D19041" s="1" t="s">
        <v>16141</v>
      </c>
      <c r="E19041" s="1" t="s">
        <v>7</v>
      </c>
    </row>
    <row r="19042">
      <c r="A19042" s="1">
        <v>4.90766996E8</v>
      </c>
      <c r="B19042" s="3">
        <v>16584.0</v>
      </c>
      <c r="C19042" s="1" t="s">
        <v>5</v>
      </c>
      <c r="D19042" s="1" t="s">
        <v>16142</v>
      </c>
      <c r="E19042" s="1" t="s">
        <v>16143</v>
      </c>
    </row>
    <row r="19043">
      <c r="A19043" s="1">
        <v>4.90766999E8</v>
      </c>
      <c r="B19043" s="2">
        <v>16531.0</v>
      </c>
      <c r="C19043" s="1" t="s">
        <v>5</v>
      </c>
      <c r="D19043" s="1" t="s">
        <v>11</v>
      </c>
      <c r="E19043" s="1" t="s">
        <v>7</v>
      </c>
    </row>
    <row r="19044">
      <c r="A19044" s="1">
        <v>4.90767015E8</v>
      </c>
      <c r="B19044" s="2">
        <v>16513.0</v>
      </c>
      <c r="C19044" s="1" t="s">
        <v>5</v>
      </c>
      <c r="D19044" s="1" t="s">
        <v>11</v>
      </c>
      <c r="E19044" s="1" t="s">
        <v>7</v>
      </c>
    </row>
    <row r="19045">
      <c r="A19045" s="1">
        <v>4.90767034E8</v>
      </c>
      <c r="B19045" s="2">
        <v>16598.0</v>
      </c>
      <c r="C19045" s="1" t="s">
        <v>5</v>
      </c>
      <c r="D19045" s="1" t="s">
        <v>16144</v>
      </c>
      <c r="E19045" s="1" t="s">
        <v>7</v>
      </c>
    </row>
    <row r="19046">
      <c r="A19046" s="1">
        <v>4.90767055E8</v>
      </c>
      <c r="B19046" s="3">
        <v>16582.0</v>
      </c>
      <c r="C19046" s="1" t="s">
        <v>5</v>
      </c>
      <c r="D19046" s="1" t="s">
        <v>16145</v>
      </c>
      <c r="E19046" s="1" t="s">
        <v>16146</v>
      </c>
    </row>
    <row r="19047">
      <c r="A19047" s="1">
        <v>4.90767064E8</v>
      </c>
      <c r="B19047" s="3">
        <v>16577.0</v>
      </c>
      <c r="C19047" s="1" t="s">
        <v>5</v>
      </c>
      <c r="D19047" s="1" t="s">
        <v>16147</v>
      </c>
      <c r="E19047" s="1" t="s">
        <v>11</v>
      </c>
    </row>
    <row r="19048">
      <c r="A19048" s="1">
        <v>4.90767098E8</v>
      </c>
      <c r="B19048" s="3">
        <v>16582.0</v>
      </c>
      <c r="C19048" s="1" t="s">
        <v>5</v>
      </c>
      <c r="D19048" s="1" t="s">
        <v>16148</v>
      </c>
      <c r="E19048" s="1" t="s">
        <v>11</v>
      </c>
    </row>
    <row r="19049">
      <c r="A19049" s="1">
        <v>4.90767132E8</v>
      </c>
      <c r="B19049" s="2">
        <v>16469.0</v>
      </c>
      <c r="C19049" s="1" t="s">
        <v>5</v>
      </c>
      <c r="D19049" s="1" t="s">
        <v>16149</v>
      </c>
      <c r="E19049" s="1" t="s">
        <v>7</v>
      </c>
    </row>
    <row r="19050">
      <c r="A19050" s="1">
        <v>4.90767134E8</v>
      </c>
      <c r="B19050" s="3">
        <v>16584.0</v>
      </c>
      <c r="C19050" s="1" t="s">
        <v>5</v>
      </c>
      <c r="D19050" s="1" t="s">
        <v>11</v>
      </c>
      <c r="E19050" s="1" t="s">
        <v>7</v>
      </c>
    </row>
    <row r="19051">
      <c r="A19051" s="1">
        <v>4.9076714E8</v>
      </c>
      <c r="B19051" s="3">
        <v>16582.0</v>
      </c>
      <c r="C19051" s="1" t="s">
        <v>5</v>
      </c>
      <c r="D19051" s="1" t="s">
        <v>16150</v>
      </c>
      <c r="E19051" s="1" t="s">
        <v>11</v>
      </c>
    </row>
    <row r="19052">
      <c r="A19052" s="1">
        <v>4.90767157E8</v>
      </c>
      <c r="B19052" s="3">
        <v>16575.0</v>
      </c>
      <c r="C19052" s="1" t="s">
        <v>5</v>
      </c>
      <c r="D19052" s="1" t="s">
        <v>16151</v>
      </c>
      <c r="E19052" s="1" t="s">
        <v>7</v>
      </c>
    </row>
    <row r="19053">
      <c r="A19053" s="1">
        <v>4.90767183E8</v>
      </c>
      <c r="B19053" s="2">
        <v>16509.0</v>
      </c>
      <c r="C19053" s="1" t="s">
        <v>5</v>
      </c>
      <c r="D19053" s="1" t="s">
        <v>16152</v>
      </c>
      <c r="E19053" s="1" t="s">
        <v>16153</v>
      </c>
    </row>
    <row r="19054">
      <c r="A19054" s="1">
        <v>4.90767231E8</v>
      </c>
      <c r="B19054" s="3">
        <v>16584.0</v>
      </c>
      <c r="C19054" s="1" t="s">
        <v>5</v>
      </c>
      <c r="D19054" s="1" t="s">
        <v>11</v>
      </c>
      <c r="E19054" s="1" t="s">
        <v>7</v>
      </c>
    </row>
    <row r="19055">
      <c r="A19055" s="1">
        <v>4.90767268E8</v>
      </c>
      <c r="B19055" s="3">
        <v>16579.0</v>
      </c>
      <c r="C19055" s="1" t="s">
        <v>5</v>
      </c>
      <c r="D19055" s="1" t="s">
        <v>11</v>
      </c>
      <c r="E19055" s="1" t="s">
        <v>7</v>
      </c>
    </row>
    <row r="19056">
      <c r="A19056" s="1">
        <v>4.90767297E8</v>
      </c>
      <c r="B19056" s="3">
        <v>16584.0</v>
      </c>
      <c r="C19056" s="1" t="s">
        <v>5</v>
      </c>
      <c r="D19056" s="1" t="s">
        <v>16154</v>
      </c>
      <c r="E19056" s="1" t="s">
        <v>7</v>
      </c>
    </row>
    <row r="19057">
      <c r="A19057" s="1">
        <v>4.90767376E8</v>
      </c>
      <c r="B19057" s="2">
        <v>16470.0</v>
      </c>
      <c r="C19057" s="1" t="s">
        <v>5</v>
      </c>
      <c r="D19057" s="1" t="s">
        <v>11</v>
      </c>
      <c r="E19057" s="1" t="s">
        <v>7</v>
      </c>
    </row>
    <row r="19058">
      <c r="A19058" s="1">
        <v>4.90767398E8</v>
      </c>
      <c r="B19058" s="2">
        <v>16601.0</v>
      </c>
      <c r="C19058" s="1" t="s">
        <v>5</v>
      </c>
      <c r="D19058" s="1" t="s">
        <v>16155</v>
      </c>
      <c r="E19058" s="1" t="s">
        <v>7</v>
      </c>
    </row>
    <row r="19059">
      <c r="A19059" s="1">
        <v>4.90767403E8</v>
      </c>
      <c r="B19059" s="3">
        <v>16581.0</v>
      </c>
      <c r="C19059" s="1" t="s">
        <v>5</v>
      </c>
      <c r="D19059" s="1" t="s">
        <v>16156</v>
      </c>
      <c r="E19059" s="1" t="s">
        <v>7</v>
      </c>
    </row>
    <row r="19060">
      <c r="A19060" s="1">
        <v>4.90767412E8</v>
      </c>
      <c r="B19060" s="3">
        <v>16584.0</v>
      </c>
      <c r="C19060" s="1" t="s">
        <v>5</v>
      </c>
      <c r="D19060" s="1" t="s">
        <v>16157</v>
      </c>
      <c r="E19060" s="1" t="s">
        <v>7</v>
      </c>
    </row>
    <row r="19061">
      <c r="A19061" s="1">
        <v>4.90767415E8</v>
      </c>
      <c r="B19061" s="3">
        <v>16580.0</v>
      </c>
      <c r="C19061" s="1" t="s">
        <v>5</v>
      </c>
      <c r="D19061" s="1" t="s">
        <v>11</v>
      </c>
      <c r="E19061" s="1" t="s">
        <v>7</v>
      </c>
    </row>
    <row r="19062">
      <c r="A19062" s="1">
        <v>4.90767429E8</v>
      </c>
      <c r="B19062" s="2">
        <v>16601.0</v>
      </c>
      <c r="C19062" s="1" t="s">
        <v>5</v>
      </c>
      <c r="D19062" s="1" t="s">
        <v>16158</v>
      </c>
      <c r="E19062" s="1" t="s">
        <v>7</v>
      </c>
    </row>
    <row r="19063">
      <c r="A19063" s="1">
        <v>4.9076746E8</v>
      </c>
      <c r="B19063" s="3">
        <v>16561.0</v>
      </c>
      <c r="C19063" s="1" t="s">
        <v>5</v>
      </c>
      <c r="D19063" s="1" t="s">
        <v>16159</v>
      </c>
      <c r="E19063" s="1" t="s">
        <v>7</v>
      </c>
    </row>
    <row r="19064">
      <c r="A19064" s="1">
        <v>4.90767513E8</v>
      </c>
      <c r="B19064" s="3">
        <v>16577.0</v>
      </c>
      <c r="C19064" s="1" t="s">
        <v>5</v>
      </c>
      <c r="D19064" s="1" t="s">
        <v>11</v>
      </c>
      <c r="E19064" s="1" t="s">
        <v>7</v>
      </c>
    </row>
    <row r="19065">
      <c r="A19065" s="1">
        <v>4.90767518E8</v>
      </c>
      <c r="B19065" s="2">
        <v>16600.0</v>
      </c>
      <c r="C19065" s="1" t="s">
        <v>5</v>
      </c>
      <c r="D19065" s="1" t="s">
        <v>11</v>
      </c>
      <c r="E19065" s="1" t="s">
        <v>7</v>
      </c>
    </row>
    <row r="19066">
      <c r="A19066" s="1">
        <v>4.90767519E8</v>
      </c>
      <c r="B19066" s="3">
        <v>16580.0</v>
      </c>
      <c r="C19066" s="1" t="s">
        <v>5</v>
      </c>
      <c r="D19066" s="1" t="s">
        <v>11</v>
      </c>
      <c r="E19066" s="1" t="s">
        <v>7</v>
      </c>
    </row>
    <row r="19067">
      <c r="A19067" s="1">
        <v>4.90767523E8</v>
      </c>
      <c r="B19067" s="3">
        <v>16572.0</v>
      </c>
      <c r="C19067" s="1" t="s">
        <v>5</v>
      </c>
      <c r="D19067" s="1" t="s">
        <v>16160</v>
      </c>
      <c r="E19067" s="1" t="s">
        <v>11</v>
      </c>
    </row>
    <row r="19068">
      <c r="A19068" s="1">
        <v>4.90767534E8</v>
      </c>
      <c r="B19068" s="2">
        <v>16521.0</v>
      </c>
      <c r="C19068" s="1" t="s">
        <v>5</v>
      </c>
      <c r="D19068" s="1" t="s">
        <v>16161</v>
      </c>
      <c r="E19068" s="1" t="s">
        <v>7</v>
      </c>
    </row>
    <row r="19069">
      <c r="A19069" s="1">
        <v>4.90767593E8</v>
      </c>
      <c r="B19069" s="3">
        <v>16574.0</v>
      </c>
      <c r="C19069" s="1" t="s">
        <v>5</v>
      </c>
      <c r="D19069" s="1" t="s">
        <v>16162</v>
      </c>
      <c r="E19069" s="1" t="s">
        <v>7</v>
      </c>
    </row>
    <row r="19070">
      <c r="A19070" s="1">
        <v>4.90767664E8</v>
      </c>
      <c r="B19070" s="3">
        <v>16583.0</v>
      </c>
      <c r="C19070" s="1" t="s">
        <v>5</v>
      </c>
      <c r="D19070" s="1" t="s">
        <v>16163</v>
      </c>
      <c r="E19070" s="1" t="s">
        <v>11</v>
      </c>
    </row>
    <row r="19071">
      <c r="A19071" s="1">
        <v>4.90767717E8</v>
      </c>
      <c r="B19071" s="2">
        <v>16618.0</v>
      </c>
      <c r="C19071" s="1" t="s">
        <v>5</v>
      </c>
      <c r="D19071" s="1" t="s">
        <v>16164</v>
      </c>
      <c r="E19071" s="1" t="s">
        <v>11</v>
      </c>
    </row>
    <row r="19072">
      <c r="A19072" s="1">
        <v>4.90767739E8</v>
      </c>
      <c r="B19072" s="2">
        <v>16589.0</v>
      </c>
      <c r="C19072" s="1" t="s">
        <v>5</v>
      </c>
      <c r="D19072" s="1" t="s">
        <v>16165</v>
      </c>
      <c r="E19072" s="1" t="s">
        <v>11</v>
      </c>
    </row>
    <row r="19073">
      <c r="A19073" s="1">
        <v>4.90767741E8</v>
      </c>
      <c r="B19073" s="2">
        <v>16601.0</v>
      </c>
      <c r="C19073" s="1" t="s">
        <v>5</v>
      </c>
      <c r="D19073" s="1" t="s">
        <v>16166</v>
      </c>
      <c r="E19073" s="1" t="s">
        <v>7</v>
      </c>
    </row>
    <row r="19074">
      <c r="A19074" s="1">
        <v>4.90767762E8</v>
      </c>
      <c r="B19074" s="2">
        <v>16516.0</v>
      </c>
      <c r="C19074" s="1" t="s">
        <v>5</v>
      </c>
      <c r="D19074" s="1" t="s">
        <v>16167</v>
      </c>
      <c r="E19074" s="1" t="s">
        <v>7</v>
      </c>
    </row>
    <row r="19075">
      <c r="A19075" s="1">
        <v>4.90767797E8</v>
      </c>
      <c r="B19075" s="2">
        <v>16618.0</v>
      </c>
      <c r="C19075" s="1" t="s">
        <v>5</v>
      </c>
      <c r="D19075" s="1" t="s">
        <v>16168</v>
      </c>
      <c r="E19075" s="1" t="s">
        <v>11</v>
      </c>
    </row>
    <row r="19076">
      <c r="A19076" s="1">
        <v>4.90767803E8</v>
      </c>
      <c r="B19076" s="3">
        <v>16586.0</v>
      </c>
      <c r="C19076" s="1" t="s">
        <v>5</v>
      </c>
      <c r="D19076" s="1" t="s">
        <v>16169</v>
      </c>
      <c r="E19076" s="1" t="s">
        <v>7</v>
      </c>
    </row>
    <row r="19077">
      <c r="A19077" s="1">
        <v>4.90767814E8</v>
      </c>
      <c r="B19077" s="3">
        <v>16575.0</v>
      </c>
      <c r="C19077" s="1" t="s">
        <v>5</v>
      </c>
      <c r="D19077" s="1" t="s">
        <v>16170</v>
      </c>
      <c r="E19077" s="1" t="s">
        <v>11</v>
      </c>
    </row>
    <row r="19078">
      <c r="A19078" s="1">
        <v>4.90767819E8</v>
      </c>
      <c r="B19078" s="3">
        <v>16577.0</v>
      </c>
      <c r="C19078" s="1" t="s">
        <v>5</v>
      </c>
      <c r="D19078" s="1" t="s">
        <v>16171</v>
      </c>
      <c r="E19078" s="1" t="s">
        <v>7</v>
      </c>
    </row>
    <row r="19079">
      <c r="A19079" s="1">
        <v>4.90767821E8</v>
      </c>
      <c r="B19079" s="3">
        <v>16582.0</v>
      </c>
      <c r="C19079" s="1" t="s">
        <v>5</v>
      </c>
      <c r="D19079" s="1" t="s">
        <v>16172</v>
      </c>
      <c r="E19079" s="1" t="s">
        <v>7</v>
      </c>
    </row>
    <row r="19080">
      <c r="A19080" s="1">
        <v>4.90767825E8</v>
      </c>
      <c r="B19080" s="2">
        <v>16617.0</v>
      </c>
      <c r="C19080" s="1" t="s">
        <v>5</v>
      </c>
      <c r="D19080" s="1" t="s">
        <v>16173</v>
      </c>
      <c r="E19080" s="1" t="s">
        <v>16174</v>
      </c>
    </row>
    <row r="19081">
      <c r="A19081" s="1">
        <v>4.90767849E8</v>
      </c>
      <c r="B19081" s="3">
        <v>16582.0</v>
      </c>
      <c r="C19081" s="1" t="s">
        <v>5</v>
      </c>
      <c r="D19081" s="1" t="s">
        <v>16175</v>
      </c>
      <c r="E19081" s="1" t="s">
        <v>7</v>
      </c>
    </row>
    <row r="19082">
      <c r="A19082" s="1">
        <v>4.90767857E8</v>
      </c>
      <c r="B19082" s="3">
        <v>16572.0</v>
      </c>
      <c r="C19082" s="1" t="s">
        <v>5</v>
      </c>
      <c r="D19082" s="1" t="s">
        <v>16176</v>
      </c>
      <c r="E19082" s="1" t="s">
        <v>16177</v>
      </c>
    </row>
    <row r="19083">
      <c r="A19083" s="1">
        <v>4.90767887E8</v>
      </c>
      <c r="B19083" s="2">
        <v>16537.0</v>
      </c>
      <c r="C19083" s="1" t="s">
        <v>5</v>
      </c>
      <c r="D19083" s="1" t="s">
        <v>16178</v>
      </c>
      <c r="E19083" s="1" t="s">
        <v>7</v>
      </c>
    </row>
    <row r="19084">
      <c r="A19084" s="1">
        <v>4.90767891E8</v>
      </c>
      <c r="B19084" s="3">
        <v>16575.0</v>
      </c>
      <c r="C19084" s="1" t="s">
        <v>5</v>
      </c>
      <c r="D19084" s="1" t="s">
        <v>14519</v>
      </c>
      <c r="E19084" s="1" t="s">
        <v>7</v>
      </c>
    </row>
    <row r="19085">
      <c r="A19085" s="1">
        <v>4.90767897E8</v>
      </c>
      <c r="B19085" s="2">
        <v>16523.0</v>
      </c>
      <c r="C19085" s="1" t="s">
        <v>5</v>
      </c>
      <c r="D19085" s="1" t="s">
        <v>16179</v>
      </c>
      <c r="E19085" s="1" t="s">
        <v>7</v>
      </c>
    </row>
    <row r="19086">
      <c r="A19086" s="1">
        <v>4.90767937E8</v>
      </c>
      <c r="B19086" s="2">
        <v>16617.0</v>
      </c>
      <c r="C19086" s="1" t="s">
        <v>5</v>
      </c>
      <c r="D19086" s="1" t="s">
        <v>16180</v>
      </c>
      <c r="E19086" s="1" t="s">
        <v>7</v>
      </c>
    </row>
    <row r="19087">
      <c r="A19087" s="1">
        <v>4.90767969E8</v>
      </c>
      <c r="B19087" s="3">
        <v>16577.0</v>
      </c>
      <c r="C19087" s="1" t="s">
        <v>5</v>
      </c>
      <c r="D19087" s="1" t="s">
        <v>11</v>
      </c>
      <c r="E19087" s="1" t="s">
        <v>7</v>
      </c>
    </row>
    <row r="19088">
      <c r="A19088" s="1">
        <v>4.90767985E8</v>
      </c>
      <c r="B19088" s="2">
        <v>16521.0</v>
      </c>
      <c r="C19088" s="1" t="s">
        <v>5</v>
      </c>
      <c r="D19088" s="1" t="s">
        <v>16181</v>
      </c>
      <c r="E19088" s="1" t="s">
        <v>7</v>
      </c>
    </row>
    <row r="19089">
      <c r="A19089" s="1">
        <v>4.90767986E8</v>
      </c>
      <c r="B19089" s="2">
        <v>16643.0</v>
      </c>
      <c r="C19089" s="1" t="s">
        <v>5</v>
      </c>
      <c r="D19089" s="1" t="s">
        <v>11</v>
      </c>
      <c r="E19089" s="1" t="s">
        <v>7</v>
      </c>
    </row>
    <row r="19090">
      <c r="A19090" s="1">
        <v>4.90768048E8</v>
      </c>
      <c r="B19090" s="2">
        <v>16521.0</v>
      </c>
      <c r="C19090" s="1" t="s">
        <v>5</v>
      </c>
      <c r="D19090" s="1" t="s">
        <v>16182</v>
      </c>
      <c r="E19090" s="1" t="s">
        <v>16183</v>
      </c>
    </row>
    <row r="19091">
      <c r="A19091" s="1">
        <v>4.90768057E8</v>
      </c>
      <c r="B19091" s="3">
        <v>16574.0</v>
      </c>
      <c r="C19091" s="1" t="s">
        <v>5</v>
      </c>
      <c r="D19091" s="1" t="s">
        <v>16184</v>
      </c>
      <c r="E19091" s="1" t="s">
        <v>16185</v>
      </c>
    </row>
    <row r="19092">
      <c r="A19092" s="1">
        <v>4.90768093E8</v>
      </c>
      <c r="B19092" s="2">
        <v>16640.0</v>
      </c>
      <c r="C19092" s="1" t="s">
        <v>5</v>
      </c>
      <c r="D19092" s="1" t="s">
        <v>16186</v>
      </c>
      <c r="E19092" s="1" t="s">
        <v>16187</v>
      </c>
    </row>
    <row r="19093">
      <c r="A19093" s="1">
        <v>4.90768113E8</v>
      </c>
      <c r="B19093" s="2">
        <v>16521.0</v>
      </c>
      <c r="C19093" s="1" t="s">
        <v>5</v>
      </c>
      <c r="D19093" s="1" t="s">
        <v>16188</v>
      </c>
      <c r="E19093" s="1" t="s">
        <v>7</v>
      </c>
    </row>
    <row r="19094">
      <c r="A19094" s="1">
        <v>4.90768132E8</v>
      </c>
      <c r="B19094" s="2">
        <v>16646.0</v>
      </c>
      <c r="C19094" s="1" t="s">
        <v>5</v>
      </c>
      <c r="D19094" s="1" t="s">
        <v>16189</v>
      </c>
      <c r="E19094" s="1" t="s">
        <v>7</v>
      </c>
    </row>
    <row r="19095">
      <c r="A19095" s="1">
        <v>4.90768205E8</v>
      </c>
      <c r="B19095" s="2">
        <v>16614.0</v>
      </c>
      <c r="C19095" s="1" t="s">
        <v>5</v>
      </c>
      <c r="D19095" s="1" t="s">
        <v>16190</v>
      </c>
      <c r="E19095" s="1" t="s">
        <v>7</v>
      </c>
    </row>
    <row r="19096">
      <c r="A19096" s="1">
        <v>4.90768215E8</v>
      </c>
      <c r="B19096" s="3">
        <v>16581.0</v>
      </c>
      <c r="C19096" s="1" t="s">
        <v>5</v>
      </c>
      <c r="D19096" s="1" t="s">
        <v>16191</v>
      </c>
      <c r="E19096" s="1" t="s">
        <v>11</v>
      </c>
    </row>
    <row r="19097">
      <c r="A19097" s="1">
        <v>4.90768258E8</v>
      </c>
      <c r="B19097" s="3">
        <v>16572.0</v>
      </c>
      <c r="C19097" s="1" t="s">
        <v>5</v>
      </c>
      <c r="D19097" s="1" t="s">
        <v>16192</v>
      </c>
      <c r="E19097" s="1" t="s">
        <v>16193</v>
      </c>
    </row>
    <row r="19098">
      <c r="A19098" s="1">
        <v>4.90768415E8</v>
      </c>
      <c r="B19098" s="3">
        <v>16570.0</v>
      </c>
      <c r="C19098" s="1" t="s">
        <v>5</v>
      </c>
      <c r="D19098" s="1" t="s">
        <v>16194</v>
      </c>
      <c r="E19098" s="1" t="s">
        <v>7</v>
      </c>
    </row>
    <row r="19099">
      <c r="A19099" s="1">
        <v>4.90768483E8</v>
      </c>
      <c r="B19099" s="3">
        <v>16570.0</v>
      </c>
      <c r="C19099" s="1" t="s">
        <v>5</v>
      </c>
      <c r="D19099" s="1" t="s">
        <v>16195</v>
      </c>
      <c r="E19099" s="1" t="s">
        <v>7</v>
      </c>
    </row>
    <row r="19100">
      <c r="A19100" s="1">
        <v>4.90768485E8</v>
      </c>
      <c r="B19100" s="3">
        <v>16568.0</v>
      </c>
      <c r="C19100" s="1" t="s">
        <v>5</v>
      </c>
      <c r="D19100" s="1" t="s">
        <v>11</v>
      </c>
      <c r="E19100" s="1" t="s">
        <v>7</v>
      </c>
    </row>
    <row r="19101">
      <c r="A19101" s="1">
        <v>4.90768523E8</v>
      </c>
      <c r="B19101" s="2">
        <v>16630.0</v>
      </c>
      <c r="C19101" s="1" t="s">
        <v>5</v>
      </c>
      <c r="D19101" s="1" t="s">
        <v>16196</v>
      </c>
      <c r="E19101" s="1" t="s">
        <v>7</v>
      </c>
    </row>
    <row r="19102">
      <c r="A19102" s="1">
        <v>4.90768541E8</v>
      </c>
      <c r="B19102" s="2">
        <v>16639.0</v>
      </c>
      <c r="C19102" s="1" t="s">
        <v>5</v>
      </c>
      <c r="D19102" s="1" t="s">
        <v>16197</v>
      </c>
      <c r="E19102" s="1" t="s">
        <v>7</v>
      </c>
    </row>
    <row r="19103">
      <c r="A19103" s="1">
        <v>4.90768558E8</v>
      </c>
      <c r="B19103" s="3">
        <v>16567.0</v>
      </c>
      <c r="C19103" s="1" t="s">
        <v>5</v>
      </c>
      <c r="D19103" s="1" t="s">
        <v>16198</v>
      </c>
      <c r="E19103" s="1" t="s">
        <v>7</v>
      </c>
    </row>
    <row r="19104">
      <c r="A19104" s="1">
        <v>4.90768603E8</v>
      </c>
      <c r="B19104" s="3">
        <v>16580.0</v>
      </c>
      <c r="C19104" s="1" t="s">
        <v>5</v>
      </c>
      <c r="D19104" s="1" t="s">
        <v>16199</v>
      </c>
      <c r="E19104" s="1" t="s">
        <v>7</v>
      </c>
    </row>
    <row r="19105">
      <c r="A19105" s="1">
        <v>4.90768677E8</v>
      </c>
      <c r="B19105" s="2">
        <v>16610.0</v>
      </c>
      <c r="C19105" s="1" t="s">
        <v>5</v>
      </c>
      <c r="D19105" s="1" t="s">
        <v>16200</v>
      </c>
      <c r="E19105" s="1" t="s">
        <v>11</v>
      </c>
    </row>
    <row r="19106">
      <c r="A19106" s="1">
        <v>4.90768735E8</v>
      </c>
      <c r="B19106" s="3">
        <v>16570.0</v>
      </c>
      <c r="C19106" s="1" t="s">
        <v>5</v>
      </c>
      <c r="D19106" s="1" t="s">
        <v>16201</v>
      </c>
      <c r="E19106" s="1" t="s">
        <v>7</v>
      </c>
    </row>
    <row r="19107">
      <c r="A19107" s="1">
        <v>4.90768813E8</v>
      </c>
      <c r="B19107" s="3">
        <v>16562.0</v>
      </c>
      <c r="C19107" s="1" t="s">
        <v>5</v>
      </c>
      <c r="D19107" s="1" t="s">
        <v>11</v>
      </c>
      <c r="E19107" s="1" t="s">
        <v>7</v>
      </c>
    </row>
    <row r="19108">
      <c r="A19108" s="1">
        <v>4.90768853E8</v>
      </c>
      <c r="B19108" s="2">
        <v>16628.0</v>
      </c>
      <c r="C19108" s="1" t="s">
        <v>5</v>
      </c>
      <c r="D19108" s="1" t="s">
        <v>16202</v>
      </c>
      <c r="E19108" s="1" t="s">
        <v>7</v>
      </c>
    </row>
    <row r="19109">
      <c r="A19109" s="1">
        <v>4.90768877E8</v>
      </c>
      <c r="B19109" s="2">
        <v>16608.0</v>
      </c>
      <c r="C19109" s="1" t="s">
        <v>5</v>
      </c>
      <c r="D19109" s="1" t="s">
        <v>16203</v>
      </c>
      <c r="E19109" s="1" t="s">
        <v>7</v>
      </c>
    </row>
    <row r="19110">
      <c r="A19110" s="1">
        <v>4.90768899E8</v>
      </c>
      <c r="B19110" s="3">
        <v>16574.0</v>
      </c>
      <c r="C19110" s="1" t="s">
        <v>5</v>
      </c>
      <c r="D19110" s="1" t="s">
        <v>16204</v>
      </c>
      <c r="E19110" s="1" t="s">
        <v>7</v>
      </c>
    </row>
    <row r="19111">
      <c r="A19111" s="1">
        <v>4.90768918E8</v>
      </c>
      <c r="B19111" s="3">
        <v>16577.0</v>
      </c>
      <c r="C19111" s="1" t="s">
        <v>5</v>
      </c>
      <c r="D19111" s="1" t="s">
        <v>11</v>
      </c>
      <c r="E19111" s="1" t="s">
        <v>7</v>
      </c>
    </row>
    <row r="19112">
      <c r="A19112" s="1">
        <v>4.90768946E8</v>
      </c>
      <c r="B19112" s="3">
        <v>16561.0</v>
      </c>
      <c r="C19112" s="1" t="s">
        <v>5</v>
      </c>
      <c r="D19112" s="1" t="s">
        <v>11</v>
      </c>
      <c r="E19112" s="1" t="s">
        <v>7</v>
      </c>
    </row>
    <row r="19113">
      <c r="A19113" s="1">
        <v>4.90768992E8</v>
      </c>
      <c r="B19113" s="2">
        <v>16605.0</v>
      </c>
      <c r="C19113" s="1" t="s">
        <v>5</v>
      </c>
      <c r="D19113" s="1" t="s">
        <v>16205</v>
      </c>
      <c r="E19113" s="1" t="s">
        <v>16206</v>
      </c>
    </row>
    <row r="19114">
      <c r="A19114" s="1">
        <v>4.90768993E8</v>
      </c>
      <c r="B19114" s="3">
        <v>16560.0</v>
      </c>
      <c r="C19114" s="1" t="s">
        <v>5</v>
      </c>
      <c r="D19114" s="1" t="s">
        <v>16207</v>
      </c>
      <c r="E19114" s="1" t="s">
        <v>16208</v>
      </c>
    </row>
    <row r="19115">
      <c r="A19115" s="1">
        <v>4.90768997E8</v>
      </c>
      <c r="B19115" s="2">
        <v>16601.0</v>
      </c>
      <c r="C19115" s="1" t="s">
        <v>5</v>
      </c>
      <c r="D19115" s="1" t="s">
        <v>16209</v>
      </c>
      <c r="E19115" s="1" t="s">
        <v>7</v>
      </c>
    </row>
    <row r="19116">
      <c r="A19116" s="1">
        <v>4.90769008E8</v>
      </c>
      <c r="B19116" s="2">
        <v>16626.0</v>
      </c>
      <c r="C19116" s="1" t="s">
        <v>5</v>
      </c>
      <c r="D19116" s="1" t="s">
        <v>16210</v>
      </c>
      <c r="E19116" s="1" t="s">
        <v>11</v>
      </c>
    </row>
    <row r="19117">
      <c r="A19117" s="1">
        <v>4.90769034E8</v>
      </c>
      <c r="B19117" s="3">
        <v>16572.0</v>
      </c>
      <c r="C19117" s="1" t="s">
        <v>5</v>
      </c>
      <c r="D19117" s="1" t="s">
        <v>16211</v>
      </c>
      <c r="E19117" s="1" t="s">
        <v>7</v>
      </c>
    </row>
    <row r="19118">
      <c r="A19118" s="1">
        <v>4.90769035E8</v>
      </c>
      <c r="B19118" s="3">
        <v>16570.0</v>
      </c>
      <c r="C19118" s="1" t="s">
        <v>5</v>
      </c>
      <c r="D19118" s="1" t="s">
        <v>16212</v>
      </c>
      <c r="E19118" s="1" t="s">
        <v>7</v>
      </c>
    </row>
    <row r="19119">
      <c r="A19119" s="1">
        <v>4.90769077E8</v>
      </c>
      <c r="B19119" s="3">
        <v>16576.0</v>
      </c>
      <c r="C19119" s="1" t="s">
        <v>5</v>
      </c>
      <c r="D19119" s="1" t="s">
        <v>16213</v>
      </c>
      <c r="E19119" s="1" t="s">
        <v>7</v>
      </c>
    </row>
    <row r="19120">
      <c r="A19120" s="1">
        <v>4.90769087E8</v>
      </c>
      <c r="B19120" s="3">
        <v>16563.0</v>
      </c>
      <c r="C19120" s="1" t="s">
        <v>5</v>
      </c>
      <c r="D19120" s="1" t="s">
        <v>16214</v>
      </c>
      <c r="E19120" s="1" t="s">
        <v>7</v>
      </c>
    </row>
    <row r="19121">
      <c r="A19121" s="1">
        <v>4.90769097E8</v>
      </c>
      <c r="B19121" s="3">
        <v>16567.0</v>
      </c>
      <c r="C19121" s="1" t="s">
        <v>5</v>
      </c>
      <c r="D19121" s="1" t="s">
        <v>16215</v>
      </c>
      <c r="E19121" s="1" t="s">
        <v>7</v>
      </c>
    </row>
    <row r="19122">
      <c r="A19122" s="1">
        <v>4.90769153E8</v>
      </c>
      <c r="B19122" s="2">
        <v>16598.0</v>
      </c>
      <c r="C19122" s="1" t="s">
        <v>5</v>
      </c>
      <c r="D19122" s="1" t="s">
        <v>16216</v>
      </c>
      <c r="E19122" s="1" t="s">
        <v>16217</v>
      </c>
    </row>
    <row r="19123">
      <c r="A19123" s="1">
        <v>4.90769193E8</v>
      </c>
      <c r="B19123" s="2">
        <v>16598.0</v>
      </c>
      <c r="C19123" s="1" t="s">
        <v>5</v>
      </c>
      <c r="D19123" s="1" t="s">
        <v>16218</v>
      </c>
      <c r="E19123" s="1" t="s">
        <v>16219</v>
      </c>
    </row>
    <row r="19124">
      <c r="A19124" s="1">
        <v>4.90769201E8</v>
      </c>
      <c r="B19124" s="2">
        <v>16625.0</v>
      </c>
      <c r="C19124" s="1" t="s">
        <v>5</v>
      </c>
      <c r="D19124" s="1" t="s">
        <v>11</v>
      </c>
      <c r="E19124" s="1" t="s">
        <v>7</v>
      </c>
    </row>
    <row r="19125">
      <c r="A19125" s="1">
        <v>4.90769247E8</v>
      </c>
      <c r="B19125" s="3">
        <v>16576.0</v>
      </c>
      <c r="C19125" s="1" t="s">
        <v>5</v>
      </c>
      <c r="D19125" s="1" t="s">
        <v>11</v>
      </c>
      <c r="E19125" s="1" t="s">
        <v>7</v>
      </c>
    </row>
    <row r="19126">
      <c r="A19126" s="1">
        <v>4.9076925E8</v>
      </c>
      <c r="B19126" s="3">
        <v>16570.0</v>
      </c>
      <c r="C19126" s="1" t="s">
        <v>5</v>
      </c>
      <c r="D19126" s="1" t="s">
        <v>16220</v>
      </c>
      <c r="E19126" s="1" t="s">
        <v>7</v>
      </c>
    </row>
    <row r="19127">
      <c r="A19127" s="1">
        <v>4.90769271E8</v>
      </c>
      <c r="B19127" s="2">
        <v>16589.0</v>
      </c>
      <c r="C19127" s="1" t="s">
        <v>5</v>
      </c>
      <c r="D19127" s="1" t="s">
        <v>11</v>
      </c>
      <c r="E19127" s="1" t="s">
        <v>7</v>
      </c>
    </row>
    <row r="19128">
      <c r="A19128" s="1">
        <v>4.90769283E8</v>
      </c>
      <c r="B19128" s="2">
        <v>16600.0</v>
      </c>
      <c r="C19128" s="1" t="s">
        <v>5</v>
      </c>
      <c r="D19128" s="1" t="s">
        <v>11</v>
      </c>
      <c r="E19128" s="1" t="s">
        <v>7</v>
      </c>
    </row>
    <row r="19129">
      <c r="A19129" s="1">
        <v>4.90769336E8</v>
      </c>
      <c r="B19129" s="2">
        <v>16628.0</v>
      </c>
      <c r="C19129" s="1" t="s">
        <v>5</v>
      </c>
      <c r="D19129" s="1" t="s">
        <v>16221</v>
      </c>
      <c r="E19129" s="1" t="s">
        <v>7</v>
      </c>
    </row>
    <row r="19130">
      <c r="A19130" s="1">
        <v>4.90769368E8</v>
      </c>
      <c r="B19130" s="3">
        <v>16565.0</v>
      </c>
      <c r="C19130" s="1" t="s">
        <v>5</v>
      </c>
      <c r="D19130" s="1" t="s">
        <v>16222</v>
      </c>
      <c r="E19130" s="1" t="s">
        <v>7</v>
      </c>
    </row>
    <row r="19131">
      <c r="A19131" s="1">
        <v>4.90769411E8</v>
      </c>
      <c r="B19131" s="3">
        <v>16560.0</v>
      </c>
      <c r="C19131" s="1" t="s">
        <v>5</v>
      </c>
      <c r="D19131" s="1" t="s">
        <v>16223</v>
      </c>
      <c r="E19131" s="1" t="s">
        <v>7</v>
      </c>
    </row>
    <row r="19132">
      <c r="A19132" s="1">
        <v>4.90769416E8</v>
      </c>
      <c r="B19132" s="3">
        <v>16575.0</v>
      </c>
      <c r="C19132" s="1" t="s">
        <v>5</v>
      </c>
      <c r="D19132" s="1" t="s">
        <v>16224</v>
      </c>
      <c r="E19132" s="1" t="s">
        <v>16225</v>
      </c>
    </row>
    <row r="19133">
      <c r="A19133" s="1">
        <v>4.90769426E8</v>
      </c>
      <c r="B19133" s="2">
        <v>16628.0</v>
      </c>
      <c r="C19133" s="1" t="s">
        <v>5</v>
      </c>
      <c r="D19133" s="1" t="s">
        <v>16226</v>
      </c>
      <c r="E19133" s="1" t="s">
        <v>11</v>
      </c>
    </row>
    <row r="19134">
      <c r="A19134" s="1">
        <v>4.90769466E8</v>
      </c>
      <c r="B19134" s="2">
        <v>16623.0</v>
      </c>
      <c r="C19134" s="1" t="s">
        <v>5</v>
      </c>
      <c r="D19134" s="1" t="s">
        <v>16227</v>
      </c>
      <c r="E19134" s="1" t="s">
        <v>7</v>
      </c>
    </row>
    <row r="19135">
      <c r="A19135" s="1">
        <v>4.90769498E8</v>
      </c>
      <c r="B19135" s="3">
        <v>16587.0</v>
      </c>
      <c r="C19135" s="1" t="s">
        <v>5</v>
      </c>
      <c r="D19135" s="1" t="s">
        <v>16228</v>
      </c>
      <c r="E19135" s="1" t="s">
        <v>7</v>
      </c>
    </row>
    <row r="19136">
      <c r="A19136" s="1">
        <v>4.90769526E8</v>
      </c>
      <c r="B19136" s="2">
        <v>16643.0</v>
      </c>
      <c r="C19136" s="1" t="s">
        <v>5</v>
      </c>
      <c r="D19136" s="1" t="s">
        <v>11</v>
      </c>
      <c r="E19136" s="1" t="s">
        <v>7</v>
      </c>
    </row>
    <row r="19137">
      <c r="A19137" s="1">
        <v>4.90769576E8</v>
      </c>
      <c r="B19137" s="2">
        <v>16640.0</v>
      </c>
      <c r="C19137" s="1" t="s">
        <v>5</v>
      </c>
      <c r="D19137" s="1" t="s">
        <v>11</v>
      </c>
      <c r="E19137" s="1" t="s">
        <v>7</v>
      </c>
    </row>
    <row r="19138">
      <c r="A19138" s="1">
        <v>4.90769583E8</v>
      </c>
      <c r="B19138" s="3">
        <v>16563.0</v>
      </c>
      <c r="C19138" s="1" t="s">
        <v>5</v>
      </c>
      <c r="D19138" s="1" t="s">
        <v>16229</v>
      </c>
      <c r="E19138" s="1" t="s">
        <v>7</v>
      </c>
    </row>
    <row r="19139">
      <c r="A19139" s="1">
        <v>4.90769594E8</v>
      </c>
      <c r="B19139" s="2">
        <v>16640.0</v>
      </c>
      <c r="C19139" s="1" t="s">
        <v>5</v>
      </c>
      <c r="D19139" s="1" t="s">
        <v>16230</v>
      </c>
      <c r="E19139" s="1" t="s">
        <v>7</v>
      </c>
    </row>
    <row r="19140">
      <c r="A19140" s="1">
        <v>4.9076965E8</v>
      </c>
      <c r="B19140" s="2">
        <v>16643.0</v>
      </c>
      <c r="C19140" s="1" t="s">
        <v>5</v>
      </c>
      <c r="D19140" s="1" t="s">
        <v>16231</v>
      </c>
      <c r="E19140" s="1" t="s">
        <v>11</v>
      </c>
    </row>
    <row r="19141">
      <c r="A19141" s="1">
        <v>4.90769657E8</v>
      </c>
      <c r="B19141" s="3">
        <v>16558.0</v>
      </c>
      <c r="C19141" s="1" t="s">
        <v>5</v>
      </c>
      <c r="D19141" s="1" t="s">
        <v>16232</v>
      </c>
      <c r="E19141" s="1" t="s">
        <v>7</v>
      </c>
    </row>
    <row r="19142">
      <c r="A19142" s="1">
        <v>4.90769675E8</v>
      </c>
      <c r="B19142" s="2">
        <v>16619.0</v>
      </c>
      <c r="C19142" s="1" t="s">
        <v>5</v>
      </c>
      <c r="D19142" s="1" t="s">
        <v>16233</v>
      </c>
      <c r="E19142" s="1" t="s">
        <v>11</v>
      </c>
    </row>
    <row r="19143">
      <c r="A19143" s="1">
        <v>4.90769685E8</v>
      </c>
      <c r="B19143" s="2">
        <v>16622.0</v>
      </c>
      <c r="C19143" s="1" t="s">
        <v>5</v>
      </c>
      <c r="D19143" s="1" t="s">
        <v>16234</v>
      </c>
      <c r="E19143" s="1" t="s">
        <v>7</v>
      </c>
    </row>
    <row r="19144">
      <c r="A19144" s="1">
        <v>4.90769693E8</v>
      </c>
      <c r="B19144" s="3">
        <v>16568.0</v>
      </c>
      <c r="C19144" s="1" t="s">
        <v>5</v>
      </c>
      <c r="D19144" s="1" t="s">
        <v>16235</v>
      </c>
      <c r="E19144" s="1" t="s">
        <v>11</v>
      </c>
    </row>
    <row r="19145">
      <c r="A19145" s="1">
        <v>4.90769741E8</v>
      </c>
      <c r="B19145" s="2">
        <v>16642.0</v>
      </c>
      <c r="C19145" s="1" t="s">
        <v>5</v>
      </c>
      <c r="D19145" s="1" t="s">
        <v>16236</v>
      </c>
      <c r="E19145" s="1" t="s">
        <v>11</v>
      </c>
    </row>
    <row r="19146">
      <c r="A19146" s="1">
        <v>4.90769797E8</v>
      </c>
      <c r="B19146" s="2">
        <v>16601.0</v>
      </c>
      <c r="C19146" s="1" t="s">
        <v>5</v>
      </c>
      <c r="D19146" s="1" t="s">
        <v>16237</v>
      </c>
      <c r="E19146" s="1" t="s">
        <v>7</v>
      </c>
    </row>
    <row r="19147">
      <c r="A19147" s="1">
        <v>4.90769866E8</v>
      </c>
      <c r="B19147" s="3">
        <v>16561.0</v>
      </c>
      <c r="C19147" s="1" t="s">
        <v>5</v>
      </c>
      <c r="D19147" s="1" t="s">
        <v>16238</v>
      </c>
      <c r="E19147" s="1" t="s">
        <v>7</v>
      </c>
    </row>
    <row r="19148">
      <c r="A19148" s="1">
        <v>4.90769878E8</v>
      </c>
      <c r="B19148" s="2">
        <v>16601.0</v>
      </c>
      <c r="C19148" s="1" t="s">
        <v>5</v>
      </c>
      <c r="D19148" s="1" t="s">
        <v>16239</v>
      </c>
      <c r="E19148" s="1" t="s">
        <v>7</v>
      </c>
    </row>
    <row r="19149">
      <c r="A19149" s="1">
        <v>4.90769891E8</v>
      </c>
      <c r="B19149" s="3">
        <v>16584.0</v>
      </c>
      <c r="C19149" s="1" t="s">
        <v>5</v>
      </c>
      <c r="D19149" s="1" t="s">
        <v>11</v>
      </c>
      <c r="E19149" s="1" t="s">
        <v>7</v>
      </c>
    </row>
    <row r="19150">
      <c r="A19150" s="1">
        <v>4.90769986E8</v>
      </c>
      <c r="B19150" s="2">
        <v>16600.0</v>
      </c>
      <c r="C19150" s="1" t="s">
        <v>5</v>
      </c>
      <c r="D19150" s="1" t="s">
        <v>16240</v>
      </c>
      <c r="E19150" s="1" t="s">
        <v>11</v>
      </c>
    </row>
    <row r="19151">
      <c r="A19151" s="1">
        <v>4.90770011E8</v>
      </c>
      <c r="B19151" s="2">
        <v>16618.0</v>
      </c>
      <c r="C19151" s="1" t="s">
        <v>5</v>
      </c>
      <c r="D19151" s="1" t="s">
        <v>16241</v>
      </c>
      <c r="E19151" s="1" t="s">
        <v>7</v>
      </c>
    </row>
    <row r="19152">
      <c r="A19152" s="1">
        <v>4.90770037E8</v>
      </c>
      <c r="B19152" s="3">
        <v>16559.0</v>
      </c>
      <c r="C19152" s="1" t="s">
        <v>5</v>
      </c>
      <c r="D19152" s="1" t="s">
        <v>16242</v>
      </c>
      <c r="E19152" s="1" t="s">
        <v>7</v>
      </c>
    </row>
    <row r="19153">
      <c r="A19153" s="1">
        <v>4.90770047E8</v>
      </c>
      <c r="B19153" s="2">
        <v>16633.0</v>
      </c>
      <c r="C19153" s="1" t="s">
        <v>5</v>
      </c>
      <c r="D19153" s="1" t="s">
        <v>16243</v>
      </c>
      <c r="E19153" s="1" t="s">
        <v>7</v>
      </c>
    </row>
    <row r="19154">
      <c r="A19154" s="1">
        <v>4.90770056E8</v>
      </c>
      <c r="B19154" s="2">
        <v>16589.0</v>
      </c>
      <c r="C19154" s="1" t="s">
        <v>5</v>
      </c>
      <c r="D19154" s="1" t="s">
        <v>11</v>
      </c>
      <c r="E19154" s="1" t="s">
        <v>7</v>
      </c>
    </row>
    <row r="19155">
      <c r="A19155" s="1">
        <v>4.90770079E8</v>
      </c>
      <c r="B19155" s="2">
        <v>16624.0</v>
      </c>
      <c r="C19155" s="1" t="s">
        <v>5</v>
      </c>
      <c r="D19155" s="1" t="s">
        <v>16244</v>
      </c>
      <c r="E19155" s="1" t="s">
        <v>7</v>
      </c>
    </row>
    <row r="19156">
      <c r="A19156" s="1">
        <v>4.90770113E8</v>
      </c>
      <c r="B19156" s="3">
        <v>16559.0</v>
      </c>
      <c r="C19156" s="1" t="s">
        <v>5</v>
      </c>
      <c r="D19156" s="1" t="s">
        <v>16245</v>
      </c>
      <c r="E19156" s="1" t="s">
        <v>7</v>
      </c>
    </row>
    <row r="19157">
      <c r="A19157" s="1">
        <v>4.90770118E8</v>
      </c>
      <c r="B19157" s="3">
        <v>16558.0</v>
      </c>
      <c r="C19157" s="1" t="s">
        <v>5</v>
      </c>
      <c r="D19157" s="1" t="s">
        <v>16246</v>
      </c>
      <c r="E19157" s="1" t="s">
        <v>16247</v>
      </c>
    </row>
    <row r="19158">
      <c r="A19158" s="1">
        <v>4.90770277E8</v>
      </c>
      <c r="B19158" s="2">
        <v>16640.0</v>
      </c>
      <c r="C19158" s="1" t="s">
        <v>5</v>
      </c>
      <c r="D19158" s="1" t="s">
        <v>16248</v>
      </c>
      <c r="E19158" s="1" t="s">
        <v>7</v>
      </c>
    </row>
    <row r="19159">
      <c r="A19159" s="1">
        <v>4.90770285E8</v>
      </c>
      <c r="B19159" s="2">
        <v>16616.0</v>
      </c>
      <c r="C19159" s="1" t="s">
        <v>5</v>
      </c>
      <c r="D19159" s="1" t="s">
        <v>16249</v>
      </c>
      <c r="E19159" s="1" t="s">
        <v>7</v>
      </c>
    </row>
    <row r="19160">
      <c r="A19160" s="1">
        <v>4.90770287E8</v>
      </c>
      <c r="B19160" s="2">
        <v>16635.0</v>
      </c>
      <c r="C19160" s="1" t="s">
        <v>5</v>
      </c>
      <c r="D19160" s="1" t="s">
        <v>16250</v>
      </c>
      <c r="E19160" s="1" t="s">
        <v>7</v>
      </c>
    </row>
    <row r="19161">
      <c r="A19161" s="1">
        <v>4.90770311E8</v>
      </c>
      <c r="B19161" s="2">
        <v>16647.0</v>
      </c>
      <c r="C19161" s="1" t="s">
        <v>5</v>
      </c>
      <c r="D19161" s="1" t="s">
        <v>11</v>
      </c>
      <c r="E19161" s="1" t="s">
        <v>7</v>
      </c>
    </row>
    <row r="19162">
      <c r="A19162" s="1">
        <v>4.90770331E8</v>
      </c>
      <c r="B19162" s="2">
        <v>16635.0</v>
      </c>
      <c r="C19162" s="1" t="s">
        <v>5</v>
      </c>
      <c r="D19162" s="1" t="s">
        <v>16251</v>
      </c>
      <c r="E19162" s="1" t="s">
        <v>7</v>
      </c>
    </row>
    <row r="19163">
      <c r="A19163" s="1">
        <v>4.90770371E8</v>
      </c>
      <c r="B19163" s="2">
        <v>16647.0</v>
      </c>
      <c r="C19163" s="1" t="s">
        <v>5</v>
      </c>
      <c r="D19163" s="1" t="s">
        <v>11</v>
      </c>
      <c r="E19163" s="1" t="s">
        <v>7</v>
      </c>
    </row>
    <row r="19164">
      <c r="A19164" s="1">
        <v>4.90770409E8</v>
      </c>
      <c r="B19164" s="3">
        <v>16558.0</v>
      </c>
      <c r="C19164" s="1" t="s">
        <v>5</v>
      </c>
      <c r="D19164" s="1" t="s">
        <v>16252</v>
      </c>
      <c r="E19164" s="1" t="s">
        <v>11</v>
      </c>
    </row>
    <row r="19165">
      <c r="A19165" s="1">
        <v>4.90770437E8</v>
      </c>
      <c r="B19165" s="2">
        <v>16639.0</v>
      </c>
      <c r="C19165" s="1" t="s">
        <v>5</v>
      </c>
      <c r="D19165" s="1" t="s">
        <v>16253</v>
      </c>
      <c r="E19165" s="1" t="s">
        <v>7</v>
      </c>
    </row>
    <row r="19166">
      <c r="A19166" s="1">
        <v>4.90770464E8</v>
      </c>
      <c r="B19166" s="2">
        <v>16616.0</v>
      </c>
      <c r="C19166" s="1" t="s">
        <v>5</v>
      </c>
      <c r="D19166" s="1" t="s">
        <v>16254</v>
      </c>
      <c r="E19166" s="1" t="s">
        <v>7</v>
      </c>
    </row>
    <row r="19167">
      <c r="A19167" s="1">
        <v>4.90770474E8</v>
      </c>
      <c r="B19167" s="2">
        <v>16619.0</v>
      </c>
      <c r="C19167" s="1" t="s">
        <v>5</v>
      </c>
      <c r="D19167" s="1" t="s">
        <v>11</v>
      </c>
      <c r="E19167" s="1" t="s">
        <v>7</v>
      </c>
    </row>
    <row r="19168">
      <c r="A19168" s="1">
        <v>4.90770487E8</v>
      </c>
      <c r="B19168" s="3">
        <v>16563.0</v>
      </c>
      <c r="C19168" s="1" t="s">
        <v>5</v>
      </c>
      <c r="D19168" s="1" t="s">
        <v>11</v>
      </c>
      <c r="E19168" s="1" t="s">
        <v>7</v>
      </c>
    </row>
    <row r="19169">
      <c r="A19169" s="1">
        <v>4.90770488E8</v>
      </c>
      <c r="B19169" s="2">
        <v>16614.0</v>
      </c>
      <c r="C19169" s="1" t="s">
        <v>5</v>
      </c>
      <c r="D19169" s="1" t="s">
        <v>16255</v>
      </c>
      <c r="E19169" s="1" t="s">
        <v>7</v>
      </c>
    </row>
    <row r="19170">
      <c r="A19170" s="1">
        <v>4.90770497E8</v>
      </c>
      <c r="B19170" s="2">
        <v>16632.0</v>
      </c>
      <c r="C19170" s="1" t="s">
        <v>5</v>
      </c>
      <c r="D19170" s="1" t="s">
        <v>16256</v>
      </c>
      <c r="E19170" s="1" t="s">
        <v>7</v>
      </c>
    </row>
    <row r="19171">
      <c r="A19171" s="1">
        <v>4.90770498E8</v>
      </c>
      <c r="B19171" s="2">
        <v>16680.0</v>
      </c>
      <c r="C19171" s="1" t="s">
        <v>5</v>
      </c>
      <c r="D19171" s="1" t="s">
        <v>16257</v>
      </c>
      <c r="E19171" s="1" t="s">
        <v>7</v>
      </c>
    </row>
    <row r="19172">
      <c r="A19172" s="1">
        <v>4.90770578E8</v>
      </c>
      <c r="B19172" s="2">
        <v>16622.0</v>
      </c>
      <c r="C19172" s="1" t="s">
        <v>5</v>
      </c>
      <c r="D19172" s="1" t="s">
        <v>16258</v>
      </c>
      <c r="E19172" s="1" t="s">
        <v>7</v>
      </c>
    </row>
    <row r="19173">
      <c r="A19173" s="1">
        <v>4.9077063E8</v>
      </c>
      <c r="B19173" s="3">
        <v>16561.0</v>
      </c>
      <c r="C19173" s="1" t="s">
        <v>5</v>
      </c>
      <c r="D19173" s="1" t="s">
        <v>11</v>
      </c>
      <c r="E19173" s="1" t="s">
        <v>7</v>
      </c>
    </row>
    <row r="19174">
      <c r="A19174" s="1">
        <v>4.90770677E8</v>
      </c>
      <c r="B19174" s="2">
        <v>16617.0</v>
      </c>
      <c r="C19174" s="1" t="s">
        <v>5</v>
      </c>
      <c r="D19174" s="1" t="s">
        <v>16259</v>
      </c>
      <c r="E19174" s="1" t="s">
        <v>16260</v>
      </c>
    </row>
    <row r="19175">
      <c r="A19175" s="1">
        <v>4.90770738E8</v>
      </c>
      <c r="B19175" s="2">
        <v>16678.0</v>
      </c>
      <c r="C19175" s="1" t="s">
        <v>5</v>
      </c>
      <c r="D19175" s="1" t="s">
        <v>16261</v>
      </c>
      <c r="E19175" s="1" t="s">
        <v>11</v>
      </c>
    </row>
    <row r="19176">
      <c r="A19176" s="1">
        <v>4.90770751E8</v>
      </c>
      <c r="B19176" s="2">
        <v>16621.0</v>
      </c>
      <c r="C19176" s="1" t="s">
        <v>5</v>
      </c>
      <c r="D19176" s="1" t="s">
        <v>16262</v>
      </c>
      <c r="E19176" s="1" t="s">
        <v>16263</v>
      </c>
    </row>
    <row r="19177">
      <c r="A19177" s="1">
        <v>4.90770811E8</v>
      </c>
      <c r="B19177" s="2">
        <v>16616.0</v>
      </c>
      <c r="C19177" s="1" t="s">
        <v>5</v>
      </c>
      <c r="D19177" s="1" t="s">
        <v>16264</v>
      </c>
      <c r="E19177" s="1" t="s">
        <v>7</v>
      </c>
    </row>
    <row r="19178">
      <c r="A19178" s="1">
        <v>4.90770895E8</v>
      </c>
      <c r="B19178" s="2">
        <v>16610.0</v>
      </c>
      <c r="C19178" s="1" t="s">
        <v>5</v>
      </c>
      <c r="D19178" s="1" t="s">
        <v>16265</v>
      </c>
      <c r="E19178" s="1" t="s">
        <v>7</v>
      </c>
    </row>
    <row r="19179">
      <c r="A19179" s="1">
        <v>4.90770917E8</v>
      </c>
      <c r="B19179" s="2">
        <v>16675.0</v>
      </c>
      <c r="C19179" s="1" t="s">
        <v>5</v>
      </c>
      <c r="D19179" s="1" t="s">
        <v>16266</v>
      </c>
      <c r="E19179" s="1" t="s">
        <v>7</v>
      </c>
    </row>
    <row r="19180">
      <c r="A19180" s="1">
        <v>4.90770931E8</v>
      </c>
      <c r="B19180" s="2">
        <v>16646.0</v>
      </c>
      <c r="C19180" s="1" t="s">
        <v>5</v>
      </c>
      <c r="D19180" s="1" t="s">
        <v>16267</v>
      </c>
      <c r="E19180" s="1" t="s">
        <v>7</v>
      </c>
    </row>
    <row r="19181">
      <c r="A19181" s="1">
        <v>4.90770945E8</v>
      </c>
      <c r="B19181" s="2">
        <v>16619.0</v>
      </c>
      <c r="C19181" s="1" t="s">
        <v>5</v>
      </c>
      <c r="D19181" s="1" t="s">
        <v>16268</v>
      </c>
      <c r="E19181" s="1" t="s">
        <v>7</v>
      </c>
    </row>
    <row r="19182">
      <c r="A19182" s="1">
        <v>4.90770968E8</v>
      </c>
      <c r="B19182" s="2">
        <v>16635.0</v>
      </c>
      <c r="C19182" s="1" t="s">
        <v>5</v>
      </c>
      <c r="D19182" s="1" t="s">
        <v>16269</v>
      </c>
      <c r="E19182" s="1" t="s">
        <v>7</v>
      </c>
    </row>
    <row r="19183">
      <c r="A19183" s="1">
        <v>4.90770983E8</v>
      </c>
      <c r="B19183" s="2">
        <v>16630.0</v>
      </c>
      <c r="C19183" s="1" t="s">
        <v>5</v>
      </c>
      <c r="D19183" s="1" t="s">
        <v>11</v>
      </c>
      <c r="E19183" s="1" t="s">
        <v>7</v>
      </c>
    </row>
    <row r="19184">
      <c r="A19184" s="1">
        <v>4.90771012E8</v>
      </c>
      <c r="B19184" s="2">
        <v>16630.0</v>
      </c>
      <c r="C19184" s="1" t="s">
        <v>5</v>
      </c>
      <c r="D19184" s="1" t="s">
        <v>11</v>
      </c>
      <c r="E19184" s="1" t="s">
        <v>7</v>
      </c>
    </row>
    <row r="19185">
      <c r="A19185" s="1">
        <v>4.90771015E8</v>
      </c>
      <c r="B19185" s="2">
        <v>16614.0</v>
      </c>
      <c r="C19185" s="1" t="s">
        <v>5</v>
      </c>
      <c r="D19185" s="1" t="s">
        <v>16270</v>
      </c>
      <c r="E19185" s="1" t="s">
        <v>7</v>
      </c>
    </row>
    <row r="19186">
      <c r="A19186" s="1">
        <v>4.9077105E8</v>
      </c>
      <c r="B19186" s="2">
        <v>16675.0</v>
      </c>
      <c r="C19186" s="1" t="s">
        <v>5</v>
      </c>
      <c r="D19186" s="1" t="s">
        <v>16271</v>
      </c>
      <c r="E19186" s="1" t="s">
        <v>7</v>
      </c>
    </row>
    <row r="19187">
      <c r="A19187" s="1">
        <v>4.90771128E8</v>
      </c>
      <c r="B19187" s="2">
        <v>16614.0</v>
      </c>
      <c r="C19187" s="1" t="s">
        <v>5</v>
      </c>
      <c r="D19187" s="1" t="s">
        <v>16272</v>
      </c>
      <c r="E19187" s="1" t="s">
        <v>7</v>
      </c>
    </row>
    <row r="19188">
      <c r="A19188" s="1">
        <v>4.90771135E8</v>
      </c>
      <c r="B19188" s="2">
        <v>16674.0</v>
      </c>
      <c r="C19188" s="1" t="s">
        <v>5</v>
      </c>
      <c r="D19188" s="1" t="s">
        <v>16273</v>
      </c>
      <c r="E19188" s="1" t="s">
        <v>7</v>
      </c>
    </row>
    <row r="19189">
      <c r="A19189" s="1">
        <v>4.90771141E8</v>
      </c>
      <c r="B19189" s="3">
        <v>16570.0</v>
      </c>
      <c r="C19189" s="1" t="s">
        <v>5</v>
      </c>
      <c r="D19189" s="1" t="s">
        <v>16274</v>
      </c>
      <c r="E19189" s="1" t="s">
        <v>7</v>
      </c>
    </row>
    <row r="19190">
      <c r="A19190" s="1">
        <v>4.90771161E8</v>
      </c>
      <c r="B19190" s="2">
        <v>16673.0</v>
      </c>
      <c r="C19190" s="1" t="s">
        <v>5</v>
      </c>
      <c r="D19190" s="1" t="s">
        <v>11</v>
      </c>
      <c r="E19190" s="1" t="s">
        <v>7</v>
      </c>
    </row>
    <row r="19191">
      <c r="A19191" s="1">
        <v>4.90771171E8</v>
      </c>
      <c r="B19191" s="2">
        <v>16642.0</v>
      </c>
      <c r="C19191" s="1" t="s">
        <v>5</v>
      </c>
      <c r="D19191" s="1" t="s">
        <v>16275</v>
      </c>
      <c r="E19191" s="1" t="s">
        <v>11</v>
      </c>
    </row>
    <row r="19192">
      <c r="A19192" s="1">
        <v>4.90771181E8</v>
      </c>
      <c r="B19192" s="2">
        <v>16673.0</v>
      </c>
      <c r="C19192" s="1" t="s">
        <v>5</v>
      </c>
      <c r="D19192" s="1" t="s">
        <v>16276</v>
      </c>
      <c r="E19192" s="1" t="s">
        <v>11</v>
      </c>
    </row>
    <row r="19193">
      <c r="A19193" s="1">
        <v>4.90771195E8</v>
      </c>
      <c r="B19193" s="2">
        <v>16635.0</v>
      </c>
      <c r="C19193" s="1" t="s">
        <v>5</v>
      </c>
      <c r="D19193" s="1" t="s">
        <v>16277</v>
      </c>
      <c r="E19193" s="1" t="s">
        <v>11</v>
      </c>
    </row>
    <row r="19194">
      <c r="A19194" s="1">
        <v>4.90771202E8</v>
      </c>
      <c r="B19194" s="3">
        <v>16559.0</v>
      </c>
      <c r="C19194" s="1" t="s">
        <v>5</v>
      </c>
      <c r="D19194" s="1" t="s">
        <v>16278</v>
      </c>
      <c r="E19194" s="1" t="s">
        <v>7</v>
      </c>
    </row>
    <row r="19195">
      <c r="A19195" s="1">
        <v>4.90771208E8</v>
      </c>
      <c r="B19195" s="2">
        <v>16629.0</v>
      </c>
      <c r="C19195" s="1" t="s">
        <v>5</v>
      </c>
      <c r="D19195" s="1" t="s">
        <v>16279</v>
      </c>
      <c r="E19195" s="1" t="s">
        <v>7</v>
      </c>
    </row>
    <row r="19196">
      <c r="A19196" s="1">
        <v>4.90771237E8</v>
      </c>
      <c r="B19196" s="3">
        <v>16569.0</v>
      </c>
      <c r="C19196" s="1" t="s">
        <v>5</v>
      </c>
      <c r="D19196" s="1" t="s">
        <v>16280</v>
      </c>
      <c r="E19196" s="1" t="s">
        <v>16281</v>
      </c>
    </row>
    <row r="19197">
      <c r="A19197" s="1">
        <v>4.90771247E8</v>
      </c>
      <c r="B19197" s="2">
        <v>16612.0</v>
      </c>
      <c r="C19197" s="1" t="s">
        <v>5</v>
      </c>
      <c r="D19197" s="1" t="s">
        <v>16282</v>
      </c>
      <c r="E19197" s="1" t="s">
        <v>7</v>
      </c>
    </row>
    <row r="19198">
      <c r="A19198" s="1">
        <v>4.90771266E8</v>
      </c>
      <c r="B19198" s="2">
        <v>16612.0</v>
      </c>
      <c r="C19198" s="1" t="s">
        <v>5</v>
      </c>
      <c r="D19198" s="1" t="s">
        <v>16283</v>
      </c>
      <c r="E19198" s="1" t="s">
        <v>11</v>
      </c>
    </row>
    <row r="19199">
      <c r="A19199" s="1">
        <v>4.90771269E8</v>
      </c>
      <c r="B19199" s="2">
        <v>16612.0</v>
      </c>
      <c r="C19199" s="1" t="s">
        <v>5</v>
      </c>
      <c r="D19199" s="1" t="s">
        <v>11</v>
      </c>
      <c r="E19199" s="1" t="s">
        <v>7</v>
      </c>
    </row>
    <row r="19200">
      <c r="A19200" s="1">
        <v>4.90771272E8</v>
      </c>
      <c r="B19200" s="2">
        <v>16672.0</v>
      </c>
      <c r="C19200" s="1" t="s">
        <v>5</v>
      </c>
      <c r="D19200" s="1" t="s">
        <v>16284</v>
      </c>
      <c r="E19200" s="1" t="s">
        <v>16285</v>
      </c>
    </row>
    <row r="19201">
      <c r="A19201" s="1">
        <v>4.90771274E8</v>
      </c>
      <c r="B19201" s="2">
        <v>16628.0</v>
      </c>
      <c r="C19201" s="1" t="s">
        <v>5</v>
      </c>
      <c r="D19201" s="1" t="s">
        <v>11</v>
      </c>
      <c r="E19201" s="1" t="s">
        <v>7</v>
      </c>
    </row>
    <row r="19202">
      <c r="A19202" s="1">
        <v>4.9077129E8</v>
      </c>
      <c r="B19202" s="3">
        <v>16558.0</v>
      </c>
      <c r="C19202" s="1" t="s">
        <v>5</v>
      </c>
      <c r="D19202" s="1" t="s">
        <v>16286</v>
      </c>
      <c r="E19202" s="1" t="s">
        <v>16287</v>
      </c>
    </row>
    <row r="19203">
      <c r="A19203" s="1">
        <v>4.90771304E8</v>
      </c>
      <c r="B19203" s="2">
        <v>16609.0</v>
      </c>
      <c r="C19203" s="1" t="s">
        <v>5</v>
      </c>
      <c r="D19203" s="1" t="s">
        <v>16288</v>
      </c>
      <c r="E19203" s="1" t="s">
        <v>16289</v>
      </c>
    </row>
    <row r="19204">
      <c r="A19204" s="1">
        <v>4.90771317E8</v>
      </c>
      <c r="B19204" s="2">
        <v>16618.0</v>
      </c>
      <c r="C19204" s="1" t="s">
        <v>5</v>
      </c>
      <c r="D19204" s="1" t="s">
        <v>16290</v>
      </c>
      <c r="E19204" s="1" t="s">
        <v>16291</v>
      </c>
    </row>
    <row r="19205">
      <c r="A19205" s="1">
        <v>4.90771398E8</v>
      </c>
      <c r="B19205" s="2">
        <v>16628.0</v>
      </c>
      <c r="C19205" s="1" t="s">
        <v>5</v>
      </c>
      <c r="D19205" s="1" t="s">
        <v>16292</v>
      </c>
      <c r="E19205" s="1" t="s">
        <v>7</v>
      </c>
    </row>
    <row r="19206">
      <c r="A19206" s="1">
        <v>4.90771445E8</v>
      </c>
      <c r="B19206" s="2">
        <v>16672.0</v>
      </c>
      <c r="C19206" s="1" t="s">
        <v>5</v>
      </c>
      <c r="D19206" s="1" t="s">
        <v>11</v>
      </c>
      <c r="E19206" s="1" t="s">
        <v>7</v>
      </c>
    </row>
    <row r="19207">
      <c r="A19207" s="1">
        <v>4.90771509E8</v>
      </c>
      <c r="B19207" s="2">
        <v>16604.0</v>
      </c>
      <c r="C19207" s="1" t="s">
        <v>5</v>
      </c>
      <c r="D19207" s="1" t="s">
        <v>16293</v>
      </c>
      <c r="E19207" s="1" t="s">
        <v>16294</v>
      </c>
    </row>
    <row r="19208">
      <c r="A19208" s="1">
        <v>4.90771589E8</v>
      </c>
      <c r="B19208" s="3">
        <v>16583.0</v>
      </c>
      <c r="C19208" s="1" t="s">
        <v>5</v>
      </c>
      <c r="D19208" s="1" t="s">
        <v>11</v>
      </c>
      <c r="E19208" s="1" t="s">
        <v>7</v>
      </c>
    </row>
    <row r="19209">
      <c r="A19209" s="1">
        <v>4.90771595E8</v>
      </c>
      <c r="B19209" s="3">
        <v>16566.0</v>
      </c>
      <c r="C19209" s="1" t="s">
        <v>5</v>
      </c>
      <c r="D19209" s="1" t="s">
        <v>16295</v>
      </c>
      <c r="E19209" s="1" t="s">
        <v>16296</v>
      </c>
    </row>
    <row r="19210">
      <c r="A19210" s="1">
        <v>4.90771613E8</v>
      </c>
      <c r="B19210" s="2">
        <v>16638.0</v>
      </c>
      <c r="C19210" s="1" t="s">
        <v>5</v>
      </c>
      <c r="D19210" s="1" t="s">
        <v>16297</v>
      </c>
      <c r="E19210" s="1" t="s">
        <v>7</v>
      </c>
    </row>
    <row r="19211">
      <c r="A19211" s="1">
        <v>4.90771617E8</v>
      </c>
      <c r="B19211" s="2">
        <v>16605.0</v>
      </c>
      <c r="C19211" s="1" t="s">
        <v>5</v>
      </c>
      <c r="D19211" s="1" t="s">
        <v>16298</v>
      </c>
      <c r="E19211" s="1" t="s">
        <v>16299</v>
      </c>
    </row>
    <row r="19212">
      <c r="A19212" s="1">
        <v>4.9077162E8</v>
      </c>
      <c r="B19212" s="2">
        <v>16608.0</v>
      </c>
      <c r="C19212" s="1" t="s">
        <v>5</v>
      </c>
      <c r="D19212" s="1" t="s">
        <v>11</v>
      </c>
      <c r="E19212" s="1" t="s">
        <v>7</v>
      </c>
    </row>
    <row r="19213">
      <c r="A19213" s="1">
        <v>4.90771637E8</v>
      </c>
      <c r="B19213" s="2">
        <v>16631.0</v>
      </c>
      <c r="C19213" s="1" t="s">
        <v>5</v>
      </c>
      <c r="D19213" s="1" t="s">
        <v>16300</v>
      </c>
      <c r="E19213" s="1" t="s">
        <v>7</v>
      </c>
    </row>
    <row r="19214">
      <c r="A19214" s="1">
        <v>4.90771693E8</v>
      </c>
      <c r="B19214" s="3">
        <v>16583.0</v>
      </c>
      <c r="C19214" s="1" t="s">
        <v>5</v>
      </c>
      <c r="D19214" s="1" t="s">
        <v>16301</v>
      </c>
      <c r="E19214" s="1" t="s">
        <v>11</v>
      </c>
    </row>
    <row r="19215">
      <c r="A19215" s="1">
        <v>4.90771715E8</v>
      </c>
      <c r="B19215" s="2">
        <v>16611.0</v>
      </c>
      <c r="C19215" s="1" t="s">
        <v>5</v>
      </c>
      <c r="D19215" s="1" t="s">
        <v>11</v>
      </c>
      <c r="E19215" s="1" t="s">
        <v>7</v>
      </c>
    </row>
    <row r="19216">
      <c r="A19216" s="1">
        <v>4.90771717E8</v>
      </c>
      <c r="B19216" s="2">
        <v>16609.0</v>
      </c>
      <c r="C19216" s="1" t="s">
        <v>5</v>
      </c>
      <c r="D19216" s="1" t="s">
        <v>11</v>
      </c>
      <c r="E19216" s="1" t="s">
        <v>7</v>
      </c>
    </row>
    <row r="19217">
      <c r="A19217" s="1">
        <v>4.90771729E8</v>
      </c>
      <c r="B19217" s="2">
        <v>16668.0</v>
      </c>
      <c r="C19217" s="1" t="s">
        <v>5</v>
      </c>
      <c r="D19217" s="1" t="s">
        <v>11</v>
      </c>
      <c r="E19217" s="1" t="s">
        <v>7</v>
      </c>
    </row>
    <row r="19218">
      <c r="A19218" s="1">
        <v>4.90771741E8</v>
      </c>
      <c r="B19218" s="3">
        <v>16565.0</v>
      </c>
      <c r="C19218" s="1" t="s">
        <v>5</v>
      </c>
      <c r="D19218" s="1" t="s">
        <v>16302</v>
      </c>
      <c r="E19218" s="1" t="s">
        <v>7</v>
      </c>
    </row>
    <row r="19219">
      <c r="A19219" s="1">
        <v>4.90771758E8</v>
      </c>
      <c r="B19219" s="2">
        <v>16611.0</v>
      </c>
      <c r="C19219" s="1" t="s">
        <v>5</v>
      </c>
      <c r="D19219" s="1" t="s">
        <v>14519</v>
      </c>
      <c r="E19219" s="1" t="s">
        <v>7</v>
      </c>
    </row>
    <row r="19220">
      <c r="A19220" s="1">
        <v>4.90771775E8</v>
      </c>
      <c r="B19220" s="2">
        <v>16626.0</v>
      </c>
      <c r="C19220" s="1" t="s">
        <v>5</v>
      </c>
      <c r="D19220" s="1" t="s">
        <v>16303</v>
      </c>
      <c r="E19220" s="1" t="s">
        <v>7</v>
      </c>
    </row>
    <row r="19221">
      <c r="A19221" s="1">
        <v>4.90771778E8</v>
      </c>
      <c r="B19221" s="3">
        <v>16583.0</v>
      </c>
      <c r="C19221" s="1" t="s">
        <v>5</v>
      </c>
      <c r="D19221" s="1" t="s">
        <v>11</v>
      </c>
      <c r="E19221" s="1" t="s">
        <v>7</v>
      </c>
    </row>
    <row r="19222">
      <c r="A19222" s="1">
        <v>4.9077178E8</v>
      </c>
      <c r="B19222" s="2">
        <v>16610.0</v>
      </c>
      <c r="C19222" s="1" t="s">
        <v>5</v>
      </c>
      <c r="D19222" s="1" t="s">
        <v>16304</v>
      </c>
      <c r="E19222" s="1" t="s">
        <v>7</v>
      </c>
    </row>
    <row r="19223">
      <c r="A19223" s="1">
        <v>4.90771863E8</v>
      </c>
      <c r="B19223" s="2">
        <v>16628.0</v>
      </c>
      <c r="C19223" s="1" t="s">
        <v>5</v>
      </c>
      <c r="D19223" s="1" t="s">
        <v>16305</v>
      </c>
      <c r="E19223" s="1" t="s">
        <v>7</v>
      </c>
    </row>
    <row r="19224">
      <c r="A19224" s="1">
        <v>4.90771877E8</v>
      </c>
      <c r="B19224" s="2">
        <v>16667.0</v>
      </c>
      <c r="C19224" s="1" t="s">
        <v>5</v>
      </c>
      <c r="D19224" s="1" t="s">
        <v>11</v>
      </c>
      <c r="E19224" s="1" t="s">
        <v>7</v>
      </c>
    </row>
    <row r="19225">
      <c r="A19225" s="1">
        <v>4.90771898E8</v>
      </c>
      <c r="B19225" s="2">
        <v>16668.0</v>
      </c>
      <c r="C19225" s="1" t="s">
        <v>5</v>
      </c>
      <c r="D19225" s="1" t="s">
        <v>16306</v>
      </c>
      <c r="E19225" s="1" t="s">
        <v>7</v>
      </c>
    </row>
    <row r="19226">
      <c r="A19226" s="1">
        <v>4.90771928E8</v>
      </c>
      <c r="B19226" s="2">
        <v>16616.0</v>
      </c>
      <c r="C19226" s="1" t="s">
        <v>5</v>
      </c>
      <c r="D19226" s="1" t="s">
        <v>16307</v>
      </c>
      <c r="E19226" s="1" t="s">
        <v>7</v>
      </c>
    </row>
    <row r="19227">
      <c r="A19227" s="1">
        <v>4.90771933E8</v>
      </c>
      <c r="B19227" s="2">
        <v>16632.0</v>
      </c>
      <c r="C19227" s="1" t="s">
        <v>5</v>
      </c>
      <c r="D19227" s="1" t="s">
        <v>16308</v>
      </c>
      <c r="E19227" s="1" t="s">
        <v>7</v>
      </c>
    </row>
    <row r="19228">
      <c r="A19228" s="1">
        <v>4.90772021E8</v>
      </c>
      <c r="B19228" s="2">
        <v>16670.0</v>
      </c>
      <c r="C19228" s="1" t="s">
        <v>5</v>
      </c>
      <c r="D19228" s="1" t="s">
        <v>16309</v>
      </c>
      <c r="E19228" s="1" t="s">
        <v>7</v>
      </c>
    </row>
    <row r="19229">
      <c r="A19229" s="1">
        <v>4.90772032E8</v>
      </c>
      <c r="B19229" s="2">
        <v>16605.0</v>
      </c>
      <c r="C19229" s="1" t="s">
        <v>5</v>
      </c>
      <c r="D19229" s="1" t="s">
        <v>16310</v>
      </c>
      <c r="E19229" s="1" t="s">
        <v>7</v>
      </c>
    </row>
    <row r="19230">
      <c r="A19230" s="1">
        <v>4.90772055E8</v>
      </c>
      <c r="B19230" s="2">
        <v>16631.0</v>
      </c>
      <c r="C19230" s="1" t="s">
        <v>5</v>
      </c>
      <c r="D19230" s="1" t="s">
        <v>11</v>
      </c>
      <c r="E19230" s="1" t="s">
        <v>7</v>
      </c>
    </row>
    <row r="19231">
      <c r="A19231" s="1">
        <v>4.90772061E8</v>
      </c>
      <c r="B19231" s="2">
        <v>16598.0</v>
      </c>
      <c r="C19231" s="1" t="s">
        <v>5</v>
      </c>
      <c r="D19231" s="1" t="s">
        <v>16311</v>
      </c>
      <c r="E19231" s="1" t="s">
        <v>7</v>
      </c>
    </row>
    <row r="19232">
      <c r="A19232" s="1">
        <v>4.90772115E8</v>
      </c>
      <c r="B19232" s="2">
        <v>16615.0</v>
      </c>
      <c r="C19232" s="1" t="s">
        <v>5</v>
      </c>
      <c r="D19232" s="1" t="s">
        <v>16312</v>
      </c>
      <c r="E19232" s="1" t="s">
        <v>7</v>
      </c>
    </row>
    <row r="19233">
      <c r="A19233" s="1">
        <v>4.90772157E8</v>
      </c>
      <c r="B19233" s="2">
        <v>16624.0</v>
      </c>
      <c r="C19233" s="1" t="s">
        <v>5</v>
      </c>
      <c r="D19233" s="1" t="s">
        <v>16313</v>
      </c>
      <c r="E19233" s="1" t="s">
        <v>16314</v>
      </c>
    </row>
    <row r="19234">
      <c r="A19234" s="1">
        <v>4.90772226E8</v>
      </c>
      <c r="B19234" s="2">
        <v>16667.0</v>
      </c>
      <c r="C19234" s="1" t="s">
        <v>5</v>
      </c>
      <c r="D19234" s="1" t="s">
        <v>11</v>
      </c>
      <c r="E19234" s="1" t="s">
        <v>7</v>
      </c>
    </row>
    <row r="19235">
      <c r="A19235" s="1">
        <v>4.90772258E8</v>
      </c>
      <c r="B19235" s="2">
        <v>16605.0</v>
      </c>
      <c r="C19235" s="1" t="s">
        <v>5</v>
      </c>
      <c r="D19235" s="1" t="s">
        <v>11</v>
      </c>
      <c r="E19235" s="1" t="s">
        <v>7</v>
      </c>
    </row>
    <row r="19236">
      <c r="A19236" s="1">
        <v>4.90772309E8</v>
      </c>
      <c r="B19236" s="2">
        <v>16604.0</v>
      </c>
      <c r="C19236" s="1" t="s">
        <v>5</v>
      </c>
      <c r="D19236" s="1" t="s">
        <v>16315</v>
      </c>
      <c r="E19236" s="1" t="s">
        <v>7</v>
      </c>
    </row>
    <row r="19237">
      <c r="A19237" s="1">
        <v>4.90772321E8</v>
      </c>
      <c r="B19237" s="2">
        <v>16629.0</v>
      </c>
      <c r="C19237" s="1" t="s">
        <v>5</v>
      </c>
      <c r="D19237" s="1" t="s">
        <v>16316</v>
      </c>
      <c r="E19237" s="1" t="s">
        <v>7</v>
      </c>
    </row>
    <row r="19238">
      <c r="A19238" s="1">
        <v>4.90772323E8</v>
      </c>
      <c r="B19238" s="2">
        <v>16612.0</v>
      </c>
      <c r="C19238" s="1" t="s">
        <v>5</v>
      </c>
      <c r="D19238" s="1" t="s">
        <v>16317</v>
      </c>
      <c r="E19238" s="1" t="s">
        <v>7</v>
      </c>
    </row>
    <row r="19239">
      <c r="A19239" s="1">
        <v>4.90772341E8</v>
      </c>
      <c r="B19239" s="2">
        <v>16605.0</v>
      </c>
      <c r="C19239" s="1" t="s">
        <v>5</v>
      </c>
      <c r="D19239" s="1" t="s">
        <v>16318</v>
      </c>
      <c r="E19239" s="1" t="s">
        <v>11</v>
      </c>
    </row>
    <row r="19240">
      <c r="A19240" s="1">
        <v>4.90772355E8</v>
      </c>
      <c r="B19240" s="3">
        <v>16561.0</v>
      </c>
      <c r="C19240" s="1" t="s">
        <v>5</v>
      </c>
      <c r="D19240" s="1" t="s">
        <v>16319</v>
      </c>
      <c r="E19240" s="1" t="s">
        <v>16320</v>
      </c>
    </row>
    <row r="19241">
      <c r="A19241" s="1">
        <v>4.90772357E8</v>
      </c>
      <c r="B19241" s="2">
        <v>16614.0</v>
      </c>
      <c r="C19241" s="1" t="s">
        <v>5</v>
      </c>
      <c r="D19241" s="1" t="s">
        <v>16321</v>
      </c>
      <c r="E19241" s="1" t="s">
        <v>7</v>
      </c>
    </row>
    <row r="19242">
      <c r="A19242" s="1">
        <v>4.90772361E8</v>
      </c>
      <c r="B19242" s="2">
        <v>16666.0</v>
      </c>
      <c r="C19242" s="1" t="s">
        <v>5</v>
      </c>
      <c r="D19242" s="1" t="s">
        <v>16322</v>
      </c>
      <c r="E19242" s="1" t="s">
        <v>7</v>
      </c>
    </row>
    <row r="19243">
      <c r="A19243" s="1">
        <v>4.90772377E8</v>
      </c>
      <c r="B19243" s="2">
        <v>16612.0</v>
      </c>
      <c r="C19243" s="1" t="s">
        <v>5</v>
      </c>
      <c r="D19243" s="1" t="s">
        <v>16323</v>
      </c>
      <c r="E19243" s="1" t="s">
        <v>7</v>
      </c>
    </row>
    <row r="19244">
      <c r="A19244" s="1">
        <v>4.90772379E8</v>
      </c>
      <c r="B19244" s="2">
        <v>16593.0</v>
      </c>
      <c r="C19244" s="1" t="s">
        <v>5</v>
      </c>
      <c r="D19244" s="1" t="s">
        <v>11</v>
      </c>
      <c r="E19244" s="1" t="s">
        <v>7</v>
      </c>
    </row>
    <row r="19245">
      <c r="A19245" s="1">
        <v>4.90772389E8</v>
      </c>
      <c r="B19245" s="2">
        <v>16666.0</v>
      </c>
      <c r="C19245" s="1" t="s">
        <v>5</v>
      </c>
      <c r="D19245" s="1" t="s">
        <v>16324</v>
      </c>
      <c r="E19245" s="1" t="s">
        <v>11</v>
      </c>
    </row>
    <row r="19246">
      <c r="A19246" s="1">
        <v>4.90772485E8</v>
      </c>
      <c r="B19246" s="2">
        <v>16668.0</v>
      </c>
      <c r="C19246" s="1" t="s">
        <v>5</v>
      </c>
      <c r="D19246" s="1" t="s">
        <v>16325</v>
      </c>
      <c r="E19246" s="1" t="s">
        <v>11</v>
      </c>
    </row>
    <row r="19247">
      <c r="A19247" s="1">
        <v>4.90772497E8</v>
      </c>
      <c r="B19247" s="2">
        <v>16619.0</v>
      </c>
      <c r="C19247" s="1" t="s">
        <v>5</v>
      </c>
      <c r="D19247" s="1" t="s">
        <v>16326</v>
      </c>
      <c r="E19247" s="1" t="s">
        <v>7</v>
      </c>
    </row>
    <row r="19248">
      <c r="A19248" s="1">
        <v>4.90772498E8</v>
      </c>
      <c r="B19248" s="3">
        <v>16582.0</v>
      </c>
      <c r="C19248" s="1" t="s">
        <v>5</v>
      </c>
      <c r="D19248" s="1" t="s">
        <v>16327</v>
      </c>
      <c r="E19248" s="1" t="s">
        <v>11</v>
      </c>
    </row>
    <row r="19249">
      <c r="A19249" s="1">
        <v>4.90772509E8</v>
      </c>
      <c r="B19249" s="2">
        <v>16622.0</v>
      </c>
      <c r="C19249" s="1" t="s">
        <v>5</v>
      </c>
      <c r="D19249" s="1" t="s">
        <v>11</v>
      </c>
      <c r="E19249" s="1" t="s">
        <v>7</v>
      </c>
    </row>
    <row r="19250">
      <c r="A19250" s="1">
        <v>4.90772541E8</v>
      </c>
      <c r="B19250" s="3">
        <v>16561.0</v>
      </c>
      <c r="C19250" s="1" t="s">
        <v>5</v>
      </c>
      <c r="D19250" s="1" t="s">
        <v>16328</v>
      </c>
      <c r="E19250" s="1" t="s">
        <v>7</v>
      </c>
    </row>
    <row r="19251">
      <c r="A19251" s="1">
        <v>4.90772553E8</v>
      </c>
      <c r="B19251" s="2">
        <v>16594.0</v>
      </c>
      <c r="C19251" s="1" t="s">
        <v>5</v>
      </c>
      <c r="D19251" s="1" t="s">
        <v>16329</v>
      </c>
      <c r="E19251" s="1" t="s">
        <v>7</v>
      </c>
    </row>
    <row r="19252">
      <c r="A19252" s="1">
        <v>4.90772569E8</v>
      </c>
      <c r="B19252" s="2">
        <v>16619.0</v>
      </c>
      <c r="C19252" s="1" t="s">
        <v>5</v>
      </c>
      <c r="D19252" s="1" t="s">
        <v>16330</v>
      </c>
      <c r="E19252" s="1" t="s">
        <v>11</v>
      </c>
    </row>
    <row r="19253">
      <c r="A19253" s="1">
        <v>4.90772586E8</v>
      </c>
      <c r="B19253" s="3">
        <v>16582.0</v>
      </c>
      <c r="C19253" s="1" t="s">
        <v>5</v>
      </c>
      <c r="D19253" s="1" t="s">
        <v>14519</v>
      </c>
      <c r="E19253" s="1" t="s">
        <v>7</v>
      </c>
    </row>
    <row r="19254">
      <c r="A19254" s="1">
        <v>4.90772614E8</v>
      </c>
      <c r="B19254" s="2">
        <v>16590.0</v>
      </c>
      <c r="C19254" s="1" t="s">
        <v>5</v>
      </c>
      <c r="D19254" s="1" t="s">
        <v>11</v>
      </c>
      <c r="E19254" s="1" t="s">
        <v>7</v>
      </c>
    </row>
    <row r="19255">
      <c r="A19255" s="1">
        <v>4.9077262E8</v>
      </c>
      <c r="B19255" s="2">
        <v>16603.0</v>
      </c>
      <c r="C19255" s="1" t="s">
        <v>5</v>
      </c>
      <c r="D19255" s="1" t="s">
        <v>16331</v>
      </c>
      <c r="E19255" s="1" t="s">
        <v>7</v>
      </c>
    </row>
    <row r="19256">
      <c r="A19256" s="1">
        <v>4.90772675E8</v>
      </c>
      <c r="B19256" s="2">
        <v>16621.0</v>
      </c>
      <c r="C19256" s="1" t="s">
        <v>5</v>
      </c>
      <c r="D19256" s="1" t="s">
        <v>11</v>
      </c>
      <c r="E19256" s="1" t="s">
        <v>7</v>
      </c>
    </row>
    <row r="19257">
      <c r="A19257" s="1">
        <v>4.90772717E8</v>
      </c>
      <c r="B19257" s="2">
        <v>16680.0</v>
      </c>
      <c r="C19257" s="1" t="s">
        <v>5</v>
      </c>
      <c r="D19257" s="1" t="s">
        <v>16332</v>
      </c>
      <c r="E19257" s="1" t="s">
        <v>11</v>
      </c>
    </row>
    <row r="19258">
      <c r="A19258" s="1">
        <v>4.90772722E8</v>
      </c>
      <c r="B19258" s="2">
        <v>16594.0</v>
      </c>
      <c r="C19258" s="1" t="s">
        <v>5</v>
      </c>
      <c r="D19258" s="1" t="s">
        <v>11</v>
      </c>
      <c r="E19258" s="1" t="s">
        <v>7</v>
      </c>
    </row>
    <row r="19259">
      <c r="A19259" s="1">
        <v>4.90772734E8</v>
      </c>
      <c r="B19259" s="2">
        <v>16666.0</v>
      </c>
      <c r="C19259" s="1" t="s">
        <v>5</v>
      </c>
      <c r="D19259" s="1" t="s">
        <v>16333</v>
      </c>
      <c r="E19259" s="1" t="s">
        <v>7</v>
      </c>
    </row>
    <row r="19260">
      <c r="A19260" s="1">
        <v>4.90772755E8</v>
      </c>
      <c r="B19260" s="3">
        <v>16581.0</v>
      </c>
      <c r="C19260" s="1" t="s">
        <v>5</v>
      </c>
      <c r="D19260" s="1" t="s">
        <v>16334</v>
      </c>
      <c r="E19260" s="1" t="s">
        <v>7</v>
      </c>
    </row>
    <row r="19261">
      <c r="A19261" s="1">
        <v>4.90772765E8</v>
      </c>
      <c r="B19261" s="3">
        <v>16559.0</v>
      </c>
      <c r="C19261" s="1" t="s">
        <v>5</v>
      </c>
      <c r="D19261" s="1" t="s">
        <v>11</v>
      </c>
      <c r="E19261" s="1" t="s">
        <v>7</v>
      </c>
    </row>
    <row r="19262">
      <c r="A19262" s="1">
        <v>4.90772832E8</v>
      </c>
      <c r="B19262" s="3">
        <v>16580.0</v>
      </c>
      <c r="C19262" s="1" t="s">
        <v>5</v>
      </c>
      <c r="D19262" s="1" t="s">
        <v>16335</v>
      </c>
      <c r="E19262" s="1" t="s">
        <v>7</v>
      </c>
    </row>
    <row r="19263">
      <c r="A19263" s="1">
        <v>4.90772874E8</v>
      </c>
      <c r="B19263" s="2">
        <v>16663.0</v>
      </c>
      <c r="C19263" s="1" t="s">
        <v>5</v>
      </c>
      <c r="D19263" s="1" t="s">
        <v>16336</v>
      </c>
      <c r="E19263" s="1" t="s">
        <v>7</v>
      </c>
    </row>
    <row r="19264">
      <c r="A19264" s="1">
        <v>4.90772881E8</v>
      </c>
      <c r="B19264" s="2">
        <v>16679.0</v>
      </c>
      <c r="C19264" s="1" t="s">
        <v>5</v>
      </c>
      <c r="D19264" s="1" t="s">
        <v>16337</v>
      </c>
      <c r="E19264" s="1" t="s">
        <v>11</v>
      </c>
    </row>
    <row r="19265">
      <c r="A19265" s="1">
        <v>4.9077291E8</v>
      </c>
      <c r="B19265" s="2">
        <v>16607.0</v>
      </c>
      <c r="C19265" s="1" t="s">
        <v>5</v>
      </c>
      <c r="D19265" s="1" t="s">
        <v>11</v>
      </c>
      <c r="E19265" s="1" t="s">
        <v>7</v>
      </c>
    </row>
    <row r="19266">
      <c r="A19266" s="1">
        <v>4.90772929E8</v>
      </c>
      <c r="B19266" s="2">
        <v>16647.0</v>
      </c>
      <c r="C19266" s="1" t="s">
        <v>5</v>
      </c>
      <c r="D19266" s="1" t="s">
        <v>16338</v>
      </c>
      <c r="E19266" s="1" t="s">
        <v>7</v>
      </c>
    </row>
    <row r="19267">
      <c r="A19267" s="1">
        <v>4.90772933E8</v>
      </c>
      <c r="B19267" s="2">
        <v>16626.0</v>
      </c>
      <c r="C19267" s="1" t="s">
        <v>5</v>
      </c>
      <c r="D19267" s="1" t="s">
        <v>11</v>
      </c>
      <c r="E19267" s="1" t="s">
        <v>7</v>
      </c>
    </row>
    <row r="19268">
      <c r="A19268" s="1">
        <v>4.90772957E8</v>
      </c>
      <c r="B19268" s="2">
        <v>16679.0</v>
      </c>
      <c r="C19268" s="1" t="s">
        <v>5</v>
      </c>
      <c r="D19268" s="1" t="s">
        <v>11</v>
      </c>
      <c r="E19268" s="1" t="s">
        <v>7</v>
      </c>
    </row>
    <row r="19269">
      <c r="A19269" s="1">
        <v>4.90772971E8</v>
      </c>
      <c r="B19269" s="2">
        <v>16603.0</v>
      </c>
      <c r="C19269" s="1" t="s">
        <v>5</v>
      </c>
      <c r="D19269" s="1" t="s">
        <v>16339</v>
      </c>
      <c r="E19269" s="1" t="s">
        <v>11</v>
      </c>
    </row>
    <row r="19270">
      <c r="A19270" s="1">
        <v>4.90772991E8</v>
      </c>
      <c r="B19270" s="2">
        <v>16622.0</v>
      </c>
      <c r="C19270" s="1" t="s">
        <v>5</v>
      </c>
      <c r="D19270" s="1" t="s">
        <v>16340</v>
      </c>
      <c r="E19270" s="1" t="s">
        <v>7</v>
      </c>
    </row>
    <row r="19271">
      <c r="A19271" s="1">
        <v>4.90772992E8</v>
      </c>
      <c r="B19271" s="2">
        <v>16664.0</v>
      </c>
      <c r="C19271" s="1" t="s">
        <v>5</v>
      </c>
      <c r="D19271" s="1" t="s">
        <v>16341</v>
      </c>
      <c r="E19271" s="1" t="s">
        <v>16342</v>
      </c>
    </row>
    <row r="19272">
      <c r="A19272" s="1">
        <v>4.90773007E8</v>
      </c>
      <c r="B19272" s="2">
        <v>16608.0</v>
      </c>
      <c r="C19272" s="1" t="s">
        <v>5</v>
      </c>
      <c r="D19272" s="1" t="s">
        <v>16343</v>
      </c>
      <c r="E19272" s="1" t="s">
        <v>16344</v>
      </c>
    </row>
    <row r="19273">
      <c r="A19273" s="1">
        <v>4.90773015E8</v>
      </c>
      <c r="B19273" s="2">
        <v>16664.0</v>
      </c>
      <c r="C19273" s="1" t="s">
        <v>5</v>
      </c>
      <c r="D19273" s="1" t="s">
        <v>16345</v>
      </c>
      <c r="E19273" s="1" t="s">
        <v>11</v>
      </c>
    </row>
    <row r="19274">
      <c r="A19274" s="1">
        <v>4.90773032E8</v>
      </c>
      <c r="B19274" s="2">
        <v>16608.0</v>
      </c>
      <c r="C19274" s="1" t="s">
        <v>5</v>
      </c>
      <c r="D19274" s="1" t="s">
        <v>11</v>
      </c>
      <c r="E19274" s="1" t="s">
        <v>7</v>
      </c>
    </row>
    <row r="19275">
      <c r="A19275" s="1">
        <v>4.90773066E8</v>
      </c>
      <c r="B19275" s="2">
        <v>16617.0</v>
      </c>
      <c r="C19275" s="1" t="s">
        <v>5</v>
      </c>
      <c r="D19275" s="1" t="s">
        <v>16346</v>
      </c>
      <c r="E19275" s="1" t="s">
        <v>7</v>
      </c>
    </row>
    <row r="19276">
      <c r="A19276" s="1">
        <v>4.90773069E8</v>
      </c>
      <c r="B19276" s="2">
        <v>16622.0</v>
      </c>
      <c r="C19276" s="1" t="s">
        <v>5</v>
      </c>
      <c r="D19276" s="1" t="s">
        <v>16347</v>
      </c>
      <c r="E19276" s="1" t="s">
        <v>7</v>
      </c>
    </row>
    <row r="19277">
      <c r="A19277" s="1">
        <v>4.90773077E8</v>
      </c>
      <c r="B19277" s="2">
        <v>16609.0</v>
      </c>
      <c r="C19277" s="1" t="s">
        <v>5</v>
      </c>
      <c r="D19277" s="1" t="s">
        <v>16348</v>
      </c>
      <c r="E19277" s="1" t="s">
        <v>16349</v>
      </c>
    </row>
    <row r="19278">
      <c r="A19278" s="1">
        <v>4.90773098E8</v>
      </c>
      <c r="B19278" s="2">
        <v>16678.0</v>
      </c>
      <c r="C19278" s="1" t="s">
        <v>5</v>
      </c>
      <c r="D19278" s="1" t="s">
        <v>16350</v>
      </c>
      <c r="E19278" s="1" t="s">
        <v>7</v>
      </c>
    </row>
    <row r="19279">
      <c r="A19279" s="1">
        <v>4.907731E8</v>
      </c>
      <c r="B19279" s="2">
        <v>16661.0</v>
      </c>
      <c r="C19279" s="1" t="s">
        <v>5</v>
      </c>
      <c r="D19279" s="1" t="s">
        <v>16351</v>
      </c>
      <c r="E19279" s="1" t="s">
        <v>11</v>
      </c>
    </row>
    <row r="19280">
      <c r="A19280" s="1">
        <v>4.90773109E8</v>
      </c>
      <c r="B19280" s="2">
        <v>16678.0</v>
      </c>
      <c r="C19280" s="1" t="s">
        <v>5</v>
      </c>
      <c r="D19280" s="1" t="s">
        <v>16352</v>
      </c>
      <c r="E19280" s="1" t="s">
        <v>7</v>
      </c>
    </row>
    <row r="19281">
      <c r="A19281" s="1">
        <v>4.90773137E8</v>
      </c>
      <c r="B19281" s="2">
        <v>16664.0</v>
      </c>
      <c r="C19281" s="1" t="s">
        <v>5</v>
      </c>
      <c r="D19281" s="1" t="s">
        <v>16353</v>
      </c>
      <c r="E19281" s="1" t="s">
        <v>7</v>
      </c>
    </row>
    <row r="19282">
      <c r="A19282" s="1">
        <v>4.90773174E8</v>
      </c>
      <c r="B19282" s="2">
        <v>16607.0</v>
      </c>
      <c r="C19282" s="1" t="s">
        <v>5</v>
      </c>
      <c r="D19282" s="1" t="s">
        <v>16354</v>
      </c>
      <c r="E19282" s="1" t="s">
        <v>7</v>
      </c>
    </row>
    <row r="19283">
      <c r="A19283" s="1">
        <v>4.90773197E8</v>
      </c>
      <c r="B19283" s="2">
        <v>16675.0</v>
      </c>
      <c r="C19283" s="1" t="s">
        <v>5</v>
      </c>
      <c r="D19283" s="1" t="s">
        <v>11</v>
      </c>
      <c r="E19283" s="1" t="s">
        <v>7</v>
      </c>
    </row>
    <row r="19284">
      <c r="A19284" s="1">
        <v>4.90773198E8</v>
      </c>
      <c r="B19284" s="2">
        <v>16668.0</v>
      </c>
      <c r="C19284" s="1" t="s">
        <v>5</v>
      </c>
      <c r="D19284" s="1" t="s">
        <v>11</v>
      </c>
      <c r="E19284" s="1" t="s">
        <v>7</v>
      </c>
    </row>
    <row r="19285">
      <c r="A19285" s="1">
        <v>4.90773274E8</v>
      </c>
      <c r="B19285" s="2">
        <v>16644.0</v>
      </c>
      <c r="C19285" s="1" t="s">
        <v>5</v>
      </c>
      <c r="D19285" s="1" t="s">
        <v>16355</v>
      </c>
      <c r="E19285" s="1" t="s">
        <v>7</v>
      </c>
    </row>
    <row r="19286">
      <c r="A19286" s="1">
        <v>4.90773287E8</v>
      </c>
      <c r="B19286" s="2">
        <v>16607.0</v>
      </c>
      <c r="C19286" s="1" t="s">
        <v>5</v>
      </c>
      <c r="D19286" s="1" t="s">
        <v>16356</v>
      </c>
      <c r="E19286" s="1" t="s">
        <v>11</v>
      </c>
    </row>
    <row r="19287">
      <c r="A19287" s="1">
        <v>4.90773329E8</v>
      </c>
      <c r="B19287" s="2">
        <v>16591.0</v>
      </c>
      <c r="C19287" s="1" t="s">
        <v>5</v>
      </c>
      <c r="D19287" s="1" t="s">
        <v>11</v>
      </c>
      <c r="E19287" s="1" t="s">
        <v>7</v>
      </c>
    </row>
    <row r="19288">
      <c r="A19288" s="1">
        <v>4.90773332E8</v>
      </c>
      <c r="B19288" s="2">
        <v>16661.0</v>
      </c>
      <c r="C19288" s="1" t="s">
        <v>5</v>
      </c>
      <c r="D19288" s="1" t="s">
        <v>11</v>
      </c>
      <c r="E19288" s="1" t="s">
        <v>7</v>
      </c>
    </row>
    <row r="19289">
      <c r="A19289" s="1">
        <v>4.90773368E8</v>
      </c>
      <c r="B19289" s="2">
        <v>16661.0</v>
      </c>
      <c r="C19289" s="1" t="s">
        <v>5</v>
      </c>
      <c r="D19289" s="1" t="s">
        <v>16357</v>
      </c>
      <c r="E19289" s="1" t="s">
        <v>7</v>
      </c>
    </row>
    <row r="19290">
      <c r="A19290" s="1">
        <v>4.90773417E8</v>
      </c>
      <c r="B19290" s="2">
        <v>16619.0</v>
      </c>
      <c r="C19290" s="1" t="s">
        <v>5</v>
      </c>
      <c r="D19290" s="1" t="s">
        <v>16358</v>
      </c>
      <c r="E19290" s="1" t="s">
        <v>7</v>
      </c>
    </row>
    <row r="19291">
      <c r="A19291" s="1">
        <v>4.90773469E8</v>
      </c>
      <c r="B19291" s="2">
        <v>16615.0</v>
      </c>
      <c r="C19291" s="1" t="s">
        <v>5</v>
      </c>
      <c r="D19291" s="1" t="s">
        <v>16359</v>
      </c>
      <c r="E19291" s="1" t="s">
        <v>7</v>
      </c>
    </row>
    <row r="19292">
      <c r="A19292" s="1">
        <v>4.90773608E8</v>
      </c>
      <c r="B19292" s="2">
        <v>16614.0</v>
      </c>
      <c r="C19292" s="1" t="s">
        <v>5</v>
      </c>
      <c r="D19292" s="1" t="s">
        <v>16360</v>
      </c>
      <c r="E19292" s="1" t="s">
        <v>16361</v>
      </c>
    </row>
    <row r="19293">
      <c r="A19293" s="1">
        <v>4.90773626E8</v>
      </c>
      <c r="B19293" s="2">
        <v>16658.0</v>
      </c>
      <c r="C19293" s="1" t="s">
        <v>5</v>
      </c>
      <c r="D19293" s="1" t="s">
        <v>11</v>
      </c>
      <c r="E19293" s="1" t="s">
        <v>7</v>
      </c>
    </row>
    <row r="19294">
      <c r="A19294" s="1">
        <v>4.90773669E8</v>
      </c>
      <c r="B19294" s="2">
        <v>16647.0</v>
      </c>
      <c r="C19294" s="1" t="s">
        <v>5</v>
      </c>
      <c r="D19294" s="1" t="s">
        <v>16362</v>
      </c>
      <c r="E19294" s="1" t="s">
        <v>16363</v>
      </c>
    </row>
    <row r="19295">
      <c r="A19295" s="1">
        <v>4.90773745E8</v>
      </c>
      <c r="B19295" s="3">
        <v>16576.0</v>
      </c>
      <c r="C19295" s="1" t="s">
        <v>5</v>
      </c>
      <c r="D19295" s="1" t="s">
        <v>11</v>
      </c>
      <c r="E19295" s="1" t="s">
        <v>7</v>
      </c>
    </row>
    <row r="19296">
      <c r="A19296" s="1">
        <v>4.90773762E8</v>
      </c>
      <c r="B19296" s="2">
        <v>16674.0</v>
      </c>
      <c r="C19296" s="1" t="s">
        <v>5</v>
      </c>
      <c r="D19296" s="1" t="s">
        <v>11</v>
      </c>
      <c r="E19296" s="1" t="s">
        <v>7</v>
      </c>
    </row>
    <row r="19297">
      <c r="A19297" s="1">
        <v>4.90773772E8</v>
      </c>
      <c r="B19297" s="2">
        <v>16647.0</v>
      </c>
      <c r="C19297" s="1" t="s">
        <v>5</v>
      </c>
      <c r="D19297" s="1" t="s">
        <v>16364</v>
      </c>
      <c r="E19297" s="1" t="s">
        <v>11</v>
      </c>
    </row>
    <row r="19298">
      <c r="A19298" s="1">
        <v>4.90773802E8</v>
      </c>
      <c r="B19298" s="2">
        <v>16646.0</v>
      </c>
      <c r="C19298" s="1" t="s">
        <v>5</v>
      </c>
      <c r="D19298" s="1" t="s">
        <v>16365</v>
      </c>
      <c r="E19298" s="1" t="s">
        <v>7</v>
      </c>
    </row>
    <row r="19299">
      <c r="A19299" s="1">
        <v>4.90773831E8</v>
      </c>
      <c r="B19299" s="2">
        <v>16647.0</v>
      </c>
      <c r="C19299" s="1" t="s">
        <v>5</v>
      </c>
      <c r="D19299" s="1" t="s">
        <v>16366</v>
      </c>
      <c r="E19299" s="1" t="s">
        <v>7</v>
      </c>
    </row>
    <row r="19300">
      <c r="A19300" s="1">
        <v>4.90773869E8</v>
      </c>
      <c r="B19300" s="2">
        <v>16675.0</v>
      </c>
      <c r="C19300" s="1" t="s">
        <v>5</v>
      </c>
      <c r="D19300" s="1" t="s">
        <v>16367</v>
      </c>
      <c r="E19300" s="1" t="s">
        <v>7</v>
      </c>
    </row>
    <row r="19301">
      <c r="A19301" s="1">
        <v>4.90773914E8</v>
      </c>
      <c r="B19301" s="2">
        <v>16602.0</v>
      </c>
      <c r="C19301" s="1" t="s">
        <v>5</v>
      </c>
      <c r="D19301" s="1" t="s">
        <v>16368</v>
      </c>
      <c r="E19301" s="1" t="s">
        <v>7</v>
      </c>
    </row>
    <row r="19302">
      <c r="A19302" s="1">
        <v>4.90773998E8</v>
      </c>
      <c r="B19302" s="2">
        <v>16663.0</v>
      </c>
      <c r="C19302" s="1" t="s">
        <v>5</v>
      </c>
      <c r="D19302" s="1" t="s">
        <v>16369</v>
      </c>
      <c r="E19302" s="1" t="s">
        <v>7</v>
      </c>
    </row>
    <row r="19303">
      <c r="A19303" s="1">
        <v>4.90774011E8</v>
      </c>
      <c r="B19303" s="2">
        <v>16652.0</v>
      </c>
      <c r="C19303" s="1" t="s">
        <v>5</v>
      </c>
      <c r="D19303" s="1" t="s">
        <v>16370</v>
      </c>
      <c r="E19303" s="1" t="s">
        <v>7</v>
      </c>
    </row>
    <row r="19304">
      <c r="A19304" s="1">
        <v>4.90774017E8</v>
      </c>
      <c r="B19304" s="2">
        <v>16674.0</v>
      </c>
      <c r="C19304" s="1" t="s">
        <v>5</v>
      </c>
      <c r="D19304" s="1" t="s">
        <v>11</v>
      </c>
      <c r="E19304" s="1" t="s">
        <v>7</v>
      </c>
    </row>
    <row r="19305">
      <c r="A19305" s="1">
        <v>4.90774025E8</v>
      </c>
      <c r="B19305" s="2">
        <v>16637.0</v>
      </c>
      <c r="C19305" s="1" t="s">
        <v>5</v>
      </c>
      <c r="D19305" s="1" t="s">
        <v>16371</v>
      </c>
      <c r="E19305" s="1" t="s">
        <v>7</v>
      </c>
    </row>
    <row r="19306">
      <c r="A19306" s="1">
        <v>4.90774047E8</v>
      </c>
      <c r="B19306" s="2">
        <v>16675.0</v>
      </c>
      <c r="C19306" s="1" t="s">
        <v>5</v>
      </c>
      <c r="D19306" s="1" t="s">
        <v>16372</v>
      </c>
      <c r="E19306" s="1" t="s">
        <v>7</v>
      </c>
    </row>
    <row r="19307">
      <c r="A19307" s="1">
        <v>4.90774056E8</v>
      </c>
      <c r="B19307" s="3">
        <v>16576.0</v>
      </c>
      <c r="C19307" s="1" t="s">
        <v>5</v>
      </c>
      <c r="D19307" s="1" t="s">
        <v>16373</v>
      </c>
      <c r="E19307" s="1" t="s">
        <v>7</v>
      </c>
    </row>
    <row r="19308">
      <c r="A19308" s="1">
        <v>4.90774077E8</v>
      </c>
      <c r="B19308" s="2">
        <v>16673.0</v>
      </c>
      <c r="C19308" s="1" t="s">
        <v>5</v>
      </c>
      <c r="D19308" s="1" t="s">
        <v>16374</v>
      </c>
      <c r="E19308" s="1" t="s">
        <v>11</v>
      </c>
    </row>
    <row r="19309">
      <c r="A19309" s="1">
        <v>4.90774098E8</v>
      </c>
      <c r="B19309" s="2">
        <v>16677.0</v>
      </c>
      <c r="C19309" s="1" t="s">
        <v>5</v>
      </c>
      <c r="D19309" s="1" t="s">
        <v>16375</v>
      </c>
      <c r="E19309" s="1" t="s">
        <v>7</v>
      </c>
    </row>
    <row r="19310">
      <c r="A19310" s="1">
        <v>4.90774104E8</v>
      </c>
      <c r="B19310" s="2">
        <v>16598.0</v>
      </c>
      <c r="C19310" s="1" t="s">
        <v>5</v>
      </c>
      <c r="D19310" s="1" t="s">
        <v>11</v>
      </c>
      <c r="E19310" s="1" t="s">
        <v>7</v>
      </c>
    </row>
    <row r="19311">
      <c r="A19311" s="1">
        <v>4.90774127E8</v>
      </c>
      <c r="B19311" s="2">
        <v>16598.0</v>
      </c>
      <c r="C19311" s="1" t="s">
        <v>5</v>
      </c>
      <c r="D19311" s="1" t="s">
        <v>11</v>
      </c>
      <c r="E19311" s="1" t="s">
        <v>7</v>
      </c>
    </row>
    <row r="19312">
      <c r="A19312" s="1">
        <v>4.9077414E8</v>
      </c>
      <c r="B19312" s="3">
        <v>16575.0</v>
      </c>
      <c r="C19312" s="1" t="s">
        <v>5</v>
      </c>
      <c r="D19312" s="1" t="s">
        <v>16376</v>
      </c>
      <c r="E19312" s="1" t="s">
        <v>16377</v>
      </c>
    </row>
    <row r="19313">
      <c r="A19313" s="1">
        <v>4.90774181E8</v>
      </c>
      <c r="B19313" s="2">
        <v>16661.0</v>
      </c>
      <c r="C19313" s="1" t="s">
        <v>5</v>
      </c>
      <c r="D19313" s="1" t="s">
        <v>11</v>
      </c>
      <c r="E19313" s="1" t="s">
        <v>7</v>
      </c>
    </row>
    <row r="19314">
      <c r="A19314" s="1">
        <v>4.90774216E8</v>
      </c>
      <c r="B19314" s="2">
        <v>16595.0</v>
      </c>
      <c r="C19314" s="1" t="s">
        <v>5</v>
      </c>
      <c r="D19314" s="1" t="s">
        <v>16378</v>
      </c>
      <c r="E19314" s="1" t="s">
        <v>16379</v>
      </c>
    </row>
    <row r="19315">
      <c r="A19315" s="1">
        <v>4.90774229E8</v>
      </c>
      <c r="B19315" s="2">
        <v>16653.0</v>
      </c>
      <c r="C19315" s="1" t="s">
        <v>5</v>
      </c>
      <c r="D19315" s="1" t="s">
        <v>16380</v>
      </c>
      <c r="E19315" s="1" t="s">
        <v>16381</v>
      </c>
    </row>
    <row r="19316">
      <c r="A19316" s="1">
        <v>4.9077427E8</v>
      </c>
      <c r="B19316" s="3">
        <v>16575.0</v>
      </c>
      <c r="C19316" s="1" t="s">
        <v>5</v>
      </c>
      <c r="D19316" s="1" t="s">
        <v>16382</v>
      </c>
      <c r="E19316" s="1" t="s">
        <v>7</v>
      </c>
    </row>
    <row r="19317">
      <c r="A19317" s="1">
        <v>4.90774328E8</v>
      </c>
      <c r="B19317" s="2">
        <v>16653.0</v>
      </c>
      <c r="C19317" s="1" t="s">
        <v>5</v>
      </c>
      <c r="D19317" s="1" t="s">
        <v>16383</v>
      </c>
      <c r="E19317" s="1" t="s">
        <v>7</v>
      </c>
    </row>
    <row r="19318">
      <c r="A19318" s="1">
        <v>4.90774336E8</v>
      </c>
      <c r="B19318" s="2">
        <v>16595.0</v>
      </c>
      <c r="C19318" s="1" t="s">
        <v>5</v>
      </c>
      <c r="D19318" s="1" t="s">
        <v>16384</v>
      </c>
      <c r="E19318" s="1" t="s">
        <v>7</v>
      </c>
    </row>
    <row r="19319">
      <c r="A19319" s="1">
        <v>4.90774351E8</v>
      </c>
      <c r="B19319" s="2">
        <v>16639.0</v>
      </c>
      <c r="C19319" s="1" t="s">
        <v>5</v>
      </c>
      <c r="D19319" s="1" t="s">
        <v>11</v>
      </c>
      <c r="E19319" s="1" t="s">
        <v>7</v>
      </c>
    </row>
    <row r="19320">
      <c r="A19320" s="1">
        <v>4.9077439E8</v>
      </c>
      <c r="B19320" s="2">
        <v>16673.0</v>
      </c>
      <c r="C19320" s="1" t="s">
        <v>5</v>
      </c>
      <c r="D19320" s="1" t="s">
        <v>16385</v>
      </c>
      <c r="E19320" s="1" t="s">
        <v>7</v>
      </c>
    </row>
    <row r="19321">
      <c r="A19321" s="1">
        <v>4.90774417E8</v>
      </c>
      <c r="B19321" s="2">
        <v>16593.0</v>
      </c>
      <c r="C19321" s="1" t="s">
        <v>5</v>
      </c>
      <c r="D19321" s="1" t="s">
        <v>11</v>
      </c>
      <c r="E19321" s="1" t="s">
        <v>7</v>
      </c>
    </row>
    <row r="19322">
      <c r="A19322" s="1">
        <v>4.9077445E8</v>
      </c>
      <c r="B19322" s="2">
        <v>16677.0</v>
      </c>
      <c r="C19322" s="1" t="s">
        <v>5</v>
      </c>
      <c r="D19322" s="1" t="s">
        <v>16386</v>
      </c>
      <c r="E19322" s="1" t="s">
        <v>11</v>
      </c>
    </row>
    <row r="19323">
      <c r="A19323" s="1">
        <v>4.90774487E8</v>
      </c>
      <c r="B19323" s="2">
        <v>16653.0</v>
      </c>
      <c r="C19323" s="1" t="s">
        <v>5</v>
      </c>
      <c r="D19323" s="1" t="s">
        <v>16387</v>
      </c>
      <c r="E19323" s="1" t="s">
        <v>7</v>
      </c>
    </row>
    <row r="19324">
      <c r="A19324" s="1">
        <v>4.90774488E8</v>
      </c>
      <c r="B19324" s="2">
        <v>16640.0</v>
      </c>
      <c r="C19324" s="1" t="s">
        <v>5</v>
      </c>
      <c r="D19324" s="1" t="s">
        <v>16388</v>
      </c>
      <c r="E19324" s="1" t="s">
        <v>7</v>
      </c>
    </row>
    <row r="19325">
      <c r="A19325" s="1">
        <v>4.90774516E8</v>
      </c>
      <c r="B19325" s="2">
        <v>16637.0</v>
      </c>
      <c r="C19325" s="1" t="s">
        <v>5</v>
      </c>
      <c r="D19325" s="1" t="s">
        <v>11</v>
      </c>
      <c r="E19325" s="1" t="s">
        <v>7</v>
      </c>
    </row>
    <row r="19326">
      <c r="A19326" s="1">
        <v>4.90774521E8</v>
      </c>
      <c r="B19326" s="2">
        <v>16640.0</v>
      </c>
      <c r="C19326" s="1" t="s">
        <v>5</v>
      </c>
      <c r="D19326" s="1" t="s">
        <v>11</v>
      </c>
      <c r="E19326" s="1" t="s">
        <v>7</v>
      </c>
    </row>
    <row r="19327">
      <c r="A19327" s="1">
        <v>4.90774524E8</v>
      </c>
      <c r="B19327" s="2">
        <v>16593.0</v>
      </c>
      <c r="C19327" s="1" t="s">
        <v>5</v>
      </c>
      <c r="D19327" s="1" t="s">
        <v>16389</v>
      </c>
      <c r="E19327" s="1" t="s">
        <v>7</v>
      </c>
    </row>
    <row r="19328">
      <c r="A19328" s="1">
        <v>4.90774538E8</v>
      </c>
      <c r="B19328" s="2">
        <v>16651.0</v>
      </c>
      <c r="C19328" s="1" t="s">
        <v>5</v>
      </c>
      <c r="D19328" s="1" t="s">
        <v>16390</v>
      </c>
      <c r="E19328" s="1" t="s">
        <v>7</v>
      </c>
    </row>
    <row r="19329">
      <c r="A19329" s="1">
        <v>4.90774621E8</v>
      </c>
      <c r="B19329" s="2">
        <v>16591.0</v>
      </c>
      <c r="C19329" s="1" t="s">
        <v>5</v>
      </c>
      <c r="D19329" s="1" t="s">
        <v>16391</v>
      </c>
      <c r="E19329" s="1" t="s">
        <v>7</v>
      </c>
    </row>
    <row r="19330">
      <c r="A19330" s="1">
        <v>4.9077463E8</v>
      </c>
      <c r="B19330" s="2">
        <v>16671.0</v>
      </c>
      <c r="C19330" s="1" t="s">
        <v>5</v>
      </c>
      <c r="D19330" s="1" t="s">
        <v>16392</v>
      </c>
      <c r="E19330" s="1" t="s">
        <v>7</v>
      </c>
    </row>
    <row r="19331">
      <c r="A19331" s="1">
        <v>4.90774684E8</v>
      </c>
      <c r="B19331" s="2">
        <v>16666.0</v>
      </c>
      <c r="C19331" s="1" t="s">
        <v>5</v>
      </c>
      <c r="D19331" s="1" t="s">
        <v>16393</v>
      </c>
      <c r="E19331" s="1" t="s">
        <v>7</v>
      </c>
    </row>
    <row r="19332">
      <c r="A19332" s="1">
        <v>4.90774695E8</v>
      </c>
      <c r="B19332" s="2">
        <v>16674.0</v>
      </c>
      <c r="C19332" s="1" t="s">
        <v>5</v>
      </c>
      <c r="D19332" s="1" t="s">
        <v>16394</v>
      </c>
      <c r="E19332" s="1" t="s">
        <v>7</v>
      </c>
    </row>
    <row r="19333">
      <c r="A19333" s="1">
        <v>4.90774722E8</v>
      </c>
      <c r="B19333" s="2">
        <v>16593.0</v>
      </c>
      <c r="C19333" s="1" t="s">
        <v>5</v>
      </c>
      <c r="D19333" s="1" t="s">
        <v>16395</v>
      </c>
      <c r="E19333" s="1" t="s">
        <v>7</v>
      </c>
    </row>
    <row r="19334">
      <c r="A19334" s="1">
        <v>4.90774766E8</v>
      </c>
      <c r="B19334" s="2">
        <v>16672.0</v>
      </c>
      <c r="C19334" s="1" t="s">
        <v>5</v>
      </c>
      <c r="D19334" s="1" t="s">
        <v>11</v>
      </c>
      <c r="E19334" s="1" t="s">
        <v>7</v>
      </c>
    </row>
    <row r="19335">
      <c r="A19335" s="1">
        <v>4.90774814E8</v>
      </c>
      <c r="B19335" s="2">
        <v>16635.0</v>
      </c>
      <c r="C19335" s="1" t="s">
        <v>5</v>
      </c>
      <c r="D19335" s="1" t="s">
        <v>16396</v>
      </c>
      <c r="E19335" s="1" t="s">
        <v>7</v>
      </c>
    </row>
    <row r="19336">
      <c r="A19336" s="1">
        <v>4.90774818E8</v>
      </c>
      <c r="B19336" s="2">
        <v>16657.0</v>
      </c>
      <c r="C19336" s="1" t="s">
        <v>5</v>
      </c>
      <c r="D19336" s="1" t="s">
        <v>16397</v>
      </c>
      <c r="E19336" s="1" t="s">
        <v>11</v>
      </c>
    </row>
    <row r="19337">
      <c r="A19337" s="1">
        <v>4.90774891E8</v>
      </c>
      <c r="B19337" s="2">
        <v>16656.0</v>
      </c>
      <c r="C19337" s="1" t="s">
        <v>5</v>
      </c>
      <c r="D19337" s="1" t="s">
        <v>16398</v>
      </c>
      <c r="E19337" s="1" t="s">
        <v>7</v>
      </c>
    </row>
    <row r="19338">
      <c r="A19338" s="1">
        <v>4.90774893E8</v>
      </c>
      <c r="B19338" s="2">
        <v>16665.0</v>
      </c>
      <c r="C19338" s="1" t="s">
        <v>5</v>
      </c>
      <c r="D19338" s="1" t="s">
        <v>16399</v>
      </c>
      <c r="E19338" s="1" t="s">
        <v>7</v>
      </c>
    </row>
    <row r="19339">
      <c r="A19339" s="1">
        <v>4.90774913E8</v>
      </c>
      <c r="B19339" s="2">
        <v>16665.0</v>
      </c>
      <c r="C19339" s="1" t="s">
        <v>5</v>
      </c>
      <c r="D19339" s="1" t="s">
        <v>11</v>
      </c>
      <c r="E19339" s="1" t="s">
        <v>7</v>
      </c>
    </row>
    <row r="19340">
      <c r="A19340" s="1">
        <v>4.90774994E8</v>
      </c>
      <c r="B19340" s="2">
        <v>16605.0</v>
      </c>
      <c r="C19340" s="1" t="s">
        <v>5</v>
      </c>
      <c r="D19340" s="1" t="s">
        <v>11</v>
      </c>
      <c r="E19340" s="1" t="s">
        <v>7</v>
      </c>
    </row>
    <row r="19341">
      <c r="A19341" s="1">
        <v>4.90775004E8</v>
      </c>
      <c r="B19341" s="2">
        <v>16707.0</v>
      </c>
      <c r="C19341" s="1" t="s">
        <v>5</v>
      </c>
      <c r="D19341" s="1" t="s">
        <v>16400</v>
      </c>
      <c r="E19341" s="1" t="s">
        <v>7</v>
      </c>
    </row>
    <row r="19342">
      <c r="A19342" s="1">
        <v>4.90775018E8</v>
      </c>
      <c r="B19342" s="2">
        <v>16707.0</v>
      </c>
      <c r="C19342" s="1" t="s">
        <v>5</v>
      </c>
      <c r="D19342" s="1" t="s">
        <v>11</v>
      </c>
      <c r="E19342" s="1" t="s">
        <v>7</v>
      </c>
    </row>
    <row r="19343">
      <c r="A19343" s="1">
        <v>4.90775042E8</v>
      </c>
      <c r="B19343" s="2">
        <v>16654.0</v>
      </c>
      <c r="C19343" s="1" t="s">
        <v>5</v>
      </c>
      <c r="D19343" s="1" t="s">
        <v>11</v>
      </c>
      <c r="E19343" s="1" t="s">
        <v>7</v>
      </c>
    </row>
    <row r="19344">
      <c r="A19344" s="1">
        <v>4.90775056E8</v>
      </c>
      <c r="B19344" s="2">
        <v>16591.0</v>
      </c>
      <c r="C19344" s="1" t="s">
        <v>5</v>
      </c>
      <c r="D19344" s="1" t="s">
        <v>16401</v>
      </c>
      <c r="E19344" s="1" t="s">
        <v>7</v>
      </c>
    </row>
    <row r="19345">
      <c r="A19345" s="1">
        <v>4.90775063E8</v>
      </c>
      <c r="B19345" s="2">
        <v>16590.0</v>
      </c>
      <c r="C19345" s="1" t="s">
        <v>5</v>
      </c>
      <c r="D19345" s="1" t="s">
        <v>11</v>
      </c>
      <c r="E19345" s="1" t="s">
        <v>7</v>
      </c>
    </row>
    <row r="19346">
      <c r="A19346" s="1">
        <v>4.90775083E8</v>
      </c>
      <c r="B19346" s="2">
        <v>16670.0</v>
      </c>
      <c r="C19346" s="1" t="s">
        <v>5</v>
      </c>
      <c r="D19346" s="1" t="s">
        <v>16402</v>
      </c>
      <c r="E19346" s="1" t="s">
        <v>7</v>
      </c>
    </row>
    <row r="19347">
      <c r="A19347" s="1">
        <v>4.90775089E8</v>
      </c>
      <c r="B19347" s="2">
        <v>16664.0</v>
      </c>
      <c r="C19347" s="1" t="s">
        <v>5</v>
      </c>
      <c r="D19347" s="1" t="s">
        <v>16403</v>
      </c>
      <c r="E19347" s="1" t="s">
        <v>16404</v>
      </c>
    </row>
    <row r="19348">
      <c r="A19348" s="1">
        <v>4.90775091E8</v>
      </c>
      <c r="B19348" s="2">
        <v>16670.0</v>
      </c>
      <c r="C19348" s="1" t="s">
        <v>5</v>
      </c>
      <c r="D19348" s="1" t="s">
        <v>16405</v>
      </c>
      <c r="E19348" s="1" t="s">
        <v>7</v>
      </c>
    </row>
    <row r="19349">
      <c r="A19349" s="1">
        <v>4.90775094E8</v>
      </c>
      <c r="B19349" s="2">
        <v>16591.0</v>
      </c>
      <c r="C19349" s="1" t="s">
        <v>5</v>
      </c>
      <c r="D19349" s="1" t="s">
        <v>16406</v>
      </c>
      <c r="E19349" s="1" t="s">
        <v>7</v>
      </c>
    </row>
    <row r="19350">
      <c r="A19350" s="1">
        <v>4.90775104E8</v>
      </c>
      <c r="B19350" s="2">
        <v>16590.0</v>
      </c>
      <c r="C19350" s="1" t="s">
        <v>5</v>
      </c>
      <c r="D19350" s="1" t="s">
        <v>16407</v>
      </c>
      <c r="E19350" s="1" t="s">
        <v>7</v>
      </c>
    </row>
    <row r="19351">
      <c r="A19351" s="1">
        <v>4.90775111E8</v>
      </c>
      <c r="B19351" s="2">
        <v>16663.0</v>
      </c>
      <c r="C19351" s="1" t="s">
        <v>5</v>
      </c>
      <c r="D19351" s="1" t="s">
        <v>16408</v>
      </c>
      <c r="E19351" s="1" t="s">
        <v>7</v>
      </c>
    </row>
    <row r="19352">
      <c r="A19352" s="1">
        <v>4.90775116E8</v>
      </c>
      <c r="B19352" s="2">
        <v>16670.0</v>
      </c>
      <c r="C19352" s="1" t="s">
        <v>5</v>
      </c>
      <c r="D19352" s="1" t="s">
        <v>11</v>
      </c>
      <c r="E19352" s="1" t="s">
        <v>7</v>
      </c>
    </row>
    <row r="19353">
      <c r="A19353" s="1">
        <v>4.90775121E8</v>
      </c>
      <c r="B19353" s="2">
        <v>16604.0</v>
      </c>
      <c r="C19353" s="1" t="s">
        <v>5</v>
      </c>
      <c r="D19353" s="1" t="s">
        <v>16409</v>
      </c>
      <c r="E19353" s="1" t="s">
        <v>7</v>
      </c>
    </row>
    <row r="19354">
      <c r="A19354" s="1">
        <v>4.90775126E8</v>
      </c>
      <c r="B19354" s="2">
        <v>16670.0</v>
      </c>
      <c r="C19354" s="1" t="s">
        <v>5</v>
      </c>
      <c r="D19354" s="1" t="s">
        <v>16410</v>
      </c>
      <c r="E19354" s="1" t="s">
        <v>7</v>
      </c>
    </row>
    <row r="19355">
      <c r="A19355" s="1">
        <v>4.90775127E8</v>
      </c>
      <c r="B19355" s="2">
        <v>16667.0</v>
      </c>
      <c r="C19355" s="1" t="s">
        <v>5</v>
      </c>
      <c r="D19355" s="1" t="s">
        <v>16411</v>
      </c>
      <c r="E19355" s="1" t="s">
        <v>7</v>
      </c>
    </row>
    <row r="19356">
      <c r="A19356" s="1">
        <v>4.90775131E8</v>
      </c>
      <c r="B19356" s="2">
        <v>16663.0</v>
      </c>
      <c r="C19356" s="1" t="s">
        <v>5</v>
      </c>
      <c r="D19356" s="1" t="s">
        <v>16412</v>
      </c>
      <c r="E19356" s="1" t="s">
        <v>7</v>
      </c>
    </row>
    <row r="19357">
      <c r="A19357" s="1">
        <v>4.90775238E8</v>
      </c>
      <c r="B19357" s="2">
        <v>16723.0</v>
      </c>
      <c r="C19357" s="1" t="s">
        <v>5</v>
      </c>
      <c r="D19357" s="1" t="s">
        <v>16413</v>
      </c>
      <c r="E19357" s="1" t="s">
        <v>11</v>
      </c>
    </row>
    <row r="19358">
      <c r="A19358" s="1">
        <v>4.90775324E8</v>
      </c>
      <c r="B19358" s="2">
        <v>16603.0</v>
      </c>
      <c r="C19358" s="1" t="s">
        <v>5</v>
      </c>
      <c r="D19358" s="1" t="s">
        <v>11</v>
      </c>
      <c r="E19358" s="1" t="s">
        <v>7</v>
      </c>
    </row>
    <row r="19359">
      <c r="A19359" s="1">
        <v>4.90775347E8</v>
      </c>
      <c r="B19359" s="2">
        <v>16646.0</v>
      </c>
      <c r="C19359" s="1" t="s">
        <v>5</v>
      </c>
      <c r="D19359" s="1" t="s">
        <v>16414</v>
      </c>
      <c r="E19359" s="1" t="s">
        <v>7</v>
      </c>
    </row>
    <row r="19360">
      <c r="A19360" s="1">
        <v>4.90775352E8</v>
      </c>
      <c r="B19360" s="2">
        <v>16721.0</v>
      </c>
      <c r="C19360" s="1" t="s">
        <v>5</v>
      </c>
      <c r="D19360" s="1" t="s">
        <v>16415</v>
      </c>
      <c r="E19360" s="1" t="s">
        <v>7</v>
      </c>
    </row>
    <row r="19361">
      <c r="A19361" s="1">
        <v>4.90775367E8</v>
      </c>
      <c r="B19361" s="2">
        <v>16664.0</v>
      </c>
      <c r="C19361" s="1" t="s">
        <v>5</v>
      </c>
      <c r="D19361" s="1" t="s">
        <v>16416</v>
      </c>
      <c r="E19361" s="1" t="s">
        <v>7</v>
      </c>
    </row>
    <row r="19362">
      <c r="A19362" s="1">
        <v>4.90775384E8</v>
      </c>
      <c r="B19362" s="2">
        <v>16705.0</v>
      </c>
      <c r="C19362" s="1" t="s">
        <v>5</v>
      </c>
      <c r="D19362" s="1" t="s">
        <v>11</v>
      </c>
      <c r="E19362" s="1" t="s">
        <v>7</v>
      </c>
    </row>
    <row r="19363">
      <c r="A19363" s="1">
        <v>4.90775407E8</v>
      </c>
      <c r="B19363" s="2">
        <v>16721.0</v>
      </c>
      <c r="C19363" s="1" t="s">
        <v>5</v>
      </c>
      <c r="D19363" s="1" t="s">
        <v>16417</v>
      </c>
      <c r="E19363" s="1" t="s">
        <v>7</v>
      </c>
    </row>
    <row r="19364">
      <c r="A19364" s="1">
        <v>4.9077543E8</v>
      </c>
      <c r="B19364" s="2">
        <v>16709.0</v>
      </c>
      <c r="C19364" s="1" t="s">
        <v>5</v>
      </c>
      <c r="D19364" s="1" t="s">
        <v>11</v>
      </c>
      <c r="E19364" s="1" t="s">
        <v>7</v>
      </c>
    </row>
    <row r="19365">
      <c r="A19365" s="1">
        <v>4.90775496E8</v>
      </c>
      <c r="B19365" s="2">
        <v>16664.0</v>
      </c>
      <c r="C19365" s="1" t="s">
        <v>5</v>
      </c>
      <c r="D19365" s="1" t="s">
        <v>16418</v>
      </c>
      <c r="E19365" s="1" t="s">
        <v>7</v>
      </c>
    </row>
    <row r="19366">
      <c r="A19366" s="1">
        <v>4.90775504E8</v>
      </c>
      <c r="B19366" s="2">
        <v>16645.0</v>
      </c>
      <c r="C19366" s="1" t="s">
        <v>5</v>
      </c>
      <c r="D19366" s="1" t="s">
        <v>16419</v>
      </c>
      <c r="E19366" s="1" t="s">
        <v>11</v>
      </c>
    </row>
    <row r="19367">
      <c r="A19367" s="1">
        <v>4.90775585E8</v>
      </c>
      <c r="B19367" s="2">
        <v>16708.0</v>
      </c>
      <c r="C19367" s="1" t="s">
        <v>5</v>
      </c>
      <c r="D19367" s="1" t="s">
        <v>16420</v>
      </c>
      <c r="E19367" s="1" t="s">
        <v>7</v>
      </c>
    </row>
    <row r="19368">
      <c r="A19368" s="1">
        <v>4.9077559E8</v>
      </c>
      <c r="B19368" s="2">
        <v>16645.0</v>
      </c>
      <c r="C19368" s="1" t="s">
        <v>5</v>
      </c>
      <c r="D19368" s="1" t="s">
        <v>11</v>
      </c>
      <c r="E19368" s="1" t="s">
        <v>7</v>
      </c>
    </row>
    <row r="19369">
      <c r="A19369" s="1">
        <v>4.90775609E8</v>
      </c>
      <c r="B19369" s="2">
        <v>16644.0</v>
      </c>
      <c r="C19369" s="1" t="s">
        <v>5</v>
      </c>
      <c r="D19369" s="1" t="s">
        <v>16421</v>
      </c>
      <c r="E19369" s="1" t="s">
        <v>7</v>
      </c>
    </row>
    <row r="19370">
      <c r="A19370" s="1">
        <v>4.90775611E8</v>
      </c>
      <c r="B19370" s="2">
        <v>16665.0</v>
      </c>
      <c r="C19370" s="1" t="s">
        <v>5</v>
      </c>
      <c r="D19370" s="1" t="s">
        <v>11</v>
      </c>
      <c r="E19370" s="1" t="s">
        <v>7</v>
      </c>
    </row>
    <row r="19371">
      <c r="A19371" s="1">
        <v>4.90775643E8</v>
      </c>
      <c r="B19371" s="2">
        <v>16722.0</v>
      </c>
      <c r="C19371" s="1" t="s">
        <v>5</v>
      </c>
      <c r="D19371" s="1" t="s">
        <v>16422</v>
      </c>
      <c r="E19371" s="1" t="s">
        <v>7</v>
      </c>
    </row>
    <row r="19372">
      <c r="A19372" s="1">
        <v>4.90775667E8</v>
      </c>
      <c r="B19372" s="2">
        <v>16668.0</v>
      </c>
      <c r="C19372" s="1" t="s">
        <v>5</v>
      </c>
      <c r="D19372" s="1" t="s">
        <v>16423</v>
      </c>
      <c r="E19372" s="1" t="s">
        <v>7</v>
      </c>
    </row>
    <row r="19373">
      <c r="A19373" s="1">
        <v>4.90775711E8</v>
      </c>
      <c r="B19373" s="2">
        <v>16663.0</v>
      </c>
      <c r="C19373" s="1" t="s">
        <v>5</v>
      </c>
      <c r="D19373" s="1" t="s">
        <v>16424</v>
      </c>
      <c r="E19373" s="1" t="s">
        <v>16425</v>
      </c>
    </row>
    <row r="19374">
      <c r="A19374" s="1">
        <v>4.90775731E8</v>
      </c>
      <c r="B19374" s="2">
        <v>16722.0</v>
      </c>
      <c r="C19374" s="1" t="s">
        <v>5</v>
      </c>
      <c r="D19374" s="1" t="s">
        <v>16426</v>
      </c>
      <c r="E19374" s="1" t="s">
        <v>7</v>
      </c>
    </row>
    <row r="19375">
      <c r="A19375" s="1">
        <v>4.90775777E8</v>
      </c>
      <c r="B19375" s="2">
        <v>16667.0</v>
      </c>
      <c r="C19375" s="1" t="s">
        <v>5</v>
      </c>
      <c r="D19375" s="1" t="s">
        <v>16427</v>
      </c>
      <c r="E19375" s="1" t="s">
        <v>7</v>
      </c>
    </row>
    <row r="19376">
      <c r="A19376" s="1">
        <v>4.90775796E8</v>
      </c>
      <c r="B19376" s="2">
        <v>16664.0</v>
      </c>
      <c r="C19376" s="1" t="s">
        <v>5</v>
      </c>
      <c r="D19376" s="1" t="s">
        <v>16428</v>
      </c>
      <c r="E19376" s="1" t="s">
        <v>11</v>
      </c>
    </row>
    <row r="19377">
      <c r="A19377" s="1">
        <v>4.90775804E8</v>
      </c>
      <c r="B19377" s="2">
        <v>16657.0</v>
      </c>
      <c r="C19377" s="1" t="s">
        <v>5</v>
      </c>
      <c r="D19377" s="1" t="s">
        <v>16429</v>
      </c>
      <c r="E19377" s="1" t="s">
        <v>7</v>
      </c>
    </row>
    <row r="19378">
      <c r="A19378" s="1">
        <v>4.90775831E8</v>
      </c>
      <c r="B19378" s="2">
        <v>16649.0</v>
      </c>
      <c r="C19378" s="1" t="s">
        <v>5</v>
      </c>
      <c r="D19378" s="1" t="s">
        <v>11</v>
      </c>
      <c r="E19378" s="1" t="s">
        <v>7</v>
      </c>
    </row>
    <row r="19379">
      <c r="A19379" s="1">
        <v>4.90775835E8</v>
      </c>
      <c r="B19379" s="2">
        <v>16766.0</v>
      </c>
      <c r="C19379" s="1" t="s">
        <v>5</v>
      </c>
      <c r="D19379" s="1" t="s">
        <v>16430</v>
      </c>
      <c r="E19379" s="1" t="s">
        <v>7</v>
      </c>
    </row>
    <row r="19380">
      <c r="A19380" s="1">
        <v>4.90775848E8</v>
      </c>
      <c r="B19380" s="2">
        <v>16706.0</v>
      </c>
      <c r="C19380" s="1" t="s">
        <v>5</v>
      </c>
      <c r="D19380" s="1" t="s">
        <v>16431</v>
      </c>
      <c r="E19380" s="1" t="s">
        <v>11</v>
      </c>
    </row>
    <row r="19381">
      <c r="A19381" s="1">
        <v>4.90775851E8</v>
      </c>
      <c r="B19381" s="2">
        <v>16667.0</v>
      </c>
      <c r="C19381" s="1" t="s">
        <v>5</v>
      </c>
      <c r="D19381" s="1" t="s">
        <v>16432</v>
      </c>
      <c r="E19381" s="1" t="s">
        <v>7</v>
      </c>
    </row>
    <row r="19382">
      <c r="A19382" s="1">
        <v>4.90775887E8</v>
      </c>
      <c r="B19382" s="2">
        <v>16720.0</v>
      </c>
      <c r="C19382" s="1" t="s">
        <v>5</v>
      </c>
      <c r="D19382" s="1" t="s">
        <v>16433</v>
      </c>
      <c r="E19382" s="1" t="s">
        <v>16434</v>
      </c>
    </row>
    <row r="19383">
      <c r="A19383" s="1">
        <v>4.90775896E8</v>
      </c>
      <c r="B19383" s="2">
        <v>16639.0</v>
      </c>
      <c r="C19383" s="1" t="s">
        <v>5</v>
      </c>
      <c r="D19383" s="1" t="s">
        <v>11</v>
      </c>
      <c r="E19383" s="1" t="s">
        <v>7</v>
      </c>
    </row>
    <row r="19384">
      <c r="A19384" s="1">
        <v>4.90775933E8</v>
      </c>
      <c r="B19384" s="2">
        <v>16703.0</v>
      </c>
      <c r="C19384" s="1" t="s">
        <v>5</v>
      </c>
      <c r="D19384" s="1" t="s">
        <v>11</v>
      </c>
      <c r="E19384" s="1" t="s">
        <v>7</v>
      </c>
    </row>
    <row r="19385">
      <c r="A19385" s="1">
        <v>4.90775938E8</v>
      </c>
      <c r="B19385" s="2">
        <v>16596.0</v>
      </c>
      <c r="C19385" s="1" t="s">
        <v>5</v>
      </c>
      <c r="D19385" s="1" t="s">
        <v>11</v>
      </c>
      <c r="E19385" s="1" t="s">
        <v>7</v>
      </c>
    </row>
    <row r="19386">
      <c r="A19386" s="1">
        <v>4.90775957E8</v>
      </c>
      <c r="B19386" s="2">
        <v>16657.0</v>
      </c>
      <c r="C19386" s="1" t="s">
        <v>5</v>
      </c>
      <c r="D19386" s="1" t="s">
        <v>16435</v>
      </c>
      <c r="E19386" s="1" t="s">
        <v>11</v>
      </c>
    </row>
    <row r="19387">
      <c r="A19387" s="1">
        <v>4.90775961E8</v>
      </c>
      <c r="B19387" s="2">
        <v>16720.0</v>
      </c>
      <c r="C19387" s="1" t="s">
        <v>5</v>
      </c>
      <c r="D19387" s="1" t="s">
        <v>16436</v>
      </c>
      <c r="E19387" s="1" t="s">
        <v>7</v>
      </c>
    </row>
    <row r="19388">
      <c r="A19388" s="1">
        <v>4.90776007E8</v>
      </c>
      <c r="B19388" s="2">
        <v>16640.0</v>
      </c>
      <c r="C19388" s="1" t="s">
        <v>5</v>
      </c>
      <c r="D19388" s="1" t="s">
        <v>16437</v>
      </c>
      <c r="E19388" s="1" t="s">
        <v>7</v>
      </c>
    </row>
    <row r="19389">
      <c r="A19389" s="1">
        <v>4.90776055E8</v>
      </c>
      <c r="B19389" s="2">
        <v>16637.0</v>
      </c>
      <c r="C19389" s="1" t="s">
        <v>5</v>
      </c>
      <c r="D19389" s="1" t="s">
        <v>16438</v>
      </c>
      <c r="E19389" s="1" t="s">
        <v>7</v>
      </c>
    </row>
    <row r="19390">
      <c r="A19390" s="1">
        <v>4.90776112E8</v>
      </c>
      <c r="B19390" s="2">
        <v>16593.0</v>
      </c>
      <c r="C19390" s="1" t="s">
        <v>5</v>
      </c>
      <c r="D19390" s="1" t="s">
        <v>16439</v>
      </c>
      <c r="E19390" s="1" t="s">
        <v>11</v>
      </c>
    </row>
    <row r="19391">
      <c r="A19391" s="1">
        <v>4.90776123E8</v>
      </c>
      <c r="B19391" s="2">
        <v>16660.0</v>
      </c>
      <c r="C19391" s="1" t="s">
        <v>5</v>
      </c>
      <c r="D19391" s="1" t="s">
        <v>11</v>
      </c>
      <c r="E19391" s="1" t="s">
        <v>7</v>
      </c>
    </row>
    <row r="19392">
      <c r="A19392" s="1">
        <v>4.90776131E8</v>
      </c>
      <c r="B19392" s="2">
        <v>16702.0</v>
      </c>
      <c r="C19392" s="1" t="s">
        <v>5</v>
      </c>
      <c r="D19392" s="1" t="s">
        <v>16440</v>
      </c>
      <c r="E19392" s="1" t="s">
        <v>7</v>
      </c>
    </row>
    <row r="19393">
      <c r="A19393" s="1">
        <v>4.90776163E8</v>
      </c>
      <c r="B19393" s="2">
        <v>16768.0</v>
      </c>
      <c r="C19393" s="1" t="s">
        <v>5</v>
      </c>
      <c r="D19393" s="1" t="s">
        <v>16441</v>
      </c>
      <c r="E19393" s="1" t="s">
        <v>11</v>
      </c>
    </row>
    <row r="19394">
      <c r="A19394" s="1">
        <v>4.90776165E8</v>
      </c>
      <c r="B19394" s="2">
        <v>16660.0</v>
      </c>
      <c r="C19394" s="1" t="s">
        <v>5</v>
      </c>
      <c r="D19394" s="1" t="s">
        <v>16442</v>
      </c>
      <c r="E19394" s="1" t="s">
        <v>7</v>
      </c>
    </row>
    <row r="19395">
      <c r="A19395" s="1">
        <v>4.90776166E8</v>
      </c>
      <c r="B19395" s="2">
        <v>16661.0</v>
      </c>
      <c r="C19395" s="1" t="s">
        <v>5</v>
      </c>
      <c r="D19395" s="1" t="s">
        <v>16443</v>
      </c>
      <c r="E19395" s="1" t="s">
        <v>7</v>
      </c>
    </row>
    <row r="19396">
      <c r="A19396" s="1">
        <v>4.90776176E8</v>
      </c>
      <c r="B19396" s="2">
        <v>16703.0</v>
      </c>
      <c r="C19396" s="1" t="s">
        <v>5</v>
      </c>
      <c r="D19396" s="1" t="s">
        <v>11</v>
      </c>
      <c r="E19396" s="1" t="s">
        <v>7</v>
      </c>
    </row>
    <row r="19397">
      <c r="A19397" s="1">
        <v>4.90776177E8</v>
      </c>
      <c r="B19397" s="2">
        <v>16708.0</v>
      </c>
      <c r="C19397" s="1" t="s">
        <v>5</v>
      </c>
      <c r="D19397" s="1" t="s">
        <v>16444</v>
      </c>
      <c r="E19397" s="1" t="s">
        <v>7</v>
      </c>
    </row>
    <row r="19398">
      <c r="A19398" s="1">
        <v>4.90776181E8</v>
      </c>
      <c r="B19398" s="2">
        <v>16656.0</v>
      </c>
      <c r="C19398" s="1" t="s">
        <v>5</v>
      </c>
      <c r="D19398" s="1" t="s">
        <v>16445</v>
      </c>
      <c r="E19398" s="1" t="s">
        <v>7</v>
      </c>
    </row>
    <row r="19399">
      <c r="A19399" s="1">
        <v>4.90776211E8</v>
      </c>
      <c r="B19399" s="2">
        <v>16703.0</v>
      </c>
      <c r="C19399" s="1" t="s">
        <v>5</v>
      </c>
      <c r="D19399" s="1" t="s">
        <v>16446</v>
      </c>
      <c r="E19399" s="1" t="s">
        <v>7</v>
      </c>
    </row>
    <row r="19400">
      <c r="A19400" s="1">
        <v>4.90776247E8</v>
      </c>
      <c r="B19400" s="2">
        <v>16636.0</v>
      </c>
      <c r="C19400" s="1" t="s">
        <v>5</v>
      </c>
      <c r="D19400" s="1" t="s">
        <v>11</v>
      </c>
      <c r="E19400" s="1" t="s">
        <v>7</v>
      </c>
    </row>
    <row r="19401">
      <c r="A19401" s="1">
        <v>4.90776258E8</v>
      </c>
      <c r="B19401" s="2">
        <v>16659.0</v>
      </c>
      <c r="C19401" s="1" t="s">
        <v>5</v>
      </c>
      <c r="D19401" s="1" t="s">
        <v>16447</v>
      </c>
      <c r="E19401" s="1" t="s">
        <v>11</v>
      </c>
    </row>
    <row r="19402">
      <c r="A19402" s="1">
        <v>4.90776269E8</v>
      </c>
      <c r="B19402" s="2">
        <v>16638.0</v>
      </c>
      <c r="C19402" s="1" t="s">
        <v>5</v>
      </c>
      <c r="D19402" s="1" t="s">
        <v>16448</v>
      </c>
      <c r="E19402" s="1" t="s">
        <v>11</v>
      </c>
    </row>
    <row r="19403">
      <c r="A19403" s="1">
        <v>4.90776273E8</v>
      </c>
      <c r="B19403" s="2">
        <v>16699.0</v>
      </c>
      <c r="C19403" s="1" t="s">
        <v>5</v>
      </c>
      <c r="D19403" s="1" t="s">
        <v>16449</v>
      </c>
      <c r="E19403" s="1" t="s">
        <v>7</v>
      </c>
    </row>
    <row r="19404">
      <c r="A19404" s="1">
        <v>4.90776291E8</v>
      </c>
      <c r="B19404" s="3">
        <v>16572.0</v>
      </c>
      <c r="C19404" s="1" t="s">
        <v>5</v>
      </c>
      <c r="D19404" s="1" t="s">
        <v>11</v>
      </c>
      <c r="E19404" s="1" t="s">
        <v>7</v>
      </c>
    </row>
    <row r="19405">
      <c r="A19405" s="1">
        <v>4.90776378E8</v>
      </c>
      <c r="B19405" s="2">
        <v>16657.0</v>
      </c>
      <c r="C19405" s="1" t="s">
        <v>5</v>
      </c>
      <c r="D19405" s="1" t="s">
        <v>16450</v>
      </c>
      <c r="E19405" s="1" t="s">
        <v>7</v>
      </c>
    </row>
    <row r="19406">
      <c r="A19406" s="1">
        <v>4.90776398E8</v>
      </c>
      <c r="B19406" s="2">
        <v>16706.0</v>
      </c>
      <c r="C19406" s="1" t="s">
        <v>5</v>
      </c>
      <c r="D19406" s="1" t="s">
        <v>11</v>
      </c>
      <c r="E19406" s="1" t="s">
        <v>7</v>
      </c>
    </row>
    <row r="19407">
      <c r="A19407" s="1">
        <v>4.90776408E8</v>
      </c>
      <c r="B19407" s="3">
        <v>16572.0</v>
      </c>
      <c r="C19407" s="1" t="s">
        <v>5</v>
      </c>
      <c r="D19407" s="1" t="s">
        <v>16451</v>
      </c>
      <c r="E19407" s="1" t="s">
        <v>7</v>
      </c>
    </row>
    <row r="19408">
      <c r="A19408" s="1">
        <v>4.90776416E8</v>
      </c>
      <c r="B19408" s="2">
        <v>16636.0</v>
      </c>
      <c r="C19408" s="1" t="s">
        <v>5</v>
      </c>
      <c r="D19408" s="1" t="s">
        <v>16452</v>
      </c>
      <c r="E19408" s="1" t="s">
        <v>7</v>
      </c>
    </row>
    <row r="19409">
      <c r="A19409" s="1">
        <v>4.90776436E8</v>
      </c>
      <c r="B19409" s="2">
        <v>16633.0</v>
      </c>
      <c r="C19409" s="1" t="s">
        <v>5</v>
      </c>
      <c r="D19409" s="1" t="s">
        <v>16453</v>
      </c>
      <c r="E19409" s="1" t="s">
        <v>11</v>
      </c>
    </row>
    <row r="19410">
      <c r="A19410" s="1">
        <v>4.90776444E8</v>
      </c>
      <c r="B19410" s="2">
        <v>16659.0</v>
      </c>
      <c r="C19410" s="1" t="s">
        <v>5</v>
      </c>
      <c r="D19410" s="1" t="s">
        <v>16454</v>
      </c>
      <c r="E19410" s="1" t="s">
        <v>7</v>
      </c>
    </row>
    <row r="19411">
      <c r="A19411" s="1">
        <v>4.90776447E8</v>
      </c>
      <c r="B19411" s="2">
        <v>16640.0</v>
      </c>
      <c r="C19411" s="1" t="s">
        <v>5</v>
      </c>
      <c r="D19411" s="1" t="s">
        <v>11</v>
      </c>
      <c r="E19411" s="1" t="s">
        <v>7</v>
      </c>
    </row>
    <row r="19412">
      <c r="A19412" s="1">
        <v>4.90776458E8</v>
      </c>
      <c r="B19412" s="2">
        <v>16658.0</v>
      </c>
      <c r="C19412" s="1" t="s">
        <v>5</v>
      </c>
      <c r="D19412" s="1" t="s">
        <v>16455</v>
      </c>
      <c r="E19412" s="1" t="s">
        <v>7</v>
      </c>
    </row>
    <row r="19413">
      <c r="A19413" s="1">
        <v>4.90776522E8</v>
      </c>
      <c r="B19413" s="2">
        <v>16763.0</v>
      </c>
      <c r="C19413" s="1" t="s">
        <v>5</v>
      </c>
      <c r="D19413" s="1" t="s">
        <v>16456</v>
      </c>
      <c r="E19413" s="1" t="s">
        <v>16457</v>
      </c>
    </row>
    <row r="19414">
      <c r="A19414" s="1">
        <v>4.90776587E8</v>
      </c>
      <c r="B19414" s="2">
        <v>16654.0</v>
      </c>
      <c r="C19414" s="1" t="s">
        <v>5</v>
      </c>
      <c r="D19414" s="1" t="s">
        <v>16458</v>
      </c>
      <c r="E19414" s="1" t="s">
        <v>7</v>
      </c>
    </row>
    <row r="19415">
      <c r="A19415" s="1">
        <v>4.90776611E8</v>
      </c>
      <c r="B19415" s="2">
        <v>16652.0</v>
      </c>
      <c r="C19415" s="1" t="s">
        <v>5</v>
      </c>
      <c r="D19415" s="1" t="s">
        <v>16459</v>
      </c>
      <c r="E19415" s="1" t="s">
        <v>11</v>
      </c>
    </row>
    <row r="19416">
      <c r="A19416" s="1">
        <v>4.90776617E8</v>
      </c>
      <c r="B19416" s="2">
        <v>16763.0</v>
      </c>
      <c r="C19416" s="1" t="s">
        <v>5</v>
      </c>
      <c r="D19416" s="1" t="s">
        <v>16460</v>
      </c>
      <c r="E19416" s="1" t="s">
        <v>16461</v>
      </c>
    </row>
    <row r="19417">
      <c r="A19417" s="1">
        <v>4.90776629E8</v>
      </c>
      <c r="B19417" s="2">
        <v>16652.0</v>
      </c>
      <c r="C19417" s="1" t="s">
        <v>5</v>
      </c>
      <c r="D19417" s="1" t="s">
        <v>16462</v>
      </c>
      <c r="E19417" s="1" t="s">
        <v>16463</v>
      </c>
    </row>
    <row r="19418">
      <c r="A19418" s="1">
        <v>4.9077663E8</v>
      </c>
      <c r="B19418" s="2">
        <v>16657.0</v>
      </c>
      <c r="C19418" s="1" t="s">
        <v>5</v>
      </c>
      <c r="D19418" s="1" t="s">
        <v>16464</v>
      </c>
      <c r="E19418" s="1" t="s">
        <v>7</v>
      </c>
    </row>
    <row r="19419">
      <c r="A19419" s="1">
        <v>4.90776661E8</v>
      </c>
      <c r="B19419" s="2">
        <v>16763.0</v>
      </c>
      <c r="C19419" s="1" t="s">
        <v>5</v>
      </c>
      <c r="D19419" s="1" t="s">
        <v>11</v>
      </c>
      <c r="E19419" s="1" t="s">
        <v>7</v>
      </c>
    </row>
    <row r="19420">
      <c r="A19420" s="1">
        <v>4.90776697E8</v>
      </c>
      <c r="B19420" s="2">
        <v>16758.0</v>
      </c>
      <c r="C19420" s="1" t="s">
        <v>5</v>
      </c>
      <c r="D19420" s="1" t="s">
        <v>16465</v>
      </c>
      <c r="E19420" s="1" t="s">
        <v>11</v>
      </c>
    </row>
    <row r="19421">
      <c r="A19421" s="1">
        <v>4.90776735E8</v>
      </c>
      <c r="B19421" s="2">
        <v>16723.0</v>
      </c>
      <c r="C19421" s="1" t="s">
        <v>5</v>
      </c>
      <c r="D19421" s="1" t="s">
        <v>14519</v>
      </c>
      <c r="E19421" s="1" t="s">
        <v>7</v>
      </c>
    </row>
    <row r="19422">
      <c r="A19422" s="1">
        <v>4.90776756E8</v>
      </c>
      <c r="B19422" s="2">
        <v>16657.0</v>
      </c>
      <c r="C19422" s="1" t="s">
        <v>5</v>
      </c>
      <c r="D19422" s="1" t="s">
        <v>16466</v>
      </c>
      <c r="E19422" s="1" t="s">
        <v>7</v>
      </c>
    </row>
    <row r="19423">
      <c r="A19423" s="1">
        <v>4.90776807E8</v>
      </c>
      <c r="B19423" s="2">
        <v>16657.0</v>
      </c>
      <c r="C19423" s="1" t="s">
        <v>5</v>
      </c>
      <c r="D19423" s="1" t="s">
        <v>16467</v>
      </c>
      <c r="E19423" s="1" t="s">
        <v>7</v>
      </c>
    </row>
    <row r="19424">
      <c r="A19424" s="1">
        <v>4.90776808E8</v>
      </c>
      <c r="B19424" s="2">
        <v>16721.0</v>
      </c>
      <c r="C19424" s="1" t="s">
        <v>5</v>
      </c>
      <c r="D19424" s="1" t="s">
        <v>11</v>
      </c>
      <c r="E19424" s="1" t="s">
        <v>7</v>
      </c>
    </row>
    <row r="19425">
      <c r="A19425" s="1">
        <v>4.90776812E8</v>
      </c>
      <c r="B19425" s="2">
        <v>16694.0</v>
      </c>
      <c r="C19425" s="1" t="s">
        <v>5</v>
      </c>
      <c r="D19425" s="1" t="s">
        <v>16468</v>
      </c>
      <c r="E19425" s="1" t="s">
        <v>7</v>
      </c>
    </row>
    <row r="19426">
      <c r="A19426" s="1">
        <v>4.90776816E8</v>
      </c>
      <c r="B19426" s="2">
        <v>16657.0</v>
      </c>
      <c r="C19426" s="1" t="s">
        <v>5</v>
      </c>
      <c r="D19426" s="1" t="s">
        <v>16469</v>
      </c>
      <c r="E19426" s="1" t="s">
        <v>7</v>
      </c>
    </row>
    <row r="19427">
      <c r="A19427" s="1">
        <v>4.90776818E8</v>
      </c>
      <c r="B19427" s="2">
        <v>16654.0</v>
      </c>
      <c r="C19427" s="1" t="s">
        <v>5</v>
      </c>
      <c r="D19427" s="1" t="s">
        <v>16470</v>
      </c>
      <c r="E19427" s="1" t="s">
        <v>11</v>
      </c>
    </row>
    <row r="19428">
      <c r="A19428" s="1">
        <v>4.90776833E8</v>
      </c>
      <c r="B19428" s="2">
        <v>16656.0</v>
      </c>
      <c r="C19428" s="1" t="s">
        <v>5</v>
      </c>
      <c r="D19428" s="1" t="s">
        <v>16471</v>
      </c>
      <c r="E19428" s="1" t="s">
        <v>16472</v>
      </c>
    </row>
    <row r="19429">
      <c r="A19429" s="1">
        <v>4.90776889E8</v>
      </c>
      <c r="B19429" s="2">
        <v>16698.0</v>
      </c>
      <c r="C19429" s="1" t="s">
        <v>5</v>
      </c>
      <c r="D19429" s="1" t="s">
        <v>16473</v>
      </c>
      <c r="E19429" s="1" t="s">
        <v>7</v>
      </c>
    </row>
    <row r="19430">
      <c r="A19430" s="1">
        <v>4.90776898E8</v>
      </c>
      <c r="B19430" s="2">
        <v>16654.0</v>
      </c>
      <c r="C19430" s="1" t="s">
        <v>5</v>
      </c>
      <c r="D19430" s="1" t="s">
        <v>16474</v>
      </c>
      <c r="E19430" s="1" t="s">
        <v>7</v>
      </c>
    </row>
    <row r="19431">
      <c r="A19431" s="1">
        <v>4.90776913E8</v>
      </c>
      <c r="B19431" s="2">
        <v>16650.0</v>
      </c>
      <c r="C19431" s="1" t="s">
        <v>5</v>
      </c>
      <c r="D19431" s="1" t="s">
        <v>11</v>
      </c>
      <c r="E19431" s="1" t="s">
        <v>7</v>
      </c>
    </row>
    <row r="19432">
      <c r="A19432" s="1">
        <v>4.90776917E8</v>
      </c>
      <c r="B19432" s="2">
        <v>16654.0</v>
      </c>
      <c r="C19432" s="1" t="s">
        <v>5</v>
      </c>
      <c r="D19432" s="1" t="s">
        <v>16475</v>
      </c>
      <c r="E19432" s="1" t="s">
        <v>7</v>
      </c>
    </row>
    <row r="19433">
      <c r="A19433" s="1">
        <v>4.90776936E8</v>
      </c>
      <c r="B19433" s="3">
        <v>16568.0</v>
      </c>
      <c r="C19433" s="1" t="s">
        <v>5</v>
      </c>
      <c r="D19433" s="1" t="s">
        <v>16476</v>
      </c>
      <c r="E19433" s="1" t="s">
        <v>11</v>
      </c>
    </row>
    <row r="19434">
      <c r="A19434" s="1">
        <v>4.90776957E8</v>
      </c>
      <c r="B19434" s="2">
        <v>16756.0</v>
      </c>
      <c r="C19434" s="1" t="s">
        <v>5</v>
      </c>
      <c r="D19434" s="1" t="s">
        <v>16477</v>
      </c>
      <c r="E19434" s="1" t="s">
        <v>7</v>
      </c>
    </row>
    <row r="19435">
      <c r="A19435" s="1">
        <v>4.9077697E8</v>
      </c>
      <c r="B19435" s="2">
        <v>16654.0</v>
      </c>
      <c r="C19435" s="1" t="s">
        <v>5</v>
      </c>
      <c r="D19435" s="1" t="s">
        <v>11</v>
      </c>
      <c r="E19435" s="1" t="s">
        <v>7</v>
      </c>
    </row>
    <row r="19436">
      <c r="A19436" s="1">
        <v>4.90777009E8</v>
      </c>
      <c r="B19436" s="2">
        <v>16659.0</v>
      </c>
      <c r="C19436" s="1" t="s">
        <v>5</v>
      </c>
      <c r="D19436" s="1" t="s">
        <v>16478</v>
      </c>
      <c r="E19436" s="1" t="s">
        <v>7</v>
      </c>
    </row>
    <row r="19437">
      <c r="A19437" s="1">
        <v>4.90777047E8</v>
      </c>
      <c r="B19437" s="2">
        <v>16633.0</v>
      </c>
      <c r="C19437" s="1" t="s">
        <v>5</v>
      </c>
      <c r="D19437" s="1" t="s">
        <v>16479</v>
      </c>
      <c r="E19437" s="1" t="s">
        <v>7</v>
      </c>
    </row>
    <row r="19438">
      <c r="A19438" s="1">
        <v>4.90777054E8</v>
      </c>
      <c r="B19438" s="2">
        <v>16694.0</v>
      </c>
      <c r="C19438" s="1" t="s">
        <v>5</v>
      </c>
      <c r="D19438" s="1" t="s">
        <v>16480</v>
      </c>
      <c r="E19438" s="1" t="s">
        <v>16481</v>
      </c>
    </row>
    <row r="19439">
      <c r="A19439" s="1">
        <v>4.90777086E8</v>
      </c>
      <c r="B19439" s="2">
        <v>16656.0</v>
      </c>
      <c r="C19439" s="1" t="s">
        <v>5</v>
      </c>
      <c r="D19439" s="1" t="s">
        <v>11</v>
      </c>
      <c r="E19439" s="1" t="s">
        <v>7</v>
      </c>
    </row>
    <row r="19440">
      <c r="A19440" s="1">
        <v>4.90777088E8</v>
      </c>
      <c r="B19440" s="2">
        <v>16658.0</v>
      </c>
      <c r="C19440" s="1" t="s">
        <v>5</v>
      </c>
      <c r="D19440" s="1" t="s">
        <v>16482</v>
      </c>
      <c r="E19440" s="1" t="s">
        <v>7</v>
      </c>
    </row>
    <row r="19441">
      <c r="A19441" s="1">
        <v>4.90777137E8</v>
      </c>
      <c r="B19441" s="2">
        <v>16694.0</v>
      </c>
      <c r="C19441" s="1" t="s">
        <v>5</v>
      </c>
      <c r="D19441" s="1" t="s">
        <v>16483</v>
      </c>
      <c r="E19441" s="1" t="s">
        <v>11</v>
      </c>
    </row>
    <row r="19442">
      <c r="A19442" s="1">
        <v>4.90777138E8</v>
      </c>
      <c r="B19442" s="2">
        <v>16771.0</v>
      </c>
      <c r="C19442" s="1" t="s">
        <v>5</v>
      </c>
      <c r="D19442" s="1" t="s">
        <v>16484</v>
      </c>
      <c r="E19442" s="1" t="s">
        <v>7</v>
      </c>
    </row>
    <row r="19443">
      <c r="A19443" s="1">
        <v>4.9077714E8</v>
      </c>
      <c r="B19443" s="2">
        <v>16720.0</v>
      </c>
      <c r="C19443" s="1" t="s">
        <v>5</v>
      </c>
      <c r="D19443" s="1" t="s">
        <v>16485</v>
      </c>
      <c r="E19443" s="1" t="s">
        <v>7</v>
      </c>
    </row>
    <row r="19444">
      <c r="A19444" s="1">
        <v>4.90777154E8</v>
      </c>
      <c r="B19444" s="3">
        <v>16566.0</v>
      </c>
      <c r="C19444" s="1" t="s">
        <v>5</v>
      </c>
      <c r="D19444" s="1" t="s">
        <v>16486</v>
      </c>
      <c r="E19444" s="1" t="s">
        <v>7</v>
      </c>
    </row>
    <row r="19445">
      <c r="A19445" s="1">
        <v>4.90777171E8</v>
      </c>
      <c r="B19445" s="2">
        <v>16771.0</v>
      </c>
      <c r="C19445" s="1" t="s">
        <v>5</v>
      </c>
      <c r="D19445" s="1" t="s">
        <v>16487</v>
      </c>
      <c r="E19445" s="1" t="s">
        <v>11</v>
      </c>
    </row>
    <row r="19446">
      <c r="A19446" s="1">
        <v>4.90777181E8</v>
      </c>
      <c r="B19446" s="2">
        <v>16692.0</v>
      </c>
      <c r="C19446" s="1" t="s">
        <v>5</v>
      </c>
      <c r="D19446" s="1" t="s">
        <v>11</v>
      </c>
      <c r="E19446" s="1" t="s">
        <v>7</v>
      </c>
    </row>
    <row r="19447">
      <c r="A19447" s="1">
        <v>4.90777276E8</v>
      </c>
      <c r="B19447" s="2">
        <v>16723.0</v>
      </c>
      <c r="C19447" s="1" t="s">
        <v>5</v>
      </c>
      <c r="D19447" s="1" t="s">
        <v>11</v>
      </c>
      <c r="E19447" s="1" t="s">
        <v>7</v>
      </c>
    </row>
    <row r="19448">
      <c r="A19448" s="1">
        <v>4.90777299E8</v>
      </c>
      <c r="B19448" s="2">
        <v>16710.0</v>
      </c>
      <c r="C19448" s="1" t="s">
        <v>5</v>
      </c>
      <c r="D19448" s="1" t="s">
        <v>16488</v>
      </c>
      <c r="E19448" s="1" t="s">
        <v>11</v>
      </c>
    </row>
    <row r="19449">
      <c r="A19449" s="1">
        <v>4.90777331E8</v>
      </c>
      <c r="B19449" s="2">
        <v>16722.0</v>
      </c>
      <c r="C19449" s="1" t="s">
        <v>5</v>
      </c>
      <c r="D19449" s="1" t="s">
        <v>11</v>
      </c>
      <c r="E19449" s="1" t="s">
        <v>7</v>
      </c>
    </row>
    <row r="19450">
      <c r="A19450" s="1">
        <v>4.90777418E8</v>
      </c>
      <c r="B19450" s="2">
        <v>16710.0</v>
      </c>
      <c r="C19450" s="1" t="s">
        <v>5</v>
      </c>
      <c r="D19450" s="1" t="s">
        <v>11</v>
      </c>
      <c r="E19450" s="1" t="s">
        <v>7</v>
      </c>
    </row>
    <row r="19451">
      <c r="A19451" s="1">
        <v>4.90777433E8</v>
      </c>
      <c r="B19451" s="2">
        <v>16754.0</v>
      </c>
      <c r="C19451" s="1" t="s">
        <v>5</v>
      </c>
      <c r="D19451" s="1" t="s">
        <v>16489</v>
      </c>
      <c r="E19451" s="1" t="s">
        <v>11</v>
      </c>
    </row>
    <row r="19452">
      <c r="A19452" s="1">
        <v>4.90777451E8</v>
      </c>
      <c r="B19452" s="2">
        <v>16757.0</v>
      </c>
      <c r="C19452" s="1" t="s">
        <v>5</v>
      </c>
      <c r="D19452" s="1" t="s">
        <v>16490</v>
      </c>
      <c r="E19452" s="1" t="s">
        <v>11</v>
      </c>
    </row>
    <row r="19453">
      <c r="A19453" s="1">
        <v>4.90777475E8</v>
      </c>
      <c r="B19453" s="2">
        <v>16699.0</v>
      </c>
      <c r="C19453" s="1" t="s">
        <v>5</v>
      </c>
      <c r="D19453" s="1" t="s">
        <v>16491</v>
      </c>
      <c r="E19453" s="1" t="s">
        <v>11</v>
      </c>
    </row>
    <row r="19454">
      <c r="A19454" s="1">
        <v>4.90777493E8</v>
      </c>
      <c r="B19454" s="2">
        <v>16692.0</v>
      </c>
      <c r="C19454" s="1" t="s">
        <v>5</v>
      </c>
      <c r="D19454" s="1" t="s">
        <v>11</v>
      </c>
      <c r="E19454" s="1" t="s">
        <v>7</v>
      </c>
    </row>
    <row r="19455">
      <c r="A19455" s="1">
        <v>4.90777502E8</v>
      </c>
      <c r="B19455" s="2">
        <v>16765.0</v>
      </c>
      <c r="C19455" s="1" t="s">
        <v>5</v>
      </c>
      <c r="D19455" s="1" t="s">
        <v>16492</v>
      </c>
      <c r="E19455" s="1" t="s">
        <v>11</v>
      </c>
    </row>
    <row r="19456">
      <c r="A19456" s="1">
        <v>4.90777589E8</v>
      </c>
      <c r="B19456" s="2">
        <v>16707.0</v>
      </c>
      <c r="C19456" s="1" t="s">
        <v>5</v>
      </c>
      <c r="D19456" s="1" t="s">
        <v>16493</v>
      </c>
      <c r="E19456" s="1" t="s">
        <v>11</v>
      </c>
    </row>
    <row r="19457">
      <c r="A19457" s="1">
        <v>4.90777597E8</v>
      </c>
      <c r="B19457" s="2">
        <v>16710.0</v>
      </c>
      <c r="C19457" s="1" t="s">
        <v>5</v>
      </c>
      <c r="D19457" s="1" t="s">
        <v>16494</v>
      </c>
      <c r="E19457" s="1" t="s">
        <v>11</v>
      </c>
    </row>
    <row r="19458">
      <c r="A19458" s="1">
        <v>4.90777608E8</v>
      </c>
      <c r="B19458" s="2">
        <v>16757.0</v>
      </c>
      <c r="C19458" s="1" t="s">
        <v>5</v>
      </c>
      <c r="D19458" s="1" t="s">
        <v>16495</v>
      </c>
      <c r="E19458" s="1" t="s">
        <v>7</v>
      </c>
    </row>
    <row r="19459">
      <c r="A19459" s="1">
        <v>4.90777614E8</v>
      </c>
      <c r="B19459" s="3">
        <v>16563.0</v>
      </c>
      <c r="C19459" s="1" t="s">
        <v>5</v>
      </c>
      <c r="D19459" s="1" t="s">
        <v>16496</v>
      </c>
      <c r="E19459" s="1" t="s">
        <v>7</v>
      </c>
    </row>
    <row r="19460">
      <c r="A19460" s="1">
        <v>4.90777675E8</v>
      </c>
      <c r="B19460" s="2">
        <v>16651.0</v>
      </c>
      <c r="C19460" s="1" t="s">
        <v>5</v>
      </c>
      <c r="D19460" s="1" t="s">
        <v>16497</v>
      </c>
      <c r="E19460" s="1" t="s">
        <v>7</v>
      </c>
    </row>
    <row r="19461">
      <c r="A19461" s="1">
        <v>4.90777705E8</v>
      </c>
      <c r="B19461" s="2">
        <v>16692.0</v>
      </c>
      <c r="C19461" s="1" t="s">
        <v>5</v>
      </c>
      <c r="D19461" s="1" t="s">
        <v>16498</v>
      </c>
      <c r="E19461" s="1" t="s">
        <v>7</v>
      </c>
    </row>
    <row r="19462">
      <c r="A19462" s="1">
        <v>4.90777743E8</v>
      </c>
      <c r="B19462" s="2">
        <v>16695.0</v>
      </c>
      <c r="C19462" s="1" t="s">
        <v>5</v>
      </c>
      <c r="D19462" s="1" t="s">
        <v>16499</v>
      </c>
      <c r="E19462" s="1" t="s">
        <v>11</v>
      </c>
    </row>
    <row r="19463">
      <c r="A19463" s="1">
        <v>4.90777749E8</v>
      </c>
      <c r="B19463" s="2">
        <v>16755.0</v>
      </c>
      <c r="C19463" s="1" t="s">
        <v>5</v>
      </c>
      <c r="D19463" s="1" t="s">
        <v>11</v>
      </c>
      <c r="E19463" s="1" t="s">
        <v>7</v>
      </c>
    </row>
    <row r="19464">
      <c r="A19464" s="1">
        <v>4.90777755E8</v>
      </c>
      <c r="B19464" s="2">
        <v>16689.0</v>
      </c>
      <c r="C19464" s="1" t="s">
        <v>5</v>
      </c>
      <c r="D19464" s="1" t="s">
        <v>16500</v>
      </c>
      <c r="E19464" s="1" t="s">
        <v>7</v>
      </c>
    </row>
    <row r="19465">
      <c r="A19465" s="1">
        <v>4.90777783E8</v>
      </c>
      <c r="B19465" s="2">
        <v>16754.0</v>
      </c>
      <c r="C19465" s="1" t="s">
        <v>5</v>
      </c>
      <c r="D19465" s="1" t="s">
        <v>16501</v>
      </c>
      <c r="E19465" s="1" t="s">
        <v>16502</v>
      </c>
    </row>
    <row r="19466">
      <c r="A19466" s="1">
        <v>4.90777796E8</v>
      </c>
      <c r="B19466" s="2">
        <v>16692.0</v>
      </c>
      <c r="C19466" s="1" t="s">
        <v>5</v>
      </c>
      <c r="D19466" s="1" t="s">
        <v>16503</v>
      </c>
      <c r="E19466" s="1" t="s">
        <v>7</v>
      </c>
    </row>
    <row r="19467">
      <c r="A19467" s="1">
        <v>4.90777808E8</v>
      </c>
      <c r="B19467" s="2">
        <v>16763.0</v>
      </c>
      <c r="C19467" s="1" t="s">
        <v>5</v>
      </c>
      <c r="D19467" s="1" t="s">
        <v>11</v>
      </c>
      <c r="E19467" s="1" t="s">
        <v>7</v>
      </c>
    </row>
    <row r="19468">
      <c r="A19468" s="1">
        <v>4.9077783E8</v>
      </c>
      <c r="B19468" s="2">
        <v>16751.0</v>
      </c>
      <c r="C19468" s="1" t="s">
        <v>5</v>
      </c>
      <c r="D19468" s="1" t="s">
        <v>11</v>
      </c>
      <c r="E19468" s="1" t="s">
        <v>7</v>
      </c>
    </row>
    <row r="19469">
      <c r="A19469" s="1">
        <v>4.90777835E8</v>
      </c>
      <c r="B19469" s="3">
        <v>16561.0</v>
      </c>
      <c r="C19469" s="1" t="s">
        <v>5</v>
      </c>
      <c r="D19469" s="1" t="s">
        <v>16504</v>
      </c>
      <c r="E19469" s="1" t="s">
        <v>16505</v>
      </c>
    </row>
    <row r="19470">
      <c r="A19470" s="1">
        <v>4.90777837E8</v>
      </c>
      <c r="B19470" s="2">
        <v>16650.0</v>
      </c>
      <c r="C19470" s="1" t="s">
        <v>5</v>
      </c>
      <c r="D19470" s="1" t="s">
        <v>16506</v>
      </c>
      <c r="E19470" s="1" t="s">
        <v>11</v>
      </c>
    </row>
    <row r="19471">
      <c r="A19471" s="1">
        <v>4.90777841E8</v>
      </c>
      <c r="B19471" s="2">
        <v>16706.0</v>
      </c>
      <c r="C19471" s="1" t="s">
        <v>5</v>
      </c>
      <c r="D19471" s="1" t="s">
        <v>11</v>
      </c>
      <c r="E19471" s="1" t="s">
        <v>7</v>
      </c>
    </row>
    <row r="19472">
      <c r="A19472" s="1">
        <v>4.90777858E8</v>
      </c>
      <c r="B19472" s="3">
        <v>16561.0</v>
      </c>
      <c r="C19472" s="1" t="s">
        <v>5</v>
      </c>
      <c r="D19472" s="1" t="s">
        <v>16507</v>
      </c>
      <c r="E19472" s="1" t="s">
        <v>7</v>
      </c>
    </row>
    <row r="19473">
      <c r="A19473" s="1">
        <v>4.90777901E8</v>
      </c>
      <c r="B19473" s="2">
        <v>16709.0</v>
      </c>
      <c r="C19473" s="1" t="s">
        <v>5</v>
      </c>
      <c r="D19473" s="1" t="s">
        <v>16508</v>
      </c>
      <c r="E19473" s="1" t="s">
        <v>7</v>
      </c>
    </row>
    <row r="19474">
      <c r="A19474" s="1">
        <v>4.90777953E8</v>
      </c>
      <c r="B19474" s="2">
        <v>16752.0</v>
      </c>
      <c r="C19474" s="1" t="s">
        <v>5</v>
      </c>
      <c r="D19474" s="1" t="s">
        <v>16509</v>
      </c>
      <c r="E19474" s="1" t="s">
        <v>11</v>
      </c>
    </row>
    <row r="19475">
      <c r="A19475" s="1">
        <v>4.90777982E8</v>
      </c>
      <c r="B19475" s="2">
        <v>16706.0</v>
      </c>
      <c r="C19475" s="1" t="s">
        <v>5</v>
      </c>
      <c r="D19475" s="1" t="s">
        <v>16510</v>
      </c>
      <c r="E19475" s="1" t="s">
        <v>7</v>
      </c>
    </row>
    <row r="19476">
      <c r="A19476" s="1">
        <v>4.90777998E8</v>
      </c>
      <c r="B19476" s="2">
        <v>16688.0</v>
      </c>
      <c r="C19476" s="1" t="s">
        <v>5</v>
      </c>
      <c r="D19476" s="1" t="s">
        <v>16511</v>
      </c>
      <c r="E19476" s="1" t="s">
        <v>7</v>
      </c>
    </row>
    <row r="19477">
      <c r="A19477" s="1">
        <v>4.90778053E8</v>
      </c>
      <c r="B19477" s="2">
        <v>16763.0</v>
      </c>
      <c r="C19477" s="1" t="s">
        <v>5</v>
      </c>
      <c r="D19477" s="1" t="s">
        <v>16512</v>
      </c>
      <c r="E19477" s="1" t="s">
        <v>7</v>
      </c>
    </row>
    <row r="19478">
      <c r="A19478" s="1">
        <v>4.90778149E8</v>
      </c>
      <c r="B19478" s="2">
        <v>16752.0</v>
      </c>
      <c r="C19478" s="1" t="s">
        <v>5</v>
      </c>
      <c r="D19478" s="1" t="s">
        <v>16513</v>
      </c>
      <c r="E19478" s="1" t="s">
        <v>7</v>
      </c>
    </row>
    <row r="19479">
      <c r="A19479" s="1">
        <v>4.90778167E8</v>
      </c>
      <c r="B19479" s="2">
        <v>16748.0</v>
      </c>
      <c r="C19479" s="1" t="s">
        <v>5</v>
      </c>
      <c r="D19479" s="1" t="s">
        <v>11</v>
      </c>
      <c r="E19479" s="1" t="s">
        <v>7</v>
      </c>
    </row>
    <row r="19480">
      <c r="A19480" s="1">
        <v>4.90778197E8</v>
      </c>
      <c r="B19480" s="2">
        <v>16692.0</v>
      </c>
      <c r="C19480" s="1" t="s">
        <v>5</v>
      </c>
      <c r="D19480" s="1" t="s">
        <v>16514</v>
      </c>
      <c r="E19480" s="1" t="s">
        <v>7</v>
      </c>
    </row>
    <row r="19481">
      <c r="A19481" s="1">
        <v>4.90778201E8</v>
      </c>
      <c r="B19481" s="2">
        <v>16754.0</v>
      </c>
      <c r="C19481" s="1" t="s">
        <v>5</v>
      </c>
      <c r="D19481" s="1" t="s">
        <v>16515</v>
      </c>
      <c r="E19481" s="1" t="s">
        <v>7</v>
      </c>
    </row>
    <row r="19482">
      <c r="A19482" s="1">
        <v>4.90778225E8</v>
      </c>
      <c r="B19482" s="2">
        <v>16708.0</v>
      </c>
      <c r="C19482" s="1" t="s">
        <v>5</v>
      </c>
      <c r="D19482" s="1" t="s">
        <v>16516</v>
      </c>
      <c r="E19482" s="1" t="s">
        <v>7</v>
      </c>
    </row>
    <row r="19483">
      <c r="A19483" s="1">
        <v>4.90778269E8</v>
      </c>
      <c r="B19483" s="2">
        <v>16752.0</v>
      </c>
      <c r="C19483" s="1" t="s">
        <v>5</v>
      </c>
      <c r="D19483" s="1" t="s">
        <v>16517</v>
      </c>
      <c r="E19483" s="1" t="s">
        <v>7</v>
      </c>
    </row>
    <row r="19484">
      <c r="A19484" s="1">
        <v>4.90778273E8</v>
      </c>
      <c r="B19484" s="2">
        <v>16684.0</v>
      </c>
      <c r="C19484" s="1" t="s">
        <v>5</v>
      </c>
      <c r="D19484" s="1" t="s">
        <v>16518</v>
      </c>
      <c r="E19484" s="1" t="s">
        <v>7</v>
      </c>
    </row>
    <row r="19485">
      <c r="A19485" s="1">
        <v>4.90778276E8</v>
      </c>
      <c r="B19485" s="2">
        <v>16650.0</v>
      </c>
      <c r="C19485" s="1" t="s">
        <v>5</v>
      </c>
      <c r="D19485" s="1" t="s">
        <v>16519</v>
      </c>
      <c r="E19485" s="1" t="s">
        <v>7</v>
      </c>
    </row>
    <row r="19486">
      <c r="A19486" s="1">
        <v>4.90778297E8</v>
      </c>
      <c r="B19486" s="2">
        <v>16650.0</v>
      </c>
      <c r="C19486" s="1" t="s">
        <v>5</v>
      </c>
      <c r="D19486" s="1" t="s">
        <v>16520</v>
      </c>
      <c r="E19486" s="1" t="s">
        <v>11</v>
      </c>
    </row>
    <row r="19487">
      <c r="A19487" s="1">
        <v>4.90778298E8</v>
      </c>
      <c r="B19487" s="2">
        <v>16747.0</v>
      </c>
      <c r="C19487" s="1" t="s">
        <v>5</v>
      </c>
      <c r="D19487" s="1" t="s">
        <v>16521</v>
      </c>
      <c r="E19487" s="1" t="s">
        <v>7</v>
      </c>
    </row>
    <row r="19488">
      <c r="A19488" s="1">
        <v>4.90778324E8</v>
      </c>
      <c r="B19488" s="2">
        <v>16706.0</v>
      </c>
      <c r="C19488" s="1" t="s">
        <v>5</v>
      </c>
      <c r="D19488" s="1" t="s">
        <v>16522</v>
      </c>
      <c r="E19488" s="1" t="s">
        <v>16523</v>
      </c>
    </row>
    <row r="19489">
      <c r="A19489" s="1">
        <v>4.90778335E8</v>
      </c>
      <c r="B19489" s="2">
        <v>16685.0</v>
      </c>
      <c r="C19489" s="1" t="s">
        <v>5</v>
      </c>
      <c r="D19489" s="1" t="s">
        <v>16524</v>
      </c>
      <c r="E19489" s="1" t="s">
        <v>11</v>
      </c>
    </row>
    <row r="19490">
      <c r="A19490" s="1">
        <v>4.90778356E8</v>
      </c>
      <c r="B19490" s="2">
        <v>16688.0</v>
      </c>
      <c r="C19490" s="1" t="s">
        <v>5</v>
      </c>
      <c r="D19490" s="1" t="s">
        <v>16525</v>
      </c>
      <c r="E19490" s="1" t="s">
        <v>7</v>
      </c>
    </row>
    <row r="19491">
      <c r="A19491" s="1">
        <v>4.90778372E8</v>
      </c>
      <c r="B19491" s="2">
        <v>16759.0</v>
      </c>
      <c r="C19491" s="1" t="s">
        <v>5</v>
      </c>
      <c r="D19491" s="1" t="s">
        <v>16526</v>
      </c>
      <c r="E19491" s="1" t="s">
        <v>7</v>
      </c>
    </row>
    <row r="19492">
      <c r="A19492" s="1">
        <v>4.90778395E8</v>
      </c>
      <c r="B19492" s="2">
        <v>16708.0</v>
      </c>
      <c r="C19492" s="1" t="s">
        <v>5</v>
      </c>
      <c r="D19492" s="1" t="s">
        <v>16527</v>
      </c>
      <c r="E19492" s="1" t="s">
        <v>11</v>
      </c>
    </row>
    <row r="19493">
      <c r="A19493" s="1">
        <v>4.90778463E8</v>
      </c>
      <c r="B19493" s="2">
        <v>16706.0</v>
      </c>
      <c r="C19493" s="1" t="s">
        <v>5</v>
      </c>
      <c r="D19493" s="1" t="s">
        <v>16528</v>
      </c>
      <c r="E19493" s="1" t="s">
        <v>7</v>
      </c>
    </row>
    <row r="19494">
      <c r="A19494" s="1">
        <v>4.90778475E8</v>
      </c>
      <c r="B19494" s="2">
        <v>16759.0</v>
      </c>
      <c r="C19494" s="1" t="s">
        <v>5</v>
      </c>
      <c r="D19494" s="1" t="s">
        <v>16529</v>
      </c>
      <c r="E19494" s="1" t="s">
        <v>7</v>
      </c>
    </row>
    <row r="19495">
      <c r="A19495" s="1">
        <v>4.9077851E8</v>
      </c>
      <c r="B19495" s="2">
        <v>16751.0</v>
      </c>
      <c r="C19495" s="1" t="s">
        <v>5</v>
      </c>
      <c r="D19495" s="1" t="s">
        <v>11</v>
      </c>
      <c r="E19495" s="1" t="s">
        <v>7</v>
      </c>
    </row>
    <row r="19496">
      <c r="A19496" s="1">
        <v>4.90778524E8</v>
      </c>
      <c r="B19496" s="2">
        <v>16701.0</v>
      </c>
      <c r="C19496" s="1" t="s">
        <v>5</v>
      </c>
      <c r="D19496" s="1" t="s">
        <v>16530</v>
      </c>
      <c r="E19496" s="1" t="s">
        <v>7</v>
      </c>
    </row>
    <row r="19497">
      <c r="A19497" s="1">
        <v>4.90778553E8</v>
      </c>
      <c r="B19497" s="2">
        <v>16748.0</v>
      </c>
      <c r="C19497" s="1" t="s">
        <v>5</v>
      </c>
      <c r="D19497" s="1" t="s">
        <v>16531</v>
      </c>
      <c r="E19497" s="1" t="s">
        <v>11</v>
      </c>
    </row>
    <row r="19498">
      <c r="A19498" s="1">
        <v>4.90778576E8</v>
      </c>
      <c r="B19498" s="2">
        <v>16748.0</v>
      </c>
      <c r="C19498" s="1" t="s">
        <v>5</v>
      </c>
      <c r="D19498" s="1" t="s">
        <v>16532</v>
      </c>
      <c r="E19498" s="1" t="s">
        <v>7</v>
      </c>
    </row>
    <row r="19499">
      <c r="A19499" s="1">
        <v>4.90778647E8</v>
      </c>
      <c r="B19499" s="2">
        <v>16706.0</v>
      </c>
      <c r="C19499" s="1" t="s">
        <v>5</v>
      </c>
      <c r="D19499" s="1" t="s">
        <v>16533</v>
      </c>
      <c r="E19499" s="1" t="s">
        <v>7</v>
      </c>
    </row>
    <row r="19500">
      <c r="A19500" s="1">
        <v>4.90778655E8</v>
      </c>
      <c r="B19500" s="2">
        <v>16763.0</v>
      </c>
      <c r="C19500" s="1" t="s">
        <v>5</v>
      </c>
      <c r="D19500" s="1" t="s">
        <v>16534</v>
      </c>
      <c r="E19500" s="1" t="s">
        <v>7</v>
      </c>
    </row>
    <row r="19501">
      <c r="A19501" s="1">
        <v>4.90778675E8</v>
      </c>
      <c r="B19501" s="2">
        <v>16750.0</v>
      </c>
      <c r="C19501" s="1" t="s">
        <v>5</v>
      </c>
      <c r="D19501" s="1" t="s">
        <v>16535</v>
      </c>
      <c r="E19501" s="1" t="s">
        <v>7</v>
      </c>
    </row>
    <row r="19502">
      <c r="A19502" s="1">
        <v>4.90778754E8</v>
      </c>
      <c r="B19502" s="2">
        <v>16741.0</v>
      </c>
      <c r="C19502" s="1" t="s">
        <v>5</v>
      </c>
      <c r="D19502" s="1" t="s">
        <v>16536</v>
      </c>
      <c r="E19502" s="1" t="s">
        <v>7</v>
      </c>
    </row>
    <row r="19503">
      <c r="A19503" s="1">
        <v>4.90778767E8</v>
      </c>
      <c r="B19503" s="2">
        <v>16763.0</v>
      </c>
      <c r="C19503" s="1" t="s">
        <v>5</v>
      </c>
      <c r="D19503" s="1" t="s">
        <v>16537</v>
      </c>
      <c r="E19503" s="1" t="s">
        <v>7</v>
      </c>
    </row>
    <row r="19504">
      <c r="A19504" s="1">
        <v>4.90778837E8</v>
      </c>
      <c r="B19504" s="2">
        <v>16712.0</v>
      </c>
      <c r="C19504" s="1" t="s">
        <v>5</v>
      </c>
      <c r="D19504" s="1" t="s">
        <v>16538</v>
      </c>
      <c r="E19504" s="1" t="s">
        <v>7</v>
      </c>
    </row>
    <row r="19505">
      <c r="A19505" s="1">
        <v>4.9077884E8</v>
      </c>
      <c r="B19505" s="2">
        <v>16741.0</v>
      </c>
      <c r="C19505" s="1" t="s">
        <v>5</v>
      </c>
      <c r="D19505" s="1" t="s">
        <v>16539</v>
      </c>
      <c r="E19505" s="1" t="s">
        <v>7</v>
      </c>
    </row>
    <row r="19506">
      <c r="A19506" s="1">
        <v>4.90778841E8</v>
      </c>
      <c r="B19506" s="2">
        <v>16756.0</v>
      </c>
      <c r="C19506" s="1" t="s">
        <v>5</v>
      </c>
      <c r="D19506" s="1" t="s">
        <v>16540</v>
      </c>
      <c r="E19506" s="1" t="s">
        <v>7</v>
      </c>
    </row>
    <row r="19507">
      <c r="A19507" s="1">
        <v>4.90778875E8</v>
      </c>
      <c r="B19507" s="2">
        <v>16686.0</v>
      </c>
      <c r="C19507" s="1" t="s">
        <v>5</v>
      </c>
      <c r="D19507" s="1" t="s">
        <v>16541</v>
      </c>
      <c r="E19507" s="1" t="s">
        <v>11</v>
      </c>
    </row>
    <row r="19508">
      <c r="A19508" s="1">
        <v>4.90778914E8</v>
      </c>
      <c r="B19508" s="2">
        <v>16698.0</v>
      </c>
      <c r="C19508" s="1" t="s">
        <v>5</v>
      </c>
      <c r="D19508" s="1" t="s">
        <v>16542</v>
      </c>
      <c r="E19508" s="1" t="s">
        <v>7</v>
      </c>
    </row>
    <row r="19509">
      <c r="A19509" s="1">
        <v>4.9077902E8</v>
      </c>
      <c r="B19509" s="2">
        <v>16703.0</v>
      </c>
      <c r="C19509" s="1" t="s">
        <v>5</v>
      </c>
      <c r="D19509" s="1" t="s">
        <v>16543</v>
      </c>
      <c r="E19509" s="1" t="s">
        <v>11</v>
      </c>
    </row>
    <row r="19510">
      <c r="A19510" s="1">
        <v>4.90779033E8</v>
      </c>
      <c r="B19510" s="2">
        <v>16699.0</v>
      </c>
      <c r="C19510" s="1" t="s">
        <v>5</v>
      </c>
      <c r="D19510" s="1" t="s">
        <v>16544</v>
      </c>
      <c r="E19510" s="1" t="s">
        <v>7</v>
      </c>
    </row>
    <row r="19511">
      <c r="A19511" s="1">
        <v>4.90779035E8</v>
      </c>
      <c r="B19511" s="2">
        <v>16686.0</v>
      </c>
      <c r="C19511" s="1" t="s">
        <v>5</v>
      </c>
      <c r="D19511" s="1" t="s">
        <v>16545</v>
      </c>
      <c r="E19511" s="1" t="s">
        <v>7</v>
      </c>
    </row>
    <row r="19512">
      <c r="A19512" s="1">
        <v>4.90779044E8</v>
      </c>
      <c r="B19512" s="2">
        <v>16771.0</v>
      </c>
      <c r="C19512" s="1" t="s">
        <v>5</v>
      </c>
      <c r="D19512" s="1" t="s">
        <v>16546</v>
      </c>
      <c r="E19512" s="1" t="s">
        <v>11</v>
      </c>
    </row>
    <row r="19513">
      <c r="A19513" s="1">
        <v>4.90779077E8</v>
      </c>
      <c r="B19513" s="2">
        <v>16703.0</v>
      </c>
      <c r="C19513" s="1" t="s">
        <v>5</v>
      </c>
      <c r="D19513" s="1" t="s">
        <v>11</v>
      </c>
      <c r="E19513" s="1" t="s">
        <v>7</v>
      </c>
    </row>
    <row r="19514">
      <c r="A19514" s="1">
        <v>4.9077911E8</v>
      </c>
      <c r="B19514" s="2">
        <v>16759.0</v>
      </c>
      <c r="C19514" s="1" t="s">
        <v>5</v>
      </c>
      <c r="D19514" s="1" t="s">
        <v>16547</v>
      </c>
      <c r="E19514" s="1" t="s">
        <v>7</v>
      </c>
    </row>
    <row r="19515">
      <c r="A19515" s="1">
        <v>4.90779112E8</v>
      </c>
      <c r="B19515" s="2">
        <v>16701.0</v>
      </c>
      <c r="C19515" s="1" t="s">
        <v>5</v>
      </c>
      <c r="D19515" s="1" t="s">
        <v>16548</v>
      </c>
      <c r="E19515" s="1" t="s">
        <v>7</v>
      </c>
    </row>
    <row r="19516">
      <c r="A19516" s="1">
        <v>4.90779117E8</v>
      </c>
      <c r="B19516" s="2">
        <v>16688.0</v>
      </c>
      <c r="C19516" s="1" t="s">
        <v>5</v>
      </c>
      <c r="D19516" s="1" t="s">
        <v>16549</v>
      </c>
      <c r="E19516" s="1" t="s">
        <v>16550</v>
      </c>
    </row>
    <row r="19517">
      <c r="A19517" s="1">
        <v>4.90779149E8</v>
      </c>
      <c r="B19517" s="2">
        <v>16747.0</v>
      </c>
      <c r="C19517" s="1" t="s">
        <v>5</v>
      </c>
      <c r="D19517" s="1" t="s">
        <v>16551</v>
      </c>
      <c r="E19517" s="1" t="s">
        <v>16552</v>
      </c>
    </row>
    <row r="19518">
      <c r="A19518" s="1">
        <v>4.90779158E8</v>
      </c>
      <c r="B19518" s="2">
        <v>16688.0</v>
      </c>
      <c r="C19518" s="1" t="s">
        <v>5</v>
      </c>
      <c r="D19518" s="1" t="s">
        <v>16553</v>
      </c>
      <c r="E19518" s="1" t="s">
        <v>7</v>
      </c>
    </row>
    <row r="19519">
      <c r="A19519" s="1">
        <v>4.90779218E8</v>
      </c>
      <c r="B19519" s="2">
        <v>16612.0</v>
      </c>
      <c r="C19519" s="1" t="s">
        <v>5</v>
      </c>
      <c r="D19519" s="1" t="s">
        <v>16554</v>
      </c>
      <c r="E19519" s="1" t="s">
        <v>16555</v>
      </c>
    </row>
    <row r="19520">
      <c r="A19520" s="1">
        <v>4.90779234E8</v>
      </c>
      <c r="B19520" s="2">
        <v>16700.0</v>
      </c>
      <c r="C19520" s="1" t="s">
        <v>5</v>
      </c>
      <c r="D19520" s="1" t="s">
        <v>16556</v>
      </c>
      <c r="E19520" s="1" t="s">
        <v>7</v>
      </c>
    </row>
    <row r="19521">
      <c r="A19521" s="1">
        <v>4.90779252E8</v>
      </c>
      <c r="B19521" s="2">
        <v>16698.0</v>
      </c>
      <c r="C19521" s="1" t="s">
        <v>5</v>
      </c>
      <c r="D19521" s="1" t="s">
        <v>11</v>
      </c>
      <c r="E19521" s="1" t="s">
        <v>7</v>
      </c>
    </row>
    <row r="19522">
      <c r="A19522" s="1">
        <v>4.90779253E8</v>
      </c>
      <c r="B19522" s="2">
        <v>16740.0</v>
      </c>
      <c r="C19522" s="1" t="s">
        <v>5</v>
      </c>
      <c r="D19522" s="1" t="s">
        <v>16557</v>
      </c>
      <c r="E19522" s="1" t="s">
        <v>7</v>
      </c>
    </row>
    <row r="19523">
      <c r="A19523" s="1">
        <v>4.90779291E8</v>
      </c>
      <c r="B19523" s="2">
        <v>16756.0</v>
      </c>
      <c r="C19523" s="1" t="s">
        <v>5</v>
      </c>
      <c r="D19523" s="1" t="s">
        <v>16558</v>
      </c>
      <c r="E19523" s="1" t="s">
        <v>16559</v>
      </c>
    </row>
    <row r="19524">
      <c r="A19524" s="1">
        <v>4.90779298E8</v>
      </c>
      <c r="B19524" s="2">
        <v>16759.0</v>
      </c>
      <c r="C19524" s="1" t="s">
        <v>5</v>
      </c>
      <c r="D19524" s="1" t="s">
        <v>16560</v>
      </c>
      <c r="E19524" s="1" t="s">
        <v>7</v>
      </c>
    </row>
    <row r="19525">
      <c r="A19525" s="1">
        <v>4.90779309E8</v>
      </c>
      <c r="B19525" s="2">
        <v>16738.0</v>
      </c>
      <c r="C19525" s="1" t="s">
        <v>5</v>
      </c>
      <c r="D19525" s="1" t="s">
        <v>11</v>
      </c>
      <c r="E19525" s="1" t="s">
        <v>7</v>
      </c>
    </row>
    <row r="19526">
      <c r="A19526" s="1">
        <v>4.90779316E8</v>
      </c>
      <c r="B19526" s="2">
        <v>16756.0</v>
      </c>
      <c r="C19526" s="1" t="s">
        <v>5</v>
      </c>
      <c r="D19526" s="1" t="s">
        <v>16561</v>
      </c>
      <c r="E19526" s="1" t="s">
        <v>7</v>
      </c>
    </row>
    <row r="19527">
      <c r="A19527" s="1">
        <v>4.90779345E8</v>
      </c>
      <c r="B19527" s="2">
        <v>16705.0</v>
      </c>
      <c r="C19527" s="1" t="s">
        <v>5</v>
      </c>
      <c r="D19527" s="1" t="s">
        <v>16562</v>
      </c>
      <c r="E19527" s="1" t="s">
        <v>7</v>
      </c>
    </row>
    <row r="19528">
      <c r="A19528" s="1">
        <v>4.90779356E8</v>
      </c>
      <c r="B19528" s="2">
        <v>16768.0</v>
      </c>
      <c r="C19528" s="1" t="s">
        <v>5</v>
      </c>
      <c r="D19528" s="1" t="s">
        <v>16563</v>
      </c>
      <c r="E19528" s="1" t="s">
        <v>7</v>
      </c>
    </row>
    <row r="19529">
      <c r="A19529" s="1">
        <v>4.90779358E8</v>
      </c>
      <c r="B19529" s="2">
        <v>16768.0</v>
      </c>
      <c r="C19529" s="1" t="s">
        <v>5</v>
      </c>
      <c r="D19529" s="1" t="s">
        <v>11</v>
      </c>
      <c r="E19529" s="1" t="s">
        <v>7</v>
      </c>
    </row>
    <row r="19530">
      <c r="A19530" s="1">
        <v>4.90779392E8</v>
      </c>
      <c r="B19530" s="2">
        <v>16755.0</v>
      </c>
      <c r="C19530" s="1" t="s">
        <v>5</v>
      </c>
      <c r="D19530" s="1" t="s">
        <v>16564</v>
      </c>
      <c r="E19530" s="1" t="s">
        <v>16565</v>
      </c>
    </row>
    <row r="19531">
      <c r="A19531" s="1">
        <v>4.90779444E8</v>
      </c>
      <c r="B19531" s="2">
        <v>16700.0</v>
      </c>
      <c r="C19531" s="1" t="s">
        <v>5</v>
      </c>
      <c r="D19531" s="1" t="s">
        <v>16566</v>
      </c>
      <c r="E19531" s="1" t="s">
        <v>7</v>
      </c>
    </row>
    <row r="19532">
      <c r="A19532" s="1">
        <v>4.90779457E8</v>
      </c>
      <c r="B19532" s="2">
        <v>16766.0</v>
      </c>
      <c r="C19532" s="1" t="s">
        <v>5</v>
      </c>
      <c r="D19532" s="1" t="s">
        <v>16567</v>
      </c>
      <c r="E19532" s="1" t="s">
        <v>7</v>
      </c>
    </row>
    <row r="19533">
      <c r="A19533" s="1">
        <v>4.90779461E8</v>
      </c>
      <c r="B19533" s="2">
        <v>16693.0</v>
      </c>
      <c r="C19533" s="1" t="s">
        <v>5</v>
      </c>
      <c r="D19533" s="1" t="s">
        <v>16568</v>
      </c>
      <c r="E19533" s="1" t="s">
        <v>7</v>
      </c>
    </row>
    <row r="19534">
      <c r="A19534" s="1">
        <v>4.90779498E8</v>
      </c>
      <c r="B19534" s="2">
        <v>16722.0</v>
      </c>
      <c r="C19534" s="1" t="s">
        <v>5</v>
      </c>
      <c r="D19534" s="1" t="s">
        <v>11</v>
      </c>
      <c r="E19534" s="1" t="s">
        <v>7</v>
      </c>
    </row>
    <row r="19535">
      <c r="A19535" s="1">
        <v>4.90779528E8</v>
      </c>
      <c r="B19535" s="2">
        <v>16798.0</v>
      </c>
      <c r="C19535" s="1" t="s">
        <v>5</v>
      </c>
      <c r="D19535" s="1" t="s">
        <v>16569</v>
      </c>
      <c r="E19535" s="1" t="s">
        <v>7</v>
      </c>
    </row>
    <row r="19536">
      <c r="A19536" s="1">
        <v>4.90779554E8</v>
      </c>
      <c r="B19536" s="2">
        <v>16723.0</v>
      </c>
      <c r="C19536" s="1" t="s">
        <v>5</v>
      </c>
      <c r="D19536" s="1" t="s">
        <v>16570</v>
      </c>
      <c r="E19536" s="1" t="s">
        <v>7</v>
      </c>
    </row>
    <row r="19537">
      <c r="A19537" s="1">
        <v>4.90779568E8</v>
      </c>
      <c r="B19537" s="2">
        <v>16721.0</v>
      </c>
      <c r="C19537" s="1" t="s">
        <v>5</v>
      </c>
      <c r="D19537" s="1" t="s">
        <v>16571</v>
      </c>
      <c r="E19537" s="1" t="s">
        <v>7</v>
      </c>
    </row>
    <row r="19538">
      <c r="A19538" s="1">
        <v>4.90779597E8</v>
      </c>
      <c r="B19538" s="2">
        <v>16721.0</v>
      </c>
      <c r="C19538" s="1" t="s">
        <v>5</v>
      </c>
      <c r="D19538" s="1" t="s">
        <v>11</v>
      </c>
      <c r="E19538" s="1" t="s">
        <v>7</v>
      </c>
    </row>
    <row r="19539">
      <c r="A19539" s="1">
        <v>4.90779622E8</v>
      </c>
      <c r="B19539" s="2">
        <v>16722.0</v>
      </c>
      <c r="C19539" s="1" t="s">
        <v>5</v>
      </c>
      <c r="D19539" s="1" t="s">
        <v>16572</v>
      </c>
      <c r="E19539" s="1" t="s">
        <v>7</v>
      </c>
    </row>
    <row r="19540">
      <c r="A19540" s="1">
        <v>4.90779635E8</v>
      </c>
      <c r="B19540" s="2">
        <v>16721.0</v>
      </c>
      <c r="C19540" s="1" t="s">
        <v>5</v>
      </c>
      <c r="D19540" s="1" t="s">
        <v>11</v>
      </c>
      <c r="E19540" s="1" t="s">
        <v>7</v>
      </c>
    </row>
    <row r="19541">
      <c r="A19541" s="1">
        <v>4.90779647E8</v>
      </c>
      <c r="B19541" s="2">
        <v>16744.0</v>
      </c>
      <c r="C19541" s="1" t="s">
        <v>5</v>
      </c>
      <c r="D19541" s="1" t="s">
        <v>16573</v>
      </c>
      <c r="E19541" s="1" t="s">
        <v>11</v>
      </c>
    </row>
    <row r="19542">
      <c r="A19542" s="1">
        <v>4.90779655E8</v>
      </c>
      <c r="B19542" s="2">
        <v>16700.0</v>
      </c>
      <c r="C19542" s="1" t="s">
        <v>5</v>
      </c>
      <c r="D19542" s="1" t="s">
        <v>16574</v>
      </c>
      <c r="E19542" s="1" t="s">
        <v>7</v>
      </c>
    </row>
    <row r="19543">
      <c r="A19543" s="1">
        <v>4.90779658E8</v>
      </c>
      <c r="B19543" s="2">
        <v>16751.0</v>
      </c>
      <c r="C19543" s="1" t="s">
        <v>5</v>
      </c>
      <c r="D19543" s="1" t="s">
        <v>16575</v>
      </c>
      <c r="E19543" s="1" t="s">
        <v>7</v>
      </c>
    </row>
    <row r="19544">
      <c r="A19544" s="1">
        <v>4.90779677E8</v>
      </c>
      <c r="B19544" s="2">
        <v>16699.0</v>
      </c>
      <c r="C19544" s="1" t="s">
        <v>5</v>
      </c>
      <c r="D19544" s="1" t="s">
        <v>11</v>
      </c>
      <c r="E19544" s="1" t="s">
        <v>7</v>
      </c>
    </row>
    <row r="19545">
      <c r="A19545" s="1">
        <v>4.90779684E8</v>
      </c>
      <c r="B19545" s="2">
        <v>16695.0</v>
      </c>
      <c r="C19545" s="1" t="s">
        <v>5</v>
      </c>
      <c r="D19545" s="1" t="s">
        <v>16576</v>
      </c>
      <c r="E19545" s="1" t="s">
        <v>7</v>
      </c>
    </row>
    <row r="19546">
      <c r="A19546" s="1">
        <v>4.90779728E8</v>
      </c>
      <c r="B19546" s="2">
        <v>16698.0</v>
      </c>
      <c r="C19546" s="1" t="s">
        <v>5</v>
      </c>
      <c r="D19546" s="1" t="s">
        <v>16577</v>
      </c>
      <c r="E19546" s="1" t="s">
        <v>7</v>
      </c>
    </row>
    <row r="19547">
      <c r="A19547" s="1">
        <v>4.90779794E8</v>
      </c>
      <c r="B19547" s="2">
        <v>16699.0</v>
      </c>
      <c r="C19547" s="1" t="s">
        <v>5</v>
      </c>
      <c r="D19547" s="1" t="s">
        <v>16578</v>
      </c>
      <c r="E19547" s="1" t="s">
        <v>7</v>
      </c>
    </row>
    <row r="19548">
      <c r="A19548" s="1">
        <v>4.90779798E8</v>
      </c>
      <c r="B19548" s="2">
        <v>16695.0</v>
      </c>
      <c r="C19548" s="1" t="s">
        <v>5</v>
      </c>
      <c r="D19548" s="1" t="s">
        <v>7</v>
      </c>
      <c r="E19548" s="1" t="s">
        <v>7</v>
      </c>
    </row>
    <row r="19549">
      <c r="A19549" s="1">
        <v>4.90779858E8</v>
      </c>
      <c r="B19549" s="2">
        <v>16749.0</v>
      </c>
      <c r="C19549" s="1" t="s">
        <v>5</v>
      </c>
      <c r="D19549" s="1" t="s">
        <v>16579</v>
      </c>
      <c r="E19549" s="1" t="s">
        <v>7</v>
      </c>
    </row>
    <row r="19550">
      <c r="A19550" s="1">
        <v>4.90779875E8</v>
      </c>
      <c r="B19550" s="2">
        <v>16740.0</v>
      </c>
      <c r="C19550" s="1" t="s">
        <v>5</v>
      </c>
      <c r="D19550" s="1" t="s">
        <v>16580</v>
      </c>
      <c r="E19550" s="1" t="s">
        <v>7</v>
      </c>
    </row>
    <row r="19551">
      <c r="A19551" s="1">
        <v>4.90779912E8</v>
      </c>
      <c r="B19551" s="2">
        <v>16749.0</v>
      </c>
      <c r="C19551" s="1" t="s">
        <v>5</v>
      </c>
      <c r="D19551" s="1" t="s">
        <v>11</v>
      </c>
      <c r="E19551" s="1" t="s">
        <v>7</v>
      </c>
    </row>
    <row r="19552">
      <c r="A19552" s="1">
        <v>4.90779976E8</v>
      </c>
      <c r="B19552" s="2">
        <v>16693.0</v>
      </c>
      <c r="C19552" s="1" t="s">
        <v>5</v>
      </c>
      <c r="D19552" s="1" t="s">
        <v>11</v>
      </c>
      <c r="E19552" s="1" t="s">
        <v>7</v>
      </c>
    </row>
    <row r="19553">
      <c r="A19553" s="1">
        <v>4.90779993E8</v>
      </c>
      <c r="B19553" s="2">
        <v>16684.0</v>
      </c>
      <c r="C19553" s="1" t="s">
        <v>5</v>
      </c>
      <c r="D19553" s="1" t="s">
        <v>16581</v>
      </c>
      <c r="E19553" s="1" t="s">
        <v>11</v>
      </c>
    </row>
    <row r="19554">
      <c r="A19554" s="1">
        <v>4.90779998E8</v>
      </c>
      <c r="B19554" s="2">
        <v>16720.0</v>
      </c>
      <c r="C19554" s="1" t="s">
        <v>5</v>
      </c>
      <c r="D19554" s="1" t="s">
        <v>16582</v>
      </c>
      <c r="E19554" s="1" t="s">
        <v>7</v>
      </c>
    </row>
    <row r="19555">
      <c r="A19555" s="1">
        <v>4.90780007E8</v>
      </c>
      <c r="B19555" s="2">
        <v>16737.0</v>
      </c>
      <c r="C19555" s="1" t="s">
        <v>5</v>
      </c>
      <c r="D19555" s="1" t="s">
        <v>16583</v>
      </c>
      <c r="E19555" s="1" t="s">
        <v>7</v>
      </c>
    </row>
    <row r="19556">
      <c r="A19556" s="1">
        <v>4.90780021E8</v>
      </c>
      <c r="B19556" s="2">
        <v>16799.0</v>
      </c>
      <c r="C19556" s="1" t="s">
        <v>5</v>
      </c>
      <c r="D19556" s="1" t="s">
        <v>16584</v>
      </c>
      <c r="E19556" s="1" t="s">
        <v>7</v>
      </c>
    </row>
    <row r="19557">
      <c r="A19557" s="1">
        <v>4.90780024E8</v>
      </c>
      <c r="B19557" s="2">
        <v>16800.0</v>
      </c>
      <c r="C19557" s="1" t="s">
        <v>5</v>
      </c>
      <c r="D19557" s="1" t="s">
        <v>16585</v>
      </c>
      <c r="E19557" s="1" t="s">
        <v>7</v>
      </c>
    </row>
    <row r="19558">
      <c r="A19558" s="1">
        <v>4.90780104E8</v>
      </c>
      <c r="B19558" s="2">
        <v>16734.0</v>
      </c>
      <c r="C19558" s="1" t="s">
        <v>5</v>
      </c>
      <c r="D19558" s="1" t="s">
        <v>16586</v>
      </c>
      <c r="E19558" s="1" t="s">
        <v>7</v>
      </c>
    </row>
    <row r="19559">
      <c r="A19559" s="1">
        <v>4.90780105E8</v>
      </c>
      <c r="B19559" s="2">
        <v>16696.0</v>
      </c>
      <c r="C19559" s="1" t="s">
        <v>5</v>
      </c>
      <c r="D19559" s="1" t="s">
        <v>16587</v>
      </c>
      <c r="E19559" s="1" t="s">
        <v>7</v>
      </c>
    </row>
    <row r="19560">
      <c r="A19560" s="1">
        <v>4.90780117E8</v>
      </c>
      <c r="B19560" s="2">
        <v>16755.0</v>
      </c>
      <c r="C19560" s="1" t="s">
        <v>5</v>
      </c>
      <c r="D19560" s="1" t="s">
        <v>16588</v>
      </c>
      <c r="E19560" s="1" t="s">
        <v>11</v>
      </c>
    </row>
    <row r="19561">
      <c r="A19561" s="1">
        <v>4.9078015E8</v>
      </c>
      <c r="B19561" s="2">
        <v>16734.0</v>
      </c>
      <c r="C19561" s="1" t="s">
        <v>5</v>
      </c>
      <c r="D19561" s="1" t="s">
        <v>16589</v>
      </c>
      <c r="E19561" s="1" t="s">
        <v>7</v>
      </c>
    </row>
    <row r="19562">
      <c r="A19562" s="1">
        <v>4.90780163E8</v>
      </c>
      <c r="B19562" s="2">
        <v>16682.0</v>
      </c>
      <c r="C19562" s="1" t="s">
        <v>5</v>
      </c>
      <c r="D19562" s="1" t="s">
        <v>16590</v>
      </c>
      <c r="E19562" s="1" t="s">
        <v>7</v>
      </c>
    </row>
    <row r="19563">
      <c r="A19563" s="1">
        <v>4.90780209E8</v>
      </c>
      <c r="B19563" s="2">
        <v>16701.0</v>
      </c>
      <c r="C19563" s="1" t="s">
        <v>5</v>
      </c>
      <c r="D19563" s="1" t="s">
        <v>11</v>
      </c>
      <c r="E19563" s="1" t="s">
        <v>7</v>
      </c>
    </row>
    <row r="19564">
      <c r="A19564" s="1">
        <v>4.90780217E8</v>
      </c>
      <c r="B19564" s="2">
        <v>16696.0</v>
      </c>
      <c r="C19564" s="1" t="s">
        <v>5</v>
      </c>
      <c r="D19564" s="1" t="s">
        <v>11</v>
      </c>
      <c r="E19564" s="1" t="s">
        <v>7</v>
      </c>
    </row>
    <row r="19565">
      <c r="A19565" s="1">
        <v>4.90780219E8</v>
      </c>
      <c r="B19565" s="2">
        <v>16736.0</v>
      </c>
      <c r="C19565" s="1" t="s">
        <v>5</v>
      </c>
      <c r="D19565" s="1" t="s">
        <v>11</v>
      </c>
      <c r="E19565" s="1" t="s">
        <v>7</v>
      </c>
    </row>
    <row r="19566">
      <c r="A19566" s="1">
        <v>4.90780251E8</v>
      </c>
      <c r="B19566" s="2">
        <v>16741.0</v>
      </c>
      <c r="C19566" s="1" t="s">
        <v>5</v>
      </c>
      <c r="D19566" s="1" t="s">
        <v>16591</v>
      </c>
      <c r="E19566" s="1" t="s">
        <v>11</v>
      </c>
    </row>
    <row r="19567">
      <c r="A19567" s="1">
        <v>4.90780252E8</v>
      </c>
      <c r="B19567" s="2">
        <v>16762.0</v>
      </c>
      <c r="C19567" s="1" t="s">
        <v>5</v>
      </c>
      <c r="D19567" s="1" t="s">
        <v>16592</v>
      </c>
      <c r="E19567" s="1" t="s">
        <v>7</v>
      </c>
    </row>
    <row r="19568">
      <c r="A19568" s="1">
        <v>4.90780281E8</v>
      </c>
      <c r="B19568" s="2">
        <v>16761.0</v>
      </c>
      <c r="C19568" s="1" t="s">
        <v>5</v>
      </c>
      <c r="D19568" s="1" t="s">
        <v>16593</v>
      </c>
      <c r="E19568" s="1" t="s">
        <v>11</v>
      </c>
    </row>
    <row r="19569">
      <c r="A19569" s="1">
        <v>4.90780309E8</v>
      </c>
      <c r="B19569" s="2">
        <v>16741.0</v>
      </c>
      <c r="C19569" s="1" t="s">
        <v>5</v>
      </c>
      <c r="D19569" s="1" t="s">
        <v>16594</v>
      </c>
      <c r="E19569" s="1" t="s">
        <v>11</v>
      </c>
    </row>
    <row r="19570">
      <c r="A19570" s="1">
        <v>4.90780324E8</v>
      </c>
      <c r="B19570" s="2">
        <v>16793.0</v>
      </c>
      <c r="C19570" s="1" t="s">
        <v>5</v>
      </c>
      <c r="D19570" s="1" t="s">
        <v>16595</v>
      </c>
      <c r="E19570" s="1" t="s">
        <v>7</v>
      </c>
    </row>
    <row r="19571">
      <c r="A19571" s="1">
        <v>4.90780355E8</v>
      </c>
      <c r="B19571" s="2">
        <v>16735.0</v>
      </c>
      <c r="C19571" s="1" t="s">
        <v>5</v>
      </c>
      <c r="D19571" s="1" t="s">
        <v>16596</v>
      </c>
      <c r="E19571" s="1" t="s">
        <v>7</v>
      </c>
    </row>
    <row r="19572">
      <c r="A19572" s="1">
        <v>4.9078036E8</v>
      </c>
      <c r="B19572" s="2">
        <v>16691.0</v>
      </c>
      <c r="C19572" s="1" t="s">
        <v>5</v>
      </c>
      <c r="D19572" s="1" t="s">
        <v>16597</v>
      </c>
      <c r="E19572" s="1" t="s">
        <v>7</v>
      </c>
    </row>
    <row r="19573">
      <c r="A19573" s="1">
        <v>4.90780361E8</v>
      </c>
      <c r="B19573" s="2">
        <v>16744.0</v>
      </c>
      <c r="C19573" s="1" t="s">
        <v>5</v>
      </c>
      <c r="D19573" s="1" t="s">
        <v>16598</v>
      </c>
      <c r="E19573" s="1" t="s">
        <v>7</v>
      </c>
    </row>
    <row r="19574">
      <c r="A19574" s="1">
        <v>4.90780389E8</v>
      </c>
      <c r="B19574" s="2">
        <v>16696.0</v>
      </c>
      <c r="C19574" s="1" t="s">
        <v>5</v>
      </c>
      <c r="D19574" s="1" t="s">
        <v>16599</v>
      </c>
      <c r="E19574" s="1" t="s">
        <v>11</v>
      </c>
    </row>
    <row r="19575">
      <c r="A19575" s="1">
        <v>4.90780443E8</v>
      </c>
      <c r="B19575" s="2">
        <v>16771.0</v>
      </c>
      <c r="C19575" s="1" t="s">
        <v>5</v>
      </c>
      <c r="D19575" s="1" t="s">
        <v>16600</v>
      </c>
      <c r="E19575" s="1" t="s">
        <v>7</v>
      </c>
    </row>
    <row r="19576">
      <c r="A19576" s="1">
        <v>4.90780496E8</v>
      </c>
      <c r="B19576" s="2">
        <v>16734.0</v>
      </c>
      <c r="C19576" s="1" t="s">
        <v>5</v>
      </c>
      <c r="D19576" s="1" t="s">
        <v>16601</v>
      </c>
      <c r="E19576" s="1" t="s">
        <v>16602</v>
      </c>
    </row>
    <row r="19577">
      <c r="A19577" s="1">
        <v>4.90780509E8</v>
      </c>
      <c r="B19577" s="2">
        <v>16796.0</v>
      </c>
      <c r="C19577" s="1" t="s">
        <v>5</v>
      </c>
      <c r="D19577" s="1" t="s">
        <v>16603</v>
      </c>
      <c r="E19577" s="1" t="s">
        <v>7</v>
      </c>
    </row>
    <row r="19578">
      <c r="A19578" s="1">
        <v>4.90780532E8</v>
      </c>
      <c r="B19578" s="2">
        <v>16731.0</v>
      </c>
      <c r="C19578" s="1" t="s">
        <v>5</v>
      </c>
      <c r="D19578" s="1" t="s">
        <v>16604</v>
      </c>
      <c r="E19578" s="1" t="s">
        <v>11</v>
      </c>
    </row>
    <row r="19579">
      <c r="A19579" s="1">
        <v>4.90780537E8</v>
      </c>
      <c r="B19579" s="2">
        <v>16752.0</v>
      </c>
      <c r="C19579" s="1" t="s">
        <v>5</v>
      </c>
      <c r="D19579" s="1" t="s">
        <v>16605</v>
      </c>
      <c r="E19579" s="1" t="s">
        <v>7</v>
      </c>
    </row>
    <row r="19580">
      <c r="A19580" s="1">
        <v>4.9078054E8</v>
      </c>
      <c r="B19580" s="2">
        <v>16694.0</v>
      </c>
      <c r="C19580" s="1" t="s">
        <v>5</v>
      </c>
      <c r="D19580" s="1" t="s">
        <v>16606</v>
      </c>
      <c r="E19580" s="1" t="s">
        <v>7</v>
      </c>
    </row>
    <row r="19581">
      <c r="A19581" s="1">
        <v>4.90780554E8</v>
      </c>
      <c r="B19581" s="2">
        <v>16744.0</v>
      </c>
      <c r="C19581" s="1" t="s">
        <v>5</v>
      </c>
      <c r="D19581" s="1" t="s">
        <v>16607</v>
      </c>
      <c r="E19581" s="1" t="s">
        <v>11</v>
      </c>
    </row>
    <row r="19582">
      <c r="A19582" s="1">
        <v>4.90780604E8</v>
      </c>
      <c r="B19582" s="2">
        <v>16686.0</v>
      </c>
      <c r="C19582" s="1" t="s">
        <v>5</v>
      </c>
      <c r="D19582" s="1" t="s">
        <v>16608</v>
      </c>
      <c r="E19582" s="1" t="s">
        <v>7</v>
      </c>
    </row>
    <row r="19583">
      <c r="A19583" s="1">
        <v>4.90780618E8</v>
      </c>
      <c r="B19583" s="2">
        <v>16799.0</v>
      </c>
      <c r="C19583" s="1" t="s">
        <v>5</v>
      </c>
      <c r="D19583" s="1" t="s">
        <v>16609</v>
      </c>
      <c r="E19583" s="1" t="s">
        <v>7</v>
      </c>
    </row>
    <row r="19584">
      <c r="A19584" s="1">
        <v>4.90780629E8</v>
      </c>
      <c r="B19584" s="2">
        <v>16751.0</v>
      </c>
      <c r="C19584" s="1" t="s">
        <v>5</v>
      </c>
      <c r="D19584" s="1" t="s">
        <v>16610</v>
      </c>
      <c r="E19584" s="1" t="s">
        <v>7</v>
      </c>
    </row>
    <row r="19585">
      <c r="A19585" s="1">
        <v>4.90780649E8</v>
      </c>
      <c r="B19585" s="2">
        <v>16747.0</v>
      </c>
      <c r="C19585" s="1" t="s">
        <v>5</v>
      </c>
      <c r="D19585" s="1" t="s">
        <v>11</v>
      </c>
      <c r="E19585" s="1" t="s">
        <v>7</v>
      </c>
    </row>
    <row r="19586">
      <c r="A19586" s="1">
        <v>4.90780661E8</v>
      </c>
      <c r="B19586" s="2">
        <v>16731.0</v>
      </c>
      <c r="C19586" s="1" t="s">
        <v>5</v>
      </c>
      <c r="D19586" s="1" t="s">
        <v>11</v>
      </c>
      <c r="E19586" s="1" t="s">
        <v>7</v>
      </c>
    </row>
    <row r="19587">
      <c r="A19587" s="1">
        <v>4.9078068E8</v>
      </c>
      <c r="B19587" s="2">
        <v>16799.0</v>
      </c>
      <c r="C19587" s="1" t="s">
        <v>5</v>
      </c>
      <c r="D19587" s="1" t="s">
        <v>11</v>
      </c>
      <c r="E19587" s="1" t="s">
        <v>7</v>
      </c>
    </row>
    <row r="19588">
      <c r="A19588" s="1">
        <v>4.90780684E8</v>
      </c>
      <c r="B19588" s="2">
        <v>16729.0</v>
      </c>
      <c r="C19588" s="1" t="s">
        <v>5</v>
      </c>
      <c r="D19588" s="1" t="s">
        <v>16611</v>
      </c>
      <c r="E19588" s="1" t="s">
        <v>7</v>
      </c>
    </row>
    <row r="19589">
      <c r="A19589" s="1">
        <v>4.90780696E8</v>
      </c>
      <c r="B19589" s="2">
        <v>16734.0</v>
      </c>
      <c r="C19589" s="1" t="s">
        <v>5</v>
      </c>
      <c r="D19589" s="1" t="s">
        <v>16612</v>
      </c>
      <c r="E19589" s="1" t="s">
        <v>7</v>
      </c>
    </row>
    <row r="19590">
      <c r="A19590" s="1">
        <v>4.90780784E8</v>
      </c>
      <c r="B19590" s="2">
        <v>16750.0</v>
      </c>
      <c r="C19590" s="1" t="s">
        <v>5</v>
      </c>
      <c r="D19590" s="1" t="s">
        <v>16613</v>
      </c>
      <c r="E19590" s="1" t="s">
        <v>7</v>
      </c>
    </row>
    <row r="19591">
      <c r="A19591" s="1">
        <v>4.90780785E8</v>
      </c>
      <c r="B19591" s="2">
        <v>16692.0</v>
      </c>
      <c r="C19591" s="1" t="s">
        <v>5</v>
      </c>
      <c r="D19591" s="1" t="s">
        <v>16614</v>
      </c>
      <c r="E19591" s="1" t="s">
        <v>7</v>
      </c>
    </row>
    <row r="19592">
      <c r="A19592" s="1">
        <v>4.90780796E8</v>
      </c>
      <c r="B19592" s="2">
        <v>16733.0</v>
      </c>
      <c r="C19592" s="1" t="s">
        <v>5</v>
      </c>
      <c r="D19592" s="1" t="s">
        <v>16615</v>
      </c>
      <c r="E19592" s="1" t="s">
        <v>11</v>
      </c>
    </row>
    <row r="19593">
      <c r="A19593" s="1">
        <v>4.90780818E8</v>
      </c>
      <c r="B19593" s="2">
        <v>16763.0</v>
      </c>
      <c r="C19593" s="1" t="s">
        <v>5</v>
      </c>
      <c r="D19593" s="1" t="s">
        <v>11</v>
      </c>
      <c r="E19593" s="1" t="s">
        <v>7</v>
      </c>
    </row>
    <row r="19594">
      <c r="A19594" s="1">
        <v>4.90780825E8</v>
      </c>
      <c r="B19594" s="2">
        <v>16799.0</v>
      </c>
      <c r="C19594" s="1" t="s">
        <v>5</v>
      </c>
      <c r="D19594" s="1" t="s">
        <v>11</v>
      </c>
      <c r="E19594" s="1" t="s">
        <v>7</v>
      </c>
    </row>
    <row r="19595">
      <c r="A19595" s="1">
        <v>4.90780838E8</v>
      </c>
      <c r="B19595" s="2">
        <v>16692.0</v>
      </c>
      <c r="C19595" s="1" t="s">
        <v>5</v>
      </c>
      <c r="D19595" s="1" t="s">
        <v>16616</v>
      </c>
      <c r="E19595" s="1" t="s">
        <v>16617</v>
      </c>
    </row>
    <row r="19596">
      <c r="A19596" s="1">
        <v>4.90780852E8</v>
      </c>
      <c r="B19596" s="2">
        <v>16730.0</v>
      </c>
      <c r="C19596" s="1" t="s">
        <v>5</v>
      </c>
      <c r="D19596" s="1" t="s">
        <v>11</v>
      </c>
      <c r="E19596" s="1" t="s">
        <v>7</v>
      </c>
    </row>
    <row r="19597">
      <c r="A19597" s="1">
        <v>4.90780856E8</v>
      </c>
      <c r="B19597" s="2">
        <v>16757.0</v>
      </c>
      <c r="C19597" s="1" t="s">
        <v>5</v>
      </c>
      <c r="D19597" s="1" t="s">
        <v>16618</v>
      </c>
      <c r="E19597" s="1" t="s">
        <v>11</v>
      </c>
    </row>
    <row r="19598">
      <c r="A19598" s="1">
        <v>4.90780905E8</v>
      </c>
      <c r="B19598" s="2">
        <v>16762.0</v>
      </c>
      <c r="C19598" s="1" t="s">
        <v>5</v>
      </c>
      <c r="D19598" s="1" t="s">
        <v>16619</v>
      </c>
      <c r="E19598" s="1" t="s">
        <v>7</v>
      </c>
    </row>
    <row r="19599">
      <c r="A19599" s="1">
        <v>4.90780939E8</v>
      </c>
      <c r="B19599" s="2">
        <v>16696.0</v>
      </c>
      <c r="C19599" s="1" t="s">
        <v>5</v>
      </c>
      <c r="D19599" s="1" t="s">
        <v>16620</v>
      </c>
      <c r="E19599" s="1" t="s">
        <v>7</v>
      </c>
    </row>
    <row r="19600">
      <c r="A19600" s="1">
        <v>4.90780967E8</v>
      </c>
      <c r="B19600" s="2">
        <v>16785.0</v>
      </c>
      <c r="C19600" s="1" t="s">
        <v>5</v>
      </c>
      <c r="D19600" s="1" t="s">
        <v>16621</v>
      </c>
      <c r="E19600" s="1" t="s">
        <v>7</v>
      </c>
    </row>
    <row r="19601">
      <c r="A19601" s="1">
        <v>4.90780968E8</v>
      </c>
      <c r="B19601" s="2">
        <v>16793.0</v>
      </c>
      <c r="C19601" s="1" t="s">
        <v>5</v>
      </c>
      <c r="D19601" s="1" t="s">
        <v>16622</v>
      </c>
      <c r="E19601" s="1" t="s">
        <v>7</v>
      </c>
    </row>
    <row r="19602">
      <c r="A19602" s="1">
        <v>4.90781004E8</v>
      </c>
      <c r="B19602" s="2">
        <v>16738.0</v>
      </c>
      <c r="C19602" s="1" t="s">
        <v>5</v>
      </c>
      <c r="D19602" s="1" t="s">
        <v>16623</v>
      </c>
      <c r="E19602" s="1" t="s">
        <v>11</v>
      </c>
    </row>
    <row r="19603">
      <c r="A19603" s="1">
        <v>4.90781021E8</v>
      </c>
      <c r="B19603" s="2">
        <v>16763.0</v>
      </c>
      <c r="C19603" s="1" t="s">
        <v>5</v>
      </c>
      <c r="D19603" s="1" t="s">
        <v>16624</v>
      </c>
      <c r="E19603" s="1" t="s">
        <v>7</v>
      </c>
    </row>
    <row r="19604">
      <c r="A19604" s="1">
        <v>4.90781035E8</v>
      </c>
      <c r="B19604" s="2">
        <v>16738.0</v>
      </c>
      <c r="C19604" s="1" t="s">
        <v>5</v>
      </c>
      <c r="D19604" s="1" t="s">
        <v>11</v>
      </c>
      <c r="E19604" s="1" t="s">
        <v>7</v>
      </c>
    </row>
    <row r="19605">
      <c r="A19605" s="1">
        <v>4.9078104E8</v>
      </c>
      <c r="B19605" s="2">
        <v>16686.0</v>
      </c>
      <c r="C19605" s="1" t="s">
        <v>5</v>
      </c>
      <c r="D19605" s="1" t="s">
        <v>11</v>
      </c>
      <c r="E19605" s="1" t="s">
        <v>7</v>
      </c>
    </row>
    <row r="19606">
      <c r="A19606" s="1">
        <v>4.90781075E8</v>
      </c>
      <c r="B19606" s="2">
        <v>16756.0</v>
      </c>
      <c r="C19606" s="1" t="s">
        <v>5</v>
      </c>
      <c r="D19606" s="1" t="s">
        <v>16625</v>
      </c>
      <c r="E19606" s="1" t="s">
        <v>7</v>
      </c>
    </row>
    <row r="19607">
      <c r="A19607" s="1">
        <v>4.90781079E8</v>
      </c>
      <c r="B19607" s="2">
        <v>16729.0</v>
      </c>
      <c r="C19607" s="1" t="s">
        <v>5</v>
      </c>
      <c r="D19607" s="1" t="s">
        <v>16626</v>
      </c>
      <c r="E19607" s="1" t="s">
        <v>7</v>
      </c>
    </row>
    <row r="19608">
      <c r="A19608" s="1">
        <v>4.90781096E8</v>
      </c>
      <c r="B19608" s="2">
        <v>16796.0</v>
      </c>
      <c r="C19608" s="1" t="s">
        <v>5</v>
      </c>
      <c r="D19608" s="1" t="s">
        <v>16627</v>
      </c>
      <c r="E19608" s="1" t="s">
        <v>7</v>
      </c>
    </row>
    <row r="19609">
      <c r="A19609" s="1">
        <v>4.90781098E8</v>
      </c>
      <c r="B19609" s="2">
        <v>16790.0</v>
      </c>
      <c r="C19609" s="1" t="s">
        <v>5</v>
      </c>
      <c r="D19609" s="1" t="s">
        <v>16628</v>
      </c>
      <c r="E19609" s="1" t="s">
        <v>7</v>
      </c>
    </row>
    <row r="19610">
      <c r="A19610" s="1">
        <v>4.90781118E8</v>
      </c>
      <c r="B19610" s="2">
        <v>16696.0</v>
      </c>
      <c r="C19610" s="1" t="s">
        <v>5</v>
      </c>
      <c r="D19610" s="1" t="s">
        <v>16629</v>
      </c>
      <c r="E19610" s="1" t="s">
        <v>7</v>
      </c>
    </row>
    <row r="19611">
      <c r="A19611" s="1">
        <v>4.90781121E8</v>
      </c>
      <c r="B19611" s="2">
        <v>16735.0</v>
      </c>
      <c r="C19611" s="1" t="s">
        <v>5</v>
      </c>
      <c r="D19611" s="1" t="s">
        <v>11</v>
      </c>
      <c r="E19611" s="1" t="s">
        <v>7</v>
      </c>
    </row>
    <row r="19612">
      <c r="A19612" s="1">
        <v>4.90781138E8</v>
      </c>
      <c r="B19612" s="2">
        <v>16785.0</v>
      </c>
      <c r="C19612" s="1" t="s">
        <v>5</v>
      </c>
      <c r="D19612" s="1" t="s">
        <v>16630</v>
      </c>
      <c r="E19612" s="1" t="s">
        <v>7</v>
      </c>
    </row>
    <row r="19613">
      <c r="A19613" s="1">
        <v>4.90781201E8</v>
      </c>
      <c r="B19613" s="2">
        <v>16685.0</v>
      </c>
      <c r="C19613" s="1" t="s">
        <v>5</v>
      </c>
      <c r="D19613" s="1" t="s">
        <v>16631</v>
      </c>
      <c r="E19613" s="1" t="s">
        <v>16632</v>
      </c>
    </row>
    <row r="19614">
      <c r="A19614" s="1">
        <v>4.90781224E8</v>
      </c>
      <c r="B19614" s="2">
        <v>16747.0</v>
      </c>
      <c r="C19614" s="1" t="s">
        <v>5</v>
      </c>
      <c r="D19614" s="1" t="s">
        <v>16633</v>
      </c>
      <c r="E19614" s="1" t="s">
        <v>7</v>
      </c>
    </row>
    <row r="19615">
      <c r="A19615" s="1">
        <v>4.90781228E8</v>
      </c>
      <c r="B19615" s="2">
        <v>16734.0</v>
      </c>
      <c r="C19615" s="1" t="s">
        <v>5</v>
      </c>
      <c r="D19615" s="1" t="s">
        <v>16634</v>
      </c>
      <c r="E19615" s="1" t="s">
        <v>11</v>
      </c>
    </row>
    <row r="19616">
      <c r="A19616" s="1">
        <v>4.90781276E8</v>
      </c>
      <c r="B19616" s="2">
        <v>16685.0</v>
      </c>
      <c r="C19616" s="1" t="s">
        <v>5</v>
      </c>
      <c r="D19616" s="1" t="s">
        <v>16635</v>
      </c>
      <c r="E19616" s="1" t="s">
        <v>7</v>
      </c>
    </row>
    <row r="19617">
      <c r="A19617" s="1">
        <v>4.90781368E8</v>
      </c>
      <c r="B19617" s="2">
        <v>16686.0</v>
      </c>
      <c r="C19617" s="1" t="s">
        <v>5</v>
      </c>
      <c r="D19617" s="1" t="s">
        <v>11</v>
      </c>
      <c r="E19617" s="1" t="s">
        <v>7</v>
      </c>
    </row>
    <row r="19618">
      <c r="A19618" s="1">
        <v>4.90781384E8</v>
      </c>
      <c r="B19618" s="2">
        <v>16747.0</v>
      </c>
      <c r="C19618" s="1" t="s">
        <v>5</v>
      </c>
      <c r="D19618" s="1" t="s">
        <v>16636</v>
      </c>
      <c r="E19618" s="1" t="s">
        <v>11</v>
      </c>
    </row>
    <row r="19619">
      <c r="A19619" s="1">
        <v>4.90781417E8</v>
      </c>
      <c r="B19619" s="2">
        <v>16752.0</v>
      </c>
      <c r="C19619" s="1" t="s">
        <v>5</v>
      </c>
      <c r="D19619" s="1" t="s">
        <v>16637</v>
      </c>
      <c r="E19619" s="1" t="s">
        <v>11</v>
      </c>
    </row>
    <row r="19620">
      <c r="A19620" s="1">
        <v>4.90781431E8</v>
      </c>
      <c r="B19620" s="2">
        <v>16686.0</v>
      </c>
      <c r="C19620" s="1" t="s">
        <v>5</v>
      </c>
      <c r="D19620" s="1" t="s">
        <v>16638</v>
      </c>
      <c r="E19620" s="1" t="s">
        <v>11</v>
      </c>
    </row>
    <row r="19621">
      <c r="A19621" s="1">
        <v>4.90781446E8</v>
      </c>
      <c r="B19621" s="2">
        <v>16689.0</v>
      </c>
      <c r="C19621" s="1" t="s">
        <v>5</v>
      </c>
      <c r="D19621" s="1" t="s">
        <v>16639</v>
      </c>
      <c r="E19621" s="1" t="s">
        <v>7</v>
      </c>
    </row>
    <row r="19622">
      <c r="A19622" s="1">
        <v>4.90781475E8</v>
      </c>
      <c r="B19622" s="2">
        <v>16693.0</v>
      </c>
      <c r="C19622" s="1" t="s">
        <v>5</v>
      </c>
      <c r="D19622" s="1" t="s">
        <v>11</v>
      </c>
      <c r="E19622" s="1" t="s">
        <v>7</v>
      </c>
    </row>
    <row r="19623">
      <c r="A19623" s="1">
        <v>4.90781504E8</v>
      </c>
      <c r="B19623" s="2">
        <v>16724.0</v>
      </c>
      <c r="C19623" s="1" t="s">
        <v>5</v>
      </c>
      <c r="D19623" s="1" t="s">
        <v>16640</v>
      </c>
      <c r="E19623" s="1" t="s">
        <v>11</v>
      </c>
    </row>
    <row r="19624">
      <c r="A19624" s="1">
        <v>4.90781524E8</v>
      </c>
      <c r="B19624" s="2">
        <v>16724.0</v>
      </c>
      <c r="C19624" s="1" t="s">
        <v>5</v>
      </c>
      <c r="D19624" s="1" t="s">
        <v>16641</v>
      </c>
      <c r="E19624" s="1" t="s">
        <v>11</v>
      </c>
    </row>
    <row r="19625">
      <c r="A19625" s="1">
        <v>4.90781581E8</v>
      </c>
      <c r="B19625" s="2">
        <v>16793.0</v>
      </c>
      <c r="C19625" s="1" t="s">
        <v>5</v>
      </c>
      <c r="D19625" s="1" t="s">
        <v>16642</v>
      </c>
      <c r="E19625" s="1" t="s">
        <v>11</v>
      </c>
    </row>
    <row r="19626">
      <c r="A19626" s="1">
        <v>4.90781636E8</v>
      </c>
      <c r="B19626" s="2">
        <v>16733.0</v>
      </c>
      <c r="C19626" s="1" t="s">
        <v>5</v>
      </c>
      <c r="D19626" s="1" t="s">
        <v>16643</v>
      </c>
      <c r="E19626" s="1" t="s">
        <v>7</v>
      </c>
    </row>
    <row r="19627">
      <c r="A19627" s="1">
        <v>4.90781674E8</v>
      </c>
      <c r="B19627" s="2">
        <v>16692.0</v>
      </c>
      <c r="C19627" s="1" t="s">
        <v>5</v>
      </c>
      <c r="D19627" s="1" t="s">
        <v>11</v>
      </c>
      <c r="E19627" s="1" t="s">
        <v>7</v>
      </c>
    </row>
    <row r="19628">
      <c r="A19628" s="1">
        <v>4.90781704E8</v>
      </c>
      <c r="B19628" s="2">
        <v>16687.0</v>
      </c>
      <c r="C19628" s="1" t="s">
        <v>5</v>
      </c>
      <c r="D19628" s="1" t="s">
        <v>11</v>
      </c>
      <c r="E19628" s="1" t="s">
        <v>7</v>
      </c>
    </row>
    <row r="19629">
      <c r="A19629" s="1">
        <v>4.90781709E8</v>
      </c>
      <c r="B19629" s="2">
        <v>16782.0</v>
      </c>
      <c r="C19629" s="1" t="s">
        <v>5</v>
      </c>
      <c r="D19629" s="1" t="s">
        <v>16644</v>
      </c>
      <c r="E19629" s="1" t="s">
        <v>7</v>
      </c>
    </row>
    <row r="19630">
      <c r="A19630" s="1">
        <v>4.90781725E8</v>
      </c>
      <c r="B19630" s="2">
        <v>16605.0</v>
      </c>
      <c r="C19630" s="1" t="s">
        <v>5</v>
      </c>
      <c r="D19630" s="1" t="s">
        <v>16645</v>
      </c>
      <c r="E19630" s="1" t="s">
        <v>7</v>
      </c>
    </row>
    <row r="19631">
      <c r="A19631" s="1">
        <v>4.90781739E8</v>
      </c>
      <c r="B19631" s="2">
        <v>16723.0</v>
      </c>
      <c r="C19631" s="1" t="s">
        <v>5</v>
      </c>
      <c r="D19631" s="1" t="s">
        <v>16646</v>
      </c>
      <c r="E19631" s="1" t="s">
        <v>16647</v>
      </c>
    </row>
    <row r="19632">
      <c r="A19632" s="1">
        <v>4.90781765E8</v>
      </c>
      <c r="B19632" s="2">
        <v>16720.0</v>
      </c>
      <c r="C19632" s="1" t="s">
        <v>5</v>
      </c>
      <c r="D19632" s="1" t="s">
        <v>7</v>
      </c>
      <c r="E19632" s="1" t="s">
        <v>7</v>
      </c>
    </row>
    <row r="19633">
      <c r="A19633" s="1">
        <v>4.90781807E8</v>
      </c>
      <c r="B19633" s="2">
        <v>16684.0</v>
      </c>
      <c r="C19633" s="1" t="s">
        <v>5</v>
      </c>
      <c r="D19633" s="1" t="s">
        <v>16648</v>
      </c>
      <c r="E19633" s="1" t="s">
        <v>7</v>
      </c>
    </row>
    <row r="19634">
      <c r="A19634" s="1">
        <v>4.9078182E8</v>
      </c>
      <c r="B19634" s="2">
        <v>16727.0</v>
      </c>
      <c r="C19634" s="1" t="s">
        <v>5</v>
      </c>
      <c r="D19634" s="1" t="s">
        <v>16649</v>
      </c>
      <c r="E19634" s="1" t="s">
        <v>7</v>
      </c>
    </row>
    <row r="19635">
      <c r="A19635" s="1">
        <v>4.90781821E8</v>
      </c>
      <c r="B19635" s="2">
        <v>16752.0</v>
      </c>
      <c r="C19635" s="1" t="s">
        <v>5</v>
      </c>
      <c r="D19635" s="1" t="s">
        <v>11</v>
      </c>
      <c r="E19635" s="1" t="s">
        <v>7</v>
      </c>
    </row>
    <row r="19636">
      <c r="A19636" s="1">
        <v>4.90781835E8</v>
      </c>
      <c r="B19636" s="2">
        <v>16605.0</v>
      </c>
      <c r="C19636" s="1" t="s">
        <v>5</v>
      </c>
      <c r="D19636" s="1" t="s">
        <v>11</v>
      </c>
      <c r="E19636" s="1" t="s">
        <v>7</v>
      </c>
    </row>
    <row r="19637">
      <c r="A19637" s="1">
        <v>4.90781859E8</v>
      </c>
      <c r="B19637" s="2">
        <v>16682.0</v>
      </c>
      <c r="C19637" s="1" t="s">
        <v>5</v>
      </c>
      <c r="D19637" s="1" t="s">
        <v>16650</v>
      </c>
      <c r="E19637" s="1" t="s">
        <v>7</v>
      </c>
    </row>
    <row r="19638">
      <c r="A19638" s="1">
        <v>4.90781899E8</v>
      </c>
      <c r="B19638" s="2">
        <v>16796.0</v>
      </c>
      <c r="C19638" s="1" t="s">
        <v>5</v>
      </c>
      <c r="D19638" s="1" t="s">
        <v>16651</v>
      </c>
      <c r="E19638" s="1" t="s">
        <v>11</v>
      </c>
    </row>
    <row r="19639">
      <c r="A19639" s="1">
        <v>4.90781917E8</v>
      </c>
      <c r="B19639" s="2">
        <v>16691.0</v>
      </c>
      <c r="C19639" s="1" t="s">
        <v>5</v>
      </c>
      <c r="D19639" s="1" t="s">
        <v>16652</v>
      </c>
      <c r="E19639" s="1" t="s">
        <v>7</v>
      </c>
    </row>
    <row r="19640">
      <c r="A19640" s="1">
        <v>4.90781949E8</v>
      </c>
      <c r="B19640" s="2">
        <v>16783.0</v>
      </c>
      <c r="C19640" s="1" t="s">
        <v>5</v>
      </c>
      <c r="D19640" s="1" t="s">
        <v>16653</v>
      </c>
      <c r="E19640" s="1" t="s">
        <v>11</v>
      </c>
    </row>
    <row r="19641">
      <c r="A19641" s="1">
        <v>4.90781958E8</v>
      </c>
      <c r="B19641" s="2">
        <v>16787.0</v>
      </c>
      <c r="C19641" s="1" t="s">
        <v>5</v>
      </c>
      <c r="D19641" s="1" t="s">
        <v>11</v>
      </c>
      <c r="E19641" s="1" t="s">
        <v>7</v>
      </c>
    </row>
    <row r="19642">
      <c r="A19642" s="1">
        <v>4.90781978E8</v>
      </c>
      <c r="B19642" s="2">
        <v>16796.0</v>
      </c>
      <c r="C19642" s="1" t="s">
        <v>5</v>
      </c>
      <c r="D19642" s="1" t="s">
        <v>16654</v>
      </c>
      <c r="E19642" s="1" t="s">
        <v>7</v>
      </c>
    </row>
    <row r="19643">
      <c r="A19643" s="1">
        <v>4.90781984E8</v>
      </c>
      <c r="B19643" s="2">
        <v>16689.0</v>
      </c>
      <c r="C19643" s="1" t="s">
        <v>5</v>
      </c>
      <c r="D19643" s="1" t="s">
        <v>11</v>
      </c>
      <c r="E19643" s="1" t="s">
        <v>7</v>
      </c>
    </row>
    <row r="19644">
      <c r="A19644" s="1">
        <v>4.90781995E8</v>
      </c>
      <c r="B19644" s="2">
        <v>16731.0</v>
      </c>
      <c r="C19644" s="1" t="s">
        <v>5</v>
      </c>
      <c r="D19644" s="1" t="s">
        <v>16655</v>
      </c>
      <c r="E19644" s="1" t="s">
        <v>11</v>
      </c>
    </row>
    <row r="19645">
      <c r="A19645" s="1">
        <v>4.90782005E8</v>
      </c>
      <c r="B19645" s="2">
        <v>16794.0</v>
      </c>
      <c r="C19645" s="1" t="s">
        <v>5</v>
      </c>
      <c r="D19645" s="1" t="s">
        <v>16656</v>
      </c>
      <c r="E19645" s="1" t="s">
        <v>7</v>
      </c>
    </row>
    <row r="19646">
      <c r="A19646" s="1">
        <v>4.90782015E8</v>
      </c>
      <c r="B19646" s="2">
        <v>16685.0</v>
      </c>
      <c r="C19646" s="1" t="s">
        <v>5</v>
      </c>
      <c r="D19646" s="1" t="s">
        <v>16657</v>
      </c>
      <c r="E19646" s="1" t="s">
        <v>16658</v>
      </c>
    </row>
    <row r="19647">
      <c r="A19647" s="1">
        <v>4.90782047E8</v>
      </c>
      <c r="B19647" s="2">
        <v>16729.0</v>
      </c>
      <c r="C19647" s="1" t="s">
        <v>5</v>
      </c>
      <c r="D19647" s="1" t="s">
        <v>11</v>
      </c>
      <c r="E19647" s="1" t="s">
        <v>7</v>
      </c>
    </row>
    <row r="19648">
      <c r="A19648" s="1">
        <v>4.90782077E8</v>
      </c>
      <c r="B19648" s="2">
        <v>16681.0</v>
      </c>
      <c r="C19648" s="1" t="s">
        <v>5</v>
      </c>
      <c r="D19648" s="1" t="s">
        <v>16659</v>
      </c>
      <c r="E19648" s="1" t="s">
        <v>7</v>
      </c>
    </row>
    <row r="19649">
      <c r="A19649" s="1">
        <v>4.90782087E8</v>
      </c>
      <c r="B19649" s="2">
        <v>16782.0</v>
      </c>
      <c r="C19649" s="1" t="s">
        <v>5</v>
      </c>
      <c r="D19649" s="1" t="s">
        <v>16660</v>
      </c>
      <c r="E19649" s="1" t="s">
        <v>7</v>
      </c>
    </row>
    <row r="19650">
      <c r="A19650" s="1">
        <v>4.90782118E8</v>
      </c>
      <c r="B19650" s="2">
        <v>16796.0</v>
      </c>
      <c r="C19650" s="1" t="s">
        <v>5</v>
      </c>
      <c r="D19650" s="1" t="s">
        <v>16661</v>
      </c>
      <c r="E19650" s="1" t="s">
        <v>7</v>
      </c>
    </row>
    <row r="19651">
      <c r="A19651" s="1">
        <v>4.90782153E8</v>
      </c>
      <c r="B19651" s="2">
        <v>16684.0</v>
      </c>
      <c r="C19651" s="1" t="s">
        <v>5</v>
      </c>
      <c r="D19651" s="1" t="s">
        <v>11</v>
      </c>
      <c r="E19651" s="1" t="s">
        <v>7</v>
      </c>
    </row>
    <row r="19652">
      <c r="A19652" s="1">
        <v>4.90782191E8</v>
      </c>
      <c r="B19652" s="2">
        <v>16785.0</v>
      </c>
      <c r="C19652" s="1" t="s">
        <v>5</v>
      </c>
      <c r="D19652" s="1" t="s">
        <v>16662</v>
      </c>
      <c r="E19652" s="1" t="s">
        <v>7</v>
      </c>
    </row>
    <row r="19653">
      <c r="A19653" s="1">
        <v>4.90782217E8</v>
      </c>
      <c r="B19653" s="2">
        <v>16785.0</v>
      </c>
      <c r="C19653" s="1" t="s">
        <v>5</v>
      </c>
      <c r="D19653" s="1" t="s">
        <v>16663</v>
      </c>
      <c r="E19653" s="1" t="s">
        <v>7</v>
      </c>
    </row>
    <row r="19654">
      <c r="A19654" s="1">
        <v>4.90782264E8</v>
      </c>
      <c r="B19654" s="2">
        <v>16783.0</v>
      </c>
      <c r="C19654" s="1" t="s">
        <v>5</v>
      </c>
      <c r="D19654" s="1" t="s">
        <v>16664</v>
      </c>
      <c r="E19654" s="1" t="s">
        <v>11</v>
      </c>
    </row>
    <row r="19655">
      <c r="A19655" s="1">
        <v>4.90782279E8</v>
      </c>
      <c r="B19655" s="2">
        <v>16716.0</v>
      </c>
      <c r="C19655" s="1" t="s">
        <v>5</v>
      </c>
      <c r="D19655" s="1" t="s">
        <v>16665</v>
      </c>
      <c r="E19655" s="1" t="s">
        <v>7</v>
      </c>
    </row>
    <row r="19656">
      <c r="A19656" s="1">
        <v>4.90782289E8</v>
      </c>
      <c r="B19656" s="2">
        <v>16780.0</v>
      </c>
      <c r="C19656" s="1" t="s">
        <v>5</v>
      </c>
      <c r="D19656" s="1" t="s">
        <v>16666</v>
      </c>
      <c r="E19656" s="1" t="s">
        <v>7</v>
      </c>
    </row>
    <row r="19657">
      <c r="A19657" s="1">
        <v>4.90782304E8</v>
      </c>
      <c r="B19657" s="2">
        <v>16685.0</v>
      </c>
      <c r="C19657" s="1" t="s">
        <v>5</v>
      </c>
      <c r="D19657" s="1" t="s">
        <v>16667</v>
      </c>
      <c r="E19657" s="1" t="s">
        <v>7</v>
      </c>
    </row>
    <row r="19658">
      <c r="A19658" s="1">
        <v>4.90782356E8</v>
      </c>
      <c r="B19658" s="2">
        <v>16684.0</v>
      </c>
      <c r="C19658" s="1" t="s">
        <v>5</v>
      </c>
      <c r="D19658" s="1" t="s">
        <v>16668</v>
      </c>
      <c r="E19658" s="1" t="s">
        <v>7</v>
      </c>
    </row>
    <row r="19659">
      <c r="A19659" s="1">
        <v>4.90782357E8</v>
      </c>
      <c r="B19659" s="2">
        <v>16780.0</v>
      </c>
      <c r="C19659" s="1" t="s">
        <v>5</v>
      </c>
      <c r="D19659" s="1" t="s">
        <v>16669</v>
      </c>
      <c r="E19659" s="1" t="s">
        <v>11</v>
      </c>
    </row>
    <row r="19660">
      <c r="A19660" s="1">
        <v>4.90782371E8</v>
      </c>
      <c r="B19660" s="2">
        <v>16790.0</v>
      </c>
      <c r="C19660" s="1" t="s">
        <v>5</v>
      </c>
      <c r="D19660" s="1" t="s">
        <v>16670</v>
      </c>
      <c r="E19660" s="1" t="s">
        <v>7</v>
      </c>
    </row>
    <row r="19661">
      <c r="A19661" s="1">
        <v>4.90782397E8</v>
      </c>
      <c r="B19661" s="2">
        <v>16715.0</v>
      </c>
      <c r="C19661" s="1" t="s">
        <v>5</v>
      </c>
      <c r="D19661" s="1" t="s">
        <v>16671</v>
      </c>
      <c r="E19661" s="1" t="s">
        <v>11</v>
      </c>
    </row>
    <row r="19662">
      <c r="A19662" s="1">
        <v>4.90782424E8</v>
      </c>
      <c r="B19662" s="2">
        <v>16801.0</v>
      </c>
      <c r="C19662" s="1" t="s">
        <v>5</v>
      </c>
      <c r="D19662" s="1" t="s">
        <v>16672</v>
      </c>
      <c r="E19662" s="1" t="s">
        <v>16673</v>
      </c>
    </row>
    <row r="19663">
      <c r="A19663" s="1">
        <v>4.90782445E8</v>
      </c>
      <c r="B19663" s="2">
        <v>16778.0</v>
      </c>
      <c r="C19663" s="1" t="s">
        <v>5</v>
      </c>
      <c r="D19663" s="1" t="s">
        <v>16674</v>
      </c>
      <c r="E19663" s="1" t="s">
        <v>7</v>
      </c>
    </row>
    <row r="19664">
      <c r="A19664" s="1">
        <v>4.90782457E8</v>
      </c>
      <c r="B19664" s="2">
        <v>16682.0</v>
      </c>
      <c r="C19664" s="1" t="s">
        <v>5</v>
      </c>
      <c r="D19664" s="1" t="s">
        <v>16675</v>
      </c>
      <c r="E19664" s="1" t="s">
        <v>7</v>
      </c>
    </row>
    <row r="19665">
      <c r="A19665" s="1">
        <v>4.90782476E8</v>
      </c>
      <c r="B19665" s="2">
        <v>16719.0</v>
      </c>
      <c r="C19665" s="1" t="s">
        <v>5</v>
      </c>
      <c r="D19665" s="1" t="s">
        <v>11</v>
      </c>
      <c r="E19665" s="1" t="s">
        <v>7</v>
      </c>
    </row>
    <row r="19666">
      <c r="A19666" s="1">
        <v>4.90782477E8</v>
      </c>
      <c r="B19666" s="2">
        <v>16682.0</v>
      </c>
      <c r="C19666" s="1" t="s">
        <v>5</v>
      </c>
      <c r="D19666" s="1" t="s">
        <v>16676</v>
      </c>
      <c r="E19666" s="1" t="s">
        <v>11</v>
      </c>
    </row>
    <row r="19667">
      <c r="A19667" s="1">
        <v>4.90782478E8</v>
      </c>
      <c r="B19667" s="2">
        <v>16598.0</v>
      </c>
      <c r="C19667" s="1" t="s">
        <v>5</v>
      </c>
      <c r="D19667" s="1" t="s">
        <v>11</v>
      </c>
      <c r="E19667" s="1" t="s">
        <v>7</v>
      </c>
    </row>
    <row r="19668">
      <c r="A19668" s="1">
        <v>4.90782521E8</v>
      </c>
      <c r="B19668" s="2">
        <v>16736.0</v>
      </c>
      <c r="C19668" s="1" t="s">
        <v>5</v>
      </c>
      <c r="D19668" s="1" t="s">
        <v>16677</v>
      </c>
      <c r="E19668" s="1" t="s">
        <v>7</v>
      </c>
    </row>
    <row r="19669">
      <c r="A19669" s="1">
        <v>4.90782525E8</v>
      </c>
      <c r="B19669" s="2">
        <v>16745.0</v>
      </c>
      <c r="C19669" s="1" t="s">
        <v>5</v>
      </c>
      <c r="D19669" s="1" t="s">
        <v>16678</v>
      </c>
      <c r="E19669" s="1" t="s">
        <v>7</v>
      </c>
    </row>
    <row r="19670">
      <c r="A19670" s="1">
        <v>4.90782531E8</v>
      </c>
      <c r="B19670" s="2">
        <v>16747.0</v>
      </c>
      <c r="C19670" s="1" t="s">
        <v>5</v>
      </c>
      <c r="D19670" s="1" t="s">
        <v>16679</v>
      </c>
      <c r="E19670" s="1" t="s">
        <v>7</v>
      </c>
    </row>
    <row r="19671">
      <c r="A19671" s="1">
        <v>4.90782596E8</v>
      </c>
      <c r="B19671" s="2">
        <v>16787.0</v>
      </c>
      <c r="C19671" s="1" t="s">
        <v>5</v>
      </c>
      <c r="D19671" s="1" t="s">
        <v>16680</v>
      </c>
      <c r="E19671" s="1" t="s">
        <v>7</v>
      </c>
    </row>
    <row r="19672">
      <c r="A19672" s="1">
        <v>4.90782664E8</v>
      </c>
      <c r="B19672" s="2">
        <v>16717.0</v>
      </c>
      <c r="C19672" s="1" t="s">
        <v>5</v>
      </c>
      <c r="D19672" s="1" t="s">
        <v>16681</v>
      </c>
      <c r="E19672" s="1" t="s">
        <v>7</v>
      </c>
    </row>
    <row r="19673">
      <c r="A19673" s="1">
        <v>4.90782719E8</v>
      </c>
      <c r="B19673" s="2">
        <v>16776.0</v>
      </c>
      <c r="C19673" s="1" t="s">
        <v>5</v>
      </c>
      <c r="D19673" s="1" t="s">
        <v>16682</v>
      </c>
      <c r="E19673" s="1" t="s">
        <v>11</v>
      </c>
    </row>
    <row r="19674">
      <c r="A19674" s="1">
        <v>4.90782744E8</v>
      </c>
      <c r="B19674" s="2">
        <v>16787.0</v>
      </c>
      <c r="C19674" s="1" t="s">
        <v>5</v>
      </c>
      <c r="D19674" s="1" t="s">
        <v>16683</v>
      </c>
      <c r="E19674" s="1" t="s">
        <v>7</v>
      </c>
    </row>
    <row r="19675">
      <c r="A19675" s="1">
        <v>4.90782754E8</v>
      </c>
      <c r="B19675" s="2">
        <v>16681.0</v>
      </c>
      <c r="C19675" s="1" t="s">
        <v>5</v>
      </c>
      <c r="D19675" s="1" t="s">
        <v>16684</v>
      </c>
      <c r="E19675" s="1" t="s">
        <v>11</v>
      </c>
    </row>
    <row r="19676">
      <c r="A19676" s="1">
        <v>4.90782767E8</v>
      </c>
      <c r="B19676" s="2">
        <v>16738.0</v>
      </c>
      <c r="C19676" s="1" t="s">
        <v>5</v>
      </c>
      <c r="D19676" s="1" t="s">
        <v>16685</v>
      </c>
      <c r="E19676" s="1" t="s">
        <v>7</v>
      </c>
    </row>
    <row r="19677">
      <c r="A19677" s="1">
        <v>4.90782797E8</v>
      </c>
      <c r="B19677" s="2">
        <v>16752.0</v>
      </c>
      <c r="C19677" s="1" t="s">
        <v>5</v>
      </c>
      <c r="D19677" s="1" t="s">
        <v>16686</v>
      </c>
      <c r="E19677" s="1" t="s">
        <v>7</v>
      </c>
    </row>
    <row r="19678">
      <c r="A19678" s="1">
        <v>4.90782799E8</v>
      </c>
      <c r="B19678" s="2">
        <v>16681.0</v>
      </c>
      <c r="C19678" s="1" t="s">
        <v>5</v>
      </c>
      <c r="D19678" s="1" t="s">
        <v>16687</v>
      </c>
      <c r="E19678" s="1" t="s">
        <v>7</v>
      </c>
    </row>
    <row r="19679">
      <c r="A19679" s="1">
        <v>4.90782807E8</v>
      </c>
      <c r="B19679" s="2">
        <v>16681.0</v>
      </c>
      <c r="C19679" s="1" t="s">
        <v>5</v>
      </c>
      <c r="D19679" s="1" t="s">
        <v>11</v>
      </c>
      <c r="E19679" s="1" t="s">
        <v>7</v>
      </c>
    </row>
    <row r="19680">
      <c r="A19680" s="1">
        <v>4.90782819E8</v>
      </c>
      <c r="B19680" s="2">
        <v>16745.0</v>
      </c>
      <c r="C19680" s="1" t="s">
        <v>5</v>
      </c>
      <c r="D19680" s="1" t="s">
        <v>16688</v>
      </c>
      <c r="E19680" s="1" t="s">
        <v>7</v>
      </c>
    </row>
    <row r="19681">
      <c r="A19681" s="1">
        <v>4.90782835E8</v>
      </c>
      <c r="B19681" s="2">
        <v>16737.0</v>
      </c>
      <c r="C19681" s="1" t="s">
        <v>5</v>
      </c>
      <c r="D19681" s="1" t="s">
        <v>16689</v>
      </c>
      <c r="E19681" s="1" t="s">
        <v>7</v>
      </c>
    </row>
    <row r="19682">
      <c r="A19682" s="1">
        <v>4.90782858E8</v>
      </c>
      <c r="B19682" s="2">
        <v>16775.0</v>
      </c>
      <c r="C19682" s="1" t="s">
        <v>5</v>
      </c>
      <c r="D19682" s="1" t="s">
        <v>16690</v>
      </c>
      <c r="E19682" s="1" t="s">
        <v>7</v>
      </c>
    </row>
    <row r="19683">
      <c r="A19683" s="1">
        <v>4.90782865E8</v>
      </c>
      <c r="B19683" s="2">
        <v>16786.0</v>
      </c>
      <c r="C19683" s="1" t="s">
        <v>5</v>
      </c>
      <c r="D19683" s="1" t="s">
        <v>16691</v>
      </c>
      <c r="E19683" s="1" t="s">
        <v>7</v>
      </c>
    </row>
    <row r="19684">
      <c r="A19684" s="1">
        <v>4.90782872E8</v>
      </c>
      <c r="B19684" s="2">
        <v>16745.0</v>
      </c>
      <c r="C19684" s="1" t="s">
        <v>5</v>
      </c>
      <c r="D19684" s="1" t="s">
        <v>11</v>
      </c>
      <c r="E19684" s="1" t="s">
        <v>7</v>
      </c>
    </row>
    <row r="19685">
      <c r="A19685" s="1">
        <v>4.90782897E8</v>
      </c>
      <c r="B19685" s="2">
        <v>16785.0</v>
      </c>
      <c r="C19685" s="1" t="s">
        <v>5</v>
      </c>
      <c r="D19685" s="1" t="s">
        <v>16692</v>
      </c>
      <c r="E19685" s="1" t="s">
        <v>7</v>
      </c>
    </row>
    <row r="19686">
      <c r="A19686" s="1">
        <v>4.90782898E8</v>
      </c>
      <c r="B19686" s="2">
        <v>16741.0</v>
      </c>
      <c r="C19686" s="1" t="s">
        <v>5</v>
      </c>
      <c r="D19686" s="1" t="s">
        <v>16693</v>
      </c>
      <c r="E19686" s="1" t="s">
        <v>7</v>
      </c>
    </row>
    <row r="19687">
      <c r="A19687" s="1">
        <v>4.90782914E8</v>
      </c>
      <c r="B19687" s="2">
        <v>16799.0</v>
      </c>
      <c r="C19687" s="1" t="s">
        <v>5</v>
      </c>
      <c r="D19687" s="1" t="s">
        <v>16694</v>
      </c>
      <c r="E19687" s="1" t="s">
        <v>11</v>
      </c>
    </row>
    <row r="19688">
      <c r="A19688" s="1">
        <v>4.90782926E8</v>
      </c>
      <c r="B19688" s="2">
        <v>16744.0</v>
      </c>
      <c r="C19688" s="1" t="s">
        <v>5</v>
      </c>
      <c r="D19688" s="1" t="s">
        <v>16695</v>
      </c>
      <c r="E19688" s="1" t="s">
        <v>7</v>
      </c>
    </row>
    <row r="19689">
      <c r="A19689" s="1">
        <v>4.90782941E8</v>
      </c>
      <c r="B19689" s="2">
        <v>16744.0</v>
      </c>
      <c r="C19689" s="1" t="s">
        <v>5</v>
      </c>
      <c r="D19689" s="1" t="s">
        <v>11</v>
      </c>
      <c r="E19689" s="1" t="s">
        <v>7</v>
      </c>
    </row>
    <row r="19690">
      <c r="A19690" s="1">
        <v>4.90782951E8</v>
      </c>
      <c r="B19690" s="2">
        <v>16777.0</v>
      </c>
      <c r="C19690" s="1" t="s">
        <v>5</v>
      </c>
      <c r="D19690" s="1" t="s">
        <v>16696</v>
      </c>
      <c r="E19690" s="1" t="s">
        <v>16697</v>
      </c>
    </row>
    <row r="19691">
      <c r="A19691" s="1">
        <v>4.9078296E8</v>
      </c>
      <c r="B19691" s="2">
        <v>16796.0</v>
      </c>
      <c r="C19691" s="1" t="s">
        <v>5</v>
      </c>
      <c r="D19691" s="1" t="s">
        <v>16698</v>
      </c>
      <c r="E19691" s="1" t="s">
        <v>7</v>
      </c>
    </row>
    <row r="19692">
      <c r="A19692" s="1">
        <v>4.90782972E8</v>
      </c>
      <c r="B19692" s="2">
        <v>16743.0</v>
      </c>
      <c r="C19692" s="1" t="s">
        <v>5</v>
      </c>
      <c r="D19692" s="1" t="s">
        <v>16699</v>
      </c>
      <c r="E19692" s="1" t="s">
        <v>7</v>
      </c>
    </row>
    <row r="19693">
      <c r="A19693" s="1">
        <v>4.90782978E8</v>
      </c>
      <c r="B19693" s="2">
        <v>16780.0</v>
      </c>
      <c r="C19693" s="1" t="s">
        <v>5</v>
      </c>
      <c r="D19693" s="1" t="s">
        <v>16700</v>
      </c>
      <c r="E19693" s="1" t="s">
        <v>7</v>
      </c>
    </row>
    <row r="19694">
      <c r="A19694" s="1">
        <v>4.90782996E8</v>
      </c>
      <c r="B19694" s="2">
        <v>16743.0</v>
      </c>
      <c r="C19694" s="1" t="s">
        <v>5</v>
      </c>
      <c r="D19694" s="1" t="s">
        <v>16701</v>
      </c>
      <c r="E19694" s="1" t="s">
        <v>7</v>
      </c>
    </row>
    <row r="19695">
      <c r="A19695" s="1">
        <v>4.90783038E8</v>
      </c>
      <c r="B19695" s="2">
        <v>16738.0</v>
      </c>
      <c r="C19695" s="1" t="s">
        <v>5</v>
      </c>
      <c r="D19695" s="1" t="s">
        <v>11</v>
      </c>
      <c r="E19695" s="1" t="s">
        <v>7</v>
      </c>
    </row>
    <row r="19696">
      <c r="A19696" s="1">
        <v>4.90783044E8</v>
      </c>
      <c r="B19696" s="2">
        <v>16743.0</v>
      </c>
      <c r="C19696" s="1" t="s">
        <v>5</v>
      </c>
      <c r="D19696" s="1" t="s">
        <v>11</v>
      </c>
      <c r="E19696" s="1" t="s">
        <v>7</v>
      </c>
    </row>
    <row r="19697">
      <c r="A19697" s="1">
        <v>4.90783058E8</v>
      </c>
      <c r="B19697" s="2">
        <v>16723.0</v>
      </c>
      <c r="C19697" s="1" t="s">
        <v>5</v>
      </c>
      <c r="D19697" s="1" t="s">
        <v>16702</v>
      </c>
      <c r="E19697" s="1" t="s">
        <v>11</v>
      </c>
    </row>
    <row r="19698">
      <c r="A19698" s="1">
        <v>4.90783101E8</v>
      </c>
      <c r="B19698" s="2">
        <v>16740.0</v>
      </c>
      <c r="C19698" s="1" t="s">
        <v>5</v>
      </c>
      <c r="D19698" s="1" t="s">
        <v>11</v>
      </c>
      <c r="E19698" s="1" t="s">
        <v>7</v>
      </c>
    </row>
    <row r="19699">
      <c r="A19699" s="1">
        <v>4.90783184E8</v>
      </c>
      <c r="B19699" s="2">
        <v>16784.0</v>
      </c>
      <c r="C19699" s="1" t="s">
        <v>5</v>
      </c>
      <c r="D19699" s="1" t="s">
        <v>16703</v>
      </c>
      <c r="E19699" s="1" t="s">
        <v>7</v>
      </c>
    </row>
    <row r="19700">
      <c r="A19700" s="1">
        <v>4.90783185E8</v>
      </c>
      <c r="B19700" s="2">
        <v>16784.0</v>
      </c>
      <c r="C19700" s="1" t="s">
        <v>5</v>
      </c>
      <c r="D19700" s="1" t="s">
        <v>16704</v>
      </c>
      <c r="E19700" s="1" t="s">
        <v>7</v>
      </c>
    </row>
    <row r="19701">
      <c r="A19701" s="1">
        <v>4.90783195E8</v>
      </c>
      <c r="B19701" s="2">
        <v>16682.0</v>
      </c>
      <c r="C19701" s="1" t="s">
        <v>5</v>
      </c>
      <c r="D19701" s="1" t="s">
        <v>11</v>
      </c>
      <c r="E19701" s="1" t="s">
        <v>7</v>
      </c>
    </row>
    <row r="19702">
      <c r="A19702" s="1">
        <v>4.90783237E8</v>
      </c>
      <c r="B19702" s="2">
        <v>16713.0</v>
      </c>
      <c r="C19702" s="1" t="s">
        <v>5</v>
      </c>
      <c r="D19702" s="1" t="s">
        <v>16705</v>
      </c>
      <c r="E19702" s="1" t="s">
        <v>7</v>
      </c>
    </row>
    <row r="19703">
      <c r="A19703" s="1">
        <v>4.90783246E8</v>
      </c>
      <c r="B19703" s="2">
        <v>16798.0</v>
      </c>
      <c r="C19703" s="1" t="s">
        <v>5</v>
      </c>
      <c r="D19703" s="1" t="s">
        <v>16706</v>
      </c>
      <c r="E19703" s="1" t="s">
        <v>7</v>
      </c>
    </row>
    <row r="19704">
      <c r="A19704" s="1">
        <v>4.90783261E8</v>
      </c>
      <c r="B19704" s="2">
        <v>16773.0</v>
      </c>
      <c r="C19704" s="1" t="s">
        <v>5</v>
      </c>
      <c r="D19704" s="1" t="s">
        <v>16707</v>
      </c>
      <c r="E19704" s="1" t="s">
        <v>11</v>
      </c>
    </row>
    <row r="19705">
      <c r="A19705" s="1">
        <v>4.90783264E8</v>
      </c>
      <c r="B19705" s="2">
        <v>16719.0</v>
      </c>
      <c r="C19705" s="1" t="s">
        <v>5</v>
      </c>
      <c r="D19705" s="1" t="s">
        <v>16708</v>
      </c>
      <c r="E19705" s="1" t="s">
        <v>11</v>
      </c>
    </row>
    <row r="19706">
      <c r="A19706" s="1">
        <v>4.90783309E8</v>
      </c>
      <c r="B19706" s="2">
        <v>16717.0</v>
      </c>
      <c r="C19706" s="1" t="s">
        <v>5</v>
      </c>
      <c r="D19706" s="1" t="s">
        <v>16709</v>
      </c>
      <c r="E19706" s="1" t="s">
        <v>7</v>
      </c>
    </row>
    <row r="19707">
      <c r="A19707" s="1">
        <v>4.90783332E8</v>
      </c>
      <c r="B19707" s="2">
        <v>16775.0</v>
      </c>
      <c r="C19707" s="1" t="s">
        <v>5</v>
      </c>
      <c r="D19707" s="1" t="s">
        <v>16710</v>
      </c>
      <c r="E19707" s="1" t="s">
        <v>11</v>
      </c>
    </row>
    <row r="19708">
      <c r="A19708" s="1">
        <v>4.90783397E8</v>
      </c>
      <c r="B19708" s="2">
        <v>16782.0</v>
      </c>
      <c r="C19708" s="1" t="s">
        <v>5</v>
      </c>
      <c r="D19708" s="1" t="s">
        <v>16711</v>
      </c>
      <c r="E19708" s="1" t="s">
        <v>7</v>
      </c>
    </row>
    <row r="19709">
      <c r="A19709" s="1">
        <v>4.90783429E8</v>
      </c>
      <c r="B19709" s="2">
        <v>16724.0</v>
      </c>
      <c r="C19709" s="1" t="s">
        <v>5</v>
      </c>
      <c r="D19709" s="1" t="s">
        <v>11</v>
      </c>
      <c r="E19709" s="1" t="s">
        <v>7</v>
      </c>
    </row>
    <row r="19710">
      <c r="A19710" s="1">
        <v>4.90783439E8</v>
      </c>
      <c r="B19710" s="2">
        <v>16779.0</v>
      </c>
      <c r="C19710" s="1" t="s">
        <v>5</v>
      </c>
      <c r="D19710" s="1" t="s">
        <v>16712</v>
      </c>
      <c r="E19710" s="1" t="s">
        <v>7</v>
      </c>
    </row>
    <row r="19711">
      <c r="A19711" s="1">
        <v>4.90783463E8</v>
      </c>
      <c r="B19711" s="2">
        <v>16783.0</v>
      </c>
      <c r="C19711" s="1" t="s">
        <v>5</v>
      </c>
      <c r="D19711" s="1" t="s">
        <v>11</v>
      </c>
      <c r="E19711" s="1" t="s">
        <v>7</v>
      </c>
    </row>
    <row r="19712">
      <c r="A19712" s="1">
        <v>4.90783481E8</v>
      </c>
      <c r="B19712" s="2">
        <v>16717.0</v>
      </c>
      <c r="C19712" s="1" t="s">
        <v>5</v>
      </c>
      <c r="D19712" s="1" t="s">
        <v>16713</v>
      </c>
      <c r="E19712" s="1" t="s">
        <v>7</v>
      </c>
    </row>
    <row r="19713">
      <c r="A19713" s="1">
        <v>4.90783487E8</v>
      </c>
      <c r="B19713" s="2">
        <v>16800.0</v>
      </c>
      <c r="C19713" s="1" t="s">
        <v>5</v>
      </c>
      <c r="D19713" s="1" t="s">
        <v>16714</v>
      </c>
      <c r="E19713" s="1" t="s">
        <v>7</v>
      </c>
    </row>
    <row r="19714">
      <c r="A19714" s="1">
        <v>4.90783504E8</v>
      </c>
      <c r="B19714" s="2">
        <v>16833.0</v>
      </c>
      <c r="C19714" s="1" t="s">
        <v>5</v>
      </c>
      <c r="D19714" s="1" t="s">
        <v>16715</v>
      </c>
      <c r="E19714" s="1" t="s">
        <v>7</v>
      </c>
    </row>
    <row r="19715">
      <c r="A19715" s="1">
        <v>4.90783537E8</v>
      </c>
      <c r="B19715" s="2">
        <v>16717.0</v>
      </c>
      <c r="C19715" s="1" t="s">
        <v>5</v>
      </c>
      <c r="D19715" s="1" t="s">
        <v>16716</v>
      </c>
      <c r="E19715" s="1" t="s">
        <v>7</v>
      </c>
    </row>
    <row r="19716">
      <c r="A19716" s="1">
        <v>4.90783541E8</v>
      </c>
      <c r="B19716" s="2">
        <v>16833.0</v>
      </c>
      <c r="C19716" s="1" t="s">
        <v>5</v>
      </c>
      <c r="D19716" s="1" t="s">
        <v>16717</v>
      </c>
      <c r="E19716" s="1" t="s">
        <v>11</v>
      </c>
    </row>
    <row r="19717">
      <c r="A19717" s="1">
        <v>4.90783589E8</v>
      </c>
      <c r="B19717" s="2">
        <v>16731.0</v>
      </c>
      <c r="C19717" s="1" t="s">
        <v>5</v>
      </c>
      <c r="D19717" s="1" t="s">
        <v>16718</v>
      </c>
      <c r="E19717" s="1" t="s">
        <v>7</v>
      </c>
    </row>
    <row r="19718">
      <c r="A19718" s="1">
        <v>4.90783617E8</v>
      </c>
      <c r="B19718" s="2">
        <v>16731.0</v>
      </c>
      <c r="C19718" s="1" t="s">
        <v>5</v>
      </c>
      <c r="D19718" s="1" t="s">
        <v>16719</v>
      </c>
      <c r="E19718" s="1" t="s">
        <v>11</v>
      </c>
    </row>
    <row r="19719">
      <c r="A19719" s="1">
        <v>4.90783629E8</v>
      </c>
      <c r="B19719" s="2">
        <v>16717.0</v>
      </c>
      <c r="C19719" s="1" t="s">
        <v>5</v>
      </c>
      <c r="D19719" s="1" t="s">
        <v>16720</v>
      </c>
      <c r="E19719" s="1" t="s">
        <v>7</v>
      </c>
    </row>
    <row r="19720">
      <c r="A19720" s="1">
        <v>4.9078367E8</v>
      </c>
      <c r="B19720" s="2">
        <v>16780.0</v>
      </c>
      <c r="C19720" s="1" t="s">
        <v>5</v>
      </c>
      <c r="D19720" s="1" t="s">
        <v>16721</v>
      </c>
      <c r="E19720" s="1" t="s">
        <v>7</v>
      </c>
    </row>
    <row r="19721">
      <c r="A19721" s="1">
        <v>4.90783694E8</v>
      </c>
      <c r="B19721" s="2">
        <v>16794.0</v>
      </c>
      <c r="C19721" s="1" t="s">
        <v>5</v>
      </c>
      <c r="D19721" s="1" t="s">
        <v>16722</v>
      </c>
      <c r="E19721" s="1" t="s">
        <v>11</v>
      </c>
    </row>
    <row r="19722">
      <c r="A19722" s="1">
        <v>4.90783719E8</v>
      </c>
      <c r="B19722" s="2">
        <v>16800.0</v>
      </c>
      <c r="C19722" s="1" t="s">
        <v>5</v>
      </c>
      <c r="D19722" s="1" t="s">
        <v>16723</v>
      </c>
      <c r="E19722" s="1" t="s">
        <v>7</v>
      </c>
    </row>
    <row r="19723">
      <c r="A19723" s="1">
        <v>4.90783741E8</v>
      </c>
      <c r="B19723" s="2">
        <v>16737.0</v>
      </c>
      <c r="C19723" s="1" t="s">
        <v>5</v>
      </c>
      <c r="D19723" s="1" t="s">
        <v>16724</v>
      </c>
      <c r="E19723" s="1" t="s">
        <v>7</v>
      </c>
    </row>
    <row r="19724">
      <c r="A19724" s="1">
        <v>4.90783755E8</v>
      </c>
      <c r="B19724" s="2">
        <v>16831.0</v>
      </c>
      <c r="C19724" s="1" t="s">
        <v>5</v>
      </c>
      <c r="D19724" s="1" t="s">
        <v>16725</v>
      </c>
      <c r="E19724" s="1" t="s">
        <v>7</v>
      </c>
    </row>
    <row r="19725">
      <c r="A19725" s="1">
        <v>4.90783759E8</v>
      </c>
      <c r="B19725" s="2">
        <v>16728.0</v>
      </c>
      <c r="C19725" s="1" t="s">
        <v>5</v>
      </c>
      <c r="D19725" s="1" t="s">
        <v>16726</v>
      </c>
      <c r="E19725" s="1" t="s">
        <v>7</v>
      </c>
    </row>
    <row r="19726">
      <c r="A19726" s="1">
        <v>4.90783764E8</v>
      </c>
      <c r="B19726" s="2">
        <v>16800.0</v>
      </c>
      <c r="C19726" s="1" t="s">
        <v>5</v>
      </c>
      <c r="D19726" s="1" t="s">
        <v>11</v>
      </c>
      <c r="E19726" s="1" t="s">
        <v>7</v>
      </c>
    </row>
    <row r="19727">
      <c r="A19727" s="1">
        <v>4.90783767E8</v>
      </c>
      <c r="B19727" s="2">
        <v>16799.0</v>
      </c>
      <c r="C19727" s="1" t="s">
        <v>5</v>
      </c>
      <c r="D19727" s="1" t="s">
        <v>16727</v>
      </c>
      <c r="E19727" s="1" t="s">
        <v>7</v>
      </c>
    </row>
    <row r="19728">
      <c r="A19728" s="1">
        <v>4.90783782E8</v>
      </c>
      <c r="B19728" s="2">
        <v>16717.0</v>
      </c>
      <c r="C19728" s="1" t="s">
        <v>5</v>
      </c>
      <c r="D19728" s="1" t="s">
        <v>16728</v>
      </c>
      <c r="E19728" s="1" t="s">
        <v>7</v>
      </c>
    </row>
    <row r="19729">
      <c r="A19729" s="1">
        <v>4.90783795E8</v>
      </c>
      <c r="B19729" s="2">
        <v>16736.0</v>
      </c>
      <c r="C19729" s="1" t="s">
        <v>5</v>
      </c>
      <c r="D19729" s="1" t="s">
        <v>16729</v>
      </c>
      <c r="E19729" s="1" t="s">
        <v>7</v>
      </c>
    </row>
    <row r="19730">
      <c r="A19730" s="1">
        <v>4.90783803E8</v>
      </c>
      <c r="B19730" s="2">
        <v>16715.0</v>
      </c>
      <c r="C19730" s="1" t="s">
        <v>5</v>
      </c>
      <c r="D19730" s="1" t="s">
        <v>16730</v>
      </c>
      <c r="E19730" s="1" t="s">
        <v>7</v>
      </c>
    </row>
    <row r="19731">
      <c r="A19731" s="1">
        <v>4.90783821E8</v>
      </c>
      <c r="B19731" s="2">
        <v>16794.0</v>
      </c>
      <c r="C19731" s="1" t="s">
        <v>5</v>
      </c>
      <c r="D19731" s="1" t="s">
        <v>16731</v>
      </c>
      <c r="E19731" s="1" t="s">
        <v>7</v>
      </c>
    </row>
    <row r="19732">
      <c r="A19732" s="1">
        <v>4.90783835E8</v>
      </c>
      <c r="B19732" s="2">
        <v>16595.0</v>
      </c>
      <c r="C19732" s="1" t="s">
        <v>5</v>
      </c>
      <c r="D19732" s="1" t="s">
        <v>16732</v>
      </c>
      <c r="E19732" s="1" t="s">
        <v>16733</v>
      </c>
    </row>
    <row r="19733">
      <c r="A19733" s="1">
        <v>4.90783838E8</v>
      </c>
      <c r="B19733" s="2">
        <v>16772.0</v>
      </c>
      <c r="C19733" s="1" t="s">
        <v>5</v>
      </c>
      <c r="D19733" s="1" t="s">
        <v>16734</v>
      </c>
      <c r="E19733" s="1" t="s">
        <v>16735</v>
      </c>
    </row>
    <row r="19734">
      <c r="A19734" s="1">
        <v>4.90783846E8</v>
      </c>
      <c r="B19734" s="2">
        <v>16736.0</v>
      </c>
      <c r="C19734" s="1" t="s">
        <v>5</v>
      </c>
      <c r="D19734" s="1" t="s">
        <v>11</v>
      </c>
      <c r="E19734" s="1" t="s">
        <v>7</v>
      </c>
    </row>
    <row r="19735">
      <c r="A19735" s="1">
        <v>4.90783862E8</v>
      </c>
      <c r="B19735" s="2">
        <v>16833.0</v>
      </c>
      <c r="C19735" s="1" t="s">
        <v>5</v>
      </c>
      <c r="D19735" s="1" t="s">
        <v>16736</v>
      </c>
      <c r="E19735" s="1" t="s">
        <v>11</v>
      </c>
    </row>
    <row r="19736">
      <c r="A19736" s="1">
        <v>4.90783864E8</v>
      </c>
      <c r="B19736" s="2">
        <v>16745.0</v>
      </c>
      <c r="C19736" s="1" t="s">
        <v>5</v>
      </c>
      <c r="D19736" s="1" t="s">
        <v>16737</v>
      </c>
      <c r="E19736" s="1" t="s">
        <v>7</v>
      </c>
    </row>
    <row r="19737">
      <c r="A19737" s="1">
        <v>4.90783884E8</v>
      </c>
      <c r="B19737" s="2">
        <v>16776.0</v>
      </c>
      <c r="C19737" s="1" t="s">
        <v>5</v>
      </c>
      <c r="D19737" s="1" t="s">
        <v>11</v>
      </c>
      <c r="E19737" s="1" t="s">
        <v>7</v>
      </c>
    </row>
    <row r="19738">
      <c r="A19738" s="1">
        <v>4.90783885E8</v>
      </c>
      <c r="B19738" s="2">
        <v>16738.0</v>
      </c>
      <c r="C19738" s="1" t="s">
        <v>5</v>
      </c>
      <c r="D19738" s="1" t="s">
        <v>16738</v>
      </c>
      <c r="E19738" s="1" t="s">
        <v>7</v>
      </c>
    </row>
    <row r="19739">
      <c r="A19739" s="1">
        <v>4.90783894E8</v>
      </c>
      <c r="B19739" s="2">
        <v>16729.0</v>
      </c>
      <c r="C19739" s="1" t="s">
        <v>5</v>
      </c>
      <c r="D19739" s="1" t="s">
        <v>16739</v>
      </c>
      <c r="E19739" s="1" t="s">
        <v>11</v>
      </c>
    </row>
    <row r="19740">
      <c r="A19740" s="1">
        <v>4.90783993E8</v>
      </c>
      <c r="B19740" s="2">
        <v>16778.0</v>
      </c>
      <c r="C19740" s="1" t="s">
        <v>5</v>
      </c>
      <c r="D19740" s="1" t="s">
        <v>16740</v>
      </c>
      <c r="E19740" s="1" t="s">
        <v>7</v>
      </c>
    </row>
    <row r="19741">
      <c r="A19741" s="1">
        <v>4.90783996E8</v>
      </c>
      <c r="B19741" s="2">
        <v>16595.0</v>
      </c>
      <c r="C19741" s="1" t="s">
        <v>5</v>
      </c>
      <c r="D19741" s="1" t="s">
        <v>11</v>
      </c>
      <c r="E19741" s="1" t="s">
        <v>7</v>
      </c>
    </row>
    <row r="19742">
      <c r="A19742" s="1">
        <v>4.90784013E8</v>
      </c>
      <c r="B19742" s="2">
        <v>16775.0</v>
      </c>
      <c r="C19742" s="1" t="s">
        <v>5</v>
      </c>
      <c r="D19742" s="1" t="s">
        <v>14519</v>
      </c>
      <c r="E19742" s="1" t="s">
        <v>7</v>
      </c>
    </row>
    <row r="19743">
      <c r="A19743" s="1">
        <v>4.90784014E8</v>
      </c>
      <c r="B19743" s="2">
        <v>16727.0</v>
      </c>
      <c r="C19743" s="1" t="s">
        <v>5</v>
      </c>
      <c r="D19743" s="1" t="s">
        <v>16741</v>
      </c>
      <c r="E19743" s="1" t="s">
        <v>7</v>
      </c>
    </row>
    <row r="19744">
      <c r="A19744" s="1">
        <v>4.90784015E8</v>
      </c>
      <c r="B19744" s="2">
        <v>16790.0</v>
      </c>
      <c r="C19744" s="1" t="s">
        <v>5</v>
      </c>
      <c r="D19744" s="1" t="s">
        <v>16742</v>
      </c>
      <c r="E19744" s="1" t="s">
        <v>7</v>
      </c>
    </row>
    <row r="19745">
      <c r="A19745" s="1">
        <v>4.9078402E8</v>
      </c>
      <c r="B19745" s="2">
        <v>16728.0</v>
      </c>
      <c r="C19745" s="1" t="s">
        <v>5</v>
      </c>
      <c r="D19745" s="1" t="s">
        <v>16743</v>
      </c>
      <c r="E19745" s="1" t="s">
        <v>7</v>
      </c>
    </row>
    <row r="19746">
      <c r="A19746" s="1">
        <v>4.90784029E8</v>
      </c>
      <c r="B19746" s="2">
        <v>16832.0</v>
      </c>
      <c r="C19746" s="1" t="s">
        <v>5</v>
      </c>
      <c r="D19746" s="1" t="s">
        <v>16744</v>
      </c>
      <c r="E19746" s="1" t="s">
        <v>7</v>
      </c>
    </row>
    <row r="19747">
      <c r="A19747" s="1">
        <v>4.90784033E8</v>
      </c>
      <c r="B19747" s="2">
        <v>16727.0</v>
      </c>
      <c r="C19747" s="1" t="s">
        <v>5</v>
      </c>
      <c r="D19747" s="1" t="s">
        <v>16745</v>
      </c>
      <c r="E19747" s="1" t="s">
        <v>11</v>
      </c>
    </row>
    <row r="19748">
      <c r="A19748" s="1">
        <v>4.90784043E8</v>
      </c>
      <c r="B19748" s="2">
        <v>16833.0</v>
      </c>
      <c r="C19748" s="1" t="s">
        <v>5</v>
      </c>
      <c r="D19748" s="1" t="s">
        <v>16746</v>
      </c>
      <c r="E19748" s="1" t="s">
        <v>7</v>
      </c>
    </row>
    <row r="19749">
      <c r="A19749" s="1">
        <v>4.90784072E8</v>
      </c>
      <c r="B19749" s="2">
        <v>16728.0</v>
      </c>
      <c r="C19749" s="1" t="s">
        <v>5</v>
      </c>
      <c r="D19749" s="1" t="s">
        <v>11</v>
      </c>
      <c r="E19749" s="1" t="s">
        <v>7</v>
      </c>
    </row>
    <row r="19750">
      <c r="A19750" s="1">
        <v>4.90784098E8</v>
      </c>
      <c r="B19750" s="2">
        <v>16777.0</v>
      </c>
      <c r="C19750" s="1" t="s">
        <v>5</v>
      </c>
      <c r="D19750" s="1" t="s">
        <v>16747</v>
      </c>
      <c r="E19750" s="1" t="s">
        <v>7</v>
      </c>
    </row>
    <row r="19751">
      <c r="A19751" s="1">
        <v>4.90784101E8</v>
      </c>
      <c r="B19751" s="2">
        <v>16734.0</v>
      </c>
      <c r="C19751" s="1" t="s">
        <v>5</v>
      </c>
      <c r="D19751" s="1" t="s">
        <v>11</v>
      </c>
      <c r="E19751" s="1" t="s">
        <v>7</v>
      </c>
    </row>
    <row r="19752">
      <c r="A19752" s="1">
        <v>4.90784112E8</v>
      </c>
      <c r="B19752" s="2">
        <v>16744.0</v>
      </c>
      <c r="C19752" s="1" t="s">
        <v>5</v>
      </c>
      <c r="D19752" s="1" t="s">
        <v>16748</v>
      </c>
      <c r="E19752" s="1" t="s">
        <v>7</v>
      </c>
    </row>
    <row r="19753">
      <c r="A19753" s="1">
        <v>4.90784132E8</v>
      </c>
      <c r="B19753" s="2">
        <v>16734.0</v>
      </c>
      <c r="C19753" s="1" t="s">
        <v>5</v>
      </c>
      <c r="D19753" s="1" t="s">
        <v>11</v>
      </c>
      <c r="E19753" s="1" t="s">
        <v>7</v>
      </c>
    </row>
    <row r="19754">
      <c r="A19754" s="1">
        <v>4.90784144E8</v>
      </c>
      <c r="B19754" s="2">
        <v>16796.0</v>
      </c>
      <c r="C19754" s="1" t="s">
        <v>5</v>
      </c>
      <c r="D19754" s="1" t="s">
        <v>16749</v>
      </c>
      <c r="E19754" s="1" t="s">
        <v>7</v>
      </c>
    </row>
    <row r="19755">
      <c r="A19755" s="1">
        <v>4.90784152E8</v>
      </c>
      <c r="B19755" s="2">
        <v>16713.0</v>
      </c>
      <c r="C19755" s="1" t="s">
        <v>5</v>
      </c>
      <c r="D19755" s="1" t="s">
        <v>16750</v>
      </c>
      <c r="E19755" s="1" t="s">
        <v>7</v>
      </c>
    </row>
    <row r="19756">
      <c r="A19756" s="1">
        <v>4.90784153E8</v>
      </c>
      <c r="B19756" s="2">
        <v>16790.0</v>
      </c>
      <c r="C19756" s="1" t="s">
        <v>5</v>
      </c>
      <c r="D19756" s="1" t="s">
        <v>16751</v>
      </c>
      <c r="E19756" s="1" t="s">
        <v>7</v>
      </c>
    </row>
    <row r="19757">
      <c r="A19757" s="1">
        <v>4.90784156E8</v>
      </c>
      <c r="B19757" s="2">
        <v>16801.0</v>
      </c>
      <c r="C19757" s="1" t="s">
        <v>5</v>
      </c>
      <c r="D19757" s="1" t="s">
        <v>16752</v>
      </c>
      <c r="E19757" s="1" t="s">
        <v>7</v>
      </c>
    </row>
    <row r="19758">
      <c r="A19758" s="1">
        <v>4.90784161E8</v>
      </c>
      <c r="B19758" s="2">
        <v>16736.0</v>
      </c>
      <c r="C19758" s="1" t="s">
        <v>5</v>
      </c>
      <c r="D19758" s="1" t="s">
        <v>11</v>
      </c>
      <c r="E19758" s="1" t="s">
        <v>7</v>
      </c>
    </row>
    <row r="19759">
      <c r="A19759" s="1">
        <v>4.9078418E8</v>
      </c>
      <c r="B19759" s="2">
        <v>16726.0</v>
      </c>
      <c r="C19759" s="1" t="s">
        <v>5</v>
      </c>
      <c r="D19759" s="1" t="s">
        <v>11</v>
      </c>
      <c r="E19759" s="1" t="s">
        <v>7</v>
      </c>
    </row>
    <row r="19760">
      <c r="A19760" s="1">
        <v>4.90784264E8</v>
      </c>
      <c r="B19760" s="2">
        <v>16777.0</v>
      </c>
      <c r="C19760" s="1" t="s">
        <v>5</v>
      </c>
      <c r="D19760" s="1" t="s">
        <v>16753</v>
      </c>
      <c r="E19760" s="1" t="s">
        <v>11</v>
      </c>
    </row>
    <row r="19761">
      <c r="A19761" s="1">
        <v>4.90784312E8</v>
      </c>
      <c r="B19761" s="2">
        <v>16595.0</v>
      </c>
      <c r="C19761" s="1" t="s">
        <v>5</v>
      </c>
      <c r="D19761" s="1" t="s">
        <v>16754</v>
      </c>
      <c r="E19761" s="1" t="s">
        <v>7</v>
      </c>
    </row>
    <row r="19762">
      <c r="A19762" s="1">
        <v>4.90784358E8</v>
      </c>
      <c r="B19762" s="2">
        <v>16829.0</v>
      </c>
      <c r="C19762" s="1" t="s">
        <v>5</v>
      </c>
      <c r="D19762" s="1" t="s">
        <v>11</v>
      </c>
      <c r="E19762" s="1" t="s">
        <v>7</v>
      </c>
    </row>
    <row r="19763">
      <c r="A19763" s="1">
        <v>4.90784377E8</v>
      </c>
      <c r="B19763" s="2">
        <v>16735.0</v>
      </c>
      <c r="C19763" s="1" t="s">
        <v>5</v>
      </c>
      <c r="D19763" s="1" t="s">
        <v>16755</v>
      </c>
      <c r="E19763" s="1" t="s">
        <v>7</v>
      </c>
    </row>
    <row r="19764">
      <c r="A19764" s="1">
        <v>4.90784382E8</v>
      </c>
      <c r="B19764" s="2">
        <v>16828.0</v>
      </c>
      <c r="C19764" s="1" t="s">
        <v>5</v>
      </c>
      <c r="D19764" s="1" t="s">
        <v>16756</v>
      </c>
      <c r="E19764" s="1" t="s">
        <v>7</v>
      </c>
    </row>
    <row r="19765">
      <c r="A19765" s="1">
        <v>4.90784403E8</v>
      </c>
      <c r="B19765" s="2">
        <v>16794.0</v>
      </c>
      <c r="C19765" s="1" t="s">
        <v>5</v>
      </c>
      <c r="D19765" s="1" t="s">
        <v>16757</v>
      </c>
      <c r="E19765" s="1" t="s">
        <v>7</v>
      </c>
    </row>
    <row r="19766">
      <c r="A19766" s="1">
        <v>4.90784404E8</v>
      </c>
      <c r="B19766" s="2">
        <v>16726.0</v>
      </c>
      <c r="C19766" s="1" t="s">
        <v>5</v>
      </c>
      <c r="D19766" s="1" t="s">
        <v>11</v>
      </c>
      <c r="E19766" s="1" t="s">
        <v>7</v>
      </c>
    </row>
    <row r="19767">
      <c r="A19767" s="1">
        <v>4.9078444E8</v>
      </c>
      <c r="B19767" s="2">
        <v>16769.0</v>
      </c>
      <c r="C19767" s="1" t="s">
        <v>5</v>
      </c>
      <c r="D19767" s="1" t="s">
        <v>16758</v>
      </c>
      <c r="E19767" s="1" t="s">
        <v>7</v>
      </c>
    </row>
    <row r="19768">
      <c r="A19768" s="1">
        <v>4.90784441E8</v>
      </c>
      <c r="B19768" s="2">
        <v>16731.0</v>
      </c>
      <c r="C19768" s="1" t="s">
        <v>5</v>
      </c>
      <c r="D19768" s="1" t="s">
        <v>16759</v>
      </c>
      <c r="E19768" s="1" t="s">
        <v>7</v>
      </c>
    </row>
    <row r="19769">
      <c r="A19769" s="1">
        <v>4.90784456E8</v>
      </c>
      <c r="B19769" s="2">
        <v>16724.0</v>
      </c>
      <c r="C19769" s="1" t="s">
        <v>5</v>
      </c>
      <c r="D19769" s="1" t="s">
        <v>16760</v>
      </c>
      <c r="E19769" s="1" t="s">
        <v>16761</v>
      </c>
    </row>
    <row r="19770">
      <c r="A19770" s="1">
        <v>4.90784477E8</v>
      </c>
      <c r="B19770" s="2">
        <v>16595.0</v>
      </c>
      <c r="C19770" s="1" t="s">
        <v>5</v>
      </c>
      <c r="D19770" s="1" t="s">
        <v>16762</v>
      </c>
      <c r="E19770" s="1" t="s">
        <v>7</v>
      </c>
    </row>
    <row r="19771">
      <c r="A19771" s="1">
        <v>4.90784481E8</v>
      </c>
      <c r="B19771" s="2">
        <v>16726.0</v>
      </c>
      <c r="C19771" s="1" t="s">
        <v>5</v>
      </c>
      <c r="D19771" s="1" t="s">
        <v>16763</v>
      </c>
      <c r="E19771" s="1" t="s">
        <v>16764</v>
      </c>
    </row>
    <row r="19772">
      <c r="A19772" s="1">
        <v>4.90784505E8</v>
      </c>
      <c r="B19772" s="2">
        <v>16724.0</v>
      </c>
      <c r="C19772" s="1" t="s">
        <v>5</v>
      </c>
      <c r="D19772" s="1" t="s">
        <v>11</v>
      </c>
      <c r="E19772" s="1" t="s">
        <v>7</v>
      </c>
    </row>
    <row r="19773">
      <c r="A19773" s="1">
        <v>4.90784533E8</v>
      </c>
      <c r="B19773" s="2">
        <v>16799.0</v>
      </c>
      <c r="C19773" s="1" t="s">
        <v>5</v>
      </c>
      <c r="D19773" s="1" t="s">
        <v>16765</v>
      </c>
      <c r="E19773" s="1" t="s">
        <v>7</v>
      </c>
    </row>
    <row r="19774">
      <c r="A19774" s="1">
        <v>4.90784537E8</v>
      </c>
      <c r="B19774" s="2">
        <v>16773.0</v>
      </c>
      <c r="C19774" s="1" t="s">
        <v>5</v>
      </c>
      <c r="D19774" s="1" t="s">
        <v>11</v>
      </c>
      <c r="E19774" s="1" t="s">
        <v>7</v>
      </c>
    </row>
    <row r="19775">
      <c r="A19775" s="1">
        <v>4.90784541E8</v>
      </c>
      <c r="B19775" s="2">
        <v>16727.0</v>
      </c>
      <c r="C19775" s="1" t="s">
        <v>5</v>
      </c>
      <c r="D19775" s="1" t="s">
        <v>16766</v>
      </c>
      <c r="E19775" s="1" t="s">
        <v>7</v>
      </c>
    </row>
    <row r="19776">
      <c r="A19776" s="1">
        <v>4.90784557E8</v>
      </c>
      <c r="B19776" s="2">
        <v>16826.0</v>
      </c>
      <c r="C19776" s="1" t="s">
        <v>5</v>
      </c>
      <c r="D19776" s="1" t="s">
        <v>16767</v>
      </c>
      <c r="E19776" s="1" t="s">
        <v>7</v>
      </c>
    </row>
    <row r="19777">
      <c r="A19777" s="1">
        <v>4.90784599E8</v>
      </c>
      <c r="B19777" s="2">
        <v>16831.0</v>
      </c>
      <c r="C19777" s="1" t="s">
        <v>5</v>
      </c>
      <c r="D19777" s="1" t="s">
        <v>16768</v>
      </c>
      <c r="E19777" s="1" t="s">
        <v>7</v>
      </c>
    </row>
    <row r="19778">
      <c r="A19778" s="1">
        <v>4.90784658E8</v>
      </c>
      <c r="B19778" s="2">
        <v>16724.0</v>
      </c>
      <c r="C19778" s="1" t="s">
        <v>5</v>
      </c>
      <c r="D19778" s="1" t="s">
        <v>16769</v>
      </c>
      <c r="E19778" s="1" t="s">
        <v>16770</v>
      </c>
    </row>
    <row r="19779">
      <c r="A19779" s="1">
        <v>4.90784689E8</v>
      </c>
      <c r="B19779" s="2">
        <v>16773.0</v>
      </c>
      <c r="C19779" s="1" t="s">
        <v>5</v>
      </c>
      <c r="D19779" s="1" t="s">
        <v>16771</v>
      </c>
      <c r="E19779" s="1" t="s">
        <v>7</v>
      </c>
    </row>
    <row r="19780">
      <c r="A19780" s="1">
        <v>4.90784698E8</v>
      </c>
      <c r="B19780" s="2">
        <v>16825.0</v>
      </c>
      <c r="C19780" s="1" t="s">
        <v>5</v>
      </c>
      <c r="D19780" s="1" t="s">
        <v>16772</v>
      </c>
      <c r="E19780" s="1" t="s">
        <v>7</v>
      </c>
    </row>
    <row r="19781">
      <c r="A19781" s="1">
        <v>4.90784701E8</v>
      </c>
      <c r="B19781" s="2">
        <v>16769.0</v>
      </c>
      <c r="C19781" s="1" t="s">
        <v>5</v>
      </c>
      <c r="D19781" s="1" t="s">
        <v>16773</v>
      </c>
      <c r="E19781" s="1" t="s">
        <v>7</v>
      </c>
    </row>
    <row r="19782">
      <c r="A19782" s="1">
        <v>4.90784709E8</v>
      </c>
      <c r="B19782" s="2">
        <v>16829.0</v>
      </c>
      <c r="C19782" s="1" t="s">
        <v>5</v>
      </c>
      <c r="D19782" s="1" t="s">
        <v>16774</v>
      </c>
      <c r="E19782" s="1" t="s">
        <v>11</v>
      </c>
    </row>
    <row r="19783">
      <c r="A19783" s="1">
        <v>4.90784735E8</v>
      </c>
      <c r="B19783" s="2">
        <v>16828.0</v>
      </c>
      <c r="C19783" s="1" t="s">
        <v>5</v>
      </c>
      <c r="D19783" s="1" t="s">
        <v>16775</v>
      </c>
      <c r="E19783" s="1" t="s">
        <v>7</v>
      </c>
    </row>
    <row r="19784">
      <c r="A19784" s="1">
        <v>4.90784742E8</v>
      </c>
      <c r="B19784" s="2">
        <v>16731.0</v>
      </c>
      <c r="C19784" s="1" t="s">
        <v>5</v>
      </c>
      <c r="D19784" s="1" t="s">
        <v>16776</v>
      </c>
      <c r="E19784" s="1" t="s">
        <v>7</v>
      </c>
    </row>
    <row r="19785">
      <c r="A19785" s="1">
        <v>4.90784765E8</v>
      </c>
      <c r="B19785" s="2">
        <v>16772.0</v>
      </c>
      <c r="C19785" s="1" t="s">
        <v>5</v>
      </c>
      <c r="D19785" s="1" t="s">
        <v>16777</v>
      </c>
      <c r="E19785" s="1" t="s">
        <v>7</v>
      </c>
    </row>
    <row r="19786">
      <c r="A19786" s="1">
        <v>4.90784776E8</v>
      </c>
      <c r="B19786" s="2">
        <v>16825.0</v>
      </c>
      <c r="C19786" s="1" t="s">
        <v>5</v>
      </c>
      <c r="D19786" s="1" t="s">
        <v>16778</v>
      </c>
      <c r="E19786" s="1" t="s">
        <v>7</v>
      </c>
    </row>
    <row r="19787">
      <c r="A19787" s="1">
        <v>4.90784821E8</v>
      </c>
      <c r="B19787" s="2">
        <v>16829.0</v>
      </c>
      <c r="C19787" s="1" t="s">
        <v>5</v>
      </c>
      <c r="D19787" s="1" t="s">
        <v>11</v>
      </c>
      <c r="E19787" s="1" t="s">
        <v>7</v>
      </c>
    </row>
    <row r="19788">
      <c r="A19788" s="1">
        <v>4.9078484E8</v>
      </c>
      <c r="B19788" s="2">
        <v>16779.0</v>
      </c>
      <c r="C19788" s="1" t="s">
        <v>5</v>
      </c>
      <c r="D19788" s="1" t="s">
        <v>11</v>
      </c>
      <c r="E19788" s="1" t="s">
        <v>7</v>
      </c>
    </row>
    <row r="19789">
      <c r="A19789" s="1">
        <v>4.90784845E8</v>
      </c>
      <c r="B19789" s="2">
        <v>16729.0</v>
      </c>
      <c r="C19789" s="1" t="s">
        <v>5</v>
      </c>
      <c r="D19789" s="1" t="s">
        <v>16779</v>
      </c>
      <c r="E19789" s="1" t="s">
        <v>7</v>
      </c>
    </row>
    <row r="19790">
      <c r="A19790" s="1">
        <v>4.90784861E8</v>
      </c>
      <c r="B19790" s="2">
        <v>16796.0</v>
      </c>
      <c r="C19790" s="1" t="s">
        <v>5</v>
      </c>
      <c r="D19790" s="1" t="s">
        <v>11</v>
      </c>
      <c r="E19790" s="1" t="s">
        <v>7</v>
      </c>
    </row>
    <row r="19791">
      <c r="A19791" s="1">
        <v>4.90784878E8</v>
      </c>
      <c r="B19791" s="2">
        <v>16856.0</v>
      </c>
      <c r="C19791" s="1" t="s">
        <v>5</v>
      </c>
      <c r="D19791" s="1" t="s">
        <v>16780</v>
      </c>
      <c r="E19791" s="1" t="s">
        <v>7</v>
      </c>
    </row>
    <row r="19792">
      <c r="A19792" s="1">
        <v>4.90784884E8</v>
      </c>
      <c r="B19792" s="2">
        <v>16772.0</v>
      </c>
      <c r="C19792" s="1" t="s">
        <v>5</v>
      </c>
      <c r="D19792" s="1" t="s">
        <v>16781</v>
      </c>
      <c r="E19792" s="1" t="s">
        <v>7</v>
      </c>
    </row>
    <row r="19793">
      <c r="A19793" s="1">
        <v>4.90784901E8</v>
      </c>
      <c r="B19793" s="2">
        <v>16724.0</v>
      </c>
      <c r="C19793" s="1" t="s">
        <v>5</v>
      </c>
      <c r="D19793" s="1" t="s">
        <v>16782</v>
      </c>
      <c r="E19793" s="1" t="s">
        <v>7</v>
      </c>
    </row>
    <row r="19794">
      <c r="A19794" s="1">
        <v>4.90784963E8</v>
      </c>
      <c r="B19794" s="2">
        <v>16733.0</v>
      </c>
      <c r="C19794" s="1" t="s">
        <v>5</v>
      </c>
      <c r="D19794" s="1" t="s">
        <v>11</v>
      </c>
      <c r="E19794" s="1" t="s">
        <v>7</v>
      </c>
    </row>
    <row r="19795">
      <c r="A19795" s="1">
        <v>4.90784981E8</v>
      </c>
      <c r="B19795" s="2">
        <v>16594.0</v>
      </c>
      <c r="C19795" s="1" t="s">
        <v>5</v>
      </c>
      <c r="D19795" s="1" t="s">
        <v>16783</v>
      </c>
      <c r="E19795" s="1" t="s">
        <v>16784</v>
      </c>
    </row>
    <row r="19796">
      <c r="A19796" s="1">
        <v>4.90784998E8</v>
      </c>
      <c r="B19796" s="2">
        <v>16832.0</v>
      </c>
      <c r="C19796" s="1" t="s">
        <v>5</v>
      </c>
      <c r="D19796" s="1" t="s">
        <v>11</v>
      </c>
      <c r="E19796" s="1" t="s">
        <v>7</v>
      </c>
    </row>
    <row r="19797">
      <c r="A19797" s="1">
        <v>4.90785013E8</v>
      </c>
      <c r="B19797" s="2">
        <v>16729.0</v>
      </c>
      <c r="C19797" s="1" t="s">
        <v>5</v>
      </c>
      <c r="D19797" s="1" t="s">
        <v>16785</v>
      </c>
      <c r="E19797" s="1" t="s">
        <v>11</v>
      </c>
    </row>
    <row r="19798">
      <c r="A19798" s="1">
        <v>4.90785015E8</v>
      </c>
      <c r="B19798" s="2">
        <v>16717.0</v>
      </c>
      <c r="C19798" s="1" t="s">
        <v>5</v>
      </c>
      <c r="D19798" s="1" t="s">
        <v>16786</v>
      </c>
      <c r="E19798" s="1" t="s">
        <v>16787</v>
      </c>
    </row>
    <row r="19799">
      <c r="A19799" s="1">
        <v>4.90785021E8</v>
      </c>
      <c r="B19799" s="2">
        <v>16731.0</v>
      </c>
      <c r="C19799" s="1" t="s">
        <v>5</v>
      </c>
      <c r="D19799" s="1" t="s">
        <v>11</v>
      </c>
      <c r="E19799" s="1" t="s">
        <v>7</v>
      </c>
    </row>
    <row r="19800">
      <c r="A19800" s="1">
        <v>4.90785029E8</v>
      </c>
      <c r="B19800" s="2">
        <v>16719.0</v>
      </c>
      <c r="C19800" s="1" t="s">
        <v>5</v>
      </c>
      <c r="D19800" s="1" t="s">
        <v>16788</v>
      </c>
      <c r="E19800" s="1" t="s">
        <v>7</v>
      </c>
    </row>
    <row r="19801">
      <c r="A19801" s="1">
        <v>4.90785038E8</v>
      </c>
      <c r="B19801" s="2">
        <v>16832.0</v>
      </c>
      <c r="C19801" s="1" t="s">
        <v>5</v>
      </c>
      <c r="D19801" s="1" t="s">
        <v>11</v>
      </c>
      <c r="E19801" s="1" t="s">
        <v>7</v>
      </c>
    </row>
    <row r="19802">
      <c r="A19802" s="1">
        <v>4.90785044E8</v>
      </c>
      <c r="B19802" s="2">
        <v>16778.0</v>
      </c>
      <c r="C19802" s="1" t="s">
        <v>5</v>
      </c>
      <c r="D19802" s="1" t="s">
        <v>11</v>
      </c>
      <c r="E19802" s="1" t="s">
        <v>7</v>
      </c>
    </row>
    <row r="19803">
      <c r="A19803" s="1">
        <v>4.90785085E8</v>
      </c>
      <c r="B19803" s="2">
        <v>16787.0</v>
      </c>
      <c r="C19803" s="1" t="s">
        <v>5</v>
      </c>
      <c r="D19803" s="1" t="s">
        <v>16789</v>
      </c>
      <c r="E19803" s="1" t="s">
        <v>11</v>
      </c>
    </row>
    <row r="19804">
      <c r="A19804" s="1">
        <v>4.907851E8</v>
      </c>
      <c r="B19804" s="2">
        <v>16826.0</v>
      </c>
      <c r="C19804" s="1" t="s">
        <v>5</v>
      </c>
      <c r="D19804" s="1" t="s">
        <v>16790</v>
      </c>
      <c r="E19804" s="1" t="s">
        <v>7</v>
      </c>
    </row>
    <row r="19805">
      <c r="A19805" s="1">
        <v>4.90785115E8</v>
      </c>
      <c r="B19805" s="2">
        <v>16825.0</v>
      </c>
      <c r="C19805" s="1" t="s">
        <v>5</v>
      </c>
      <c r="D19805" s="1" t="s">
        <v>16791</v>
      </c>
      <c r="E19805" s="1" t="s">
        <v>7</v>
      </c>
    </row>
    <row r="19806">
      <c r="A19806" s="1">
        <v>4.90785161E8</v>
      </c>
      <c r="B19806" s="2">
        <v>16730.0</v>
      </c>
      <c r="C19806" s="1" t="s">
        <v>5</v>
      </c>
      <c r="D19806" s="1" t="s">
        <v>16792</v>
      </c>
      <c r="E19806" s="1" t="s">
        <v>7</v>
      </c>
    </row>
    <row r="19807">
      <c r="A19807" s="1">
        <v>4.90785164E8</v>
      </c>
      <c r="B19807" s="2">
        <v>16822.0</v>
      </c>
      <c r="C19807" s="1" t="s">
        <v>5</v>
      </c>
      <c r="D19807" s="1" t="s">
        <v>16793</v>
      </c>
      <c r="E19807" s="1" t="s">
        <v>7</v>
      </c>
    </row>
    <row r="19808">
      <c r="A19808" s="1">
        <v>4.90785187E8</v>
      </c>
      <c r="B19808" s="2">
        <v>16832.0</v>
      </c>
      <c r="C19808" s="1" t="s">
        <v>5</v>
      </c>
      <c r="D19808" s="1" t="s">
        <v>16794</v>
      </c>
      <c r="E19808" s="1" t="s">
        <v>7</v>
      </c>
    </row>
    <row r="19809">
      <c r="A19809" s="1">
        <v>4.90785195E8</v>
      </c>
      <c r="B19809" s="2">
        <v>16786.0</v>
      </c>
      <c r="C19809" s="1" t="s">
        <v>5</v>
      </c>
      <c r="D19809" s="1" t="s">
        <v>16795</v>
      </c>
      <c r="E19809" s="1" t="s">
        <v>7</v>
      </c>
    </row>
    <row r="19810">
      <c r="A19810" s="1">
        <v>4.90785304E8</v>
      </c>
      <c r="B19810" s="2">
        <v>16779.0</v>
      </c>
      <c r="C19810" s="1" t="s">
        <v>5</v>
      </c>
      <c r="D19810" s="1" t="s">
        <v>11</v>
      </c>
      <c r="E19810" s="1" t="s">
        <v>7</v>
      </c>
    </row>
    <row r="19811">
      <c r="A19811" s="1">
        <v>4.90785315E8</v>
      </c>
      <c r="B19811" s="2">
        <v>16729.0</v>
      </c>
      <c r="C19811" s="1" t="s">
        <v>5</v>
      </c>
      <c r="D19811" s="1" t="s">
        <v>16796</v>
      </c>
      <c r="E19811" s="1" t="s">
        <v>11</v>
      </c>
    </row>
    <row r="19812">
      <c r="A19812" s="1">
        <v>4.90785319E8</v>
      </c>
      <c r="B19812" s="2">
        <v>16719.0</v>
      </c>
      <c r="C19812" s="1" t="s">
        <v>5</v>
      </c>
      <c r="D19812" s="1" t="s">
        <v>16797</v>
      </c>
      <c r="E19812" s="1" t="s">
        <v>7</v>
      </c>
    </row>
    <row r="19813">
      <c r="A19813" s="1">
        <v>4.90785327E8</v>
      </c>
      <c r="B19813" s="2">
        <v>16715.0</v>
      </c>
      <c r="C19813" s="1" t="s">
        <v>5</v>
      </c>
      <c r="D19813" s="1" t="s">
        <v>16798</v>
      </c>
      <c r="E19813" s="1" t="s">
        <v>7</v>
      </c>
    </row>
    <row r="19814">
      <c r="A19814" s="1">
        <v>4.90785341E8</v>
      </c>
      <c r="B19814" s="2">
        <v>16783.0</v>
      </c>
      <c r="C19814" s="1" t="s">
        <v>5</v>
      </c>
      <c r="D19814" s="1" t="s">
        <v>16799</v>
      </c>
      <c r="E19814" s="1" t="s">
        <v>16800</v>
      </c>
    </row>
    <row r="19815">
      <c r="A19815" s="1">
        <v>4.90785344E8</v>
      </c>
      <c r="B19815" s="2">
        <v>16775.0</v>
      </c>
      <c r="C19815" s="1" t="s">
        <v>5</v>
      </c>
      <c r="D19815" s="1" t="s">
        <v>16801</v>
      </c>
      <c r="E19815" s="1" t="s">
        <v>7</v>
      </c>
    </row>
    <row r="19816">
      <c r="A19816" s="1">
        <v>4.90785355E8</v>
      </c>
      <c r="B19816" s="2">
        <v>16822.0</v>
      </c>
      <c r="C19816" s="1" t="s">
        <v>5</v>
      </c>
      <c r="D19816" s="1" t="s">
        <v>16802</v>
      </c>
      <c r="E19816" s="1" t="s">
        <v>7</v>
      </c>
    </row>
    <row r="19817">
      <c r="A19817" s="1">
        <v>4.90785361E8</v>
      </c>
      <c r="B19817" s="2">
        <v>16836.0</v>
      </c>
      <c r="C19817" s="1" t="s">
        <v>5</v>
      </c>
      <c r="D19817" s="1" t="s">
        <v>16803</v>
      </c>
      <c r="E19817" s="1" t="s">
        <v>7</v>
      </c>
    </row>
    <row r="19818">
      <c r="A19818" s="1">
        <v>4.90785407E8</v>
      </c>
      <c r="B19818" s="2">
        <v>16769.0</v>
      </c>
      <c r="C19818" s="1" t="s">
        <v>5</v>
      </c>
      <c r="D19818" s="1" t="s">
        <v>11</v>
      </c>
      <c r="E19818" s="1" t="s">
        <v>7</v>
      </c>
    </row>
    <row r="19819">
      <c r="A19819" s="1">
        <v>4.9078542E8</v>
      </c>
      <c r="B19819" s="2">
        <v>16822.0</v>
      </c>
      <c r="C19819" s="1" t="s">
        <v>5</v>
      </c>
      <c r="D19819" s="1" t="s">
        <v>11</v>
      </c>
      <c r="E19819" s="1" t="s">
        <v>7</v>
      </c>
    </row>
    <row r="19820">
      <c r="A19820" s="1">
        <v>4.90785447E8</v>
      </c>
      <c r="B19820" s="2">
        <v>16829.0</v>
      </c>
      <c r="C19820" s="1" t="s">
        <v>5</v>
      </c>
      <c r="D19820" s="1" t="s">
        <v>11</v>
      </c>
      <c r="E19820" s="1" t="s">
        <v>7</v>
      </c>
    </row>
    <row r="19821">
      <c r="A19821" s="1">
        <v>4.90785484E8</v>
      </c>
      <c r="B19821" s="2">
        <v>16715.0</v>
      </c>
      <c r="C19821" s="1" t="s">
        <v>5</v>
      </c>
      <c r="D19821" s="1" t="s">
        <v>11</v>
      </c>
      <c r="E19821" s="1" t="s">
        <v>7</v>
      </c>
    </row>
    <row r="19822">
      <c r="A19822" s="1">
        <v>4.907855E8</v>
      </c>
      <c r="B19822" s="2">
        <v>16724.0</v>
      </c>
      <c r="C19822" s="1" t="s">
        <v>5</v>
      </c>
      <c r="D19822" s="1" t="s">
        <v>16804</v>
      </c>
      <c r="E19822" s="1" t="s">
        <v>11</v>
      </c>
    </row>
    <row r="19823">
      <c r="A19823" s="1">
        <v>4.9078551E8</v>
      </c>
      <c r="B19823" s="2">
        <v>16783.0</v>
      </c>
      <c r="C19823" s="1" t="s">
        <v>5</v>
      </c>
      <c r="D19823" s="1" t="s">
        <v>11</v>
      </c>
      <c r="E19823" s="1" t="s">
        <v>7</v>
      </c>
    </row>
    <row r="19824">
      <c r="A19824" s="1">
        <v>4.90785526E8</v>
      </c>
      <c r="B19824" s="2">
        <v>16724.0</v>
      </c>
      <c r="C19824" s="1" t="s">
        <v>5</v>
      </c>
      <c r="D19824" s="1" t="s">
        <v>16805</v>
      </c>
      <c r="E19824" s="1" t="s">
        <v>7</v>
      </c>
    </row>
    <row r="19825">
      <c r="A19825" s="1">
        <v>4.90785538E8</v>
      </c>
      <c r="B19825" s="2">
        <v>16773.0</v>
      </c>
      <c r="C19825" s="1" t="s">
        <v>5</v>
      </c>
      <c r="D19825" s="1" t="s">
        <v>11</v>
      </c>
      <c r="E19825" s="1" t="s">
        <v>7</v>
      </c>
    </row>
    <row r="19826">
      <c r="A19826" s="1">
        <v>4.90785539E8</v>
      </c>
      <c r="B19826" s="2">
        <v>16783.0</v>
      </c>
      <c r="C19826" s="1" t="s">
        <v>5</v>
      </c>
      <c r="D19826" s="1" t="s">
        <v>16806</v>
      </c>
      <c r="E19826" s="1" t="s">
        <v>7</v>
      </c>
    </row>
    <row r="19827">
      <c r="A19827" s="1">
        <v>4.90785557E8</v>
      </c>
      <c r="B19827" s="2">
        <v>16828.0</v>
      </c>
      <c r="C19827" s="1" t="s">
        <v>5</v>
      </c>
      <c r="D19827" s="1" t="s">
        <v>16807</v>
      </c>
      <c r="E19827" s="1" t="s">
        <v>7</v>
      </c>
    </row>
    <row r="19828">
      <c r="A19828" s="1">
        <v>4.90785581E8</v>
      </c>
      <c r="B19828" s="2">
        <v>16818.0</v>
      </c>
      <c r="C19828" s="1" t="s">
        <v>5</v>
      </c>
      <c r="D19828" s="1" t="s">
        <v>16808</v>
      </c>
      <c r="E19828" s="1" t="s">
        <v>7</v>
      </c>
    </row>
    <row r="19829">
      <c r="A19829" s="1">
        <v>4.90785603E8</v>
      </c>
      <c r="B19829" s="2">
        <v>16720.0</v>
      </c>
      <c r="C19829" s="1" t="s">
        <v>5</v>
      </c>
      <c r="D19829" s="1" t="s">
        <v>11</v>
      </c>
      <c r="E19829" s="1" t="s">
        <v>7</v>
      </c>
    </row>
    <row r="19830">
      <c r="A19830" s="1">
        <v>4.90785619E8</v>
      </c>
      <c r="B19830" s="2">
        <v>16818.0</v>
      </c>
      <c r="C19830" s="1" t="s">
        <v>5</v>
      </c>
      <c r="D19830" s="1" t="s">
        <v>16809</v>
      </c>
      <c r="E19830" s="1" t="s">
        <v>7</v>
      </c>
    </row>
    <row r="19831">
      <c r="A19831" s="1">
        <v>4.9078564E8</v>
      </c>
      <c r="B19831" s="2">
        <v>16818.0</v>
      </c>
      <c r="C19831" s="1" t="s">
        <v>5</v>
      </c>
      <c r="D19831" s="1" t="s">
        <v>16810</v>
      </c>
      <c r="E19831" s="1" t="s">
        <v>7</v>
      </c>
    </row>
    <row r="19832">
      <c r="A19832" s="1">
        <v>4.90785661E8</v>
      </c>
      <c r="B19832" s="2">
        <v>16782.0</v>
      </c>
      <c r="C19832" s="1" t="s">
        <v>5</v>
      </c>
      <c r="D19832" s="1" t="s">
        <v>16811</v>
      </c>
      <c r="E19832" s="1" t="s">
        <v>7</v>
      </c>
    </row>
    <row r="19833">
      <c r="A19833" s="1">
        <v>4.90785669E8</v>
      </c>
      <c r="B19833" s="2">
        <v>16794.0</v>
      </c>
      <c r="C19833" s="1" t="s">
        <v>5</v>
      </c>
      <c r="D19833" s="1" t="s">
        <v>16812</v>
      </c>
      <c r="E19833" s="1" t="s">
        <v>7</v>
      </c>
    </row>
    <row r="19834">
      <c r="A19834" s="1">
        <v>4.90785704E8</v>
      </c>
      <c r="B19834" s="2">
        <v>16827.0</v>
      </c>
      <c r="C19834" s="1" t="s">
        <v>5</v>
      </c>
      <c r="D19834" s="1" t="s">
        <v>16813</v>
      </c>
      <c r="E19834" s="1" t="s">
        <v>7</v>
      </c>
    </row>
    <row r="19835">
      <c r="A19835" s="1">
        <v>4.90785719E8</v>
      </c>
      <c r="B19835" s="2">
        <v>16713.0</v>
      </c>
      <c r="C19835" s="1" t="s">
        <v>5</v>
      </c>
      <c r="D19835" s="1" t="s">
        <v>16814</v>
      </c>
      <c r="E19835" s="1" t="s">
        <v>16815</v>
      </c>
    </row>
    <row r="19836">
      <c r="A19836" s="1">
        <v>4.90785781E8</v>
      </c>
      <c r="B19836" s="2">
        <v>16835.0</v>
      </c>
      <c r="C19836" s="1" t="s">
        <v>5</v>
      </c>
      <c r="D19836" s="1" t="s">
        <v>11</v>
      </c>
      <c r="E19836" s="1" t="s">
        <v>7</v>
      </c>
    </row>
    <row r="19837">
      <c r="A19837" s="1">
        <v>4.90785784E8</v>
      </c>
      <c r="B19837" s="2">
        <v>16719.0</v>
      </c>
      <c r="C19837" s="1" t="s">
        <v>5</v>
      </c>
      <c r="D19837" s="1" t="s">
        <v>11</v>
      </c>
      <c r="E19837" s="1" t="s">
        <v>7</v>
      </c>
    </row>
    <row r="19838">
      <c r="A19838" s="1">
        <v>4.90785803E8</v>
      </c>
      <c r="B19838" s="2">
        <v>16835.0</v>
      </c>
      <c r="C19838" s="1" t="s">
        <v>5</v>
      </c>
      <c r="D19838" s="1" t="s">
        <v>11</v>
      </c>
      <c r="E19838" s="1" t="s">
        <v>7</v>
      </c>
    </row>
    <row r="19839">
      <c r="A19839" s="1">
        <v>4.90785822E8</v>
      </c>
      <c r="B19839" s="2">
        <v>16726.0</v>
      </c>
      <c r="C19839" s="1" t="s">
        <v>5</v>
      </c>
      <c r="D19839" s="1" t="s">
        <v>16816</v>
      </c>
      <c r="E19839" s="1" t="s">
        <v>7</v>
      </c>
    </row>
    <row r="19840">
      <c r="A19840" s="1">
        <v>4.90785871E8</v>
      </c>
      <c r="B19840" s="2">
        <v>16724.0</v>
      </c>
      <c r="C19840" s="1" t="s">
        <v>5</v>
      </c>
      <c r="D19840" s="1" t="s">
        <v>16817</v>
      </c>
      <c r="E19840" s="1" t="s">
        <v>16818</v>
      </c>
    </row>
    <row r="19841">
      <c r="A19841" s="1">
        <v>4.90785879E8</v>
      </c>
      <c r="B19841" s="2">
        <v>16719.0</v>
      </c>
      <c r="C19841" s="1" t="s">
        <v>5</v>
      </c>
      <c r="D19841" s="1" t="s">
        <v>16819</v>
      </c>
      <c r="E19841" s="1" t="s">
        <v>11</v>
      </c>
    </row>
    <row r="19842">
      <c r="A19842" s="1">
        <v>4.90785901E8</v>
      </c>
      <c r="B19842" s="2">
        <v>16714.0</v>
      </c>
      <c r="C19842" s="1" t="s">
        <v>5</v>
      </c>
      <c r="D19842" s="1" t="s">
        <v>16820</v>
      </c>
      <c r="E19842" s="1" t="s">
        <v>11</v>
      </c>
    </row>
    <row r="19843">
      <c r="A19843" s="1">
        <v>4.9078591E8</v>
      </c>
      <c r="B19843" s="2">
        <v>16793.0</v>
      </c>
      <c r="C19843" s="1" t="s">
        <v>5</v>
      </c>
      <c r="D19843" s="1" t="s">
        <v>16821</v>
      </c>
      <c r="E19843" s="1" t="s">
        <v>7</v>
      </c>
    </row>
    <row r="19844">
      <c r="A19844" s="1">
        <v>4.90785942E8</v>
      </c>
      <c r="B19844" s="2">
        <v>16714.0</v>
      </c>
      <c r="C19844" s="1" t="s">
        <v>5</v>
      </c>
      <c r="D19844" s="1" t="s">
        <v>16822</v>
      </c>
      <c r="E19844" s="1" t="s">
        <v>7</v>
      </c>
    </row>
    <row r="19845">
      <c r="A19845" s="1">
        <v>4.90785955E8</v>
      </c>
      <c r="B19845" s="2">
        <v>16835.0</v>
      </c>
      <c r="C19845" s="1" t="s">
        <v>5</v>
      </c>
      <c r="D19845" s="1" t="s">
        <v>11</v>
      </c>
      <c r="E19845" s="1" t="s">
        <v>7</v>
      </c>
    </row>
    <row r="19846">
      <c r="A19846" s="1">
        <v>4.90785994E8</v>
      </c>
      <c r="B19846" s="2">
        <v>16815.0</v>
      </c>
      <c r="C19846" s="1" t="s">
        <v>5</v>
      </c>
      <c r="D19846" s="1" t="s">
        <v>11</v>
      </c>
      <c r="E19846" s="1" t="s">
        <v>7</v>
      </c>
    </row>
    <row r="19847">
      <c r="A19847" s="1">
        <v>4.90786004E8</v>
      </c>
      <c r="B19847" s="2">
        <v>16775.0</v>
      </c>
      <c r="C19847" s="1" t="s">
        <v>5</v>
      </c>
      <c r="D19847" s="1" t="s">
        <v>11</v>
      </c>
      <c r="E19847" s="1" t="s">
        <v>7</v>
      </c>
    </row>
    <row r="19848">
      <c r="A19848" s="1">
        <v>4.90786021E8</v>
      </c>
      <c r="B19848" s="2">
        <v>16714.0</v>
      </c>
      <c r="C19848" s="1" t="s">
        <v>5</v>
      </c>
      <c r="D19848" s="1" t="s">
        <v>16823</v>
      </c>
      <c r="E19848" s="1" t="s">
        <v>7</v>
      </c>
    </row>
    <row r="19849">
      <c r="A19849" s="1">
        <v>4.90786023E8</v>
      </c>
      <c r="B19849" s="2">
        <v>16825.0</v>
      </c>
      <c r="C19849" s="1" t="s">
        <v>5</v>
      </c>
      <c r="D19849" s="1" t="s">
        <v>16824</v>
      </c>
      <c r="E19849" s="1" t="s">
        <v>7</v>
      </c>
    </row>
    <row r="19850">
      <c r="A19850" s="1">
        <v>4.90786024E8</v>
      </c>
      <c r="B19850" s="2">
        <v>16890.0</v>
      </c>
      <c r="C19850" s="1" t="s">
        <v>5</v>
      </c>
      <c r="D19850" s="1" t="s">
        <v>16825</v>
      </c>
      <c r="E19850" s="1" t="s">
        <v>7</v>
      </c>
    </row>
    <row r="19851">
      <c r="A19851" s="1">
        <v>4.90786041E8</v>
      </c>
      <c r="B19851" s="2">
        <v>16714.0</v>
      </c>
      <c r="C19851" s="1" t="s">
        <v>5</v>
      </c>
      <c r="D19851" s="1" t="s">
        <v>16826</v>
      </c>
      <c r="E19851" s="1" t="s">
        <v>7</v>
      </c>
    </row>
    <row r="19852">
      <c r="A19852" s="1">
        <v>4.90786061E8</v>
      </c>
      <c r="B19852" s="2">
        <v>16714.0</v>
      </c>
      <c r="C19852" s="1" t="s">
        <v>5</v>
      </c>
      <c r="D19852" s="1" t="s">
        <v>16827</v>
      </c>
      <c r="E19852" s="1" t="s">
        <v>7</v>
      </c>
    </row>
    <row r="19853">
      <c r="A19853" s="1">
        <v>4.9078611E8</v>
      </c>
      <c r="B19853" s="2">
        <v>16836.0</v>
      </c>
      <c r="C19853" s="1" t="s">
        <v>5</v>
      </c>
      <c r="D19853" s="1" t="s">
        <v>16828</v>
      </c>
      <c r="E19853" s="1" t="s">
        <v>11</v>
      </c>
    </row>
    <row r="19854">
      <c r="A19854" s="1">
        <v>4.90786129E8</v>
      </c>
      <c r="B19854" s="2">
        <v>16889.0</v>
      </c>
      <c r="C19854" s="1" t="s">
        <v>5</v>
      </c>
      <c r="D19854" s="1" t="s">
        <v>16829</v>
      </c>
      <c r="E19854" s="1" t="s">
        <v>7</v>
      </c>
    </row>
    <row r="19855">
      <c r="A19855" s="1">
        <v>4.90786131E8</v>
      </c>
      <c r="B19855" s="2">
        <v>16713.0</v>
      </c>
      <c r="C19855" s="1" t="s">
        <v>5</v>
      </c>
      <c r="D19855" s="1" t="s">
        <v>16830</v>
      </c>
      <c r="E19855" s="1" t="s">
        <v>7</v>
      </c>
    </row>
    <row r="19856">
      <c r="A19856" s="1">
        <v>4.90786184E8</v>
      </c>
      <c r="B19856" s="2">
        <v>16769.0</v>
      </c>
      <c r="C19856" s="1" t="s">
        <v>5</v>
      </c>
      <c r="D19856" s="1" t="s">
        <v>11</v>
      </c>
      <c r="E19856" s="1" t="s">
        <v>7</v>
      </c>
    </row>
    <row r="19857">
      <c r="A19857" s="1">
        <v>4.90786192E8</v>
      </c>
      <c r="B19857" s="2">
        <v>16645.0</v>
      </c>
      <c r="C19857" s="1" t="s">
        <v>5</v>
      </c>
      <c r="D19857" s="1" t="s">
        <v>16831</v>
      </c>
      <c r="E19857" s="1" t="s">
        <v>7</v>
      </c>
    </row>
    <row r="19858">
      <c r="A19858" s="1">
        <v>4.90786202E8</v>
      </c>
      <c r="B19858" s="2">
        <v>16715.0</v>
      </c>
      <c r="C19858" s="1" t="s">
        <v>5</v>
      </c>
      <c r="D19858" s="1" t="s">
        <v>16832</v>
      </c>
      <c r="E19858" s="1" t="s">
        <v>7</v>
      </c>
    </row>
    <row r="19859">
      <c r="A19859" s="1">
        <v>4.90786234E8</v>
      </c>
      <c r="B19859" s="2">
        <v>16836.0</v>
      </c>
      <c r="C19859" s="1" t="s">
        <v>5</v>
      </c>
      <c r="D19859" s="1" t="s">
        <v>11</v>
      </c>
      <c r="E19859" s="1" t="s">
        <v>7</v>
      </c>
    </row>
    <row r="19860">
      <c r="A19860" s="1">
        <v>4.90786239E8</v>
      </c>
      <c r="B19860" s="2">
        <v>16716.0</v>
      </c>
      <c r="C19860" s="1" t="s">
        <v>5</v>
      </c>
      <c r="D19860" s="1" t="s">
        <v>16833</v>
      </c>
      <c r="E19860" s="1" t="s">
        <v>7</v>
      </c>
    </row>
    <row r="19861">
      <c r="A19861" s="1">
        <v>4.90786269E8</v>
      </c>
      <c r="B19861" s="2">
        <v>16824.0</v>
      </c>
      <c r="C19861" s="1" t="s">
        <v>5</v>
      </c>
      <c r="D19861" s="1" t="s">
        <v>16834</v>
      </c>
      <c r="E19861" s="1" t="s">
        <v>7</v>
      </c>
    </row>
    <row r="19862">
      <c r="A19862" s="1">
        <v>4.90786316E8</v>
      </c>
      <c r="B19862" s="2">
        <v>16715.0</v>
      </c>
      <c r="C19862" s="1" t="s">
        <v>5</v>
      </c>
      <c r="D19862" s="1" t="s">
        <v>16835</v>
      </c>
      <c r="E19862" s="1" t="s">
        <v>7</v>
      </c>
    </row>
    <row r="19863">
      <c r="A19863" s="1">
        <v>4.90786327E8</v>
      </c>
      <c r="B19863" s="2">
        <v>16765.0</v>
      </c>
      <c r="C19863" s="1" t="s">
        <v>5</v>
      </c>
      <c r="D19863" s="1" t="s">
        <v>16836</v>
      </c>
      <c r="E19863" s="1" t="s">
        <v>11</v>
      </c>
    </row>
    <row r="19864">
      <c r="A19864" s="1">
        <v>4.90786341E8</v>
      </c>
      <c r="B19864" s="2">
        <v>16829.0</v>
      </c>
      <c r="C19864" s="1" t="s">
        <v>5</v>
      </c>
      <c r="D19864" s="1" t="s">
        <v>11</v>
      </c>
      <c r="E19864" s="1" t="s">
        <v>7</v>
      </c>
    </row>
    <row r="19865">
      <c r="A19865" s="1">
        <v>4.90786344E8</v>
      </c>
      <c r="B19865" s="2">
        <v>16818.0</v>
      </c>
      <c r="C19865" s="1" t="s">
        <v>5</v>
      </c>
      <c r="D19865" s="1" t="s">
        <v>11</v>
      </c>
      <c r="E19865" s="1" t="s">
        <v>7</v>
      </c>
    </row>
    <row r="19866">
      <c r="A19866" s="1">
        <v>4.90786362E8</v>
      </c>
      <c r="B19866" s="2">
        <v>16777.0</v>
      </c>
      <c r="C19866" s="1" t="s">
        <v>5</v>
      </c>
      <c r="D19866" s="1" t="s">
        <v>11</v>
      </c>
      <c r="E19866" s="1" t="s">
        <v>7</v>
      </c>
    </row>
    <row r="19867">
      <c r="A19867" s="1">
        <v>4.90786374E8</v>
      </c>
      <c r="B19867" s="2">
        <v>16829.0</v>
      </c>
      <c r="C19867" s="1" t="s">
        <v>5</v>
      </c>
      <c r="D19867" s="1" t="s">
        <v>16837</v>
      </c>
      <c r="E19867" s="1" t="s">
        <v>7</v>
      </c>
    </row>
    <row r="19868">
      <c r="A19868" s="1">
        <v>4.90786384E8</v>
      </c>
      <c r="B19868" s="2">
        <v>16715.0</v>
      </c>
      <c r="C19868" s="1" t="s">
        <v>5</v>
      </c>
      <c r="D19868" s="1" t="s">
        <v>16838</v>
      </c>
      <c r="E19868" s="1" t="s">
        <v>7</v>
      </c>
    </row>
    <row r="19869">
      <c r="A19869" s="1">
        <v>4.90786395E8</v>
      </c>
      <c r="B19869" s="2">
        <v>16888.0</v>
      </c>
      <c r="C19869" s="1" t="s">
        <v>5</v>
      </c>
      <c r="D19869" s="1" t="s">
        <v>16839</v>
      </c>
      <c r="E19869" s="1" t="s">
        <v>7</v>
      </c>
    </row>
    <row r="19870">
      <c r="A19870" s="1">
        <v>4.90786421E8</v>
      </c>
      <c r="B19870" s="2">
        <v>16643.0</v>
      </c>
      <c r="C19870" s="1" t="s">
        <v>5</v>
      </c>
      <c r="D19870" s="1" t="s">
        <v>11</v>
      </c>
      <c r="E19870" s="1" t="s">
        <v>7</v>
      </c>
    </row>
    <row r="19871">
      <c r="A19871" s="1">
        <v>4.90786449E8</v>
      </c>
      <c r="B19871" s="2">
        <v>16821.0</v>
      </c>
      <c r="C19871" s="1" t="s">
        <v>5</v>
      </c>
      <c r="D19871" s="1" t="s">
        <v>16840</v>
      </c>
      <c r="E19871" s="1" t="s">
        <v>16841</v>
      </c>
    </row>
    <row r="19872">
      <c r="A19872" s="1">
        <v>4.90786461E8</v>
      </c>
      <c r="B19872" s="2">
        <v>16714.0</v>
      </c>
      <c r="C19872" s="1" t="s">
        <v>5</v>
      </c>
      <c r="D19872" s="1" t="s">
        <v>15412</v>
      </c>
      <c r="E19872" s="1" t="s">
        <v>7</v>
      </c>
    </row>
    <row r="19873">
      <c r="A19873" s="1">
        <v>4.90786484E8</v>
      </c>
      <c r="B19873" s="2">
        <v>16820.0</v>
      </c>
      <c r="C19873" s="1" t="s">
        <v>5</v>
      </c>
      <c r="D19873" s="1" t="s">
        <v>16842</v>
      </c>
      <c r="E19873" s="1" t="s">
        <v>7</v>
      </c>
    </row>
    <row r="19874">
      <c r="A19874" s="1">
        <v>4.90786564E8</v>
      </c>
      <c r="B19874" s="2">
        <v>16810.0</v>
      </c>
      <c r="C19874" s="1" t="s">
        <v>5</v>
      </c>
      <c r="D19874" s="1" t="s">
        <v>16843</v>
      </c>
      <c r="E19874" s="1" t="s">
        <v>11</v>
      </c>
    </row>
    <row r="19875">
      <c r="A19875" s="1">
        <v>4.90786591E8</v>
      </c>
      <c r="B19875" s="2">
        <v>16715.0</v>
      </c>
      <c r="C19875" s="1" t="s">
        <v>5</v>
      </c>
      <c r="D19875" s="1" t="s">
        <v>16844</v>
      </c>
      <c r="E19875" s="1" t="s">
        <v>7</v>
      </c>
    </row>
    <row r="19876">
      <c r="A19876" s="1">
        <v>4.90786598E8</v>
      </c>
      <c r="B19876" s="2">
        <v>16821.0</v>
      </c>
      <c r="C19876" s="1" t="s">
        <v>5</v>
      </c>
      <c r="D19876" s="1" t="s">
        <v>11</v>
      </c>
      <c r="E19876" s="1" t="s">
        <v>7</v>
      </c>
    </row>
    <row r="19877">
      <c r="A19877" s="1">
        <v>4.90786609E8</v>
      </c>
      <c r="B19877" s="2">
        <v>16832.0</v>
      </c>
      <c r="C19877" s="1" t="s">
        <v>5</v>
      </c>
      <c r="D19877" s="1" t="s">
        <v>16845</v>
      </c>
      <c r="E19877" s="1" t="s">
        <v>11</v>
      </c>
    </row>
    <row r="19878">
      <c r="A19878" s="1">
        <v>4.90786616E8</v>
      </c>
      <c r="B19878" s="2">
        <v>16821.0</v>
      </c>
      <c r="C19878" s="1" t="s">
        <v>5</v>
      </c>
      <c r="D19878" s="1" t="s">
        <v>11</v>
      </c>
      <c r="E19878" s="1" t="s">
        <v>7</v>
      </c>
    </row>
    <row r="19879">
      <c r="A19879" s="1">
        <v>4.90786635E8</v>
      </c>
      <c r="B19879" s="2">
        <v>16769.0</v>
      </c>
      <c r="C19879" s="1" t="s">
        <v>5</v>
      </c>
      <c r="D19879" s="1" t="s">
        <v>11</v>
      </c>
      <c r="E19879" s="1" t="s">
        <v>7</v>
      </c>
    </row>
    <row r="19880">
      <c r="A19880" s="1">
        <v>4.90786684E8</v>
      </c>
      <c r="B19880" s="2">
        <v>16713.0</v>
      </c>
      <c r="C19880" s="1" t="s">
        <v>5</v>
      </c>
      <c r="D19880" s="1" t="s">
        <v>16846</v>
      </c>
      <c r="E19880" s="1" t="s">
        <v>7</v>
      </c>
    </row>
    <row r="19881">
      <c r="A19881" s="1">
        <v>4.90786689E8</v>
      </c>
      <c r="B19881" s="2">
        <v>16808.0</v>
      </c>
      <c r="C19881" s="1" t="s">
        <v>5</v>
      </c>
      <c r="D19881" s="1" t="s">
        <v>16847</v>
      </c>
      <c r="E19881" s="1" t="s">
        <v>7</v>
      </c>
    </row>
    <row r="19882">
      <c r="A19882" s="1">
        <v>4.907867E8</v>
      </c>
      <c r="B19882" s="2">
        <v>16820.0</v>
      </c>
      <c r="C19882" s="1" t="s">
        <v>5</v>
      </c>
      <c r="D19882" s="1" t="s">
        <v>16848</v>
      </c>
      <c r="E19882" s="1" t="s">
        <v>11</v>
      </c>
    </row>
    <row r="19883">
      <c r="A19883" s="1">
        <v>4.90786718E8</v>
      </c>
      <c r="B19883" s="2">
        <v>16783.0</v>
      </c>
      <c r="C19883" s="1" t="s">
        <v>5</v>
      </c>
      <c r="D19883" s="1" t="s">
        <v>16849</v>
      </c>
      <c r="E19883" s="1" t="s">
        <v>7</v>
      </c>
    </row>
    <row r="19884">
      <c r="A19884" s="1">
        <v>4.90786769E8</v>
      </c>
      <c r="B19884" s="2">
        <v>16831.0</v>
      </c>
      <c r="C19884" s="1" t="s">
        <v>5</v>
      </c>
      <c r="D19884" s="1" t="s">
        <v>16850</v>
      </c>
      <c r="E19884" s="1" t="s">
        <v>7</v>
      </c>
    </row>
    <row r="19885">
      <c r="A19885" s="1">
        <v>4.90786791E8</v>
      </c>
      <c r="B19885" s="2">
        <v>16817.0</v>
      </c>
      <c r="C19885" s="1" t="s">
        <v>5</v>
      </c>
      <c r="D19885" s="1" t="s">
        <v>11</v>
      </c>
      <c r="E19885" s="1" t="s">
        <v>7</v>
      </c>
    </row>
    <row r="19886">
      <c r="A19886" s="1">
        <v>4.90786793E8</v>
      </c>
      <c r="B19886" s="2">
        <v>16773.0</v>
      </c>
      <c r="C19886" s="1" t="s">
        <v>5</v>
      </c>
      <c r="D19886" s="1" t="s">
        <v>16851</v>
      </c>
      <c r="E19886" s="1" t="s">
        <v>7</v>
      </c>
    </row>
    <row r="19887">
      <c r="A19887" s="1">
        <v>4.90786806E8</v>
      </c>
      <c r="B19887" s="2">
        <v>16819.0</v>
      </c>
      <c r="C19887" s="1" t="s">
        <v>5</v>
      </c>
      <c r="D19887" s="1" t="s">
        <v>16852</v>
      </c>
      <c r="E19887" s="1" t="s">
        <v>11</v>
      </c>
    </row>
    <row r="19888">
      <c r="A19888" s="1">
        <v>4.90786809E8</v>
      </c>
      <c r="B19888" s="2">
        <v>16855.0</v>
      </c>
      <c r="C19888" s="1" t="s">
        <v>5</v>
      </c>
      <c r="D19888" s="1" t="s">
        <v>16853</v>
      </c>
      <c r="E19888" s="1" t="s">
        <v>11</v>
      </c>
    </row>
    <row r="19889">
      <c r="A19889" s="1">
        <v>4.90786823E8</v>
      </c>
      <c r="B19889" s="2">
        <v>16806.0</v>
      </c>
      <c r="C19889" s="1" t="s">
        <v>5</v>
      </c>
      <c r="D19889" s="1" t="s">
        <v>16854</v>
      </c>
      <c r="E19889" s="1" t="s">
        <v>11</v>
      </c>
    </row>
    <row r="19890">
      <c r="A19890" s="1">
        <v>4.90786881E8</v>
      </c>
      <c r="B19890" s="2">
        <v>16638.0</v>
      </c>
      <c r="C19890" s="1" t="s">
        <v>5</v>
      </c>
      <c r="D19890" s="1" t="s">
        <v>16855</v>
      </c>
      <c r="E19890" s="1" t="s">
        <v>11</v>
      </c>
    </row>
    <row r="19891">
      <c r="A19891" s="1">
        <v>4.90786941E8</v>
      </c>
      <c r="B19891" s="2">
        <v>16825.0</v>
      </c>
      <c r="C19891" s="1" t="s">
        <v>5</v>
      </c>
      <c r="D19891" s="1" t="s">
        <v>16856</v>
      </c>
      <c r="E19891" s="1" t="s">
        <v>7</v>
      </c>
    </row>
    <row r="19892">
      <c r="A19892" s="1">
        <v>4.90786942E8</v>
      </c>
      <c r="B19892" s="2">
        <v>16775.0</v>
      </c>
      <c r="C19892" s="1" t="s">
        <v>5</v>
      </c>
      <c r="D19892" s="1" t="s">
        <v>16857</v>
      </c>
      <c r="E19892" s="1" t="s">
        <v>7</v>
      </c>
    </row>
    <row r="19893">
      <c r="A19893" s="1">
        <v>4.90786959E8</v>
      </c>
      <c r="B19893" s="2">
        <v>16773.0</v>
      </c>
      <c r="C19893" s="1" t="s">
        <v>5</v>
      </c>
      <c r="D19893" s="1" t="s">
        <v>11</v>
      </c>
      <c r="E19893" s="1" t="s">
        <v>7</v>
      </c>
    </row>
    <row r="19894">
      <c r="A19894" s="1">
        <v>4.90787035E8</v>
      </c>
      <c r="B19894" s="2">
        <v>16825.0</v>
      </c>
      <c r="C19894" s="1" t="s">
        <v>5</v>
      </c>
      <c r="D19894" s="1" t="s">
        <v>16858</v>
      </c>
      <c r="E19894" s="1" t="s">
        <v>7</v>
      </c>
    </row>
    <row r="19895">
      <c r="A19895" s="1">
        <v>4.90787066E8</v>
      </c>
      <c r="B19895" s="2">
        <v>16766.0</v>
      </c>
      <c r="C19895" s="1" t="s">
        <v>5</v>
      </c>
      <c r="D19895" s="1" t="s">
        <v>16859</v>
      </c>
      <c r="E19895" s="1" t="s">
        <v>7</v>
      </c>
    </row>
    <row r="19896">
      <c r="A19896" s="1">
        <v>4.90787069E8</v>
      </c>
      <c r="B19896" s="2">
        <v>16829.0</v>
      </c>
      <c r="C19896" s="1" t="s">
        <v>5</v>
      </c>
      <c r="D19896" s="1" t="s">
        <v>11</v>
      </c>
      <c r="E19896" s="1" t="s">
        <v>7</v>
      </c>
    </row>
    <row r="19897">
      <c r="A19897" s="1">
        <v>4.90787075E8</v>
      </c>
      <c r="B19897" s="2">
        <v>16836.0</v>
      </c>
      <c r="C19897" s="1" t="s">
        <v>5</v>
      </c>
      <c r="D19897" s="1" t="s">
        <v>16860</v>
      </c>
      <c r="E19897" s="1" t="s">
        <v>16861</v>
      </c>
    </row>
    <row r="19898">
      <c r="A19898" s="1">
        <v>4.90787076E8</v>
      </c>
      <c r="B19898" s="2">
        <v>16712.0</v>
      </c>
      <c r="C19898" s="1" t="s">
        <v>5</v>
      </c>
      <c r="D19898" s="1" t="s">
        <v>16862</v>
      </c>
      <c r="E19898" s="1" t="s">
        <v>7</v>
      </c>
    </row>
    <row r="19899">
      <c r="A19899" s="1">
        <v>4.90787107E8</v>
      </c>
      <c r="B19899" s="2">
        <v>16836.0</v>
      </c>
      <c r="C19899" s="1" t="s">
        <v>5</v>
      </c>
      <c r="D19899" s="1" t="s">
        <v>11</v>
      </c>
      <c r="E19899" s="1" t="s">
        <v>7</v>
      </c>
    </row>
    <row r="19900">
      <c r="A19900" s="1">
        <v>4.90787109E8</v>
      </c>
      <c r="B19900" s="2">
        <v>16883.0</v>
      </c>
      <c r="C19900" s="1" t="s">
        <v>5</v>
      </c>
      <c r="D19900" s="1" t="s">
        <v>16863</v>
      </c>
      <c r="E19900" s="1" t="s">
        <v>7</v>
      </c>
    </row>
    <row r="19901">
      <c r="A19901" s="1">
        <v>4.90787141E8</v>
      </c>
      <c r="B19901" s="2">
        <v>16824.0</v>
      </c>
      <c r="C19901" s="1" t="s">
        <v>5</v>
      </c>
      <c r="D19901" s="1" t="s">
        <v>16864</v>
      </c>
      <c r="E19901" s="1" t="s">
        <v>7</v>
      </c>
    </row>
    <row r="19902">
      <c r="A19902" s="1">
        <v>4.90787169E8</v>
      </c>
      <c r="B19902" s="2">
        <v>16772.0</v>
      </c>
      <c r="C19902" s="1" t="s">
        <v>5</v>
      </c>
      <c r="D19902" s="1" t="s">
        <v>16865</v>
      </c>
      <c r="E19902" s="1" t="s">
        <v>11</v>
      </c>
    </row>
    <row r="19903">
      <c r="A19903" s="1">
        <v>4.90787209E8</v>
      </c>
      <c r="B19903" s="2">
        <v>16881.0</v>
      </c>
      <c r="C19903" s="1" t="s">
        <v>5</v>
      </c>
      <c r="D19903" s="1" t="s">
        <v>16866</v>
      </c>
      <c r="E19903" s="1" t="s">
        <v>16867</v>
      </c>
    </row>
    <row r="19904">
      <c r="A19904" s="1">
        <v>4.90787271E8</v>
      </c>
      <c r="B19904" s="2">
        <v>16841.0</v>
      </c>
      <c r="C19904" s="1" t="s">
        <v>5</v>
      </c>
      <c r="D19904" s="1" t="s">
        <v>16868</v>
      </c>
      <c r="E19904" s="1" t="s">
        <v>11</v>
      </c>
    </row>
    <row r="19905">
      <c r="A19905" s="1">
        <v>4.90787292E8</v>
      </c>
      <c r="B19905" s="2">
        <v>16835.0</v>
      </c>
      <c r="C19905" s="1" t="s">
        <v>5</v>
      </c>
      <c r="D19905" s="1" t="s">
        <v>16869</v>
      </c>
      <c r="E19905" s="1" t="s">
        <v>16870</v>
      </c>
    </row>
    <row r="19906">
      <c r="A19906" s="1">
        <v>4.90787358E8</v>
      </c>
      <c r="B19906" s="2">
        <v>16832.0</v>
      </c>
      <c r="C19906" s="1" t="s">
        <v>5</v>
      </c>
      <c r="D19906" s="1" t="s">
        <v>16871</v>
      </c>
      <c r="E19906" s="1" t="s">
        <v>7</v>
      </c>
    </row>
    <row r="19907">
      <c r="A19907" s="1">
        <v>4.90787361E8</v>
      </c>
      <c r="B19907" s="2">
        <v>16835.0</v>
      </c>
      <c r="C19907" s="1" t="s">
        <v>5</v>
      </c>
      <c r="D19907" s="1" t="s">
        <v>16872</v>
      </c>
      <c r="E19907" s="1" t="s">
        <v>7</v>
      </c>
    </row>
    <row r="19908">
      <c r="A19908" s="1">
        <v>4.90787369E8</v>
      </c>
      <c r="B19908" s="2">
        <v>16836.0</v>
      </c>
      <c r="C19908" s="1" t="s">
        <v>5</v>
      </c>
      <c r="D19908" s="1" t="s">
        <v>16873</v>
      </c>
      <c r="E19908" s="1" t="s">
        <v>7</v>
      </c>
    </row>
    <row r="19909">
      <c r="A19909" s="1">
        <v>4.90787381E8</v>
      </c>
      <c r="B19909" s="2">
        <v>16804.0</v>
      </c>
      <c r="C19909" s="1" t="s">
        <v>5</v>
      </c>
      <c r="D19909" s="1" t="s">
        <v>16874</v>
      </c>
      <c r="E19909" s="1" t="s">
        <v>16875</v>
      </c>
    </row>
    <row r="19910">
      <c r="A19910" s="1">
        <v>4.90787404E8</v>
      </c>
      <c r="B19910" s="2">
        <v>16838.0</v>
      </c>
      <c r="C19910" s="1" t="s">
        <v>5</v>
      </c>
      <c r="D19910" s="1" t="s">
        <v>11</v>
      </c>
      <c r="E19910" s="1" t="s">
        <v>7</v>
      </c>
    </row>
    <row r="19911">
      <c r="A19911" s="1">
        <v>4.90787407E8</v>
      </c>
      <c r="B19911" s="2">
        <v>16825.0</v>
      </c>
      <c r="C19911" s="1" t="s">
        <v>5</v>
      </c>
      <c r="D19911" s="1" t="s">
        <v>16876</v>
      </c>
      <c r="E19911" s="1" t="s">
        <v>7</v>
      </c>
    </row>
    <row r="19912">
      <c r="A19912" s="1">
        <v>4.90787424E8</v>
      </c>
      <c r="B19912" s="2">
        <v>16815.0</v>
      </c>
      <c r="C19912" s="1" t="s">
        <v>5</v>
      </c>
      <c r="D19912" s="1" t="s">
        <v>11</v>
      </c>
      <c r="E19912" s="1" t="s">
        <v>7</v>
      </c>
    </row>
    <row r="19913">
      <c r="A19913" s="1">
        <v>4.90787477E8</v>
      </c>
      <c r="B19913" s="2">
        <v>16841.0</v>
      </c>
      <c r="C19913" s="1" t="s">
        <v>5</v>
      </c>
      <c r="D19913" s="1" t="s">
        <v>16877</v>
      </c>
      <c r="E19913" s="1" t="s">
        <v>7</v>
      </c>
    </row>
    <row r="19914">
      <c r="A19914" s="1">
        <v>4.90787516E8</v>
      </c>
      <c r="B19914" s="2">
        <v>16832.0</v>
      </c>
      <c r="C19914" s="1" t="s">
        <v>5</v>
      </c>
      <c r="D19914" s="1" t="s">
        <v>16878</v>
      </c>
      <c r="E19914" s="1" t="s">
        <v>7</v>
      </c>
    </row>
    <row r="19915">
      <c r="A19915" s="1">
        <v>4.90787519E8</v>
      </c>
      <c r="B19915" s="2">
        <v>16831.0</v>
      </c>
      <c r="C19915" s="1" t="s">
        <v>5</v>
      </c>
      <c r="D19915" s="1" t="s">
        <v>16879</v>
      </c>
      <c r="E19915" s="1" t="s">
        <v>16880</v>
      </c>
    </row>
    <row r="19916">
      <c r="A19916" s="1">
        <v>4.9078754E8</v>
      </c>
      <c r="B19916" s="2">
        <v>16834.0</v>
      </c>
      <c r="C19916" s="1" t="s">
        <v>5</v>
      </c>
      <c r="D19916" s="1" t="s">
        <v>16881</v>
      </c>
      <c r="E19916" s="1" t="s">
        <v>16882</v>
      </c>
    </row>
    <row r="19917">
      <c r="A19917" s="1">
        <v>4.90787551E8</v>
      </c>
      <c r="B19917" s="2">
        <v>16810.0</v>
      </c>
      <c r="C19917" s="1" t="s">
        <v>5</v>
      </c>
      <c r="D19917" s="1" t="s">
        <v>16883</v>
      </c>
      <c r="E19917" s="1" t="s">
        <v>11</v>
      </c>
    </row>
    <row r="19918">
      <c r="A19918" s="1">
        <v>4.90787568E8</v>
      </c>
      <c r="B19918" s="2">
        <v>16838.0</v>
      </c>
      <c r="C19918" s="1" t="s">
        <v>5</v>
      </c>
      <c r="D19918" s="1" t="s">
        <v>16884</v>
      </c>
      <c r="E19918" s="1" t="s">
        <v>7</v>
      </c>
    </row>
    <row r="19919">
      <c r="A19919" s="1">
        <v>4.90787569E8</v>
      </c>
      <c r="B19919" s="2">
        <v>16812.0</v>
      </c>
      <c r="C19919" s="1" t="s">
        <v>5</v>
      </c>
      <c r="D19919" s="1" t="s">
        <v>16885</v>
      </c>
      <c r="E19919" s="1" t="s">
        <v>16886</v>
      </c>
    </row>
    <row r="19920">
      <c r="A19920" s="1">
        <v>4.90787666E8</v>
      </c>
      <c r="B19920" s="2">
        <v>16861.0</v>
      </c>
      <c r="C19920" s="1" t="s">
        <v>5</v>
      </c>
      <c r="D19920" s="1" t="s">
        <v>16887</v>
      </c>
      <c r="E19920" s="1" t="s">
        <v>7</v>
      </c>
    </row>
    <row r="19921">
      <c r="A19921" s="1">
        <v>4.90787673E8</v>
      </c>
      <c r="B19921" s="2">
        <v>16808.0</v>
      </c>
      <c r="C19921" s="1" t="s">
        <v>5</v>
      </c>
      <c r="D19921" s="1" t="s">
        <v>11</v>
      </c>
      <c r="E19921" s="1" t="s">
        <v>7</v>
      </c>
    </row>
    <row r="19922">
      <c r="A19922" s="1">
        <v>4.90787755E8</v>
      </c>
      <c r="B19922" s="2">
        <v>16841.0</v>
      </c>
      <c r="C19922" s="1" t="s">
        <v>5</v>
      </c>
      <c r="D19922" s="1" t="s">
        <v>16888</v>
      </c>
      <c r="E19922" s="1" t="s">
        <v>11</v>
      </c>
    </row>
    <row r="19923">
      <c r="A19923" s="1">
        <v>4.90787782E8</v>
      </c>
      <c r="B19923" s="2">
        <v>16856.0</v>
      </c>
      <c r="C19923" s="1" t="s">
        <v>5</v>
      </c>
      <c r="D19923" s="1" t="s">
        <v>16889</v>
      </c>
      <c r="E19923" s="1" t="s">
        <v>7</v>
      </c>
    </row>
    <row r="19924">
      <c r="A19924" s="1">
        <v>4.90787802E8</v>
      </c>
      <c r="B19924" s="2">
        <v>16812.0</v>
      </c>
      <c r="C19924" s="1" t="s">
        <v>5</v>
      </c>
      <c r="D19924" s="1" t="s">
        <v>16890</v>
      </c>
      <c r="E19924" s="1" t="s">
        <v>11</v>
      </c>
    </row>
    <row r="19925">
      <c r="A19925" s="1">
        <v>4.90787819E8</v>
      </c>
      <c r="B19925" s="2">
        <v>16829.0</v>
      </c>
      <c r="C19925" s="1" t="s">
        <v>5</v>
      </c>
      <c r="D19925" s="1" t="s">
        <v>16891</v>
      </c>
      <c r="E19925" s="1" t="s">
        <v>11</v>
      </c>
    </row>
    <row r="19926">
      <c r="A19926" s="1">
        <v>4.9078782E8</v>
      </c>
      <c r="B19926" s="2">
        <v>16888.0</v>
      </c>
      <c r="C19926" s="1" t="s">
        <v>5</v>
      </c>
      <c r="D19926" s="1" t="s">
        <v>16892</v>
      </c>
      <c r="E19926" s="1" t="s">
        <v>11</v>
      </c>
    </row>
    <row r="19927">
      <c r="A19927" s="1">
        <v>4.90787854E8</v>
      </c>
      <c r="B19927" s="2">
        <v>16889.0</v>
      </c>
      <c r="C19927" s="1" t="s">
        <v>5</v>
      </c>
      <c r="D19927" s="1" t="s">
        <v>16893</v>
      </c>
      <c r="E19927" s="1" t="s">
        <v>7</v>
      </c>
    </row>
    <row r="19928">
      <c r="A19928" s="1">
        <v>4.90787867E8</v>
      </c>
      <c r="B19928" s="2">
        <v>16829.0</v>
      </c>
      <c r="C19928" s="1" t="s">
        <v>5</v>
      </c>
      <c r="D19928" s="1" t="s">
        <v>11</v>
      </c>
      <c r="E19928" s="1" t="s">
        <v>7</v>
      </c>
    </row>
    <row r="19929">
      <c r="A19929" s="1">
        <v>4.90787882E8</v>
      </c>
      <c r="B19929" s="2">
        <v>16860.0</v>
      </c>
      <c r="C19929" s="1" t="s">
        <v>5</v>
      </c>
      <c r="D19929" s="1" t="s">
        <v>16894</v>
      </c>
      <c r="E19929" s="1" t="s">
        <v>7</v>
      </c>
    </row>
    <row r="19930">
      <c r="A19930" s="1">
        <v>4.90787987E8</v>
      </c>
      <c r="B19930" s="2">
        <v>16887.0</v>
      </c>
      <c r="C19930" s="1" t="s">
        <v>5</v>
      </c>
      <c r="D19930" s="1" t="s">
        <v>16895</v>
      </c>
      <c r="E19930" s="1" t="s">
        <v>7</v>
      </c>
    </row>
    <row r="19931">
      <c r="A19931" s="1">
        <v>4.90787989E8</v>
      </c>
      <c r="B19931" s="2">
        <v>16892.0</v>
      </c>
      <c r="C19931" s="1" t="s">
        <v>5</v>
      </c>
      <c r="D19931" s="1" t="s">
        <v>16896</v>
      </c>
      <c r="E19931" s="1" t="s">
        <v>11</v>
      </c>
    </row>
    <row r="19932">
      <c r="A19932" s="1">
        <v>4.90787994E8</v>
      </c>
      <c r="B19932" s="2">
        <v>16818.0</v>
      </c>
      <c r="C19932" s="1" t="s">
        <v>5</v>
      </c>
      <c r="D19932" s="1" t="s">
        <v>16897</v>
      </c>
      <c r="E19932" s="1" t="s">
        <v>7</v>
      </c>
    </row>
    <row r="19933">
      <c r="A19933" s="1">
        <v>4.90788009E8</v>
      </c>
      <c r="B19933" s="2">
        <v>16887.0</v>
      </c>
      <c r="C19933" s="1" t="s">
        <v>5</v>
      </c>
      <c r="D19933" s="1" t="s">
        <v>11</v>
      </c>
      <c r="E19933" s="1" t="s">
        <v>7</v>
      </c>
    </row>
    <row r="19934">
      <c r="A19934" s="1">
        <v>4.90788022E8</v>
      </c>
      <c r="B19934" s="2">
        <v>16810.0</v>
      </c>
      <c r="C19934" s="1" t="s">
        <v>5</v>
      </c>
      <c r="D19934" s="1" t="s">
        <v>16898</v>
      </c>
      <c r="E19934" s="1" t="s">
        <v>7</v>
      </c>
    </row>
    <row r="19935">
      <c r="A19935" s="1">
        <v>4.90788034E8</v>
      </c>
      <c r="B19935" s="2">
        <v>16877.0</v>
      </c>
      <c r="C19935" s="1" t="s">
        <v>5</v>
      </c>
      <c r="D19935" s="1" t="s">
        <v>16899</v>
      </c>
      <c r="E19935" s="1" t="s">
        <v>7</v>
      </c>
    </row>
    <row r="19936">
      <c r="A19936" s="1">
        <v>4.90788038E8</v>
      </c>
      <c r="B19936" s="2">
        <v>16887.0</v>
      </c>
      <c r="C19936" s="1" t="s">
        <v>5</v>
      </c>
      <c r="D19936" s="1" t="s">
        <v>16900</v>
      </c>
      <c r="E19936" s="1" t="s">
        <v>11</v>
      </c>
    </row>
    <row r="19937">
      <c r="A19937" s="1">
        <v>4.90788043E8</v>
      </c>
      <c r="B19937" s="2">
        <v>16806.0</v>
      </c>
      <c r="C19937" s="1" t="s">
        <v>5</v>
      </c>
      <c r="D19937" s="1" t="s">
        <v>16901</v>
      </c>
      <c r="E19937" s="1" t="s">
        <v>7</v>
      </c>
    </row>
    <row r="19938">
      <c r="A19938" s="1">
        <v>4.90788082E8</v>
      </c>
      <c r="B19938" s="2">
        <v>16859.0</v>
      </c>
      <c r="C19938" s="1" t="s">
        <v>5</v>
      </c>
      <c r="D19938" s="1" t="s">
        <v>16902</v>
      </c>
      <c r="E19938" s="1" t="s">
        <v>7</v>
      </c>
    </row>
    <row r="19939">
      <c r="A19939" s="1">
        <v>4.90788097E8</v>
      </c>
      <c r="B19939" s="2">
        <v>16878.0</v>
      </c>
      <c r="C19939" s="1" t="s">
        <v>5</v>
      </c>
      <c r="D19939" s="1" t="s">
        <v>11</v>
      </c>
      <c r="E19939" s="1" t="s">
        <v>7</v>
      </c>
    </row>
    <row r="19940">
      <c r="A19940" s="1">
        <v>4.90788128E8</v>
      </c>
      <c r="B19940" s="2">
        <v>16857.0</v>
      </c>
      <c r="C19940" s="1" t="s">
        <v>5</v>
      </c>
      <c r="D19940" s="1" t="s">
        <v>16903</v>
      </c>
      <c r="E19940" s="1" t="s">
        <v>7</v>
      </c>
    </row>
    <row r="19941">
      <c r="A19941" s="1">
        <v>4.90788155E8</v>
      </c>
      <c r="B19941" s="2">
        <v>16885.0</v>
      </c>
      <c r="C19941" s="1" t="s">
        <v>5</v>
      </c>
      <c r="D19941" s="1" t="s">
        <v>16904</v>
      </c>
      <c r="E19941" s="1" t="s">
        <v>7</v>
      </c>
    </row>
    <row r="19942">
      <c r="A19942" s="1">
        <v>4.90788157E8</v>
      </c>
      <c r="B19942" s="2">
        <v>16885.0</v>
      </c>
      <c r="C19942" s="1" t="s">
        <v>5</v>
      </c>
      <c r="D19942" s="1" t="s">
        <v>16905</v>
      </c>
      <c r="E19942" s="1" t="s">
        <v>16906</v>
      </c>
    </row>
    <row r="19943">
      <c r="A19943" s="1">
        <v>4.90788193E8</v>
      </c>
      <c r="B19943" s="2">
        <v>16885.0</v>
      </c>
      <c r="C19943" s="1" t="s">
        <v>5</v>
      </c>
      <c r="D19943" s="1" t="s">
        <v>16907</v>
      </c>
      <c r="E19943" s="1" t="s">
        <v>16908</v>
      </c>
    </row>
    <row r="19944">
      <c r="A19944" s="1">
        <v>4.90788263E8</v>
      </c>
      <c r="B19944" s="2">
        <v>16836.0</v>
      </c>
      <c r="C19944" s="1" t="s">
        <v>5</v>
      </c>
      <c r="D19944" s="1" t="s">
        <v>16909</v>
      </c>
      <c r="E19944" s="1" t="s">
        <v>7</v>
      </c>
    </row>
    <row r="19945">
      <c r="A19945" s="1">
        <v>4.90788264E8</v>
      </c>
      <c r="B19945" s="2">
        <v>16805.0</v>
      </c>
      <c r="C19945" s="1" t="s">
        <v>5</v>
      </c>
      <c r="D19945" s="1" t="s">
        <v>16910</v>
      </c>
      <c r="E19945" s="1" t="s">
        <v>7</v>
      </c>
    </row>
    <row r="19946">
      <c r="A19946" s="1">
        <v>4.90788286E8</v>
      </c>
      <c r="B19946" s="2">
        <v>16815.0</v>
      </c>
      <c r="C19946" s="1" t="s">
        <v>5</v>
      </c>
      <c r="D19946" s="1" t="s">
        <v>16911</v>
      </c>
      <c r="E19946" s="1" t="s">
        <v>7</v>
      </c>
    </row>
    <row r="19947">
      <c r="A19947" s="1">
        <v>4.90788322E8</v>
      </c>
      <c r="B19947" s="2">
        <v>16821.0</v>
      </c>
      <c r="C19947" s="1" t="s">
        <v>5</v>
      </c>
      <c r="D19947" s="1" t="s">
        <v>16912</v>
      </c>
      <c r="E19947" s="1" t="s">
        <v>16913</v>
      </c>
    </row>
    <row r="19948">
      <c r="A19948" s="1">
        <v>4.90788357E8</v>
      </c>
      <c r="B19948" s="2">
        <v>16884.0</v>
      </c>
      <c r="C19948" s="1" t="s">
        <v>5</v>
      </c>
      <c r="D19948" s="1" t="s">
        <v>16914</v>
      </c>
      <c r="E19948" s="1" t="s">
        <v>16915</v>
      </c>
    </row>
    <row r="19949">
      <c r="A19949" s="1">
        <v>4.90788362E8</v>
      </c>
      <c r="B19949" s="2">
        <v>16859.0</v>
      </c>
      <c r="C19949" s="1" t="s">
        <v>5</v>
      </c>
      <c r="D19949" s="1" t="s">
        <v>11</v>
      </c>
      <c r="E19949" s="1" t="s">
        <v>7</v>
      </c>
    </row>
    <row r="19950">
      <c r="A19950" s="1">
        <v>4.90788369E8</v>
      </c>
      <c r="B19950" s="2">
        <v>16885.0</v>
      </c>
      <c r="C19950" s="1" t="s">
        <v>5</v>
      </c>
      <c r="D19950" s="1" t="s">
        <v>16916</v>
      </c>
      <c r="E19950" s="1" t="s">
        <v>7</v>
      </c>
    </row>
    <row r="19951">
      <c r="A19951" s="1">
        <v>4.90788389E8</v>
      </c>
      <c r="B19951" s="2">
        <v>16825.0</v>
      </c>
      <c r="C19951" s="1" t="s">
        <v>5</v>
      </c>
      <c r="D19951" s="1" t="s">
        <v>16917</v>
      </c>
      <c r="E19951" s="1" t="s">
        <v>16918</v>
      </c>
    </row>
    <row r="19952">
      <c r="A19952" s="1">
        <v>4.90788414E8</v>
      </c>
      <c r="B19952" s="2">
        <v>16885.0</v>
      </c>
      <c r="C19952" s="1" t="s">
        <v>5</v>
      </c>
      <c r="D19952" s="1" t="s">
        <v>11</v>
      </c>
      <c r="E19952" s="1" t="s">
        <v>7</v>
      </c>
    </row>
    <row r="19953">
      <c r="A19953" s="1">
        <v>4.90788435E8</v>
      </c>
      <c r="B19953" s="2">
        <v>16875.0</v>
      </c>
      <c r="C19953" s="1" t="s">
        <v>5</v>
      </c>
      <c r="D19953" s="1" t="s">
        <v>16919</v>
      </c>
      <c r="E19953" s="1" t="s">
        <v>7</v>
      </c>
    </row>
    <row r="19954">
      <c r="A19954" s="1">
        <v>4.90788444E8</v>
      </c>
      <c r="B19954" s="2">
        <v>16884.0</v>
      </c>
      <c r="C19954" s="1" t="s">
        <v>5</v>
      </c>
      <c r="D19954" s="1" t="s">
        <v>11</v>
      </c>
      <c r="E19954" s="1" t="s">
        <v>7</v>
      </c>
    </row>
    <row r="19955">
      <c r="A19955" s="1">
        <v>4.90788477E8</v>
      </c>
      <c r="B19955" s="2">
        <v>16889.0</v>
      </c>
      <c r="C19955" s="1" t="s">
        <v>5</v>
      </c>
      <c r="D19955" s="1" t="s">
        <v>16920</v>
      </c>
      <c r="E19955" s="1" t="s">
        <v>16921</v>
      </c>
    </row>
    <row r="19956">
      <c r="A19956" s="1">
        <v>4.90788485E8</v>
      </c>
      <c r="B19956" s="2">
        <v>16892.0</v>
      </c>
      <c r="C19956" s="1" t="s">
        <v>5</v>
      </c>
      <c r="D19956" s="1" t="s">
        <v>16922</v>
      </c>
      <c r="E19956" s="1" t="s">
        <v>11</v>
      </c>
    </row>
    <row r="19957">
      <c r="A19957" s="1">
        <v>4.90788521E8</v>
      </c>
      <c r="B19957" s="2">
        <v>16883.0</v>
      </c>
      <c r="C19957" s="1" t="s">
        <v>5</v>
      </c>
      <c r="D19957" s="1" t="s">
        <v>16923</v>
      </c>
      <c r="E19957" s="1" t="s">
        <v>16924</v>
      </c>
    </row>
    <row r="19958">
      <c r="A19958" s="1">
        <v>4.90788542E8</v>
      </c>
      <c r="B19958" s="2">
        <v>16885.0</v>
      </c>
      <c r="C19958" s="1" t="s">
        <v>5</v>
      </c>
      <c r="D19958" s="1" t="s">
        <v>16925</v>
      </c>
      <c r="E19958" s="1" t="s">
        <v>7</v>
      </c>
    </row>
    <row r="19959">
      <c r="A19959" s="1">
        <v>4.90788582E8</v>
      </c>
      <c r="B19959" s="2">
        <v>16882.0</v>
      </c>
      <c r="C19959" s="1" t="s">
        <v>5</v>
      </c>
      <c r="D19959" s="1" t="s">
        <v>16926</v>
      </c>
      <c r="E19959" s="1" t="s">
        <v>7</v>
      </c>
    </row>
    <row r="19960">
      <c r="A19960" s="1">
        <v>4.90788596E8</v>
      </c>
      <c r="B19960" s="2">
        <v>16806.0</v>
      </c>
      <c r="C19960" s="1" t="s">
        <v>5</v>
      </c>
      <c r="D19960" s="1" t="s">
        <v>16927</v>
      </c>
      <c r="E19960" s="1" t="s">
        <v>7</v>
      </c>
    </row>
    <row r="19961">
      <c r="A19961" s="1">
        <v>4.90788598E8</v>
      </c>
      <c r="B19961" s="2">
        <v>16890.0</v>
      </c>
      <c r="C19961" s="1" t="s">
        <v>5</v>
      </c>
      <c r="D19961" s="1" t="s">
        <v>16928</v>
      </c>
      <c r="E19961" s="1" t="s">
        <v>7</v>
      </c>
    </row>
    <row r="19962">
      <c r="A19962" s="1">
        <v>4.907886E8</v>
      </c>
      <c r="B19962" s="2">
        <v>16836.0</v>
      </c>
      <c r="C19962" s="1" t="s">
        <v>5</v>
      </c>
      <c r="D19962" s="1" t="s">
        <v>11</v>
      </c>
      <c r="E19962" s="1" t="s">
        <v>7</v>
      </c>
    </row>
    <row r="19963">
      <c r="A19963" s="1">
        <v>4.90788634E8</v>
      </c>
      <c r="B19963" s="2">
        <v>16804.0</v>
      </c>
      <c r="C19963" s="1" t="s">
        <v>5</v>
      </c>
      <c r="D19963" s="1" t="s">
        <v>16929</v>
      </c>
      <c r="E19963" s="1" t="s">
        <v>11</v>
      </c>
    </row>
    <row r="19964">
      <c r="A19964" s="1">
        <v>4.90788643E8</v>
      </c>
      <c r="B19964" s="2">
        <v>16821.0</v>
      </c>
      <c r="C19964" s="1" t="s">
        <v>5</v>
      </c>
      <c r="D19964" s="1" t="s">
        <v>11</v>
      </c>
      <c r="E19964" s="1" t="s">
        <v>7</v>
      </c>
    </row>
    <row r="19965">
      <c r="A19965" s="1">
        <v>4.90788644E8</v>
      </c>
      <c r="B19965" s="2">
        <v>16857.0</v>
      </c>
      <c r="C19965" s="1" t="s">
        <v>5</v>
      </c>
      <c r="D19965" s="1" t="s">
        <v>16930</v>
      </c>
      <c r="E19965" s="1" t="s">
        <v>7</v>
      </c>
    </row>
    <row r="19966">
      <c r="A19966" s="1">
        <v>4.90788694E8</v>
      </c>
      <c r="B19966" s="2">
        <v>16890.0</v>
      </c>
      <c r="C19966" s="1" t="s">
        <v>5</v>
      </c>
      <c r="D19966" s="1" t="s">
        <v>16931</v>
      </c>
      <c r="E19966" s="1" t="s">
        <v>7</v>
      </c>
    </row>
    <row r="19967">
      <c r="A19967" s="1">
        <v>4.90788699E8</v>
      </c>
      <c r="B19967" s="2">
        <v>16882.0</v>
      </c>
      <c r="C19967" s="1" t="s">
        <v>5</v>
      </c>
      <c r="D19967" s="1" t="s">
        <v>16932</v>
      </c>
      <c r="E19967" s="1" t="s">
        <v>11</v>
      </c>
    </row>
    <row r="19968">
      <c r="A19968" s="1">
        <v>4.90788755E8</v>
      </c>
      <c r="B19968" s="2">
        <v>16818.0</v>
      </c>
      <c r="C19968" s="1" t="s">
        <v>5</v>
      </c>
      <c r="D19968" s="1" t="s">
        <v>11</v>
      </c>
      <c r="E19968" s="1" t="s">
        <v>7</v>
      </c>
    </row>
    <row r="19969">
      <c r="A19969" s="1">
        <v>4.90788915E8</v>
      </c>
      <c r="B19969" s="2">
        <v>16880.0</v>
      </c>
      <c r="C19969" s="1" t="s">
        <v>5</v>
      </c>
      <c r="D19969" s="1" t="s">
        <v>16933</v>
      </c>
      <c r="E19969" s="1" t="s">
        <v>7</v>
      </c>
    </row>
    <row r="19970">
      <c r="A19970" s="1">
        <v>4.90788968E8</v>
      </c>
      <c r="B19970" s="2">
        <v>16871.0</v>
      </c>
      <c r="C19970" s="1" t="s">
        <v>5</v>
      </c>
      <c r="D19970" s="1" t="s">
        <v>16934</v>
      </c>
      <c r="E19970" s="1" t="s">
        <v>7</v>
      </c>
    </row>
    <row r="19971">
      <c r="A19971" s="1">
        <v>4.90788979E8</v>
      </c>
      <c r="B19971" s="2">
        <v>16829.0</v>
      </c>
      <c r="C19971" s="1" t="s">
        <v>5</v>
      </c>
      <c r="D19971" s="1" t="s">
        <v>16935</v>
      </c>
      <c r="E19971" s="1" t="s">
        <v>7</v>
      </c>
    </row>
    <row r="19972">
      <c r="A19972" s="1">
        <v>4.90788987E8</v>
      </c>
      <c r="B19972" s="2">
        <v>16848.0</v>
      </c>
      <c r="C19972" s="1" t="s">
        <v>5</v>
      </c>
      <c r="D19972" s="1" t="s">
        <v>16936</v>
      </c>
      <c r="E19972" s="1" t="s">
        <v>16937</v>
      </c>
    </row>
    <row r="19973">
      <c r="A19973" s="1">
        <v>4.90789019E8</v>
      </c>
      <c r="B19973" s="2">
        <v>16878.0</v>
      </c>
      <c r="C19973" s="1" t="s">
        <v>5</v>
      </c>
      <c r="D19973" s="1" t="s">
        <v>11</v>
      </c>
      <c r="E19973" s="1" t="s">
        <v>7</v>
      </c>
    </row>
    <row r="19974">
      <c r="A19974" s="1">
        <v>4.90789036E8</v>
      </c>
      <c r="B19974" s="2">
        <v>16881.0</v>
      </c>
      <c r="C19974" s="1" t="s">
        <v>5</v>
      </c>
      <c r="D19974" s="1" t="s">
        <v>11</v>
      </c>
      <c r="E19974" s="1" t="s">
        <v>7</v>
      </c>
    </row>
    <row r="19975">
      <c r="A19975" s="1">
        <v>4.90789037E8</v>
      </c>
      <c r="B19975" s="2">
        <v>16829.0</v>
      </c>
      <c r="C19975" s="1" t="s">
        <v>5</v>
      </c>
      <c r="D19975" s="1" t="s">
        <v>11</v>
      </c>
      <c r="E19975" s="1" t="s">
        <v>7</v>
      </c>
    </row>
    <row r="19976">
      <c r="A19976" s="1">
        <v>4.90789048E8</v>
      </c>
      <c r="B19976" s="2">
        <v>16882.0</v>
      </c>
      <c r="C19976" s="1" t="s">
        <v>5</v>
      </c>
      <c r="D19976" s="1" t="s">
        <v>16938</v>
      </c>
      <c r="E19976" s="1" t="s">
        <v>7</v>
      </c>
    </row>
    <row r="19977">
      <c r="A19977" s="1">
        <v>4.90789059E8</v>
      </c>
      <c r="B19977" s="2">
        <v>16880.0</v>
      </c>
      <c r="C19977" s="1" t="s">
        <v>5</v>
      </c>
      <c r="D19977" s="1" t="s">
        <v>16939</v>
      </c>
      <c r="E19977" s="1" t="s">
        <v>7</v>
      </c>
    </row>
    <row r="19978">
      <c r="A19978" s="1">
        <v>4.90789155E8</v>
      </c>
      <c r="B19978" s="2">
        <v>16860.0</v>
      </c>
      <c r="C19978" s="1" t="s">
        <v>5</v>
      </c>
      <c r="D19978" s="1" t="s">
        <v>16940</v>
      </c>
      <c r="E19978" s="1" t="s">
        <v>7</v>
      </c>
    </row>
    <row r="19979">
      <c r="A19979" s="1">
        <v>4.90789198E8</v>
      </c>
      <c r="B19979" s="2">
        <v>16804.0</v>
      </c>
      <c r="C19979" s="1" t="s">
        <v>5</v>
      </c>
      <c r="D19979" s="1" t="s">
        <v>16941</v>
      </c>
      <c r="E19979" s="1" t="s">
        <v>11</v>
      </c>
    </row>
    <row r="19980">
      <c r="A19980" s="1">
        <v>4.90789214E8</v>
      </c>
      <c r="B19980" s="2">
        <v>16882.0</v>
      </c>
      <c r="C19980" s="1" t="s">
        <v>5</v>
      </c>
      <c r="D19980" s="1" t="s">
        <v>11</v>
      </c>
      <c r="E19980" s="1" t="s">
        <v>7</v>
      </c>
    </row>
    <row r="19981">
      <c r="A19981" s="1">
        <v>4.90789219E8</v>
      </c>
      <c r="B19981" s="2">
        <v>16860.0</v>
      </c>
      <c r="C19981" s="1" t="s">
        <v>5</v>
      </c>
      <c r="D19981" s="1" t="s">
        <v>16942</v>
      </c>
      <c r="E19981" s="1" t="s">
        <v>7</v>
      </c>
    </row>
    <row r="19982">
      <c r="A19982" s="1">
        <v>4.90789249E8</v>
      </c>
      <c r="B19982" s="2">
        <v>16850.0</v>
      </c>
      <c r="C19982" s="1" t="s">
        <v>5</v>
      </c>
      <c r="D19982" s="1" t="s">
        <v>16943</v>
      </c>
      <c r="E19982" s="1" t="s">
        <v>7</v>
      </c>
    </row>
    <row r="19983">
      <c r="A19983" s="1">
        <v>4.90789278E8</v>
      </c>
      <c r="B19983" s="2">
        <v>16885.0</v>
      </c>
      <c r="C19983" s="1" t="s">
        <v>5</v>
      </c>
      <c r="D19983" s="1" t="s">
        <v>16944</v>
      </c>
      <c r="E19983" s="1" t="s">
        <v>7</v>
      </c>
    </row>
    <row r="19984">
      <c r="A19984" s="1">
        <v>4.90789322E8</v>
      </c>
      <c r="B19984" s="2">
        <v>16819.0</v>
      </c>
      <c r="C19984" s="1" t="s">
        <v>5</v>
      </c>
      <c r="D19984" s="1" t="s">
        <v>16945</v>
      </c>
      <c r="E19984" s="1" t="s">
        <v>11</v>
      </c>
    </row>
    <row r="19985">
      <c r="A19985" s="1">
        <v>4.90789342E8</v>
      </c>
      <c r="B19985" s="2">
        <v>16884.0</v>
      </c>
      <c r="C19985" s="1" t="s">
        <v>5</v>
      </c>
      <c r="D19985" s="1" t="s">
        <v>16946</v>
      </c>
      <c r="E19985" s="1" t="s">
        <v>7</v>
      </c>
    </row>
    <row r="19986">
      <c r="A19986" s="1">
        <v>4.90789364E8</v>
      </c>
      <c r="B19986" s="2">
        <v>16859.0</v>
      </c>
      <c r="C19986" s="1" t="s">
        <v>5</v>
      </c>
      <c r="D19986" s="1" t="s">
        <v>11</v>
      </c>
      <c r="E19986" s="1" t="s">
        <v>7</v>
      </c>
    </row>
    <row r="19987">
      <c r="A19987" s="1">
        <v>4.90789404E8</v>
      </c>
      <c r="B19987" s="2">
        <v>16859.0</v>
      </c>
      <c r="C19987" s="1" t="s">
        <v>5</v>
      </c>
      <c r="D19987" s="1" t="s">
        <v>16947</v>
      </c>
      <c r="E19987" s="1" t="s">
        <v>7</v>
      </c>
    </row>
    <row r="19988">
      <c r="A19988" s="1">
        <v>4.90789409E8</v>
      </c>
      <c r="B19988" s="2">
        <v>16810.0</v>
      </c>
      <c r="C19988" s="1" t="s">
        <v>5</v>
      </c>
      <c r="D19988" s="1" t="s">
        <v>16948</v>
      </c>
      <c r="E19988" s="1" t="s">
        <v>7</v>
      </c>
    </row>
    <row r="19989">
      <c r="A19989" s="1">
        <v>4.90789443E8</v>
      </c>
      <c r="B19989" s="2">
        <v>16877.0</v>
      </c>
      <c r="C19989" s="1" t="s">
        <v>5</v>
      </c>
      <c r="D19989" s="1" t="s">
        <v>16949</v>
      </c>
      <c r="E19989" s="1" t="s">
        <v>7</v>
      </c>
    </row>
    <row r="19990">
      <c r="A19990" s="1">
        <v>4.90789459E8</v>
      </c>
      <c r="B19990" s="2">
        <v>16868.0</v>
      </c>
      <c r="C19990" s="1" t="s">
        <v>5</v>
      </c>
      <c r="D19990" s="1" t="s">
        <v>11</v>
      </c>
      <c r="E19990" s="1" t="s">
        <v>7</v>
      </c>
    </row>
    <row r="19991">
      <c r="A19991" s="1">
        <v>4.90789481E8</v>
      </c>
      <c r="B19991" s="2">
        <v>16808.0</v>
      </c>
      <c r="C19991" s="1" t="s">
        <v>5</v>
      </c>
      <c r="D19991" s="1" t="s">
        <v>16950</v>
      </c>
      <c r="E19991" s="1" t="s">
        <v>11</v>
      </c>
    </row>
    <row r="19992">
      <c r="A19992" s="1">
        <v>4.90789502E8</v>
      </c>
      <c r="B19992" s="2">
        <v>16848.0</v>
      </c>
      <c r="C19992" s="1" t="s">
        <v>5</v>
      </c>
      <c r="D19992" s="1" t="s">
        <v>11</v>
      </c>
      <c r="E19992" s="1" t="s">
        <v>7</v>
      </c>
    </row>
    <row r="19993">
      <c r="A19993" s="1">
        <v>4.90789542E8</v>
      </c>
      <c r="B19993" s="2">
        <v>16847.0</v>
      </c>
      <c r="C19993" s="1" t="s">
        <v>5</v>
      </c>
      <c r="D19993" s="1" t="s">
        <v>16951</v>
      </c>
      <c r="E19993" s="1" t="s">
        <v>7</v>
      </c>
    </row>
    <row r="19994">
      <c r="A19994" s="1">
        <v>4.90789569E8</v>
      </c>
      <c r="B19994" s="2">
        <v>16867.0</v>
      </c>
      <c r="C19994" s="1" t="s">
        <v>5</v>
      </c>
      <c r="D19994" s="1" t="s">
        <v>16952</v>
      </c>
      <c r="E19994" s="1" t="s">
        <v>11</v>
      </c>
    </row>
    <row r="19995">
      <c r="A19995" s="1">
        <v>4.90789584E8</v>
      </c>
      <c r="B19995" s="2">
        <v>16885.0</v>
      </c>
      <c r="C19995" s="1" t="s">
        <v>5</v>
      </c>
      <c r="D19995" s="1" t="s">
        <v>16953</v>
      </c>
      <c r="E19995" s="1" t="s">
        <v>7</v>
      </c>
    </row>
    <row r="19996">
      <c r="A19996" s="1">
        <v>4.90789639E8</v>
      </c>
      <c r="B19996" s="2">
        <v>16868.0</v>
      </c>
      <c r="C19996" s="1" t="s">
        <v>5</v>
      </c>
      <c r="D19996" s="1" t="s">
        <v>11</v>
      </c>
      <c r="E19996" s="1" t="s">
        <v>7</v>
      </c>
    </row>
    <row r="19997">
      <c r="A19997" s="1">
        <v>4.90789648E8</v>
      </c>
      <c r="B19997" s="2">
        <v>16875.0</v>
      </c>
      <c r="C19997" s="1" t="s">
        <v>5</v>
      </c>
      <c r="D19997" s="1" t="s">
        <v>16954</v>
      </c>
      <c r="E19997" s="1" t="s">
        <v>16955</v>
      </c>
    </row>
    <row r="19998">
      <c r="A19998" s="1">
        <v>4.90789751E8</v>
      </c>
      <c r="B19998" s="2">
        <v>16882.0</v>
      </c>
      <c r="C19998" s="1" t="s">
        <v>5</v>
      </c>
      <c r="D19998" s="1" t="s">
        <v>16956</v>
      </c>
      <c r="E19998" s="1" t="s">
        <v>7</v>
      </c>
    </row>
    <row r="19999">
      <c r="A19999" s="1">
        <v>4.90789757E8</v>
      </c>
      <c r="B19999" s="2">
        <v>16874.0</v>
      </c>
      <c r="C19999" s="1" t="s">
        <v>5</v>
      </c>
      <c r="D19999" s="1" t="s">
        <v>16957</v>
      </c>
      <c r="E19999" s="1" t="s">
        <v>7</v>
      </c>
    </row>
    <row r="20000">
      <c r="A20000" s="1">
        <v>4.90789769E8</v>
      </c>
      <c r="B20000" s="2">
        <v>16843.0</v>
      </c>
      <c r="C20000" s="1" t="s">
        <v>5</v>
      </c>
      <c r="D20000" s="1" t="s">
        <v>16958</v>
      </c>
      <c r="E20000" s="1" t="s">
        <v>7</v>
      </c>
    </row>
    <row r="20001">
      <c r="A20001" s="1">
        <v>4.90789795E8</v>
      </c>
      <c r="B20001" s="2">
        <v>16806.0</v>
      </c>
      <c r="C20001" s="1" t="s">
        <v>5</v>
      </c>
      <c r="D20001" s="1" t="s">
        <v>16959</v>
      </c>
      <c r="E20001" s="1" t="s">
        <v>11</v>
      </c>
    </row>
    <row r="20002">
      <c r="A20002" s="1">
        <v>4.90789797E8</v>
      </c>
      <c r="B20002" s="2">
        <v>16874.0</v>
      </c>
      <c r="C20002" s="1" t="s">
        <v>5</v>
      </c>
      <c r="D20002" s="1" t="s">
        <v>11</v>
      </c>
      <c r="E20002" s="1" t="s">
        <v>7</v>
      </c>
    </row>
    <row r="20003">
      <c r="A20003" s="1">
        <v>4.90789802E8</v>
      </c>
      <c r="B20003" s="2">
        <v>16846.0</v>
      </c>
      <c r="C20003" s="1" t="s">
        <v>5</v>
      </c>
      <c r="D20003" s="1" t="s">
        <v>16960</v>
      </c>
      <c r="E20003" s="1" t="s">
        <v>7</v>
      </c>
    </row>
    <row r="20004">
      <c r="A20004" s="1">
        <v>4.90789804E8</v>
      </c>
      <c r="B20004" s="2">
        <v>16878.0</v>
      </c>
      <c r="C20004" s="1" t="s">
        <v>5</v>
      </c>
      <c r="D20004" s="1" t="s">
        <v>11</v>
      </c>
      <c r="E20004" s="1" t="s">
        <v>7</v>
      </c>
    </row>
    <row r="20005">
      <c r="A20005" s="1">
        <v>4.90789842E8</v>
      </c>
      <c r="B20005" s="2">
        <v>16877.0</v>
      </c>
      <c r="C20005" s="1" t="s">
        <v>5</v>
      </c>
      <c r="D20005" s="1" t="s">
        <v>16961</v>
      </c>
      <c r="E20005" s="1" t="s">
        <v>7</v>
      </c>
    </row>
    <row r="20006">
      <c r="A20006" s="1">
        <v>4.90789844E8</v>
      </c>
      <c r="B20006" s="2">
        <v>16815.0</v>
      </c>
      <c r="C20006" s="1" t="s">
        <v>5</v>
      </c>
      <c r="D20006" s="1" t="s">
        <v>16962</v>
      </c>
      <c r="E20006" s="1" t="s">
        <v>7</v>
      </c>
    </row>
    <row r="20007">
      <c r="A20007" s="1">
        <v>4.90789845E8</v>
      </c>
      <c r="B20007" s="2">
        <v>16857.0</v>
      </c>
      <c r="C20007" s="1" t="s">
        <v>5</v>
      </c>
      <c r="D20007" s="1" t="s">
        <v>16963</v>
      </c>
      <c r="E20007" s="1" t="s">
        <v>7</v>
      </c>
    </row>
    <row r="20008">
      <c r="A20008" s="1">
        <v>4.90789904E8</v>
      </c>
      <c r="B20008" s="2">
        <v>16881.0</v>
      </c>
      <c r="C20008" s="1" t="s">
        <v>5</v>
      </c>
      <c r="D20008" s="1" t="s">
        <v>16964</v>
      </c>
      <c r="E20008" s="1" t="s">
        <v>16965</v>
      </c>
    </row>
    <row r="20009">
      <c r="A20009" s="1">
        <v>4.90789914E8</v>
      </c>
      <c r="B20009" s="2">
        <v>16877.0</v>
      </c>
      <c r="C20009" s="1" t="s">
        <v>5</v>
      </c>
      <c r="D20009" s="1" t="s">
        <v>11</v>
      </c>
      <c r="E20009" s="1" t="s">
        <v>7</v>
      </c>
    </row>
    <row r="20010">
      <c r="A20010" s="1">
        <v>4.90789938E8</v>
      </c>
      <c r="B20010" s="2">
        <v>16884.0</v>
      </c>
      <c r="C20010" s="1" t="s">
        <v>5</v>
      </c>
      <c r="D20010" s="1" t="s">
        <v>16966</v>
      </c>
      <c r="E20010" s="1" t="s">
        <v>11</v>
      </c>
    </row>
    <row r="20011">
      <c r="A20011" s="1">
        <v>4.90789941E8</v>
      </c>
      <c r="B20011" s="2">
        <v>16864.0</v>
      </c>
      <c r="C20011" s="1" t="s">
        <v>5</v>
      </c>
      <c r="D20011" s="1" t="s">
        <v>16967</v>
      </c>
      <c r="E20011" s="1" t="s">
        <v>7</v>
      </c>
    </row>
    <row r="20012">
      <c r="A20012" s="1">
        <v>4.90789961E8</v>
      </c>
      <c r="B20012" s="2">
        <v>16854.0</v>
      </c>
      <c r="C20012" s="1" t="s">
        <v>5</v>
      </c>
      <c r="D20012" s="1" t="s">
        <v>16968</v>
      </c>
      <c r="E20012" s="1" t="s">
        <v>11</v>
      </c>
    </row>
    <row r="20013">
      <c r="A20013" s="1">
        <v>4.90789979E8</v>
      </c>
      <c r="B20013" s="2">
        <v>16881.0</v>
      </c>
      <c r="C20013" s="1" t="s">
        <v>5</v>
      </c>
      <c r="D20013" s="1" t="s">
        <v>16969</v>
      </c>
      <c r="E20013" s="1" t="s">
        <v>7</v>
      </c>
    </row>
    <row r="20014">
      <c r="A20014" s="1">
        <v>4.90789996E8</v>
      </c>
      <c r="B20014" s="2">
        <v>16863.0</v>
      </c>
      <c r="C20014" s="1" t="s">
        <v>5</v>
      </c>
      <c r="D20014" s="1" t="s">
        <v>16970</v>
      </c>
      <c r="E20014" s="1" t="s">
        <v>7</v>
      </c>
    </row>
    <row r="20015">
      <c r="A20015" s="1">
        <v>4.90790018E8</v>
      </c>
      <c r="B20015" s="2">
        <v>16825.0</v>
      </c>
      <c r="C20015" s="1" t="s">
        <v>5</v>
      </c>
      <c r="D20015" s="1" t="s">
        <v>16971</v>
      </c>
      <c r="E20015" s="1" t="s">
        <v>7</v>
      </c>
    </row>
    <row r="20016">
      <c r="A20016" s="1">
        <v>4.90790048E8</v>
      </c>
      <c r="B20016" s="2">
        <v>16871.0</v>
      </c>
      <c r="C20016" s="1" t="s">
        <v>5</v>
      </c>
      <c r="D20016" s="1" t="s">
        <v>16972</v>
      </c>
      <c r="E20016" s="1" t="s">
        <v>7</v>
      </c>
    </row>
    <row r="20017">
      <c r="A20017" s="1">
        <v>4.90790081E8</v>
      </c>
      <c r="B20017" s="2">
        <v>16873.0</v>
      </c>
      <c r="C20017" s="1" t="s">
        <v>5</v>
      </c>
      <c r="D20017" s="1" t="s">
        <v>16973</v>
      </c>
      <c r="E20017" s="1" t="s">
        <v>7</v>
      </c>
    </row>
    <row r="20018">
      <c r="A20018" s="1">
        <v>4.90790094E8</v>
      </c>
      <c r="B20018" s="2">
        <v>16842.0</v>
      </c>
      <c r="C20018" s="1" t="s">
        <v>5</v>
      </c>
      <c r="D20018" s="1" t="s">
        <v>16974</v>
      </c>
      <c r="E20018" s="1" t="s">
        <v>7</v>
      </c>
    </row>
    <row r="20019">
      <c r="A20019" s="1">
        <v>4.90790113E8</v>
      </c>
      <c r="B20019" s="2">
        <v>16859.0</v>
      </c>
      <c r="C20019" s="1" t="s">
        <v>5</v>
      </c>
      <c r="D20019" s="1" t="s">
        <v>16975</v>
      </c>
      <c r="E20019" s="1" t="s">
        <v>7</v>
      </c>
    </row>
    <row r="20020">
      <c r="A20020" s="1">
        <v>4.90790115E8</v>
      </c>
      <c r="B20020" s="2">
        <v>16803.0</v>
      </c>
      <c r="C20020" s="1" t="s">
        <v>5</v>
      </c>
      <c r="D20020" s="1" t="s">
        <v>16976</v>
      </c>
      <c r="E20020" s="1" t="s">
        <v>7</v>
      </c>
    </row>
    <row r="20021">
      <c r="A20021" s="1">
        <v>4.90790124E8</v>
      </c>
      <c r="B20021" s="2">
        <v>16883.0</v>
      </c>
      <c r="C20021" s="1" t="s">
        <v>5</v>
      </c>
      <c r="D20021" s="1" t="s">
        <v>11</v>
      </c>
      <c r="E20021" s="1" t="s">
        <v>7</v>
      </c>
    </row>
    <row r="20022">
      <c r="A20022" s="1">
        <v>4.90790129E8</v>
      </c>
      <c r="B20022" s="2">
        <v>16811.0</v>
      </c>
      <c r="C20022" s="1" t="s">
        <v>5</v>
      </c>
      <c r="D20022" s="1" t="s">
        <v>16977</v>
      </c>
      <c r="E20022" s="1" t="s">
        <v>7</v>
      </c>
    </row>
    <row r="20023">
      <c r="A20023" s="1">
        <v>4.90790162E8</v>
      </c>
      <c r="B20023" s="2">
        <v>16874.0</v>
      </c>
      <c r="C20023" s="1" t="s">
        <v>5</v>
      </c>
      <c r="D20023" s="1" t="s">
        <v>16978</v>
      </c>
      <c r="E20023" s="1" t="s">
        <v>7</v>
      </c>
    </row>
    <row r="20024">
      <c r="A20024" s="1">
        <v>4.90790196E8</v>
      </c>
      <c r="B20024" s="2">
        <v>16922.0</v>
      </c>
      <c r="C20024" s="1" t="s">
        <v>5</v>
      </c>
      <c r="D20024" s="1" t="s">
        <v>11</v>
      </c>
      <c r="E20024" s="1" t="s">
        <v>7</v>
      </c>
    </row>
    <row r="20025">
      <c r="A20025" s="1">
        <v>4.90790211E8</v>
      </c>
      <c r="B20025" s="2">
        <v>16808.0</v>
      </c>
      <c r="C20025" s="1" t="s">
        <v>5</v>
      </c>
      <c r="D20025" s="1" t="s">
        <v>16979</v>
      </c>
      <c r="E20025" s="1" t="s">
        <v>11</v>
      </c>
    </row>
    <row r="20026">
      <c r="A20026" s="1">
        <v>4.90790234E8</v>
      </c>
      <c r="B20026" s="2">
        <v>16880.0</v>
      </c>
      <c r="C20026" s="1" t="s">
        <v>5</v>
      </c>
      <c r="D20026" s="1" t="s">
        <v>16980</v>
      </c>
      <c r="E20026" s="1" t="s">
        <v>7</v>
      </c>
    </row>
    <row r="20027">
      <c r="A20027" s="1">
        <v>4.90790242E8</v>
      </c>
      <c r="B20027" s="2">
        <v>16808.0</v>
      </c>
      <c r="C20027" s="1" t="s">
        <v>5</v>
      </c>
      <c r="D20027" s="1" t="s">
        <v>11</v>
      </c>
      <c r="E20027" s="1" t="s">
        <v>7</v>
      </c>
    </row>
    <row r="20028">
      <c r="A20028" s="1">
        <v>4.90790306E8</v>
      </c>
      <c r="B20028" s="2">
        <v>16874.0</v>
      </c>
      <c r="C20028" s="1" t="s">
        <v>5</v>
      </c>
      <c r="D20028" s="1" t="s">
        <v>11</v>
      </c>
      <c r="E20028" s="1" t="s">
        <v>7</v>
      </c>
    </row>
    <row r="20029">
      <c r="A20029" s="1">
        <v>4.90790381E8</v>
      </c>
      <c r="B20029" s="2">
        <v>16813.0</v>
      </c>
      <c r="C20029" s="1" t="s">
        <v>5</v>
      </c>
      <c r="D20029" s="1" t="s">
        <v>16981</v>
      </c>
      <c r="E20029" s="1" t="s">
        <v>7</v>
      </c>
    </row>
    <row r="20030">
      <c r="A20030" s="1">
        <v>4.90790419E8</v>
      </c>
      <c r="B20030" s="2">
        <v>16862.0</v>
      </c>
      <c r="C20030" s="1" t="s">
        <v>5</v>
      </c>
      <c r="D20030" s="1" t="s">
        <v>11</v>
      </c>
      <c r="E20030" s="1" t="s">
        <v>7</v>
      </c>
    </row>
    <row r="20031">
      <c r="A20031" s="1">
        <v>4.90790452E8</v>
      </c>
      <c r="B20031" s="2">
        <v>16807.0</v>
      </c>
      <c r="C20031" s="1" t="s">
        <v>5</v>
      </c>
      <c r="D20031" s="1" t="s">
        <v>16982</v>
      </c>
      <c r="E20031" s="1" t="s">
        <v>7</v>
      </c>
    </row>
    <row r="20032">
      <c r="A20032" s="1">
        <v>4.90790469E8</v>
      </c>
      <c r="B20032" s="2">
        <v>16867.0</v>
      </c>
      <c r="C20032" s="1" t="s">
        <v>5</v>
      </c>
      <c r="D20032" s="1" t="s">
        <v>16983</v>
      </c>
      <c r="E20032" s="1" t="s">
        <v>16984</v>
      </c>
    </row>
    <row r="20033">
      <c r="A20033" s="1">
        <v>4.90790489E8</v>
      </c>
      <c r="B20033" s="2">
        <v>16807.0</v>
      </c>
      <c r="C20033" s="1" t="s">
        <v>5</v>
      </c>
      <c r="D20033" s="1" t="s">
        <v>16985</v>
      </c>
      <c r="E20033" s="1" t="s">
        <v>7</v>
      </c>
    </row>
    <row r="20034">
      <c r="A20034" s="1">
        <v>4.90790542E8</v>
      </c>
      <c r="B20034" s="2">
        <v>16877.0</v>
      </c>
      <c r="C20034" s="1" t="s">
        <v>5</v>
      </c>
      <c r="D20034" s="1" t="s">
        <v>16986</v>
      </c>
      <c r="E20034" s="1" t="s">
        <v>11</v>
      </c>
    </row>
    <row r="20035">
      <c r="A20035" s="1">
        <v>4.90790613E8</v>
      </c>
      <c r="B20035" s="2">
        <v>16878.0</v>
      </c>
      <c r="C20035" s="1" t="s">
        <v>5</v>
      </c>
      <c r="D20035" s="1" t="s">
        <v>11</v>
      </c>
      <c r="E20035" s="1" t="s">
        <v>7</v>
      </c>
    </row>
    <row r="20036">
      <c r="A20036" s="1">
        <v>4.90790635E8</v>
      </c>
      <c r="B20036" s="2">
        <v>16876.0</v>
      </c>
      <c r="C20036" s="1" t="s">
        <v>5</v>
      </c>
      <c r="D20036" s="1" t="s">
        <v>11</v>
      </c>
      <c r="E20036" s="1" t="s">
        <v>7</v>
      </c>
    </row>
    <row r="20037">
      <c r="A20037" s="1">
        <v>4.90790642E8</v>
      </c>
      <c r="B20037" s="2">
        <v>16871.0</v>
      </c>
      <c r="C20037" s="1" t="s">
        <v>5</v>
      </c>
      <c r="D20037" s="1" t="s">
        <v>16987</v>
      </c>
      <c r="E20037" s="1" t="s">
        <v>7</v>
      </c>
    </row>
    <row r="20038">
      <c r="A20038" s="1">
        <v>4.90790677E8</v>
      </c>
      <c r="B20038" s="2">
        <v>16878.0</v>
      </c>
      <c r="C20038" s="1" t="s">
        <v>5</v>
      </c>
      <c r="D20038" s="1" t="s">
        <v>16988</v>
      </c>
      <c r="E20038" s="1" t="s">
        <v>16989</v>
      </c>
    </row>
    <row r="20039">
      <c r="A20039" s="1">
        <v>4.90790684E8</v>
      </c>
      <c r="B20039" s="2">
        <v>16812.0</v>
      </c>
      <c r="C20039" s="1" t="s">
        <v>5</v>
      </c>
      <c r="D20039" s="1" t="s">
        <v>16990</v>
      </c>
      <c r="E20039" s="1" t="s">
        <v>11</v>
      </c>
    </row>
    <row r="20040">
      <c r="A20040" s="1">
        <v>4.90790689E8</v>
      </c>
      <c r="B20040" s="2">
        <v>16877.0</v>
      </c>
      <c r="C20040" s="1" t="s">
        <v>5</v>
      </c>
      <c r="D20040" s="1" t="s">
        <v>16991</v>
      </c>
      <c r="E20040" s="1" t="s">
        <v>7</v>
      </c>
    </row>
    <row r="20041">
      <c r="A20041" s="1">
        <v>4.90790702E8</v>
      </c>
      <c r="B20041" s="2">
        <v>16806.0</v>
      </c>
      <c r="C20041" s="1" t="s">
        <v>5</v>
      </c>
      <c r="D20041" s="1" t="s">
        <v>16992</v>
      </c>
      <c r="E20041" s="1" t="s">
        <v>16993</v>
      </c>
    </row>
    <row r="20042">
      <c r="A20042" s="1">
        <v>4.90790716E8</v>
      </c>
      <c r="B20042" s="2">
        <v>16870.0</v>
      </c>
      <c r="C20042" s="1" t="s">
        <v>5</v>
      </c>
      <c r="D20042" s="1" t="s">
        <v>11</v>
      </c>
      <c r="E20042" s="1" t="s">
        <v>7</v>
      </c>
    </row>
    <row r="20043">
      <c r="A20043" s="1">
        <v>4.90790742E8</v>
      </c>
      <c r="B20043" s="2">
        <v>16876.0</v>
      </c>
      <c r="C20043" s="1" t="s">
        <v>5</v>
      </c>
      <c r="D20043" s="1" t="s">
        <v>16994</v>
      </c>
      <c r="E20043" s="1" t="s">
        <v>16995</v>
      </c>
    </row>
    <row r="20044">
      <c r="A20044" s="1">
        <v>4.90790746E8</v>
      </c>
      <c r="B20044" s="2">
        <v>16877.0</v>
      </c>
      <c r="C20044" s="1" t="s">
        <v>5</v>
      </c>
      <c r="D20044" s="1" t="s">
        <v>16996</v>
      </c>
      <c r="E20044" s="1" t="s">
        <v>7</v>
      </c>
    </row>
    <row r="20045">
      <c r="A20045" s="1">
        <v>4.90790791E8</v>
      </c>
      <c r="B20045" s="2">
        <v>16876.0</v>
      </c>
      <c r="C20045" s="1" t="s">
        <v>5</v>
      </c>
      <c r="D20045" s="1" t="s">
        <v>16997</v>
      </c>
      <c r="E20045" s="1" t="s">
        <v>16998</v>
      </c>
    </row>
    <row r="20046">
      <c r="A20046" s="1">
        <v>4.90790795E8</v>
      </c>
      <c r="B20046" s="2">
        <v>16870.0</v>
      </c>
      <c r="C20046" s="1" t="s">
        <v>5</v>
      </c>
      <c r="D20046" s="1" t="s">
        <v>16999</v>
      </c>
      <c r="E20046" s="1" t="s">
        <v>7</v>
      </c>
    </row>
    <row r="20047">
      <c r="A20047" s="1">
        <v>4.90790803E8</v>
      </c>
      <c r="B20047" s="2">
        <v>16919.0</v>
      </c>
      <c r="C20047" s="1" t="s">
        <v>5</v>
      </c>
      <c r="D20047" s="1" t="s">
        <v>17000</v>
      </c>
      <c r="E20047" s="1" t="s">
        <v>7</v>
      </c>
    </row>
    <row r="20048">
      <c r="A20048" s="1">
        <v>4.90790877E8</v>
      </c>
      <c r="B20048" s="2">
        <v>16859.0</v>
      </c>
      <c r="C20048" s="1" t="s">
        <v>5</v>
      </c>
      <c r="D20048" s="1" t="s">
        <v>17001</v>
      </c>
      <c r="E20048" s="1" t="s">
        <v>7</v>
      </c>
    </row>
    <row r="20049">
      <c r="A20049" s="1">
        <v>4.90790927E8</v>
      </c>
      <c r="B20049" s="2">
        <v>16811.0</v>
      </c>
      <c r="C20049" s="1" t="s">
        <v>5</v>
      </c>
      <c r="D20049" s="1" t="s">
        <v>11</v>
      </c>
      <c r="E20049" s="1" t="s">
        <v>7</v>
      </c>
    </row>
    <row r="20050">
      <c r="A20050" s="1">
        <v>4.90790954E8</v>
      </c>
      <c r="B20050" s="2">
        <v>16892.0</v>
      </c>
      <c r="C20050" s="1" t="s">
        <v>5</v>
      </c>
      <c r="D20050" s="1" t="s">
        <v>17002</v>
      </c>
      <c r="E20050" s="1" t="s">
        <v>7</v>
      </c>
    </row>
    <row r="20051">
      <c r="A20051" s="1">
        <v>4.90790962E8</v>
      </c>
      <c r="B20051" s="2">
        <v>16803.0</v>
      </c>
      <c r="C20051" s="1" t="s">
        <v>5</v>
      </c>
      <c r="D20051" s="1" t="s">
        <v>17003</v>
      </c>
      <c r="E20051" s="1" t="s">
        <v>7</v>
      </c>
    </row>
    <row r="20052">
      <c r="A20052" s="1">
        <v>4.90791001E8</v>
      </c>
      <c r="B20052" s="2">
        <v>16874.0</v>
      </c>
      <c r="C20052" s="1" t="s">
        <v>5</v>
      </c>
      <c r="D20052" s="1" t="s">
        <v>17004</v>
      </c>
      <c r="E20052" s="1" t="s">
        <v>11</v>
      </c>
    </row>
    <row r="20053">
      <c r="A20053" s="1">
        <v>4.90791037E8</v>
      </c>
      <c r="B20053" s="2">
        <v>16918.0</v>
      </c>
      <c r="C20053" s="1" t="s">
        <v>5</v>
      </c>
      <c r="D20053" s="1" t="s">
        <v>11</v>
      </c>
      <c r="E20053" s="1" t="s">
        <v>7</v>
      </c>
    </row>
    <row r="20054">
      <c r="A20054" s="1">
        <v>4.90791124E8</v>
      </c>
      <c r="B20054" s="2">
        <v>16834.0</v>
      </c>
      <c r="C20054" s="1" t="s">
        <v>5</v>
      </c>
      <c r="D20054" s="1" t="s">
        <v>17005</v>
      </c>
      <c r="E20054" s="1" t="s">
        <v>11</v>
      </c>
    </row>
    <row r="20055">
      <c r="A20055" s="1">
        <v>4.90791222E8</v>
      </c>
      <c r="B20055" s="2">
        <v>16867.0</v>
      </c>
      <c r="C20055" s="1" t="s">
        <v>5</v>
      </c>
      <c r="D20055" s="1" t="s">
        <v>11</v>
      </c>
      <c r="E20055" s="1" t="s">
        <v>7</v>
      </c>
    </row>
    <row r="20056">
      <c r="A20056" s="1">
        <v>4.90791249E8</v>
      </c>
      <c r="B20056" s="2">
        <v>16874.0</v>
      </c>
      <c r="C20056" s="1" t="s">
        <v>5</v>
      </c>
      <c r="D20056" s="1" t="s">
        <v>17006</v>
      </c>
      <c r="E20056" s="1" t="s">
        <v>7</v>
      </c>
    </row>
    <row r="20057">
      <c r="A20057" s="1">
        <v>4.90791277E8</v>
      </c>
      <c r="B20057" s="2">
        <v>16911.0</v>
      </c>
      <c r="C20057" s="1" t="s">
        <v>5</v>
      </c>
      <c r="D20057" s="1" t="s">
        <v>17007</v>
      </c>
      <c r="E20057" s="1" t="s">
        <v>17008</v>
      </c>
    </row>
    <row r="20058">
      <c r="A20058" s="1">
        <v>4.90791286E8</v>
      </c>
      <c r="B20058" s="2">
        <v>16875.0</v>
      </c>
      <c r="C20058" s="1" t="s">
        <v>5</v>
      </c>
      <c r="D20058" s="1" t="s">
        <v>11</v>
      </c>
      <c r="E20058" s="1" t="s">
        <v>7</v>
      </c>
    </row>
    <row r="20059">
      <c r="A20059" s="1">
        <v>4.90791294E8</v>
      </c>
      <c r="B20059" s="2">
        <v>16817.0</v>
      </c>
      <c r="C20059" s="1" t="s">
        <v>5</v>
      </c>
      <c r="D20059" s="1" t="s">
        <v>11</v>
      </c>
      <c r="E20059" s="1" t="s">
        <v>7</v>
      </c>
    </row>
    <row r="20060">
      <c r="A20060" s="1">
        <v>4.90791355E8</v>
      </c>
      <c r="B20060" s="2">
        <v>16853.0</v>
      </c>
      <c r="C20060" s="1" t="s">
        <v>5</v>
      </c>
      <c r="D20060" s="1" t="s">
        <v>17009</v>
      </c>
      <c r="E20060" s="1" t="s">
        <v>11</v>
      </c>
    </row>
    <row r="20061">
      <c r="A20061" s="1">
        <v>4.90791396E8</v>
      </c>
      <c r="B20061" s="2">
        <v>16867.0</v>
      </c>
      <c r="C20061" s="1" t="s">
        <v>5</v>
      </c>
      <c r="D20061" s="1" t="s">
        <v>17010</v>
      </c>
      <c r="E20061" s="1" t="s">
        <v>11</v>
      </c>
    </row>
    <row r="20062">
      <c r="A20062" s="1">
        <v>4.90791455E8</v>
      </c>
      <c r="B20062" s="2">
        <v>16873.0</v>
      </c>
      <c r="C20062" s="1" t="s">
        <v>5</v>
      </c>
      <c r="D20062" s="1" t="s">
        <v>11</v>
      </c>
      <c r="E20062" s="1" t="s">
        <v>7</v>
      </c>
    </row>
    <row r="20063">
      <c r="A20063" s="1">
        <v>4.90791462E8</v>
      </c>
      <c r="B20063" s="2">
        <v>16922.0</v>
      </c>
      <c r="C20063" s="1" t="s">
        <v>5</v>
      </c>
      <c r="D20063" s="1" t="s">
        <v>11</v>
      </c>
      <c r="E20063" s="1" t="s">
        <v>7</v>
      </c>
    </row>
    <row r="20064">
      <c r="A20064" s="1">
        <v>4.9079149E8</v>
      </c>
      <c r="B20064" s="2">
        <v>16853.0</v>
      </c>
      <c r="C20064" s="1" t="s">
        <v>5</v>
      </c>
      <c r="D20064" s="1" t="s">
        <v>17011</v>
      </c>
      <c r="E20064" s="1" t="s">
        <v>11</v>
      </c>
    </row>
    <row r="20065">
      <c r="A20065" s="1">
        <v>4.90791511E8</v>
      </c>
      <c r="B20065" s="2">
        <v>16891.0</v>
      </c>
      <c r="C20065" s="1" t="s">
        <v>5</v>
      </c>
      <c r="D20065" s="1" t="s">
        <v>17012</v>
      </c>
      <c r="E20065" s="1" t="s">
        <v>7</v>
      </c>
    </row>
    <row r="20066">
      <c r="A20066" s="1">
        <v>4.90791609E8</v>
      </c>
      <c r="B20066" s="2">
        <v>16842.0</v>
      </c>
      <c r="C20066" s="1" t="s">
        <v>5</v>
      </c>
      <c r="D20066" s="1" t="s">
        <v>17013</v>
      </c>
      <c r="E20066" s="1" t="s">
        <v>11</v>
      </c>
    </row>
    <row r="20067">
      <c r="A20067" s="1">
        <v>4.90791644E8</v>
      </c>
      <c r="B20067" s="2">
        <v>16911.0</v>
      </c>
      <c r="C20067" s="1" t="s">
        <v>5</v>
      </c>
      <c r="D20067" s="1" t="s">
        <v>17014</v>
      </c>
      <c r="E20067" s="1" t="s">
        <v>7</v>
      </c>
    </row>
    <row r="20068">
      <c r="A20068" s="1">
        <v>4.90791685E8</v>
      </c>
      <c r="B20068" s="2">
        <v>16871.0</v>
      </c>
      <c r="C20068" s="1" t="s">
        <v>5</v>
      </c>
      <c r="D20068" s="1" t="s">
        <v>17015</v>
      </c>
      <c r="E20068" s="1" t="s">
        <v>11</v>
      </c>
    </row>
    <row r="20069">
      <c r="A20069" s="1">
        <v>4.90791691E8</v>
      </c>
      <c r="B20069" s="2">
        <v>16840.0</v>
      </c>
      <c r="C20069" s="1" t="s">
        <v>5</v>
      </c>
      <c r="D20069" s="1" t="s">
        <v>11</v>
      </c>
      <c r="E20069" s="1" t="s">
        <v>7</v>
      </c>
    </row>
    <row r="20070">
      <c r="A20070" s="1">
        <v>4.90791726E8</v>
      </c>
      <c r="B20070" s="2">
        <v>16814.0</v>
      </c>
      <c r="C20070" s="1" t="s">
        <v>5</v>
      </c>
      <c r="D20070" s="1" t="s">
        <v>17016</v>
      </c>
      <c r="E20070" s="1" t="s">
        <v>11</v>
      </c>
    </row>
    <row r="20071">
      <c r="A20071" s="1">
        <v>4.90791892E8</v>
      </c>
      <c r="B20071" s="2">
        <v>16839.0</v>
      </c>
      <c r="C20071" s="1" t="s">
        <v>5</v>
      </c>
      <c r="D20071" s="1" t="s">
        <v>11</v>
      </c>
      <c r="E20071" s="1" t="s">
        <v>7</v>
      </c>
    </row>
    <row r="20072">
      <c r="A20072" s="1">
        <v>4.90791937E8</v>
      </c>
      <c r="B20072" s="2">
        <v>16904.0</v>
      </c>
      <c r="C20072" s="1" t="s">
        <v>5</v>
      </c>
      <c r="D20072" s="1" t="s">
        <v>17017</v>
      </c>
      <c r="E20072" s="1" t="s">
        <v>7</v>
      </c>
    </row>
    <row r="20073">
      <c r="A20073" s="1">
        <v>4.90792008E8</v>
      </c>
      <c r="B20073" s="2">
        <v>16857.0</v>
      </c>
      <c r="C20073" s="1" t="s">
        <v>5</v>
      </c>
      <c r="D20073" s="1" t="s">
        <v>17018</v>
      </c>
      <c r="E20073" s="1" t="s">
        <v>11</v>
      </c>
    </row>
    <row r="20074">
      <c r="A20074" s="1">
        <v>4.90792009E8</v>
      </c>
      <c r="B20074" s="2">
        <v>16805.0</v>
      </c>
      <c r="C20074" s="1" t="s">
        <v>5</v>
      </c>
      <c r="D20074" s="1" t="s">
        <v>17019</v>
      </c>
      <c r="E20074" s="1" t="s">
        <v>7</v>
      </c>
    </row>
    <row r="20075">
      <c r="A20075" s="1">
        <v>4.90792033E8</v>
      </c>
      <c r="B20075" s="2">
        <v>16870.0</v>
      </c>
      <c r="C20075" s="1" t="s">
        <v>5</v>
      </c>
      <c r="D20075" s="1" t="s">
        <v>17020</v>
      </c>
      <c r="E20075" s="1" t="s">
        <v>7</v>
      </c>
    </row>
    <row r="20076">
      <c r="A20076" s="1">
        <v>4.90792055E8</v>
      </c>
      <c r="B20076" s="2">
        <v>16857.0</v>
      </c>
      <c r="C20076" s="1" t="s">
        <v>5</v>
      </c>
      <c r="D20076" s="1" t="s">
        <v>17021</v>
      </c>
      <c r="E20076" s="1" t="s">
        <v>7</v>
      </c>
    </row>
    <row r="20077">
      <c r="A20077" s="1">
        <v>4.90792067E8</v>
      </c>
      <c r="B20077" s="2">
        <v>16849.0</v>
      </c>
      <c r="C20077" s="1" t="s">
        <v>5</v>
      </c>
      <c r="D20077" s="1" t="s">
        <v>17022</v>
      </c>
      <c r="E20077" s="1" t="s">
        <v>7</v>
      </c>
    </row>
    <row r="20078">
      <c r="A20078" s="1">
        <v>4.90792082E8</v>
      </c>
      <c r="B20078" s="2">
        <v>16920.0</v>
      </c>
      <c r="C20078" s="1" t="s">
        <v>5</v>
      </c>
      <c r="D20078" s="1" t="s">
        <v>11</v>
      </c>
      <c r="E20078" s="1" t="s">
        <v>7</v>
      </c>
    </row>
    <row r="20079">
      <c r="A20079" s="1">
        <v>4.90792102E8</v>
      </c>
      <c r="B20079" s="2">
        <v>16849.0</v>
      </c>
      <c r="C20079" s="1" t="s">
        <v>5</v>
      </c>
      <c r="D20079" s="1" t="s">
        <v>17023</v>
      </c>
      <c r="E20079" s="1" t="s">
        <v>7</v>
      </c>
    </row>
    <row r="20080">
      <c r="A20080" s="1">
        <v>4.90792116E8</v>
      </c>
      <c r="B20080" s="2">
        <v>16838.0</v>
      </c>
      <c r="C20080" s="1" t="s">
        <v>5</v>
      </c>
      <c r="D20080" s="1" t="s">
        <v>17024</v>
      </c>
      <c r="E20080" s="1" t="s">
        <v>11</v>
      </c>
    </row>
    <row r="20081">
      <c r="A20081" s="1">
        <v>4.90792157E8</v>
      </c>
      <c r="B20081" s="2">
        <v>16906.0</v>
      </c>
      <c r="C20081" s="1" t="s">
        <v>5</v>
      </c>
      <c r="D20081" s="1" t="s">
        <v>17025</v>
      </c>
      <c r="E20081" s="1" t="s">
        <v>7</v>
      </c>
    </row>
    <row r="20082">
      <c r="A20082" s="1">
        <v>4.90792181E8</v>
      </c>
      <c r="B20082" s="2">
        <v>16908.0</v>
      </c>
      <c r="C20082" s="1" t="s">
        <v>5</v>
      </c>
      <c r="D20082" s="1" t="s">
        <v>11</v>
      </c>
      <c r="E20082" s="1" t="s">
        <v>7</v>
      </c>
    </row>
    <row r="20083">
      <c r="A20083" s="1">
        <v>4.90792191E8</v>
      </c>
      <c r="B20083" s="2">
        <v>16854.0</v>
      </c>
      <c r="C20083" s="1" t="s">
        <v>5</v>
      </c>
      <c r="D20083" s="1" t="s">
        <v>17026</v>
      </c>
      <c r="E20083" s="1" t="s">
        <v>7</v>
      </c>
    </row>
    <row r="20084">
      <c r="A20084" s="1">
        <v>4.90792201E8</v>
      </c>
      <c r="B20084" s="2">
        <v>16849.0</v>
      </c>
      <c r="C20084" s="1" t="s">
        <v>5</v>
      </c>
      <c r="D20084" s="1" t="s">
        <v>11</v>
      </c>
      <c r="E20084" s="1" t="s">
        <v>7</v>
      </c>
    </row>
    <row r="20085">
      <c r="A20085" s="1">
        <v>4.90792209E8</v>
      </c>
      <c r="B20085" s="2">
        <v>16834.0</v>
      </c>
      <c r="C20085" s="1" t="s">
        <v>5</v>
      </c>
      <c r="D20085" s="1" t="s">
        <v>17027</v>
      </c>
      <c r="E20085" s="1" t="s">
        <v>11</v>
      </c>
    </row>
    <row r="20086">
      <c r="A20086" s="1">
        <v>4.90792231E8</v>
      </c>
      <c r="B20086" s="2">
        <v>16901.0</v>
      </c>
      <c r="C20086" s="1" t="s">
        <v>5</v>
      </c>
      <c r="D20086" s="1" t="s">
        <v>17028</v>
      </c>
      <c r="E20086" s="1" t="s">
        <v>11</v>
      </c>
    </row>
    <row r="20087">
      <c r="A20087" s="1">
        <v>4.90792244E8</v>
      </c>
      <c r="B20087" s="2">
        <v>16867.0</v>
      </c>
      <c r="C20087" s="1" t="s">
        <v>5</v>
      </c>
      <c r="D20087" s="1" t="s">
        <v>17029</v>
      </c>
      <c r="E20087" s="1" t="s">
        <v>7</v>
      </c>
    </row>
    <row r="20088">
      <c r="A20088" s="1">
        <v>4.90792248E8</v>
      </c>
      <c r="B20088" s="2">
        <v>16852.0</v>
      </c>
      <c r="C20088" s="1" t="s">
        <v>5</v>
      </c>
      <c r="D20088" s="1" t="s">
        <v>17030</v>
      </c>
      <c r="E20088" s="1" t="s">
        <v>7</v>
      </c>
    </row>
    <row r="20089">
      <c r="A20089" s="1">
        <v>4.90792274E8</v>
      </c>
      <c r="B20089" s="2">
        <v>16803.0</v>
      </c>
      <c r="C20089" s="1" t="s">
        <v>5</v>
      </c>
      <c r="D20089" s="1" t="s">
        <v>14519</v>
      </c>
      <c r="E20089" s="1" t="s">
        <v>7</v>
      </c>
    </row>
    <row r="20090">
      <c r="A20090" s="1">
        <v>4.90792275E8</v>
      </c>
      <c r="B20090" s="2">
        <v>16901.0</v>
      </c>
      <c r="C20090" s="1" t="s">
        <v>5</v>
      </c>
      <c r="D20090" s="1" t="s">
        <v>17031</v>
      </c>
      <c r="E20090" s="1" t="s">
        <v>7</v>
      </c>
    </row>
    <row r="20091">
      <c r="A20091" s="1">
        <v>4.90792331E8</v>
      </c>
      <c r="B20091" s="2">
        <v>16916.0</v>
      </c>
      <c r="C20091" s="1" t="s">
        <v>5</v>
      </c>
      <c r="D20091" s="1" t="s">
        <v>17032</v>
      </c>
      <c r="E20091" s="1" t="s">
        <v>7</v>
      </c>
    </row>
    <row r="20092">
      <c r="A20092" s="1">
        <v>4.90792406E8</v>
      </c>
      <c r="B20092" s="2">
        <v>16904.0</v>
      </c>
      <c r="C20092" s="1" t="s">
        <v>5</v>
      </c>
      <c r="D20092" s="1" t="s">
        <v>17033</v>
      </c>
      <c r="E20092" s="1" t="s">
        <v>7</v>
      </c>
    </row>
    <row r="20093">
      <c r="A20093" s="1">
        <v>4.90792439E8</v>
      </c>
      <c r="B20093" s="2">
        <v>16918.0</v>
      </c>
      <c r="C20093" s="1" t="s">
        <v>5</v>
      </c>
      <c r="D20093" s="1" t="s">
        <v>17034</v>
      </c>
      <c r="E20093" s="1" t="s">
        <v>11</v>
      </c>
    </row>
    <row r="20094">
      <c r="A20094" s="1">
        <v>4.90792482E8</v>
      </c>
      <c r="B20094" s="2">
        <v>16857.0</v>
      </c>
      <c r="C20094" s="1" t="s">
        <v>5</v>
      </c>
      <c r="D20094" s="1" t="s">
        <v>17035</v>
      </c>
      <c r="E20094" s="1" t="s">
        <v>11</v>
      </c>
    </row>
    <row r="20095">
      <c r="A20095" s="1">
        <v>4.90792497E8</v>
      </c>
      <c r="B20095" s="2">
        <v>16916.0</v>
      </c>
      <c r="C20095" s="1" t="s">
        <v>5</v>
      </c>
      <c r="D20095" s="1" t="s">
        <v>17036</v>
      </c>
      <c r="E20095" s="1" t="s">
        <v>7</v>
      </c>
    </row>
    <row r="20096">
      <c r="A20096" s="1">
        <v>4.90792501E8</v>
      </c>
      <c r="B20096" s="2">
        <v>16915.0</v>
      </c>
      <c r="C20096" s="1" t="s">
        <v>5</v>
      </c>
      <c r="D20096" s="1" t="s">
        <v>11</v>
      </c>
      <c r="E20096" s="1" t="s">
        <v>7</v>
      </c>
    </row>
    <row r="20097">
      <c r="A20097" s="1">
        <v>4.90792519E8</v>
      </c>
      <c r="B20097" s="2">
        <v>16808.0</v>
      </c>
      <c r="C20097" s="1" t="s">
        <v>5</v>
      </c>
      <c r="D20097" s="1" t="s">
        <v>17037</v>
      </c>
      <c r="E20097" s="1" t="s">
        <v>11</v>
      </c>
    </row>
    <row r="20098">
      <c r="A20098" s="1">
        <v>4.90792544E8</v>
      </c>
      <c r="B20098" s="2">
        <v>16898.0</v>
      </c>
      <c r="C20098" s="1" t="s">
        <v>5</v>
      </c>
      <c r="D20098" s="1" t="s">
        <v>17038</v>
      </c>
      <c r="E20098" s="1" t="s">
        <v>7</v>
      </c>
    </row>
    <row r="20099">
      <c r="A20099" s="1">
        <v>4.9079259E8</v>
      </c>
      <c r="B20099" s="2">
        <v>16860.0</v>
      </c>
      <c r="C20099" s="1" t="s">
        <v>5</v>
      </c>
      <c r="D20099" s="1" t="s">
        <v>17039</v>
      </c>
      <c r="E20099" s="1" t="s">
        <v>7</v>
      </c>
    </row>
    <row r="20100">
      <c r="A20100" s="1">
        <v>4.90792642E8</v>
      </c>
      <c r="B20100" s="2">
        <v>16808.0</v>
      </c>
      <c r="C20100" s="1" t="s">
        <v>5</v>
      </c>
      <c r="D20100" s="1" t="s">
        <v>17040</v>
      </c>
      <c r="E20100" s="1" t="s">
        <v>7</v>
      </c>
    </row>
    <row r="20101">
      <c r="A20101" s="1">
        <v>4.90792661E8</v>
      </c>
      <c r="B20101" s="2">
        <v>16913.0</v>
      </c>
      <c r="C20101" s="1" t="s">
        <v>5</v>
      </c>
      <c r="D20101" s="1" t="s">
        <v>11</v>
      </c>
      <c r="E20101" s="1" t="s">
        <v>7</v>
      </c>
    </row>
    <row r="20102">
      <c r="A20102" s="1">
        <v>4.9079269E8</v>
      </c>
      <c r="B20102" s="2">
        <v>16887.0</v>
      </c>
      <c r="C20102" s="1" t="s">
        <v>5</v>
      </c>
      <c r="D20102" s="1" t="s">
        <v>17041</v>
      </c>
      <c r="E20102" s="1" t="s">
        <v>17042</v>
      </c>
    </row>
    <row r="20103">
      <c r="A20103" s="1">
        <v>4.90792694E8</v>
      </c>
      <c r="B20103" s="2">
        <v>16903.0</v>
      </c>
      <c r="C20103" s="1" t="s">
        <v>5</v>
      </c>
      <c r="D20103" s="1" t="s">
        <v>17043</v>
      </c>
      <c r="E20103" s="1" t="s">
        <v>11</v>
      </c>
    </row>
    <row r="20104">
      <c r="A20104" s="1">
        <v>4.90792756E8</v>
      </c>
      <c r="B20104" s="2">
        <v>16901.0</v>
      </c>
      <c r="C20104" s="1" t="s">
        <v>5</v>
      </c>
      <c r="D20104" s="1" t="s">
        <v>11</v>
      </c>
      <c r="E20104" s="1" t="s">
        <v>7</v>
      </c>
    </row>
    <row r="20105">
      <c r="A20105" s="1">
        <v>4.90792762E8</v>
      </c>
      <c r="B20105" s="2">
        <v>16915.0</v>
      </c>
      <c r="C20105" s="1" t="s">
        <v>5</v>
      </c>
      <c r="D20105" s="1" t="s">
        <v>17044</v>
      </c>
      <c r="E20105" s="1" t="s">
        <v>7</v>
      </c>
    </row>
    <row r="20106">
      <c r="A20106" s="1">
        <v>4.90792766E8</v>
      </c>
      <c r="B20106" s="2">
        <v>16917.0</v>
      </c>
      <c r="C20106" s="1" t="s">
        <v>5</v>
      </c>
      <c r="D20106" s="1" t="s">
        <v>17045</v>
      </c>
      <c r="E20106" s="1" t="s">
        <v>17046</v>
      </c>
    </row>
    <row r="20107">
      <c r="A20107" s="1">
        <v>4.90792783E8</v>
      </c>
      <c r="B20107" s="2">
        <v>16849.0</v>
      </c>
      <c r="C20107" s="1" t="s">
        <v>5</v>
      </c>
      <c r="D20107" s="1" t="s">
        <v>11</v>
      </c>
      <c r="E20107" s="1" t="s">
        <v>7</v>
      </c>
    </row>
    <row r="20108">
      <c r="A20108" s="1">
        <v>4.90792805E8</v>
      </c>
      <c r="B20108" s="2">
        <v>16846.0</v>
      </c>
      <c r="C20108" s="1" t="s">
        <v>5</v>
      </c>
      <c r="D20108" s="1" t="s">
        <v>17047</v>
      </c>
      <c r="E20108" s="1" t="s">
        <v>11</v>
      </c>
    </row>
    <row r="20109">
      <c r="A20109" s="1">
        <v>4.90792854E8</v>
      </c>
      <c r="B20109" s="2">
        <v>16915.0</v>
      </c>
      <c r="C20109" s="1" t="s">
        <v>5</v>
      </c>
      <c r="D20109" s="1" t="s">
        <v>17048</v>
      </c>
      <c r="E20109" s="1" t="s">
        <v>11</v>
      </c>
    </row>
    <row r="20110">
      <c r="A20110" s="1">
        <v>4.90792857E8</v>
      </c>
      <c r="B20110" s="2">
        <v>16919.0</v>
      </c>
      <c r="C20110" s="1" t="s">
        <v>5</v>
      </c>
      <c r="D20110" s="1" t="s">
        <v>17049</v>
      </c>
      <c r="E20110" s="1" t="s">
        <v>11</v>
      </c>
    </row>
    <row r="20111">
      <c r="A20111" s="1">
        <v>4.90792911E8</v>
      </c>
      <c r="B20111" s="2">
        <v>16847.0</v>
      </c>
      <c r="C20111" s="1" t="s">
        <v>5</v>
      </c>
      <c r="D20111" s="1" t="s">
        <v>17050</v>
      </c>
      <c r="E20111" s="1" t="s">
        <v>7</v>
      </c>
    </row>
    <row r="20112">
      <c r="A20112" s="1">
        <v>4.90792962E8</v>
      </c>
      <c r="B20112" s="2">
        <v>16913.0</v>
      </c>
      <c r="C20112" s="1" t="s">
        <v>5</v>
      </c>
      <c r="D20112" s="1" t="s">
        <v>17051</v>
      </c>
      <c r="E20112" s="1" t="s">
        <v>7</v>
      </c>
    </row>
    <row r="20113">
      <c r="A20113" s="1">
        <v>4.90793002E8</v>
      </c>
      <c r="B20113" s="2">
        <v>16913.0</v>
      </c>
      <c r="C20113" s="1" t="s">
        <v>5</v>
      </c>
      <c r="D20113" s="1" t="s">
        <v>17052</v>
      </c>
      <c r="E20113" s="1" t="s">
        <v>7</v>
      </c>
    </row>
    <row r="20114">
      <c r="A20114" s="1">
        <v>4.90793005E8</v>
      </c>
      <c r="B20114" s="2">
        <v>16895.0</v>
      </c>
      <c r="C20114" s="1" t="s">
        <v>5</v>
      </c>
      <c r="D20114" s="1" t="s">
        <v>11</v>
      </c>
      <c r="E20114" s="1" t="s">
        <v>7</v>
      </c>
    </row>
    <row r="20115">
      <c r="A20115" s="1">
        <v>4.90793049E8</v>
      </c>
      <c r="B20115" s="2">
        <v>16848.0</v>
      </c>
      <c r="C20115" s="1" t="s">
        <v>5</v>
      </c>
      <c r="D20115" s="1" t="s">
        <v>17053</v>
      </c>
      <c r="E20115" s="1" t="s">
        <v>7</v>
      </c>
    </row>
    <row r="20116">
      <c r="A20116" s="1">
        <v>4.90793154E8</v>
      </c>
      <c r="B20116" s="2">
        <v>16840.0</v>
      </c>
      <c r="C20116" s="1" t="s">
        <v>5</v>
      </c>
      <c r="D20116" s="1" t="s">
        <v>17054</v>
      </c>
      <c r="E20116" s="1" t="s">
        <v>7</v>
      </c>
    </row>
    <row r="20117">
      <c r="A20117" s="1">
        <v>4.90793163E8</v>
      </c>
      <c r="B20117" s="2">
        <v>16843.0</v>
      </c>
      <c r="C20117" s="1" t="s">
        <v>5</v>
      </c>
      <c r="D20117" s="1" t="s">
        <v>17055</v>
      </c>
      <c r="E20117" s="1" t="s">
        <v>7</v>
      </c>
    </row>
    <row r="20118">
      <c r="A20118" s="1">
        <v>4.90793183E8</v>
      </c>
      <c r="B20118" s="2">
        <v>16845.0</v>
      </c>
      <c r="C20118" s="1" t="s">
        <v>5</v>
      </c>
      <c r="D20118" s="1" t="s">
        <v>11</v>
      </c>
      <c r="E20118" s="1" t="s">
        <v>7</v>
      </c>
    </row>
    <row r="20119">
      <c r="A20119" s="1">
        <v>4.90793194E8</v>
      </c>
      <c r="B20119" s="2">
        <v>16843.0</v>
      </c>
      <c r="C20119" s="1" t="s">
        <v>5</v>
      </c>
      <c r="D20119" s="1" t="s">
        <v>17056</v>
      </c>
      <c r="E20119" s="1" t="s">
        <v>7</v>
      </c>
    </row>
    <row r="20120">
      <c r="A20120" s="1">
        <v>4.90793196E8</v>
      </c>
      <c r="B20120" s="2">
        <v>16915.0</v>
      </c>
      <c r="C20120" s="1" t="s">
        <v>5</v>
      </c>
      <c r="D20120" s="1" t="s">
        <v>17057</v>
      </c>
      <c r="E20120" s="1" t="s">
        <v>11</v>
      </c>
    </row>
    <row r="20121">
      <c r="A20121" s="1">
        <v>4.90793201E8</v>
      </c>
      <c r="B20121" s="2">
        <v>16850.0</v>
      </c>
      <c r="C20121" s="1" t="s">
        <v>5</v>
      </c>
      <c r="D20121" s="1" t="s">
        <v>17058</v>
      </c>
      <c r="E20121" s="1" t="s">
        <v>7</v>
      </c>
    </row>
    <row r="20122">
      <c r="A20122" s="1">
        <v>4.90793209E8</v>
      </c>
      <c r="B20122" s="3">
        <v>16953.0</v>
      </c>
      <c r="C20122" s="1" t="s">
        <v>5</v>
      </c>
      <c r="D20122" s="1" t="s">
        <v>17059</v>
      </c>
      <c r="E20122" s="1" t="s">
        <v>11</v>
      </c>
    </row>
    <row r="20123">
      <c r="A20123" s="1">
        <v>4.90793236E8</v>
      </c>
      <c r="B20123" s="2">
        <v>16916.0</v>
      </c>
      <c r="C20123" s="1" t="s">
        <v>5</v>
      </c>
      <c r="D20123" s="1" t="s">
        <v>17060</v>
      </c>
      <c r="E20123" s="1" t="s">
        <v>7</v>
      </c>
    </row>
    <row r="20124">
      <c r="A20124" s="1">
        <v>4.90793258E8</v>
      </c>
      <c r="B20124" s="2">
        <v>16906.0</v>
      </c>
      <c r="C20124" s="1" t="s">
        <v>5</v>
      </c>
      <c r="D20124" s="1" t="s">
        <v>17061</v>
      </c>
      <c r="E20124" s="1" t="s">
        <v>7</v>
      </c>
    </row>
    <row r="20125">
      <c r="A20125" s="1">
        <v>4.90793269E8</v>
      </c>
      <c r="B20125" s="2">
        <v>16803.0</v>
      </c>
      <c r="C20125" s="1" t="s">
        <v>5</v>
      </c>
      <c r="D20125" s="1" t="s">
        <v>11</v>
      </c>
      <c r="E20125" s="1" t="s">
        <v>7</v>
      </c>
    </row>
    <row r="20126">
      <c r="A20126" s="1">
        <v>4.90793273E8</v>
      </c>
      <c r="B20126" s="2">
        <v>16843.0</v>
      </c>
      <c r="C20126" s="1" t="s">
        <v>5</v>
      </c>
      <c r="D20126" s="1" t="s">
        <v>17062</v>
      </c>
      <c r="E20126" s="1" t="s">
        <v>11</v>
      </c>
    </row>
    <row r="20127">
      <c r="A20127" s="1">
        <v>4.90793286E8</v>
      </c>
      <c r="B20127" s="2">
        <v>16912.0</v>
      </c>
      <c r="C20127" s="1" t="s">
        <v>5</v>
      </c>
      <c r="D20127" s="1" t="s">
        <v>17063</v>
      </c>
      <c r="E20127" s="1" t="s">
        <v>17064</v>
      </c>
    </row>
    <row r="20128">
      <c r="A20128" s="1">
        <v>4.90793287E8</v>
      </c>
      <c r="B20128" s="2">
        <v>16897.0</v>
      </c>
      <c r="C20128" s="1" t="s">
        <v>5</v>
      </c>
      <c r="D20128" s="1" t="s">
        <v>17065</v>
      </c>
      <c r="E20128" s="1" t="s">
        <v>7</v>
      </c>
    </row>
    <row r="20129">
      <c r="A20129" s="1">
        <v>4.90793321E8</v>
      </c>
      <c r="B20129" s="2">
        <v>16848.0</v>
      </c>
      <c r="C20129" s="1" t="s">
        <v>5</v>
      </c>
      <c r="D20129" s="1" t="s">
        <v>11</v>
      </c>
      <c r="E20129" s="1" t="s">
        <v>7</v>
      </c>
    </row>
    <row r="20130">
      <c r="A20130" s="1">
        <v>4.90793322E8</v>
      </c>
      <c r="B20130" s="2">
        <v>16920.0</v>
      </c>
      <c r="C20130" s="1" t="s">
        <v>5</v>
      </c>
      <c r="D20130" s="1" t="s">
        <v>11</v>
      </c>
      <c r="E20130" s="1" t="s">
        <v>7</v>
      </c>
    </row>
    <row r="20131">
      <c r="A20131" s="1">
        <v>4.90793438E8</v>
      </c>
      <c r="B20131" s="3">
        <v>16951.0</v>
      </c>
      <c r="C20131" s="1" t="s">
        <v>5</v>
      </c>
      <c r="D20131" s="1" t="s">
        <v>17066</v>
      </c>
      <c r="E20131" s="1" t="s">
        <v>17067</v>
      </c>
    </row>
    <row r="20132">
      <c r="A20132" s="1">
        <v>4.90793449E8</v>
      </c>
      <c r="B20132" s="2">
        <v>16911.0</v>
      </c>
      <c r="C20132" s="1" t="s">
        <v>5</v>
      </c>
      <c r="D20132" s="1" t="s">
        <v>17068</v>
      </c>
      <c r="E20132" s="1" t="s">
        <v>17069</v>
      </c>
    </row>
    <row r="20133">
      <c r="A20133" s="1">
        <v>4.90793454E8</v>
      </c>
      <c r="B20133" s="3">
        <v>16951.0</v>
      </c>
      <c r="C20133" s="1" t="s">
        <v>5</v>
      </c>
      <c r="D20133" s="1" t="s">
        <v>17070</v>
      </c>
      <c r="E20133" s="1" t="s">
        <v>7</v>
      </c>
    </row>
    <row r="20134">
      <c r="A20134" s="1">
        <v>4.90793461E8</v>
      </c>
      <c r="B20134" s="2">
        <v>16905.0</v>
      </c>
      <c r="C20134" s="1" t="s">
        <v>5</v>
      </c>
      <c r="D20134" s="1" t="s">
        <v>17071</v>
      </c>
      <c r="E20134" s="1" t="s">
        <v>7</v>
      </c>
    </row>
    <row r="20135">
      <c r="A20135" s="1">
        <v>4.90793462E8</v>
      </c>
      <c r="B20135" s="2">
        <v>16919.0</v>
      </c>
      <c r="C20135" s="1" t="s">
        <v>5</v>
      </c>
      <c r="D20135" s="1" t="s">
        <v>17072</v>
      </c>
      <c r="E20135" s="1" t="s">
        <v>11</v>
      </c>
    </row>
    <row r="20136">
      <c r="A20136" s="1">
        <v>4.90793475E8</v>
      </c>
      <c r="B20136" s="2">
        <v>16897.0</v>
      </c>
      <c r="C20136" s="1" t="s">
        <v>5</v>
      </c>
      <c r="D20136" s="1" t="s">
        <v>17073</v>
      </c>
      <c r="E20136" s="1" t="s">
        <v>7</v>
      </c>
    </row>
    <row r="20137">
      <c r="A20137" s="1">
        <v>4.90793481E8</v>
      </c>
      <c r="B20137" s="2">
        <v>16842.0</v>
      </c>
      <c r="C20137" s="1" t="s">
        <v>5</v>
      </c>
      <c r="D20137" s="1" t="s">
        <v>17074</v>
      </c>
      <c r="E20137" s="1" t="s">
        <v>11</v>
      </c>
    </row>
    <row r="20138">
      <c r="A20138" s="1">
        <v>4.90793488E8</v>
      </c>
      <c r="B20138" s="2">
        <v>16910.0</v>
      </c>
      <c r="C20138" s="1" t="s">
        <v>5</v>
      </c>
      <c r="D20138" s="1" t="s">
        <v>17075</v>
      </c>
      <c r="E20138" s="1" t="s">
        <v>7</v>
      </c>
    </row>
    <row r="20139">
      <c r="A20139" s="1">
        <v>4.90793502E8</v>
      </c>
      <c r="B20139" s="2">
        <v>16860.0</v>
      </c>
      <c r="C20139" s="1" t="s">
        <v>5</v>
      </c>
      <c r="D20139" s="1" t="s">
        <v>17076</v>
      </c>
      <c r="E20139" s="1" t="s">
        <v>7</v>
      </c>
    </row>
    <row r="20140">
      <c r="A20140" s="1">
        <v>4.90793504E8</v>
      </c>
      <c r="B20140" s="2">
        <v>16841.0</v>
      </c>
      <c r="C20140" s="1" t="s">
        <v>5</v>
      </c>
      <c r="D20140" s="1" t="s">
        <v>17077</v>
      </c>
      <c r="E20140" s="1" t="s">
        <v>17078</v>
      </c>
    </row>
    <row r="20141">
      <c r="A20141" s="1">
        <v>4.90793595E8</v>
      </c>
      <c r="B20141" s="2">
        <v>16910.0</v>
      </c>
      <c r="C20141" s="1" t="s">
        <v>5</v>
      </c>
      <c r="D20141" s="1" t="s">
        <v>11</v>
      </c>
      <c r="E20141" s="1" t="s">
        <v>7</v>
      </c>
    </row>
    <row r="20142">
      <c r="A20142" s="1">
        <v>4.90793635E8</v>
      </c>
      <c r="B20142" s="2">
        <v>16845.0</v>
      </c>
      <c r="C20142" s="1" t="s">
        <v>5</v>
      </c>
      <c r="D20142" s="1" t="s">
        <v>17079</v>
      </c>
      <c r="E20142" s="1" t="s">
        <v>7</v>
      </c>
    </row>
    <row r="20143">
      <c r="A20143" s="1">
        <v>4.90793649E8</v>
      </c>
      <c r="B20143" s="2">
        <v>16857.0</v>
      </c>
      <c r="C20143" s="1" t="s">
        <v>5</v>
      </c>
      <c r="D20143" s="1" t="s">
        <v>17080</v>
      </c>
      <c r="E20143" s="1" t="s">
        <v>17081</v>
      </c>
    </row>
    <row r="20144">
      <c r="A20144" s="1">
        <v>4.90793667E8</v>
      </c>
      <c r="B20144" s="2">
        <v>16903.0</v>
      </c>
      <c r="C20144" s="1" t="s">
        <v>5</v>
      </c>
      <c r="D20144" s="1" t="s">
        <v>17082</v>
      </c>
      <c r="E20144" s="1" t="s">
        <v>7</v>
      </c>
    </row>
    <row r="20145">
      <c r="A20145" s="1">
        <v>4.90793683E8</v>
      </c>
      <c r="B20145" s="2">
        <v>16891.0</v>
      </c>
      <c r="C20145" s="1" t="s">
        <v>5</v>
      </c>
      <c r="D20145" s="1" t="s">
        <v>17083</v>
      </c>
      <c r="E20145" s="1" t="s">
        <v>17084</v>
      </c>
    </row>
    <row r="20146">
      <c r="A20146" s="1">
        <v>4.90793688E8</v>
      </c>
      <c r="B20146" s="2">
        <v>16846.0</v>
      </c>
      <c r="C20146" s="1" t="s">
        <v>5</v>
      </c>
      <c r="D20146" s="1" t="s">
        <v>17085</v>
      </c>
      <c r="E20146" s="1" t="s">
        <v>7</v>
      </c>
    </row>
    <row r="20147">
      <c r="A20147" s="1">
        <v>4.90793725E8</v>
      </c>
      <c r="B20147" s="2">
        <v>16909.0</v>
      </c>
      <c r="C20147" s="1" t="s">
        <v>5</v>
      </c>
      <c r="D20147" s="1" t="s">
        <v>17086</v>
      </c>
      <c r="E20147" s="1" t="s">
        <v>7</v>
      </c>
    </row>
    <row r="20148">
      <c r="A20148" s="1">
        <v>4.907938E8</v>
      </c>
      <c r="B20148" s="2">
        <v>16901.0</v>
      </c>
      <c r="C20148" s="1" t="s">
        <v>5</v>
      </c>
      <c r="D20148" s="1" t="s">
        <v>17087</v>
      </c>
      <c r="E20148" s="1" t="s">
        <v>17088</v>
      </c>
    </row>
    <row r="20149">
      <c r="A20149" s="1">
        <v>4.90793804E8</v>
      </c>
      <c r="B20149" s="2">
        <v>16894.0</v>
      </c>
      <c r="C20149" s="1" t="s">
        <v>5</v>
      </c>
      <c r="D20149" s="1" t="s">
        <v>11</v>
      </c>
      <c r="E20149" s="1" t="s">
        <v>7</v>
      </c>
    </row>
    <row r="20150">
      <c r="A20150" s="1">
        <v>4.90793808E8</v>
      </c>
      <c r="B20150" s="2">
        <v>16834.0</v>
      </c>
      <c r="C20150" s="1" t="s">
        <v>5</v>
      </c>
      <c r="D20150" s="1" t="s">
        <v>17089</v>
      </c>
      <c r="E20150" s="1" t="s">
        <v>7</v>
      </c>
    </row>
    <row r="20151">
      <c r="A20151" s="1">
        <v>4.90793968E8</v>
      </c>
      <c r="B20151" s="2">
        <v>16843.0</v>
      </c>
      <c r="C20151" s="1" t="s">
        <v>5</v>
      </c>
      <c r="D20151" s="1" t="s">
        <v>17090</v>
      </c>
      <c r="E20151" s="1" t="s">
        <v>11</v>
      </c>
    </row>
    <row r="20152">
      <c r="A20152" s="1">
        <v>4.90793969E8</v>
      </c>
      <c r="B20152" s="2">
        <v>16901.0</v>
      </c>
      <c r="C20152" s="1" t="s">
        <v>5</v>
      </c>
      <c r="D20152" s="1" t="s">
        <v>11</v>
      </c>
      <c r="E20152" s="1" t="s">
        <v>7</v>
      </c>
    </row>
    <row r="20153">
      <c r="A20153" s="1">
        <v>4.90794009E8</v>
      </c>
      <c r="B20153" s="2">
        <v>16973.0</v>
      </c>
      <c r="C20153" s="1" t="s">
        <v>5</v>
      </c>
      <c r="D20153" s="1" t="s">
        <v>17091</v>
      </c>
      <c r="E20153" s="1" t="s">
        <v>11</v>
      </c>
    </row>
    <row r="20154">
      <c r="A20154" s="1">
        <v>4.90794033E8</v>
      </c>
      <c r="B20154" s="2">
        <v>16845.0</v>
      </c>
      <c r="C20154" s="1" t="s">
        <v>5</v>
      </c>
      <c r="D20154" s="1" t="s">
        <v>17092</v>
      </c>
      <c r="E20154" s="1" t="s">
        <v>7</v>
      </c>
    </row>
    <row r="20155">
      <c r="A20155" s="1">
        <v>4.90794067E8</v>
      </c>
      <c r="B20155" s="2">
        <v>16842.0</v>
      </c>
      <c r="C20155" s="1" t="s">
        <v>5</v>
      </c>
      <c r="D20155" s="1" t="s">
        <v>17093</v>
      </c>
      <c r="E20155" s="1" t="s">
        <v>7</v>
      </c>
    </row>
    <row r="20156">
      <c r="A20156" s="1">
        <v>4.90794084E8</v>
      </c>
      <c r="B20156" s="2">
        <v>16972.0</v>
      </c>
      <c r="C20156" s="1" t="s">
        <v>5</v>
      </c>
      <c r="D20156" s="1" t="s">
        <v>17094</v>
      </c>
      <c r="E20156" s="1" t="s">
        <v>17095</v>
      </c>
    </row>
    <row r="20157">
      <c r="A20157" s="1">
        <v>4.90794134E8</v>
      </c>
      <c r="B20157" s="3">
        <v>16946.0</v>
      </c>
      <c r="C20157" s="1" t="s">
        <v>5</v>
      </c>
      <c r="D20157" s="1" t="s">
        <v>17096</v>
      </c>
      <c r="E20157" s="1" t="s">
        <v>7</v>
      </c>
    </row>
    <row r="20158">
      <c r="A20158" s="1">
        <v>4.90794142E8</v>
      </c>
      <c r="B20158" s="2">
        <v>16899.0</v>
      </c>
      <c r="C20158" s="1" t="s">
        <v>5</v>
      </c>
      <c r="D20158" s="1" t="s">
        <v>17097</v>
      </c>
      <c r="E20158" s="1" t="s">
        <v>7</v>
      </c>
    </row>
    <row r="20159">
      <c r="A20159" s="1">
        <v>4.90794162E8</v>
      </c>
      <c r="B20159" s="2">
        <v>16852.0</v>
      </c>
      <c r="C20159" s="1" t="s">
        <v>5</v>
      </c>
      <c r="D20159" s="1" t="s">
        <v>17098</v>
      </c>
      <c r="E20159" s="1" t="s">
        <v>17099</v>
      </c>
    </row>
    <row r="20160">
      <c r="A20160" s="1">
        <v>4.90794201E8</v>
      </c>
      <c r="B20160" s="2">
        <v>16915.0</v>
      </c>
      <c r="C20160" s="1" t="s">
        <v>5</v>
      </c>
      <c r="D20160" s="1" t="s">
        <v>17100</v>
      </c>
      <c r="E20160" s="1" t="s">
        <v>17101</v>
      </c>
    </row>
    <row r="20161">
      <c r="A20161" s="1">
        <v>4.90794238E8</v>
      </c>
      <c r="B20161" s="2">
        <v>16904.0</v>
      </c>
      <c r="C20161" s="1" t="s">
        <v>5</v>
      </c>
      <c r="D20161" s="1" t="s">
        <v>17102</v>
      </c>
      <c r="E20161" s="1" t="s">
        <v>11</v>
      </c>
    </row>
    <row r="20162">
      <c r="A20162" s="1">
        <v>4.90794249E8</v>
      </c>
      <c r="B20162" s="2">
        <v>16838.0</v>
      </c>
      <c r="C20162" s="1" t="s">
        <v>5</v>
      </c>
      <c r="D20162" s="1" t="s">
        <v>17103</v>
      </c>
      <c r="E20162" s="1" t="s">
        <v>7</v>
      </c>
    </row>
    <row r="20163">
      <c r="A20163" s="1">
        <v>4.90794269E8</v>
      </c>
      <c r="B20163" s="2">
        <v>16898.0</v>
      </c>
      <c r="C20163" s="1" t="s">
        <v>5</v>
      </c>
      <c r="D20163" s="1" t="s">
        <v>17104</v>
      </c>
      <c r="E20163" s="1" t="s">
        <v>7</v>
      </c>
    </row>
    <row r="20164">
      <c r="A20164" s="1">
        <v>4.90794342E8</v>
      </c>
      <c r="B20164" s="2">
        <v>16834.0</v>
      </c>
      <c r="C20164" s="1" t="s">
        <v>5</v>
      </c>
      <c r="D20164" s="1" t="s">
        <v>17105</v>
      </c>
      <c r="E20164" s="1" t="s">
        <v>7</v>
      </c>
    </row>
    <row r="20165">
      <c r="A20165" s="1">
        <v>4.90794355E8</v>
      </c>
      <c r="B20165" s="2">
        <v>16909.0</v>
      </c>
      <c r="C20165" s="1" t="s">
        <v>5</v>
      </c>
      <c r="D20165" s="1" t="s">
        <v>17106</v>
      </c>
      <c r="E20165" s="1" t="s">
        <v>17107</v>
      </c>
    </row>
    <row r="20166">
      <c r="A20166" s="1">
        <v>4.90794403E8</v>
      </c>
      <c r="B20166" s="2">
        <v>16979.0</v>
      </c>
      <c r="C20166" s="1" t="s">
        <v>5</v>
      </c>
      <c r="D20166" s="1" t="s">
        <v>17108</v>
      </c>
      <c r="E20166" s="1" t="s">
        <v>7</v>
      </c>
    </row>
    <row r="20167">
      <c r="A20167" s="1">
        <v>4.90794405E8</v>
      </c>
      <c r="B20167" s="2">
        <v>16897.0</v>
      </c>
      <c r="C20167" s="1" t="s">
        <v>5</v>
      </c>
      <c r="D20167" s="1" t="s">
        <v>11</v>
      </c>
      <c r="E20167" s="1" t="s">
        <v>7</v>
      </c>
    </row>
    <row r="20168">
      <c r="A20168" s="1">
        <v>4.90794516E8</v>
      </c>
      <c r="B20168" s="2">
        <v>16910.0</v>
      </c>
      <c r="C20168" s="1" t="s">
        <v>5</v>
      </c>
      <c r="D20168" s="1" t="s">
        <v>17109</v>
      </c>
      <c r="E20168" s="1" t="s">
        <v>7</v>
      </c>
    </row>
    <row r="20169">
      <c r="A20169" s="1">
        <v>4.90794528E8</v>
      </c>
      <c r="B20169" s="2">
        <v>16899.0</v>
      </c>
      <c r="C20169" s="1" t="s">
        <v>5</v>
      </c>
      <c r="D20169" s="1" t="s">
        <v>17110</v>
      </c>
      <c r="E20169" s="1" t="s">
        <v>7</v>
      </c>
    </row>
    <row r="20170">
      <c r="A20170" s="1">
        <v>4.90794582E8</v>
      </c>
      <c r="B20170" s="2">
        <v>16905.0</v>
      </c>
      <c r="C20170" s="1" t="s">
        <v>5</v>
      </c>
      <c r="D20170" s="1" t="s">
        <v>17111</v>
      </c>
      <c r="E20170" s="1" t="s">
        <v>7</v>
      </c>
    </row>
    <row r="20171">
      <c r="A20171" s="1">
        <v>4.90794598E8</v>
      </c>
      <c r="B20171" s="3">
        <v>16950.0</v>
      </c>
      <c r="C20171" s="1" t="s">
        <v>5</v>
      </c>
      <c r="D20171" s="1" t="s">
        <v>17112</v>
      </c>
      <c r="E20171" s="1" t="s">
        <v>7</v>
      </c>
    </row>
    <row r="20172">
      <c r="A20172" s="1">
        <v>4.90794608E8</v>
      </c>
      <c r="B20172" s="2">
        <v>16965.0</v>
      </c>
      <c r="C20172" s="1" t="s">
        <v>5</v>
      </c>
      <c r="D20172" s="1" t="s">
        <v>17113</v>
      </c>
      <c r="E20172" s="1" t="s">
        <v>7</v>
      </c>
    </row>
    <row r="20173">
      <c r="A20173" s="1">
        <v>4.90794609E8</v>
      </c>
      <c r="B20173" s="2">
        <v>16895.0</v>
      </c>
      <c r="C20173" s="1" t="s">
        <v>5</v>
      </c>
      <c r="D20173" s="1" t="s">
        <v>17114</v>
      </c>
      <c r="E20173" s="1" t="s">
        <v>7</v>
      </c>
    </row>
    <row r="20174">
      <c r="A20174" s="1">
        <v>4.90794614E8</v>
      </c>
      <c r="B20174" s="2">
        <v>16840.0</v>
      </c>
      <c r="C20174" s="1" t="s">
        <v>5</v>
      </c>
      <c r="D20174" s="1" t="s">
        <v>17115</v>
      </c>
      <c r="E20174" s="1" t="s">
        <v>7</v>
      </c>
    </row>
    <row r="20175">
      <c r="A20175" s="1">
        <v>4.90794698E8</v>
      </c>
      <c r="B20175" s="2">
        <v>16964.0</v>
      </c>
      <c r="C20175" s="1" t="s">
        <v>5</v>
      </c>
      <c r="D20175" s="1" t="s">
        <v>17116</v>
      </c>
      <c r="E20175" s="1" t="s">
        <v>7</v>
      </c>
    </row>
    <row r="20176">
      <c r="A20176" s="1">
        <v>4.90794781E8</v>
      </c>
      <c r="B20176" s="3">
        <v>16941.0</v>
      </c>
      <c r="C20176" s="1" t="s">
        <v>5</v>
      </c>
      <c r="D20176" s="1" t="s">
        <v>17117</v>
      </c>
      <c r="E20176" s="1" t="s">
        <v>7</v>
      </c>
    </row>
    <row r="20177">
      <c r="A20177" s="1">
        <v>4.90794782E8</v>
      </c>
      <c r="B20177" s="2">
        <v>16973.0</v>
      </c>
      <c r="C20177" s="1" t="s">
        <v>5</v>
      </c>
      <c r="D20177" s="1" t="s">
        <v>17118</v>
      </c>
      <c r="E20177" s="1" t="s">
        <v>7</v>
      </c>
    </row>
    <row r="20178">
      <c r="A20178" s="1">
        <v>4.90794796E8</v>
      </c>
      <c r="B20178" s="2">
        <v>16904.0</v>
      </c>
      <c r="C20178" s="1" t="s">
        <v>5</v>
      </c>
      <c r="D20178" s="1" t="s">
        <v>17119</v>
      </c>
      <c r="E20178" s="1" t="s">
        <v>7</v>
      </c>
    </row>
    <row r="20179">
      <c r="A20179" s="1">
        <v>4.90794885E8</v>
      </c>
      <c r="B20179" s="2">
        <v>16834.0</v>
      </c>
      <c r="C20179" s="1" t="s">
        <v>5</v>
      </c>
      <c r="D20179" s="1" t="s">
        <v>17120</v>
      </c>
      <c r="E20179" s="1" t="s">
        <v>11</v>
      </c>
    </row>
    <row r="20180">
      <c r="A20180" s="1">
        <v>4.90794924E8</v>
      </c>
      <c r="B20180" s="2">
        <v>16838.0</v>
      </c>
      <c r="C20180" s="1" t="s">
        <v>5</v>
      </c>
      <c r="D20180" s="1" t="s">
        <v>17121</v>
      </c>
      <c r="E20180" s="1" t="s">
        <v>7</v>
      </c>
    </row>
    <row r="20181">
      <c r="A20181" s="1">
        <v>4.90795005E8</v>
      </c>
      <c r="B20181" s="2">
        <v>16895.0</v>
      </c>
      <c r="C20181" s="1" t="s">
        <v>5</v>
      </c>
      <c r="D20181" s="1" t="s">
        <v>17122</v>
      </c>
      <c r="E20181" s="1" t="s">
        <v>7</v>
      </c>
    </row>
    <row r="20182">
      <c r="A20182" s="1">
        <v>4.90795083E8</v>
      </c>
      <c r="B20182" s="2">
        <v>16969.0</v>
      </c>
      <c r="C20182" s="1" t="s">
        <v>5</v>
      </c>
      <c r="D20182" s="1" t="s">
        <v>17123</v>
      </c>
      <c r="E20182" s="1" t="s">
        <v>17124</v>
      </c>
    </row>
    <row r="20183">
      <c r="A20183" s="1">
        <v>4.90795109E8</v>
      </c>
      <c r="B20183" s="3">
        <v>16938.0</v>
      </c>
      <c r="C20183" s="1" t="s">
        <v>5</v>
      </c>
      <c r="D20183" s="1" t="s">
        <v>17125</v>
      </c>
      <c r="E20183" s="1" t="s">
        <v>7</v>
      </c>
    </row>
    <row r="20184">
      <c r="A20184" s="1">
        <v>4.90795123E8</v>
      </c>
      <c r="B20184" s="2">
        <v>16973.0</v>
      </c>
      <c r="C20184" s="1" t="s">
        <v>5</v>
      </c>
      <c r="D20184" s="1" t="s">
        <v>11</v>
      </c>
      <c r="E20184" s="1" t="s">
        <v>7</v>
      </c>
    </row>
    <row r="20185">
      <c r="A20185" s="1">
        <v>4.90795155E8</v>
      </c>
      <c r="B20185" s="2">
        <v>16957.0</v>
      </c>
      <c r="C20185" s="1" t="s">
        <v>5</v>
      </c>
      <c r="D20185" s="1" t="s">
        <v>17126</v>
      </c>
      <c r="E20185" s="1" t="s">
        <v>11</v>
      </c>
    </row>
    <row r="20186">
      <c r="A20186" s="1">
        <v>4.90795202E8</v>
      </c>
      <c r="B20186" s="2">
        <v>16969.0</v>
      </c>
      <c r="C20186" s="1" t="s">
        <v>5</v>
      </c>
      <c r="D20186" s="1" t="s">
        <v>17127</v>
      </c>
      <c r="E20186" s="1" t="s">
        <v>7</v>
      </c>
    </row>
    <row r="20187">
      <c r="A20187" s="1">
        <v>4.90795322E8</v>
      </c>
      <c r="B20187" s="2">
        <v>16973.0</v>
      </c>
      <c r="C20187" s="1" t="s">
        <v>5</v>
      </c>
      <c r="D20187" s="1" t="s">
        <v>11</v>
      </c>
      <c r="E20187" s="1" t="s">
        <v>7</v>
      </c>
    </row>
    <row r="20188">
      <c r="A20188" s="1">
        <v>4.9079538E8</v>
      </c>
      <c r="B20188" s="3">
        <v>16943.0</v>
      </c>
      <c r="C20188" s="1" t="s">
        <v>5</v>
      </c>
      <c r="D20188" s="1" t="s">
        <v>11</v>
      </c>
      <c r="E20188" s="1" t="s">
        <v>7</v>
      </c>
    </row>
    <row r="20189">
      <c r="A20189" s="1">
        <v>4.90795381E8</v>
      </c>
      <c r="B20189" s="3">
        <v>16950.0</v>
      </c>
      <c r="C20189" s="1" t="s">
        <v>5</v>
      </c>
      <c r="D20189" s="1" t="s">
        <v>17128</v>
      </c>
      <c r="E20189" s="1" t="s">
        <v>7</v>
      </c>
    </row>
    <row r="20190">
      <c r="A20190" s="1">
        <v>4.9079547E8</v>
      </c>
      <c r="B20190" s="2">
        <v>16971.0</v>
      </c>
      <c r="C20190" s="1" t="s">
        <v>5</v>
      </c>
      <c r="D20190" s="1" t="s">
        <v>11</v>
      </c>
      <c r="E20190" s="1" t="s">
        <v>7</v>
      </c>
    </row>
    <row r="20191">
      <c r="A20191" s="1">
        <v>4.90795488E8</v>
      </c>
      <c r="B20191" s="3">
        <v>16952.0</v>
      </c>
      <c r="C20191" s="1" t="s">
        <v>5</v>
      </c>
      <c r="D20191" s="1" t="s">
        <v>11</v>
      </c>
      <c r="E20191" s="1" t="s">
        <v>7</v>
      </c>
    </row>
    <row r="20192">
      <c r="A20192" s="1">
        <v>4.90795489E8</v>
      </c>
      <c r="B20192" s="3">
        <v>16948.0</v>
      </c>
      <c r="C20192" s="1" t="s">
        <v>5</v>
      </c>
      <c r="D20192" s="1" t="s">
        <v>11</v>
      </c>
      <c r="E20192" s="1" t="s">
        <v>7</v>
      </c>
    </row>
    <row r="20193">
      <c r="A20193" s="1">
        <v>4.90795543E8</v>
      </c>
      <c r="B20193" s="3">
        <v>16953.0</v>
      </c>
      <c r="C20193" s="1" t="s">
        <v>5</v>
      </c>
      <c r="D20193" s="1" t="s">
        <v>17129</v>
      </c>
      <c r="E20193" s="1" t="s">
        <v>11</v>
      </c>
    </row>
    <row r="20194">
      <c r="A20194" s="1">
        <v>4.90795564E8</v>
      </c>
      <c r="B20194" s="2">
        <v>16967.0</v>
      </c>
      <c r="C20194" s="1" t="s">
        <v>5</v>
      </c>
      <c r="D20194" s="1" t="s">
        <v>17130</v>
      </c>
      <c r="E20194" s="1" t="s">
        <v>7</v>
      </c>
    </row>
    <row r="20195">
      <c r="A20195" s="1">
        <v>4.90795622E8</v>
      </c>
      <c r="B20195" s="2">
        <v>16958.0</v>
      </c>
      <c r="C20195" s="1" t="s">
        <v>5</v>
      </c>
      <c r="D20195" s="1" t="s">
        <v>17131</v>
      </c>
      <c r="E20195" s="1" t="s">
        <v>7</v>
      </c>
    </row>
    <row r="20196">
      <c r="A20196" s="1">
        <v>4.90795637E8</v>
      </c>
      <c r="B20196" s="2">
        <v>16969.0</v>
      </c>
      <c r="C20196" s="1" t="s">
        <v>5</v>
      </c>
      <c r="D20196" s="1" t="s">
        <v>11</v>
      </c>
      <c r="E20196" s="1" t="s">
        <v>7</v>
      </c>
    </row>
    <row r="20197">
      <c r="A20197" s="1">
        <v>4.90795639E8</v>
      </c>
      <c r="B20197" s="2">
        <v>16965.0</v>
      </c>
      <c r="C20197" s="1" t="s">
        <v>5</v>
      </c>
      <c r="D20197" s="1" t="s">
        <v>17132</v>
      </c>
      <c r="E20197" s="1" t="s">
        <v>7</v>
      </c>
    </row>
    <row r="20198">
      <c r="A20198" s="1">
        <v>4.9079568E8</v>
      </c>
      <c r="B20198" s="2">
        <v>16972.0</v>
      </c>
      <c r="C20198" s="1" t="s">
        <v>5</v>
      </c>
      <c r="D20198" s="1" t="s">
        <v>11</v>
      </c>
      <c r="E20198" s="1" t="s">
        <v>7</v>
      </c>
    </row>
    <row r="20199">
      <c r="A20199" s="1">
        <v>4.90795711E8</v>
      </c>
      <c r="B20199" s="2">
        <v>16896.0</v>
      </c>
      <c r="C20199" s="1" t="s">
        <v>5</v>
      </c>
      <c r="D20199" s="1" t="s">
        <v>17133</v>
      </c>
      <c r="E20199" s="1" t="s">
        <v>11</v>
      </c>
    </row>
    <row r="20200">
      <c r="A20200" s="1">
        <v>4.90795759E8</v>
      </c>
      <c r="B20200" s="3">
        <v>16946.0</v>
      </c>
      <c r="C20200" s="1" t="s">
        <v>5</v>
      </c>
      <c r="D20200" s="1" t="s">
        <v>17134</v>
      </c>
      <c r="E20200" s="1" t="s">
        <v>7</v>
      </c>
    </row>
    <row r="20201">
      <c r="A20201" s="1">
        <v>4.90795765E8</v>
      </c>
      <c r="B20201" s="2">
        <v>17014.0</v>
      </c>
      <c r="C20201" s="1" t="s">
        <v>5</v>
      </c>
      <c r="D20201" s="1" t="s">
        <v>17135</v>
      </c>
      <c r="E20201" s="1" t="s">
        <v>7</v>
      </c>
    </row>
    <row r="20202">
      <c r="A20202" s="1">
        <v>4.90795823E8</v>
      </c>
      <c r="B20202" s="2">
        <v>16957.0</v>
      </c>
      <c r="C20202" s="1" t="s">
        <v>5</v>
      </c>
      <c r="D20202" s="1" t="s">
        <v>17136</v>
      </c>
      <c r="E20202" s="1" t="s">
        <v>7</v>
      </c>
    </row>
    <row r="20203">
      <c r="A20203" s="1">
        <v>4.90795831E8</v>
      </c>
      <c r="B20203" s="2">
        <v>16968.0</v>
      </c>
      <c r="C20203" s="1" t="s">
        <v>5</v>
      </c>
      <c r="D20203" s="1" t="s">
        <v>17137</v>
      </c>
      <c r="E20203" s="1" t="s">
        <v>11</v>
      </c>
    </row>
    <row r="20204">
      <c r="A20204" s="1">
        <v>4.90795845E8</v>
      </c>
      <c r="B20204" s="3">
        <v>16945.0</v>
      </c>
      <c r="C20204" s="1" t="s">
        <v>5</v>
      </c>
      <c r="D20204" s="1" t="s">
        <v>17138</v>
      </c>
      <c r="E20204" s="1" t="s">
        <v>7</v>
      </c>
    </row>
    <row r="20205">
      <c r="A20205" s="1">
        <v>4.90795887E8</v>
      </c>
      <c r="B20205" s="3">
        <v>16941.0</v>
      </c>
      <c r="C20205" s="1" t="s">
        <v>5</v>
      </c>
      <c r="D20205" s="1" t="s">
        <v>17139</v>
      </c>
      <c r="E20205" s="1" t="s">
        <v>7</v>
      </c>
    </row>
    <row r="20206">
      <c r="A20206" s="1">
        <v>4.90795902E8</v>
      </c>
      <c r="B20206" s="2">
        <v>16909.0</v>
      </c>
      <c r="C20206" s="1" t="s">
        <v>5</v>
      </c>
      <c r="D20206" s="1" t="s">
        <v>17140</v>
      </c>
      <c r="E20206" s="1" t="s">
        <v>11</v>
      </c>
    </row>
    <row r="20207">
      <c r="A20207" s="1">
        <v>4.90795929E8</v>
      </c>
      <c r="B20207" s="2">
        <v>16973.0</v>
      </c>
      <c r="C20207" s="1" t="s">
        <v>5</v>
      </c>
      <c r="D20207" s="1" t="s">
        <v>11</v>
      </c>
      <c r="E20207" s="1" t="s">
        <v>7</v>
      </c>
    </row>
    <row r="20208">
      <c r="A20208" s="1">
        <v>4.90795941E8</v>
      </c>
      <c r="B20208" s="2">
        <v>16909.0</v>
      </c>
      <c r="C20208" s="1" t="s">
        <v>5</v>
      </c>
      <c r="D20208" s="1" t="s">
        <v>17141</v>
      </c>
      <c r="E20208" s="1" t="s">
        <v>7</v>
      </c>
    </row>
    <row r="20209">
      <c r="A20209" s="1">
        <v>4.9079595E8</v>
      </c>
      <c r="B20209" s="2">
        <v>17011.0</v>
      </c>
      <c r="C20209" s="1" t="s">
        <v>5</v>
      </c>
      <c r="D20209" s="1" t="s">
        <v>17142</v>
      </c>
      <c r="E20209" s="1" t="s">
        <v>7</v>
      </c>
    </row>
    <row r="20210">
      <c r="A20210" s="1">
        <v>4.90795967E8</v>
      </c>
      <c r="B20210" s="2">
        <v>17011.0</v>
      </c>
      <c r="C20210" s="1" t="s">
        <v>5</v>
      </c>
      <c r="D20210" s="1" t="s">
        <v>17143</v>
      </c>
      <c r="E20210" s="1" t="s">
        <v>11</v>
      </c>
    </row>
    <row r="20211">
      <c r="A20211" s="1">
        <v>4.90795995E8</v>
      </c>
      <c r="B20211" s="2">
        <v>16895.0</v>
      </c>
      <c r="C20211" s="1" t="s">
        <v>5</v>
      </c>
      <c r="D20211" s="1" t="s">
        <v>11</v>
      </c>
      <c r="E20211" s="1" t="s">
        <v>7</v>
      </c>
    </row>
    <row r="20212">
      <c r="A20212" s="1">
        <v>4.90796001E8</v>
      </c>
      <c r="B20212" s="3">
        <v>16945.0</v>
      </c>
      <c r="C20212" s="1" t="s">
        <v>5</v>
      </c>
      <c r="D20212" s="1" t="s">
        <v>17144</v>
      </c>
      <c r="E20212" s="1" t="s">
        <v>7</v>
      </c>
    </row>
    <row r="20213">
      <c r="A20213" s="1">
        <v>4.90796022E8</v>
      </c>
      <c r="B20213" s="2">
        <v>17011.0</v>
      </c>
      <c r="C20213" s="1" t="s">
        <v>5</v>
      </c>
      <c r="D20213" s="1" t="s">
        <v>17145</v>
      </c>
      <c r="E20213" s="1" t="s">
        <v>7</v>
      </c>
    </row>
    <row r="20214">
      <c r="A20214" s="1">
        <v>4.9079603E8</v>
      </c>
      <c r="B20214" s="2">
        <v>16903.0</v>
      </c>
      <c r="C20214" s="1" t="s">
        <v>5</v>
      </c>
      <c r="D20214" s="1" t="s">
        <v>17146</v>
      </c>
      <c r="E20214" s="1" t="s">
        <v>17147</v>
      </c>
    </row>
    <row r="20215">
      <c r="A20215" s="1">
        <v>4.90796062E8</v>
      </c>
      <c r="B20215" s="2">
        <v>16964.0</v>
      </c>
      <c r="C20215" s="1" t="s">
        <v>5</v>
      </c>
      <c r="D20215" s="1" t="s">
        <v>17148</v>
      </c>
      <c r="E20215" s="1" t="s">
        <v>7</v>
      </c>
    </row>
    <row r="20216">
      <c r="A20216" s="1">
        <v>4.90796121E8</v>
      </c>
      <c r="B20216" s="2">
        <v>16964.0</v>
      </c>
      <c r="C20216" s="1" t="s">
        <v>5</v>
      </c>
      <c r="D20216" s="1" t="s">
        <v>11</v>
      </c>
      <c r="E20216" s="1" t="s">
        <v>7</v>
      </c>
    </row>
    <row r="20217">
      <c r="A20217" s="1">
        <v>4.90796169E8</v>
      </c>
      <c r="B20217" s="2">
        <v>16969.0</v>
      </c>
      <c r="C20217" s="1" t="s">
        <v>5</v>
      </c>
      <c r="D20217" s="1" t="s">
        <v>11</v>
      </c>
      <c r="E20217" s="1" t="s">
        <v>7</v>
      </c>
    </row>
    <row r="20218">
      <c r="A20218" s="1">
        <v>4.90796174E8</v>
      </c>
      <c r="B20218" s="2">
        <v>17009.0</v>
      </c>
      <c r="C20218" s="1" t="s">
        <v>5</v>
      </c>
      <c r="D20218" s="1" t="s">
        <v>17149</v>
      </c>
      <c r="E20218" s="1" t="s">
        <v>11</v>
      </c>
    </row>
    <row r="20219">
      <c r="A20219" s="1">
        <v>4.90796217E8</v>
      </c>
      <c r="B20219" s="2">
        <v>16969.0</v>
      </c>
      <c r="C20219" s="1" t="s">
        <v>5</v>
      </c>
      <c r="D20219" s="1" t="s">
        <v>17150</v>
      </c>
      <c r="E20219" s="1" t="s">
        <v>7</v>
      </c>
    </row>
    <row r="20220">
      <c r="A20220" s="1">
        <v>4.90796243E8</v>
      </c>
      <c r="B20220" s="2">
        <v>16969.0</v>
      </c>
      <c r="C20220" s="1" t="s">
        <v>5</v>
      </c>
      <c r="D20220" s="1" t="s">
        <v>17151</v>
      </c>
      <c r="E20220" s="1" t="s">
        <v>7</v>
      </c>
    </row>
    <row r="20221">
      <c r="A20221" s="1">
        <v>4.90796273E8</v>
      </c>
      <c r="B20221" s="2">
        <v>16965.0</v>
      </c>
      <c r="C20221" s="1" t="s">
        <v>5</v>
      </c>
      <c r="D20221" s="1" t="s">
        <v>17152</v>
      </c>
      <c r="E20221" s="1" t="s">
        <v>11</v>
      </c>
    </row>
    <row r="20222">
      <c r="A20222" s="1">
        <v>4.90796322E8</v>
      </c>
      <c r="B20222" s="2">
        <v>16964.0</v>
      </c>
      <c r="C20222" s="1" t="s">
        <v>5</v>
      </c>
      <c r="D20222" s="1" t="s">
        <v>11</v>
      </c>
      <c r="E20222" s="1" t="s">
        <v>7</v>
      </c>
    </row>
    <row r="20223">
      <c r="A20223" s="1">
        <v>4.9079634E8</v>
      </c>
      <c r="B20223" s="3">
        <v>16952.0</v>
      </c>
      <c r="C20223" s="1" t="s">
        <v>5</v>
      </c>
      <c r="D20223" s="1" t="s">
        <v>17153</v>
      </c>
      <c r="E20223" s="1" t="s">
        <v>7</v>
      </c>
    </row>
    <row r="20224">
      <c r="A20224" s="1">
        <v>4.90796351E8</v>
      </c>
      <c r="B20224" s="3">
        <v>16946.0</v>
      </c>
      <c r="C20224" s="1" t="s">
        <v>5</v>
      </c>
      <c r="D20224" s="1" t="s">
        <v>17154</v>
      </c>
      <c r="E20224" s="1" t="s">
        <v>7</v>
      </c>
    </row>
    <row r="20225">
      <c r="A20225" s="1">
        <v>4.90796455E8</v>
      </c>
      <c r="B20225" s="2">
        <v>16906.0</v>
      </c>
      <c r="C20225" s="1" t="s">
        <v>5</v>
      </c>
      <c r="D20225" s="1" t="s">
        <v>17155</v>
      </c>
      <c r="E20225" s="1" t="s">
        <v>7</v>
      </c>
    </row>
    <row r="20226">
      <c r="A20226" s="1">
        <v>4.90796614E8</v>
      </c>
      <c r="B20226" s="3">
        <v>16944.0</v>
      </c>
      <c r="C20226" s="1" t="s">
        <v>5</v>
      </c>
      <c r="D20226" s="1" t="s">
        <v>17156</v>
      </c>
      <c r="E20226" s="1" t="s">
        <v>7</v>
      </c>
    </row>
    <row r="20227">
      <c r="A20227" s="1">
        <v>4.90796655E8</v>
      </c>
      <c r="B20227" s="3">
        <v>16923.0</v>
      </c>
      <c r="C20227" s="1" t="s">
        <v>5</v>
      </c>
      <c r="D20227" s="1" t="s">
        <v>17157</v>
      </c>
      <c r="E20227" s="1" t="s">
        <v>7</v>
      </c>
    </row>
    <row r="20228">
      <c r="A20228" s="1">
        <v>4.90796679E8</v>
      </c>
      <c r="B20228" s="2">
        <v>16902.0</v>
      </c>
      <c r="C20228" s="1" t="s">
        <v>5</v>
      </c>
      <c r="D20228" s="1" t="s">
        <v>11</v>
      </c>
      <c r="E20228" s="1" t="s">
        <v>7</v>
      </c>
    </row>
    <row r="20229">
      <c r="A20229" s="1">
        <v>4.90796691E8</v>
      </c>
      <c r="B20229" s="3">
        <v>16939.0</v>
      </c>
      <c r="C20229" s="1" t="s">
        <v>5</v>
      </c>
      <c r="D20229" s="1" t="s">
        <v>11</v>
      </c>
      <c r="E20229" s="1" t="s">
        <v>7</v>
      </c>
    </row>
    <row r="20230">
      <c r="A20230" s="1">
        <v>4.90796702E8</v>
      </c>
      <c r="B20230" s="2">
        <v>17004.0</v>
      </c>
      <c r="C20230" s="1" t="s">
        <v>5</v>
      </c>
      <c r="D20230" s="1" t="s">
        <v>17158</v>
      </c>
      <c r="E20230" s="1" t="s">
        <v>11</v>
      </c>
    </row>
    <row r="20231">
      <c r="A20231" s="1">
        <v>4.90796729E8</v>
      </c>
      <c r="B20231" s="3">
        <v>16948.0</v>
      </c>
      <c r="C20231" s="1" t="s">
        <v>5</v>
      </c>
      <c r="D20231" s="1" t="s">
        <v>17159</v>
      </c>
      <c r="E20231" s="1" t="s">
        <v>11</v>
      </c>
    </row>
    <row r="20232">
      <c r="A20232" s="1">
        <v>4.90796734E8</v>
      </c>
      <c r="B20232" s="3">
        <v>16923.0</v>
      </c>
      <c r="C20232" s="1" t="s">
        <v>5</v>
      </c>
      <c r="D20232" s="1" t="s">
        <v>11</v>
      </c>
      <c r="E20232" s="1" t="s">
        <v>7</v>
      </c>
    </row>
    <row r="20233">
      <c r="A20233" s="1">
        <v>4.90796767E8</v>
      </c>
      <c r="B20233" s="3">
        <v>16933.0</v>
      </c>
      <c r="C20233" s="1" t="s">
        <v>5</v>
      </c>
      <c r="D20233" s="1" t="s">
        <v>11</v>
      </c>
      <c r="E20233" s="1" t="s">
        <v>7</v>
      </c>
    </row>
    <row r="20234">
      <c r="A20234" s="1">
        <v>4.9079678E8</v>
      </c>
      <c r="B20234" s="2">
        <v>16902.0</v>
      </c>
      <c r="C20234" s="1" t="s">
        <v>5</v>
      </c>
      <c r="D20234" s="1" t="s">
        <v>17160</v>
      </c>
      <c r="E20234" s="1" t="s">
        <v>7</v>
      </c>
    </row>
    <row r="20235">
      <c r="A20235" s="1">
        <v>4.90796814E8</v>
      </c>
      <c r="B20235" s="3">
        <v>16948.0</v>
      </c>
      <c r="C20235" s="1" t="s">
        <v>5</v>
      </c>
      <c r="D20235" s="1" t="s">
        <v>17161</v>
      </c>
      <c r="E20235" s="1" t="s">
        <v>7</v>
      </c>
    </row>
    <row r="20236">
      <c r="A20236" s="1">
        <v>4.90796842E8</v>
      </c>
      <c r="B20236" s="2">
        <v>17003.0</v>
      </c>
      <c r="C20236" s="1" t="s">
        <v>5</v>
      </c>
      <c r="D20236" s="1" t="s">
        <v>17162</v>
      </c>
      <c r="E20236" s="1" t="s">
        <v>17163</v>
      </c>
    </row>
    <row r="20237">
      <c r="A20237" s="1">
        <v>4.9079688E8</v>
      </c>
      <c r="B20237" s="2">
        <v>17002.0</v>
      </c>
      <c r="C20237" s="1" t="s">
        <v>5</v>
      </c>
      <c r="D20237" s="1" t="s">
        <v>11</v>
      </c>
      <c r="E20237" s="1" t="s">
        <v>7</v>
      </c>
    </row>
    <row r="20238">
      <c r="A20238" s="1">
        <v>4.90796889E8</v>
      </c>
      <c r="B20238" s="2">
        <v>16957.0</v>
      </c>
      <c r="C20238" s="1" t="s">
        <v>5</v>
      </c>
      <c r="D20238" s="1" t="s">
        <v>17164</v>
      </c>
      <c r="E20238" s="1" t="s">
        <v>7</v>
      </c>
    </row>
    <row r="20239">
      <c r="A20239" s="1">
        <v>4.90796916E8</v>
      </c>
      <c r="B20239" s="2">
        <v>16902.0</v>
      </c>
      <c r="C20239" s="1" t="s">
        <v>5</v>
      </c>
      <c r="D20239" s="1" t="s">
        <v>17165</v>
      </c>
      <c r="E20239" s="1" t="s">
        <v>11</v>
      </c>
    </row>
    <row r="20240">
      <c r="A20240" s="1">
        <v>4.90796965E8</v>
      </c>
      <c r="B20240" s="3">
        <v>16947.0</v>
      </c>
      <c r="C20240" s="1" t="s">
        <v>5</v>
      </c>
      <c r="D20240" s="1" t="s">
        <v>17166</v>
      </c>
      <c r="E20240" s="1" t="s">
        <v>11</v>
      </c>
    </row>
    <row r="20241">
      <c r="A20241" s="1">
        <v>4.90796966E8</v>
      </c>
      <c r="B20241" s="3">
        <v>16941.0</v>
      </c>
      <c r="C20241" s="1" t="s">
        <v>5</v>
      </c>
      <c r="D20241" s="1" t="s">
        <v>17167</v>
      </c>
      <c r="E20241" s="1" t="s">
        <v>11</v>
      </c>
    </row>
    <row r="20242">
      <c r="A20242" s="1">
        <v>4.90796987E8</v>
      </c>
      <c r="B20242" s="2">
        <v>16971.0</v>
      </c>
      <c r="C20242" s="1" t="s">
        <v>5</v>
      </c>
      <c r="D20242" s="1" t="s">
        <v>11</v>
      </c>
      <c r="E20242" s="1" t="s">
        <v>7</v>
      </c>
    </row>
    <row r="20243">
      <c r="A20243" s="1">
        <v>4.90796998E8</v>
      </c>
      <c r="B20243" s="3">
        <v>16941.0</v>
      </c>
      <c r="C20243" s="1" t="s">
        <v>5</v>
      </c>
      <c r="D20243" s="1" t="s">
        <v>17168</v>
      </c>
      <c r="E20243" s="1" t="s">
        <v>17169</v>
      </c>
    </row>
    <row r="20244">
      <c r="A20244" s="1">
        <v>4.90797002E8</v>
      </c>
      <c r="B20244" s="2">
        <v>16955.0</v>
      </c>
      <c r="C20244" s="1" t="s">
        <v>5</v>
      </c>
      <c r="D20244" s="1" t="s">
        <v>17170</v>
      </c>
      <c r="E20244" s="1" t="s">
        <v>7</v>
      </c>
    </row>
    <row r="20245">
      <c r="A20245" s="1">
        <v>4.90797023E8</v>
      </c>
      <c r="B20245" s="2">
        <v>16955.0</v>
      </c>
      <c r="C20245" s="1" t="s">
        <v>5</v>
      </c>
      <c r="D20245" s="1" t="s">
        <v>17171</v>
      </c>
      <c r="E20245" s="1" t="s">
        <v>7</v>
      </c>
    </row>
    <row r="20246">
      <c r="A20246" s="1">
        <v>4.90797026E8</v>
      </c>
      <c r="B20246" s="2">
        <v>16957.0</v>
      </c>
      <c r="C20246" s="1" t="s">
        <v>5</v>
      </c>
      <c r="D20246" s="1" t="s">
        <v>17172</v>
      </c>
      <c r="E20246" s="1" t="s">
        <v>7</v>
      </c>
    </row>
    <row r="20247">
      <c r="A20247" s="1">
        <v>4.90797062E8</v>
      </c>
      <c r="B20247" s="3">
        <v>16939.0</v>
      </c>
      <c r="C20247" s="1" t="s">
        <v>5</v>
      </c>
      <c r="D20247" s="1" t="s">
        <v>17173</v>
      </c>
      <c r="E20247" s="1" t="s">
        <v>7</v>
      </c>
    </row>
    <row r="20248">
      <c r="A20248" s="1">
        <v>4.90797076E8</v>
      </c>
      <c r="B20248" s="3">
        <v>16944.0</v>
      </c>
      <c r="C20248" s="1" t="s">
        <v>5</v>
      </c>
      <c r="D20248" s="1" t="s">
        <v>17174</v>
      </c>
      <c r="E20248" s="1" t="s">
        <v>7</v>
      </c>
    </row>
    <row r="20249">
      <c r="A20249" s="1">
        <v>4.90797109E8</v>
      </c>
      <c r="B20249" s="2">
        <v>17007.0</v>
      </c>
      <c r="C20249" s="1" t="s">
        <v>5</v>
      </c>
      <c r="D20249" s="1" t="s">
        <v>17175</v>
      </c>
      <c r="E20249" s="1" t="s">
        <v>7</v>
      </c>
    </row>
    <row r="20250">
      <c r="A20250" s="1">
        <v>4.90797118E8</v>
      </c>
      <c r="B20250" s="2">
        <v>16982.0</v>
      </c>
      <c r="C20250" s="1" t="s">
        <v>5</v>
      </c>
      <c r="D20250" s="1" t="s">
        <v>11</v>
      </c>
      <c r="E20250" s="1" t="s">
        <v>7</v>
      </c>
    </row>
    <row r="20251">
      <c r="A20251" s="1">
        <v>4.90797147E8</v>
      </c>
      <c r="B20251" s="2">
        <v>17010.0</v>
      </c>
      <c r="C20251" s="1" t="s">
        <v>5</v>
      </c>
      <c r="D20251" s="1" t="s">
        <v>17176</v>
      </c>
      <c r="E20251" s="1" t="s">
        <v>7</v>
      </c>
    </row>
    <row r="20252">
      <c r="A20252" s="1">
        <v>4.90797156E8</v>
      </c>
      <c r="B20252" s="2">
        <v>16954.0</v>
      </c>
      <c r="C20252" s="1" t="s">
        <v>5</v>
      </c>
      <c r="D20252" s="1" t="s">
        <v>11</v>
      </c>
      <c r="E20252" s="1" t="s">
        <v>7</v>
      </c>
    </row>
    <row r="20253">
      <c r="A20253" s="1">
        <v>4.90797168E8</v>
      </c>
      <c r="B20253" s="3">
        <v>16934.0</v>
      </c>
      <c r="C20253" s="1" t="s">
        <v>5</v>
      </c>
      <c r="D20253" s="1" t="s">
        <v>11</v>
      </c>
      <c r="E20253" s="1" t="s">
        <v>7</v>
      </c>
    </row>
    <row r="20254">
      <c r="A20254" s="1">
        <v>4.90797289E8</v>
      </c>
      <c r="B20254" s="2">
        <v>16980.0</v>
      </c>
      <c r="C20254" s="1" t="s">
        <v>5</v>
      </c>
      <c r="D20254" s="1" t="s">
        <v>17177</v>
      </c>
      <c r="E20254" s="1" t="s">
        <v>17178</v>
      </c>
    </row>
    <row r="20255">
      <c r="A20255" s="1">
        <v>4.90797295E8</v>
      </c>
      <c r="B20255" s="2">
        <v>16894.0</v>
      </c>
      <c r="C20255" s="1" t="s">
        <v>5</v>
      </c>
      <c r="D20255" s="1" t="s">
        <v>17179</v>
      </c>
      <c r="E20255" s="1" t="s">
        <v>7</v>
      </c>
    </row>
    <row r="20256">
      <c r="A20256" s="1">
        <v>4.90797369E8</v>
      </c>
      <c r="B20256" s="2">
        <v>17011.0</v>
      </c>
      <c r="C20256" s="1" t="s">
        <v>5</v>
      </c>
      <c r="D20256" s="1" t="s">
        <v>17180</v>
      </c>
      <c r="E20256" s="1" t="s">
        <v>11</v>
      </c>
    </row>
    <row r="20257">
      <c r="A20257" s="1">
        <v>4.90797435E8</v>
      </c>
      <c r="B20257" s="2">
        <v>17014.0</v>
      </c>
      <c r="C20257" s="1" t="s">
        <v>5</v>
      </c>
      <c r="D20257" s="1" t="s">
        <v>11</v>
      </c>
      <c r="E20257" s="1" t="s">
        <v>7</v>
      </c>
    </row>
    <row r="20258">
      <c r="A20258" s="1">
        <v>4.90797443E8</v>
      </c>
      <c r="B20258" s="3">
        <v>16937.0</v>
      </c>
      <c r="C20258" s="1" t="s">
        <v>5</v>
      </c>
      <c r="D20258" s="1" t="s">
        <v>17181</v>
      </c>
      <c r="E20258" s="1" t="s">
        <v>7</v>
      </c>
    </row>
    <row r="20259">
      <c r="A20259" s="1">
        <v>4.90797455E8</v>
      </c>
      <c r="B20259" s="3">
        <v>16939.0</v>
      </c>
      <c r="C20259" s="1" t="s">
        <v>5</v>
      </c>
      <c r="D20259" s="1" t="s">
        <v>17182</v>
      </c>
      <c r="E20259" s="1" t="s">
        <v>11</v>
      </c>
    </row>
    <row r="20260">
      <c r="A20260" s="1">
        <v>4.90797467E8</v>
      </c>
      <c r="B20260" s="2">
        <v>17013.0</v>
      </c>
      <c r="C20260" s="1" t="s">
        <v>5</v>
      </c>
      <c r="D20260" s="1" t="s">
        <v>17183</v>
      </c>
      <c r="E20260" s="1" t="s">
        <v>7</v>
      </c>
    </row>
    <row r="20261">
      <c r="A20261" s="1">
        <v>4.90797532E8</v>
      </c>
      <c r="B20261" s="2">
        <v>16999.0</v>
      </c>
      <c r="C20261" s="1" t="s">
        <v>5</v>
      </c>
      <c r="D20261" s="1" t="s">
        <v>17184</v>
      </c>
      <c r="E20261" s="1" t="s">
        <v>7</v>
      </c>
    </row>
    <row r="20262">
      <c r="A20262" s="1">
        <v>4.90797559E8</v>
      </c>
      <c r="B20262" s="2">
        <v>16898.0</v>
      </c>
      <c r="C20262" s="1" t="s">
        <v>5</v>
      </c>
      <c r="D20262" s="1" t="s">
        <v>17185</v>
      </c>
      <c r="E20262" s="1" t="s">
        <v>17186</v>
      </c>
    </row>
    <row r="20263">
      <c r="A20263" s="1">
        <v>4.90797564E8</v>
      </c>
      <c r="B20263" s="3">
        <v>16939.0</v>
      </c>
      <c r="C20263" s="1" t="s">
        <v>5</v>
      </c>
      <c r="D20263" s="1" t="s">
        <v>17187</v>
      </c>
      <c r="E20263" s="1" t="s">
        <v>11</v>
      </c>
    </row>
    <row r="20264">
      <c r="A20264" s="1">
        <v>4.90797568E8</v>
      </c>
      <c r="B20264" s="2">
        <v>17011.0</v>
      </c>
      <c r="C20264" s="1" t="s">
        <v>5</v>
      </c>
      <c r="D20264" s="1" t="s">
        <v>17188</v>
      </c>
      <c r="E20264" s="1" t="s">
        <v>7</v>
      </c>
    </row>
    <row r="20265">
      <c r="A20265" s="1">
        <v>4.90797569E8</v>
      </c>
      <c r="B20265" s="3">
        <v>16943.0</v>
      </c>
      <c r="C20265" s="1" t="s">
        <v>5</v>
      </c>
      <c r="D20265" s="1" t="s">
        <v>17189</v>
      </c>
      <c r="E20265" s="1" t="s">
        <v>7</v>
      </c>
    </row>
    <row r="20266">
      <c r="A20266" s="1">
        <v>4.90797637E8</v>
      </c>
      <c r="B20266" s="2">
        <v>16973.0</v>
      </c>
      <c r="C20266" s="1" t="s">
        <v>5</v>
      </c>
      <c r="D20266" s="1" t="s">
        <v>17190</v>
      </c>
      <c r="E20266" s="1" t="s">
        <v>7</v>
      </c>
    </row>
    <row r="20267">
      <c r="A20267" s="1">
        <v>4.90797641E8</v>
      </c>
      <c r="B20267" s="3">
        <v>16930.0</v>
      </c>
      <c r="C20267" s="1" t="s">
        <v>5</v>
      </c>
      <c r="D20267" s="1" t="s">
        <v>11</v>
      </c>
      <c r="E20267" s="1" t="s">
        <v>7</v>
      </c>
    </row>
    <row r="20268">
      <c r="A20268" s="1">
        <v>4.90797643E8</v>
      </c>
      <c r="B20268" s="2">
        <v>17003.0</v>
      </c>
      <c r="C20268" s="1" t="s">
        <v>5</v>
      </c>
      <c r="D20268" s="1" t="s">
        <v>7</v>
      </c>
      <c r="E20268" s="1" t="s">
        <v>7</v>
      </c>
    </row>
    <row r="20269">
      <c r="A20269" s="1">
        <v>4.90797653E8</v>
      </c>
      <c r="B20269" s="3">
        <v>16936.0</v>
      </c>
      <c r="C20269" s="1" t="s">
        <v>5</v>
      </c>
      <c r="D20269" s="1" t="s">
        <v>17191</v>
      </c>
      <c r="E20269" s="1" t="s">
        <v>7</v>
      </c>
    </row>
    <row r="20270">
      <c r="A20270" s="1">
        <v>4.90797679E8</v>
      </c>
      <c r="B20270" s="3">
        <v>16930.0</v>
      </c>
      <c r="C20270" s="1" t="s">
        <v>5</v>
      </c>
      <c r="D20270" s="1" t="s">
        <v>17192</v>
      </c>
      <c r="E20270" s="1" t="s">
        <v>7</v>
      </c>
    </row>
    <row r="20271">
      <c r="A20271" s="1">
        <v>4.90797723E8</v>
      </c>
      <c r="B20271" s="3">
        <v>16930.0</v>
      </c>
      <c r="C20271" s="1" t="s">
        <v>5</v>
      </c>
      <c r="D20271" s="1" t="s">
        <v>17193</v>
      </c>
      <c r="E20271" s="1" t="s">
        <v>7</v>
      </c>
    </row>
    <row r="20272">
      <c r="A20272" s="1">
        <v>4.90797731E8</v>
      </c>
      <c r="B20272" s="3">
        <v>16936.0</v>
      </c>
      <c r="C20272" s="1" t="s">
        <v>5</v>
      </c>
      <c r="D20272" s="1" t="s">
        <v>11</v>
      </c>
      <c r="E20272" s="1" t="s">
        <v>7</v>
      </c>
    </row>
    <row r="20273">
      <c r="A20273" s="1">
        <v>4.90797766E8</v>
      </c>
      <c r="B20273" s="3">
        <v>16929.0</v>
      </c>
      <c r="C20273" s="1" t="s">
        <v>5</v>
      </c>
      <c r="D20273" s="1" t="s">
        <v>17194</v>
      </c>
      <c r="E20273" s="1" t="s">
        <v>7</v>
      </c>
    </row>
    <row r="20274">
      <c r="A20274" s="1">
        <v>4.90797808E8</v>
      </c>
      <c r="B20274" s="2">
        <v>16995.0</v>
      </c>
      <c r="C20274" s="1" t="s">
        <v>5</v>
      </c>
      <c r="D20274" s="1" t="s">
        <v>17195</v>
      </c>
      <c r="E20274" s="1" t="s">
        <v>7</v>
      </c>
    </row>
    <row r="20275">
      <c r="A20275" s="1">
        <v>4.90797823E8</v>
      </c>
      <c r="B20275" s="3">
        <v>16932.0</v>
      </c>
      <c r="C20275" s="1" t="s">
        <v>5</v>
      </c>
      <c r="D20275" s="1" t="s">
        <v>17196</v>
      </c>
      <c r="E20275" s="1" t="s">
        <v>17197</v>
      </c>
    </row>
    <row r="20276">
      <c r="A20276" s="1">
        <v>4.90797826E8</v>
      </c>
      <c r="B20276" s="3">
        <v>16930.0</v>
      </c>
      <c r="C20276" s="1" t="s">
        <v>5</v>
      </c>
      <c r="D20276" s="1" t="s">
        <v>17198</v>
      </c>
      <c r="E20276" s="1" t="s">
        <v>11</v>
      </c>
    </row>
    <row r="20277">
      <c r="A20277" s="1">
        <v>4.90797841E8</v>
      </c>
      <c r="B20277" s="2">
        <v>16995.0</v>
      </c>
      <c r="C20277" s="1" t="s">
        <v>5</v>
      </c>
      <c r="D20277" s="1" t="s">
        <v>17199</v>
      </c>
      <c r="E20277" s="1" t="s">
        <v>7</v>
      </c>
    </row>
    <row r="20278">
      <c r="A20278" s="1">
        <v>4.90797853E8</v>
      </c>
      <c r="B20278" s="2">
        <v>16898.0</v>
      </c>
      <c r="C20278" s="1" t="s">
        <v>5</v>
      </c>
      <c r="D20278" s="1" t="s">
        <v>11</v>
      </c>
      <c r="E20278" s="1" t="s">
        <v>7</v>
      </c>
    </row>
    <row r="20279">
      <c r="A20279" s="1">
        <v>4.90797932E8</v>
      </c>
      <c r="B20279" s="2">
        <v>16996.0</v>
      </c>
      <c r="C20279" s="1" t="s">
        <v>5</v>
      </c>
      <c r="D20279" s="1" t="s">
        <v>17200</v>
      </c>
      <c r="E20279" s="1" t="s">
        <v>7</v>
      </c>
    </row>
    <row r="20280">
      <c r="A20280" s="1">
        <v>4.90797963E8</v>
      </c>
      <c r="B20280" s="3">
        <v>16950.0</v>
      </c>
      <c r="C20280" s="1" t="s">
        <v>5</v>
      </c>
      <c r="D20280" s="1" t="s">
        <v>17201</v>
      </c>
      <c r="E20280" s="1" t="s">
        <v>7</v>
      </c>
    </row>
    <row r="20281">
      <c r="A20281" s="1">
        <v>4.90797967E8</v>
      </c>
      <c r="B20281" s="3">
        <v>16927.0</v>
      </c>
      <c r="C20281" s="1" t="s">
        <v>5</v>
      </c>
      <c r="D20281" s="1" t="s">
        <v>17202</v>
      </c>
      <c r="E20281" s="1" t="s">
        <v>11</v>
      </c>
    </row>
    <row r="20282">
      <c r="A20282" s="1">
        <v>4.90798006E8</v>
      </c>
      <c r="B20282" s="2">
        <v>17010.0</v>
      </c>
      <c r="C20282" s="1" t="s">
        <v>5</v>
      </c>
      <c r="D20282" s="1" t="s">
        <v>17203</v>
      </c>
      <c r="E20282" s="1" t="s">
        <v>7</v>
      </c>
    </row>
    <row r="20283">
      <c r="A20283" s="1">
        <v>4.90798047E8</v>
      </c>
      <c r="B20283" s="3">
        <v>16933.0</v>
      </c>
      <c r="C20283" s="1" t="s">
        <v>5</v>
      </c>
      <c r="D20283" s="1" t="s">
        <v>17204</v>
      </c>
      <c r="E20283" s="1" t="s">
        <v>11</v>
      </c>
    </row>
    <row r="20284">
      <c r="A20284" s="1">
        <v>4.90798052E8</v>
      </c>
      <c r="B20284" s="2">
        <v>17000.0</v>
      </c>
      <c r="C20284" s="1" t="s">
        <v>5</v>
      </c>
      <c r="D20284" s="1" t="s">
        <v>11</v>
      </c>
      <c r="E20284" s="1" t="s">
        <v>7</v>
      </c>
    </row>
    <row r="20285">
      <c r="A20285" s="1">
        <v>4.90798085E8</v>
      </c>
      <c r="B20285" s="3">
        <v>16938.0</v>
      </c>
      <c r="C20285" s="1" t="s">
        <v>5</v>
      </c>
      <c r="D20285" s="1" t="s">
        <v>11</v>
      </c>
      <c r="E20285" s="1" t="s">
        <v>7</v>
      </c>
    </row>
    <row r="20286">
      <c r="A20286" s="1">
        <v>4.90798087E8</v>
      </c>
      <c r="B20286" s="3">
        <v>16933.0</v>
      </c>
      <c r="C20286" s="1" t="s">
        <v>5</v>
      </c>
      <c r="D20286" s="1" t="s">
        <v>17205</v>
      </c>
      <c r="E20286" s="1" t="s">
        <v>7</v>
      </c>
    </row>
    <row r="20287">
      <c r="A20287" s="1">
        <v>4.90798113E8</v>
      </c>
      <c r="B20287" s="2">
        <v>16994.0</v>
      </c>
      <c r="C20287" s="1" t="s">
        <v>5</v>
      </c>
      <c r="D20287" s="1" t="s">
        <v>17206</v>
      </c>
      <c r="E20287" s="1" t="s">
        <v>11</v>
      </c>
    </row>
    <row r="20288">
      <c r="A20288" s="1">
        <v>4.90798142E8</v>
      </c>
      <c r="B20288" s="2">
        <v>16999.0</v>
      </c>
      <c r="C20288" s="1" t="s">
        <v>5</v>
      </c>
      <c r="D20288" s="1" t="s">
        <v>17207</v>
      </c>
      <c r="E20288" s="1" t="s">
        <v>7</v>
      </c>
    </row>
    <row r="20289">
      <c r="A20289" s="1">
        <v>4.90798257E8</v>
      </c>
      <c r="B20289" s="3">
        <v>16929.0</v>
      </c>
      <c r="C20289" s="1" t="s">
        <v>5</v>
      </c>
      <c r="D20289" s="1" t="s">
        <v>17208</v>
      </c>
      <c r="E20289" s="1" t="s">
        <v>11</v>
      </c>
    </row>
    <row r="20290">
      <c r="A20290" s="1">
        <v>4.90798263E8</v>
      </c>
      <c r="B20290" s="2">
        <v>17009.0</v>
      </c>
      <c r="C20290" s="1" t="s">
        <v>5</v>
      </c>
      <c r="D20290" s="1" t="s">
        <v>17209</v>
      </c>
      <c r="E20290" s="1" t="s">
        <v>11</v>
      </c>
    </row>
    <row r="20291">
      <c r="A20291" s="1">
        <v>4.90798284E8</v>
      </c>
      <c r="B20291" s="3">
        <v>16937.0</v>
      </c>
      <c r="C20291" s="1" t="s">
        <v>5</v>
      </c>
      <c r="D20291" s="1" t="s">
        <v>17210</v>
      </c>
      <c r="E20291" s="1" t="s">
        <v>11</v>
      </c>
    </row>
    <row r="20292">
      <c r="A20292" s="1">
        <v>4.90798326E8</v>
      </c>
      <c r="B20292" s="2">
        <v>17002.0</v>
      </c>
      <c r="C20292" s="1" t="s">
        <v>5</v>
      </c>
      <c r="D20292" s="1" t="s">
        <v>11</v>
      </c>
      <c r="E20292" s="1" t="s">
        <v>7</v>
      </c>
    </row>
    <row r="20293">
      <c r="A20293" s="1">
        <v>4.90798342E8</v>
      </c>
      <c r="B20293" s="2">
        <v>17008.0</v>
      </c>
      <c r="C20293" s="1" t="s">
        <v>5</v>
      </c>
      <c r="D20293" s="1" t="s">
        <v>17211</v>
      </c>
      <c r="E20293" s="1" t="s">
        <v>17212</v>
      </c>
    </row>
    <row r="20294">
      <c r="A20294" s="1">
        <v>4.90798353E8</v>
      </c>
      <c r="B20294" s="3">
        <v>16936.0</v>
      </c>
      <c r="C20294" s="1" t="s">
        <v>5</v>
      </c>
      <c r="D20294" s="1" t="s">
        <v>17213</v>
      </c>
      <c r="E20294" s="1" t="s">
        <v>7</v>
      </c>
    </row>
    <row r="20295">
      <c r="A20295" s="1">
        <v>4.90798361E8</v>
      </c>
      <c r="B20295" s="2">
        <v>17008.0</v>
      </c>
      <c r="C20295" s="1" t="s">
        <v>5</v>
      </c>
      <c r="D20295" s="1" t="s">
        <v>17214</v>
      </c>
      <c r="E20295" s="1" t="s">
        <v>11</v>
      </c>
    </row>
    <row r="20296">
      <c r="A20296" s="1">
        <v>4.90798372E8</v>
      </c>
      <c r="B20296" s="2">
        <v>17006.0</v>
      </c>
      <c r="C20296" s="1" t="s">
        <v>5</v>
      </c>
      <c r="D20296" s="1" t="s">
        <v>17215</v>
      </c>
      <c r="E20296" s="1" t="s">
        <v>11</v>
      </c>
    </row>
    <row r="20297">
      <c r="A20297" s="1">
        <v>4.90798381E8</v>
      </c>
      <c r="B20297" s="2">
        <v>17013.0</v>
      </c>
      <c r="C20297" s="1" t="s">
        <v>5</v>
      </c>
      <c r="D20297" s="1" t="s">
        <v>17216</v>
      </c>
      <c r="E20297" s="1" t="s">
        <v>7</v>
      </c>
    </row>
    <row r="20298">
      <c r="A20298" s="1">
        <v>4.90798395E8</v>
      </c>
      <c r="B20298" s="2">
        <v>17008.0</v>
      </c>
      <c r="C20298" s="1" t="s">
        <v>5</v>
      </c>
      <c r="D20298" s="1" t="s">
        <v>17217</v>
      </c>
      <c r="E20298" s="1" t="s">
        <v>7</v>
      </c>
    </row>
    <row r="20299">
      <c r="A20299" s="1">
        <v>4.90798401E8</v>
      </c>
      <c r="B20299" s="2">
        <v>17006.0</v>
      </c>
      <c r="C20299" s="1" t="s">
        <v>5</v>
      </c>
      <c r="D20299" s="1" t="s">
        <v>11</v>
      </c>
      <c r="E20299" s="1" t="s">
        <v>7</v>
      </c>
    </row>
    <row r="20300">
      <c r="A20300" s="1">
        <v>4.90798436E8</v>
      </c>
      <c r="B20300" s="2">
        <v>16964.0</v>
      </c>
      <c r="C20300" s="1" t="s">
        <v>5</v>
      </c>
      <c r="D20300" s="1" t="s">
        <v>17218</v>
      </c>
      <c r="E20300" s="1" t="s">
        <v>7</v>
      </c>
    </row>
    <row r="20301">
      <c r="A20301" s="1">
        <v>4.90798487E8</v>
      </c>
      <c r="B20301" s="2">
        <v>16990.0</v>
      </c>
      <c r="C20301" s="1" t="s">
        <v>5</v>
      </c>
      <c r="D20301" s="1" t="s">
        <v>11</v>
      </c>
      <c r="E20301" s="1" t="s">
        <v>7</v>
      </c>
    </row>
    <row r="20302">
      <c r="A20302" s="1">
        <v>4.90798497E8</v>
      </c>
      <c r="B20302" s="3">
        <v>16930.0</v>
      </c>
      <c r="C20302" s="1" t="s">
        <v>5</v>
      </c>
      <c r="D20302" s="1" t="s">
        <v>17219</v>
      </c>
      <c r="E20302" s="1" t="s">
        <v>7</v>
      </c>
    </row>
    <row r="20303">
      <c r="A20303" s="1">
        <v>4.90798601E8</v>
      </c>
      <c r="B20303" s="2">
        <v>17007.0</v>
      </c>
      <c r="C20303" s="1" t="s">
        <v>5</v>
      </c>
      <c r="D20303" s="1" t="s">
        <v>11</v>
      </c>
      <c r="E20303" s="1" t="s">
        <v>7</v>
      </c>
    </row>
    <row r="20304">
      <c r="A20304" s="1">
        <v>4.90798613E8</v>
      </c>
      <c r="B20304" s="3">
        <v>16925.0</v>
      </c>
      <c r="C20304" s="1" t="s">
        <v>5</v>
      </c>
      <c r="D20304" s="1" t="s">
        <v>11</v>
      </c>
      <c r="E20304" s="1" t="s">
        <v>7</v>
      </c>
    </row>
    <row r="20305">
      <c r="A20305" s="1">
        <v>4.90798628E8</v>
      </c>
      <c r="B20305" s="2">
        <v>16962.0</v>
      </c>
      <c r="C20305" s="1" t="s">
        <v>5</v>
      </c>
      <c r="D20305" s="1" t="s">
        <v>17220</v>
      </c>
      <c r="E20305" s="1" t="s">
        <v>11</v>
      </c>
    </row>
    <row r="20306">
      <c r="A20306" s="1">
        <v>4.90798639E8</v>
      </c>
      <c r="B20306" s="2">
        <v>17004.0</v>
      </c>
      <c r="C20306" s="1" t="s">
        <v>5</v>
      </c>
      <c r="D20306" s="1" t="s">
        <v>11</v>
      </c>
      <c r="E20306" s="1" t="s">
        <v>7</v>
      </c>
    </row>
    <row r="20307">
      <c r="A20307" s="1">
        <v>4.9079864E8</v>
      </c>
      <c r="B20307" s="2">
        <v>17003.0</v>
      </c>
      <c r="C20307" s="1" t="s">
        <v>5</v>
      </c>
      <c r="D20307" s="1" t="s">
        <v>11</v>
      </c>
      <c r="E20307" s="1" t="s">
        <v>7</v>
      </c>
    </row>
    <row r="20308">
      <c r="A20308" s="1">
        <v>4.90798643E8</v>
      </c>
      <c r="B20308" s="2">
        <v>16989.0</v>
      </c>
      <c r="C20308" s="1" t="s">
        <v>5</v>
      </c>
      <c r="D20308" s="1" t="s">
        <v>17221</v>
      </c>
      <c r="E20308" s="1" t="s">
        <v>7</v>
      </c>
    </row>
    <row r="20309">
      <c r="A20309" s="1">
        <v>4.90798695E8</v>
      </c>
      <c r="B20309" s="3">
        <v>16927.0</v>
      </c>
      <c r="C20309" s="1" t="s">
        <v>5</v>
      </c>
      <c r="D20309" s="1" t="s">
        <v>17222</v>
      </c>
      <c r="E20309" s="1" t="s">
        <v>17223</v>
      </c>
    </row>
    <row r="20310">
      <c r="A20310" s="1">
        <v>4.90798729E8</v>
      </c>
      <c r="B20310" s="2">
        <v>16961.0</v>
      </c>
      <c r="C20310" s="1" t="s">
        <v>5</v>
      </c>
      <c r="D20310" s="1" t="s">
        <v>17224</v>
      </c>
      <c r="E20310" s="1" t="s">
        <v>7</v>
      </c>
    </row>
    <row r="20311">
      <c r="A20311" s="1">
        <v>4.90798756E8</v>
      </c>
      <c r="B20311" s="2">
        <v>16961.0</v>
      </c>
      <c r="C20311" s="1" t="s">
        <v>5</v>
      </c>
      <c r="D20311" s="1" t="s">
        <v>11</v>
      </c>
      <c r="E20311" s="1" t="s">
        <v>7</v>
      </c>
    </row>
    <row r="20312">
      <c r="A20312" s="1">
        <v>4.90798774E8</v>
      </c>
      <c r="B20312" s="3">
        <v>16925.0</v>
      </c>
      <c r="C20312" s="1" t="s">
        <v>5</v>
      </c>
      <c r="D20312" s="1" t="s">
        <v>14519</v>
      </c>
      <c r="E20312" s="1" t="s">
        <v>7</v>
      </c>
    </row>
    <row r="20313">
      <c r="A20313" s="1">
        <v>4.90798784E8</v>
      </c>
      <c r="B20313" s="2">
        <v>17014.0</v>
      </c>
      <c r="C20313" s="1" t="s">
        <v>5</v>
      </c>
      <c r="D20313" s="1" t="s">
        <v>17225</v>
      </c>
      <c r="E20313" s="1" t="s">
        <v>7</v>
      </c>
    </row>
    <row r="20314">
      <c r="A20314" s="1">
        <v>4.90798887E8</v>
      </c>
      <c r="B20314" s="2">
        <v>16988.0</v>
      </c>
      <c r="C20314" s="1" t="s">
        <v>5</v>
      </c>
      <c r="D20314" s="1" t="s">
        <v>17226</v>
      </c>
      <c r="E20314" s="1" t="s">
        <v>11</v>
      </c>
    </row>
    <row r="20315">
      <c r="A20315" s="1">
        <v>4.90798902E8</v>
      </c>
      <c r="B20315" s="2">
        <v>16997.0</v>
      </c>
      <c r="C20315" s="1" t="s">
        <v>5</v>
      </c>
      <c r="D20315" s="1" t="s">
        <v>11</v>
      </c>
      <c r="E20315" s="1" t="s">
        <v>7</v>
      </c>
    </row>
    <row r="20316">
      <c r="A20316" s="1">
        <v>4.90798948E8</v>
      </c>
      <c r="B20316" s="2">
        <v>17006.0</v>
      </c>
      <c r="C20316" s="1" t="s">
        <v>5</v>
      </c>
      <c r="D20316" s="1" t="s">
        <v>17227</v>
      </c>
      <c r="E20316" s="1" t="s">
        <v>7</v>
      </c>
    </row>
    <row r="20317">
      <c r="A20317" s="1">
        <v>4.90798965E8</v>
      </c>
      <c r="B20317" s="3">
        <v>16923.0</v>
      </c>
      <c r="C20317" s="1" t="s">
        <v>5</v>
      </c>
      <c r="D20317" s="1" t="s">
        <v>17228</v>
      </c>
      <c r="E20317" s="1" t="s">
        <v>7</v>
      </c>
    </row>
    <row r="20318">
      <c r="A20318" s="1">
        <v>4.90798986E8</v>
      </c>
      <c r="B20318" s="2">
        <v>17002.0</v>
      </c>
      <c r="C20318" s="1" t="s">
        <v>5</v>
      </c>
      <c r="D20318" s="1" t="s">
        <v>17229</v>
      </c>
      <c r="E20318" s="1" t="s">
        <v>7</v>
      </c>
    </row>
    <row r="20319">
      <c r="A20319" s="1">
        <v>4.90799004E8</v>
      </c>
      <c r="B20319" s="2">
        <v>16989.0</v>
      </c>
      <c r="C20319" s="1" t="s">
        <v>5</v>
      </c>
      <c r="D20319" s="1" t="s">
        <v>17230</v>
      </c>
      <c r="E20319" s="1" t="s">
        <v>7</v>
      </c>
    </row>
    <row r="20320">
      <c r="A20320" s="1">
        <v>4.90799106E8</v>
      </c>
      <c r="B20320" s="3">
        <v>16952.0</v>
      </c>
      <c r="C20320" s="1" t="s">
        <v>5</v>
      </c>
      <c r="D20320" s="1" t="s">
        <v>17231</v>
      </c>
      <c r="E20320" s="1" t="s">
        <v>11</v>
      </c>
    </row>
    <row r="20321">
      <c r="A20321" s="1">
        <v>4.90799109E8</v>
      </c>
      <c r="B20321" s="2">
        <v>17013.0</v>
      </c>
      <c r="C20321" s="1" t="s">
        <v>5</v>
      </c>
      <c r="D20321" s="1" t="s">
        <v>17232</v>
      </c>
      <c r="E20321" s="1" t="s">
        <v>7</v>
      </c>
    </row>
    <row r="20322">
      <c r="A20322" s="1">
        <v>4.90799119E8</v>
      </c>
      <c r="B20322" s="2">
        <v>17001.0</v>
      </c>
      <c r="C20322" s="1" t="s">
        <v>5</v>
      </c>
      <c r="D20322" s="1" t="s">
        <v>17233</v>
      </c>
      <c r="E20322" s="1" t="s">
        <v>11</v>
      </c>
    </row>
    <row r="20323">
      <c r="A20323" s="1">
        <v>4.90799123E8</v>
      </c>
      <c r="B20323" s="3">
        <v>16933.0</v>
      </c>
      <c r="C20323" s="1" t="s">
        <v>5</v>
      </c>
      <c r="D20323" s="1" t="s">
        <v>17234</v>
      </c>
      <c r="E20323" s="1" t="s">
        <v>17235</v>
      </c>
    </row>
    <row r="20324">
      <c r="A20324" s="1">
        <v>4.90799128E8</v>
      </c>
      <c r="B20324" s="2">
        <v>16986.0</v>
      </c>
      <c r="C20324" s="1" t="s">
        <v>5</v>
      </c>
      <c r="D20324" s="1" t="s">
        <v>17236</v>
      </c>
      <c r="E20324" s="1" t="s">
        <v>7</v>
      </c>
    </row>
    <row r="20325">
      <c r="A20325" s="1">
        <v>4.90799129E8</v>
      </c>
      <c r="B20325" s="2">
        <v>16958.0</v>
      </c>
      <c r="C20325" s="1" t="s">
        <v>5</v>
      </c>
      <c r="D20325" s="1" t="s">
        <v>17237</v>
      </c>
      <c r="E20325" s="1" t="s">
        <v>7</v>
      </c>
    </row>
    <row r="20326">
      <c r="A20326" s="1">
        <v>4.90799147E8</v>
      </c>
      <c r="B20326" s="2">
        <v>17000.0</v>
      </c>
      <c r="C20326" s="1" t="s">
        <v>5</v>
      </c>
      <c r="D20326" s="1" t="s">
        <v>17238</v>
      </c>
      <c r="E20326" s="1" t="s">
        <v>11</v>
      </c>
    </row>
    <row r="20327">
      <c r="A20327" s="1">
        <v>4.90799158E8</v>
      </c>
      <c r="B20327" s="2">
        <v>17013.0</v>
      </c>
      <c r="C20327" s="1" t="s">
        <v>5</v>
      </c>
      <c r="D20327" s="1" t="s">
        <v>17239</v>
      </c>
      <c r="E20327" s="1" t="s">
        <v>7</v>
      </c>
    </row>
    <row r="20328">
      <c r="A20328" s="1">
        <v>4.90799172E8</v>
      </c>
      <c r="B20328" s="3">
        <v>16933.0</v>
      </c>
      <c r="C20328" s="1" t="s">
        <v>5</v>
      </c>
      <c r="D20328" s="1" t="s">
        <v>17240</v>
      </c>
      <c r="E20328" s="1" t="s">
        <v>17241</v>
      </c>
    </row>
    <row r="20329">
      <c r="A20329" s="1">
        <v>4.90799174E8</v>
      </c>
      <c r="B20329" s="2">
        <v>17003.0</v>
      </c>
      <c r="C20329" s="1" t="s">
        <v>5</v>
      </c>
      <c r="D20329" s="1" t="s">
        <v>11</v>
      </c>
      <c r="E20329" s="1" t="s">
        <v>7</v>
      </c>
    </row>
    <row r="20330">
      <c r="A20330" s="1">
        <v>4.90799201E8</v>
      </c>
      <c r="B20330" s="2">
        <v>17001.0</v>
      </c>
      <c r="C20330" s="1" t="s">
        <v>5</v>
      </c>
      <c r="D20330" s="1" t="s">
        <v>11</v>
      </c>
      <c r="E20330" s="1" t="s">
        <v>7</v>
      </c>
    </row>
    <row r="20331">
      <c r="A20331" s="1">
        <v>4.90799294E8</v>
      </c>
      <c r="B20331" s="2">
        <v>16980.0</v>
      </c>
      <c r="C20331" s="1" t="s">
        <v>5</v>
      </c>
      <c r="D20331" s="1" t="s">
        <v>17242</v>
      </c>
      <c r="E20331" s="1" t="s">
        <v>7</v>
      </c>
    </row>
    <row r="20332">
      <c r="A20332" s="1">
        <v>4.90799297E8</v>
      </c>
      <c r="B20332" s="2">
        <v>17002.0</v>
      </c>
      <c r="C20332" s="1" t="s">
        <v>5</v>
      </c>
      <c r="D20332" s="1" t="s">
        <v>17243</v>
      </c>
      <c r="E20332" s="1" t="s">
        <v>7</v>
      </c>
    </row>
    <row r="20333">
      <c r="A20333" s="1">
        <v>4.90799375E8</v>
      </c>
      <c r="B20333" s="2">
        <v>16993.0</v>
      </c>
      <c r="C20333" s="1" t="s">
        <v>5</v>
      </c>
      <c r="D20333" s="1" t="s">
        <v>11</v>
      </c>
      <c r="E20333" s="1" t="s">
        <v>7</v>
      </c>
    </row>
    <row r="20334">
      <c r="A20334" s="1">
        <v>4.90799414E8</v>
      </c>
      <c r="B20334" s="3">
        <v>16946.0</v>
      </c>
      <c r="C20334" s="1" t="s">
        <v>5</v>
      </c>
      <c r="D20334" s="1" t="s">
        <v>17244</v>
      </c>
      <c r="E20334" s="1" t="s">
        <v>11</v>
      </c>
    </row>
    <row r="20335">
      <c r="A20335" s="1">
        <v>4.90799491E8</v>
      </c>
      <c r="B20335" s="2">
        <v>16999.0</v>
      </c>
      <c r="C20335" s="1" t="s">
        <v>5</v>
      </c>
      <c r="D20335" s="1" t="s">
        <v>17245</v>
      </c>
      <c r="E20335" s="1" t="s">
        <v>7</v>
      </c>
    </row>
    <row r="20336">
      <c r="A20336" s="1">
        <v>4.907995E8</v>
      </c>
      <c r="B20336" s="2">
        <v>16978.0</v>
      </c>
      <c r="C20336" s="1" t="s">
        <v>5</v>
      </c>
      <c r="D20336" s="1" t="s">
        <v>17246</v>
      </c>
      <c r="E20336" s="1" t="s">
        <v>7</v>
      </c>
    </row>
    <row r="20337">
      <c r="A20337" s="1">
        <v>4.90799587E8</v>
      </c>
      <c r="B20337" s="2">
        <v>16981.0</v>
      </c>
      <c r="C20337" s="1" t="s">
        <v>5</v>
      </c>
      <c r="D20337" s="1" t="s">
        <v>11</v>
      </c>
      <c r="E20337" s="1" t="s">
        <v>7</v>
      </c>
    </row>
    <row r="20338">
      <c r="A20338" s="1">
        <v>4.90799593E8</v>
      </c>
      <c r="B20338" s="2">
        <v>17010.0</v>
      </c>
      <c r="C20338" s="1" t="s">
        <v>5</v>
      </c>
      <c r="D20338" s="1" t="s">
        <v>17247</v>
      </c>
      <c r="E20338" s="1" t="s">
        <v>11</v>
      </c>
    </row>
    <row r="20339">
      <c r="A20339" s="1">
        <v>4.90799595E8</v>
      </c>
      <c r="B20339" s="3">
        <v>16924.0</v>
      </c>
      <c r="C20339" s="1" t="s">
        <v>5</v>
      </c>
      <c r="D20339" s="1" t="s">
        <v>17248</v>
      </c>
      <c r="E20339" s="1" t="s">
        <v>7</v>
      </c>
    </row>
    <row r="20340">
      <c r="A20340" s="1">
        <v>4.90799596E8</v>
      </c>
      <c r="B20340" s="2">
        <v>17043.0</v>
      </c>
      <c r="C20340" s="1" t="s">
        <v>5</v>
      </c>
      <c r="D20340" s="1" t="s">
        <v>17249</v>
      </c>
      <c r="E20340" s="1" t="s">
        <v>17250</v>
      </c>
    </row>
    <row r="20341">
      <c r="A20341" s="1">
        <v>4.90799647E8</v>
      </c>
      <c r="B20341" s="2">
        <v>17004.0</v>
      </c>
      <c r="C20341" s="1" t="s">
        <v>5</v>
      </c>
      <c r="D20341" s="1" t="s">
        <v>17251</v>
      </c>
      <c r="E20341" s="1" t="s">
        <v>7</v>
      </c>
    </row>
    <row r="20342">
      <c r="A20342" s="1">
        <v>4.90799657E8</v>
      </c>
      <c r="B20342" s="2">
        <v>16981.0</v>
      </c>
      <c r="C20342" s="1" t="s">
        <v>5</v>
      </c>
      <c r="D20342" s="1" t="s">
        <v>11</v>
      </c>
      <c r="E20342" s="1" t="s">
        <v>7</v>
      </c>
    </row>
    <row r="20343">
      <c r="A20343" s="1">
        <v>4.90799679E8</v>
      </c>
      <c r="B20343" s="2">
        <v>16996.0</v>
      </c>
      <c r="C20343" s="1" t="s">
        <v>5</v>
      </c>
      <c r="D20343" s="1" t="s">
        <v>17252</v>
      </c>
      <c r="E20343" s="1" t="s">
        <v>11</v>
      </c>
    </row>
    <row r="20344">
      <c r="A20344" s="1">
        <v>4.90799683E8</v>
      </c>
      <c r="B20344" s="2">
        <v>17000.0</v>
      </c>
      <c r="C20344" s="1" t="s">
        <v>5</v>
      </c>
      <c r="D20344" s="1" t="s">
        <v>11</v>
      </c>
      <c r="E20344" s="1" t="s">
        <v>7</v>
      </c>
    </row>
    <row r="20345">
      <c r="A20345" s="1">
        <v>4.90799715E8</v>
      </c>
      <c r="B20345" s="2">
        <v>16976.0</v>
      </c>
      <c r="C20345" s="1" t="s">
        <v>5</v>
      </c>
      <c r="D20345" s="1" t="s">
        <v>17253</v>
      </c>
      <c r="E20345" s="1" t="s">
        <v>7</v>
      </c>
    </row>
    <row r="20346">
      <c r="A20346" s="1">
        <v>4.90799768E8</v>
      </c>
      <c r="B20346" s="3">
        <v>16948.0</v>
      </c>
      <c r="C20346" s="1" t="s">
        <v>5</v>
      </c>
      <c r="D20346" s="1" t="s">
        <v>17254</v>
      </c>
      <c r="E20346" s="1" t="s">
        <v>7</v>
      </c>
    </row>
    <row r="20347">
      <c r="A20347" s="1">
        <v>4.90799805E8</v>
      </c>
      <c r="B20347" s="2">
        <v>16996.0</v>
      </c>
      <c r="C20347" s="1" t="s">
        <v>5</v>
      </c>
      <c r="D20347" s="1" t="s">
        <v>17255</v>
      </c>
      <c r="E20347" s="1" t="s">
        <v>11</v>
      </c>
    </row>
    <row r="20348">
      <c r="A20348" s="1">
        <v>4.90799812E8</v>
      </c>
      <c r="B20348" s="2">
        <v>17003.0</v>
      </c>
      <c r="C20348" s="1" t="s">
        <v>5</v>
      </c>
      <c r="D20348" s="1" t="s">
        <v>17256</v>
      </c>
      <c r="E20348" s="1" t="s">
        <v>17257</v>
      </c>
    </row>
    <row r="20349">
      <c r="A20349" s="1">
        <v>4.90799886E8</v>
      </c>
      <c r="B20349" s="2">
        <v>17003.0</v>
      </c>
      <c r="C20349" s="1" t="s">
        <v>5</v>
      </c>
      <c r="D20349" s="1" t="s">
        <v>11</v>
      </c>
      <c r="E20349" s="1" t="s">
        <v>7</v>
      </c>
    </row>
    <row r="20350">
      <c r="A20350" s="1">
        <v>4.90799927E8</v>
      </c>
      <c r="B20350" s="2">
        <v>16974.0</v>
      </c>
      <c r="C20350" s="1" t="s">
        <v>5</v>
      </c>
      <c r="D20350" s="1" t="s">
        <v>17258</v>
      </c>
      <c r="E20350" s="1" t="s">
        <v>17259</v>
      </c>
    </row>
    <row r="20351">
      <c r="A20351" s="1">
        <v>4.90799938E8</v>
      </c>
      <c r="B20351" s="3">
        <v>16924.0</v>
      </c>
      <c r="C20351" s="1" t="s">
        <v>5</v>
      </c>
      <c r="D20351" s="1" t="s">
        <v>17260</v>
      </c>
      <c r="E20351" s="1" t="s">
        <v>17261</v>
      </c>
    </row>
    <row r="20352">
      <c r="A20352" s="1">
        <v>4.90799949E8</v>
      </c>
      <c r="B20352" s="2">
        <v>16978.0</v>
      </c>
      <c r="C20352" s="1" t="s">
        <v>5</v>
      </c>
      <c r="D20352" s="1" t="s">
        <v>17262</v>
      </c>
      <c r="E20352" s="1" t="s">
        <v>11</v>
      </c>
    </row>
    <row r="20353">
      <c r="A20353" s="1">
        <v>4.90799969E8</v>
      </c>
      <c r="B20353" s="2">
        <v>16978.0</v>
      </c>
      <c r="C20353" s="1" t="s">
        <v>5</v>
      </c>
      <c r="D20353" s="1" t="s">
        <v>17263</v>
      </c>
      <c r="E20353" s="1" t="s">
        <v>7</v>
      </c>
    </row>
    <row r="20354">
      <c r="A20354" s="1">
        <v>4.90800004E8</v>
      </c>
      <c r="B20354" s="2">
        <v>17014.0</v>
      </c>
      <c r="C20354" s="1" t="s">
        <v>5</v>
      </c>
      <c r="D20354" s="1" t="s">
        <v>17264</v>
      </c>
      <c r="E20354" s="1" t="s">
        <v>7</v>
      </c>
    </row>
    <row r="20355">
      <c r="A20355" s="1">
        <v>4.90800009E8</v>
      </c>
      <c r="B20355" s="2">
        <v>16996.0</v>
      </c>
      <c r="C20355" s="1" t="s">
        <v>5</v>
      </c>
      <c r="D20355" s="1" t="s">
        <v>17265</v>
      </c>
      <c r="E20355" s="1" t="s">
        <v>7</v>
      </c>
    </row>
    <row r="20356">
      <c r="A20356" s="1">
        <v>4.90800015E8</v>
      </c>
      <c r="B20356" s="2">
        <v>17007.0</v>
      </c>
      <c r="C20356" s="1" t="s">
        <v>5</v>
      </c>
      <c r="D20356" s="1" t="s">
        <v>11</v>
      </c>
      <c r="E20356" s="1" t="s">
        <v>7</v>
      </c>
    </row>
    <row r="20357">
      <c r="A20357" s="1">
        <v>4.90800041E8</v>
      </c>
      <c r="B20357" s="2">
        <v>16994.0</v>
      </c>
      <c r="C20357" s="1" t="s">
        <v>5</v>
      </c>
      <c r="D20357" s="1" t="s">
        <v>11</v>
      </c>
      <c r="E20357" s="1" t="s">
        <v>7</v>
      </c>
    </row>
    <row r="20358">
      <c r="A20358" s="1">
        <v>4.90800046E8</v>
      </c>
      <c r="B20358" s="2">
        <v>17014.0</v>
      </c>
      <c r="C20358" s="1" t="s">
        <v>5</v>
      </c>
      <c r="D20358" s="1" t="s">
        <v>11</v>
      </c>
      <c r="E20358" s="1" t="s">
        <v>7</v>
      </c>
    </row>
    <row r="20359">
      <c r="A20359" s="1">
        <v>4.90800076E8</v>
      </c>
      <c r="B20359" s="2">
        <v>17014.0</v>
      </c>
      <c r="C20359" s="1" t="s">
        <v>5</v>
      </c>
      <c r="D20359" s="1" t="s">
        <v>17266</v>
      </c>
      <c r="E20359" s="1" t="s">
        <v>7</v>
      </c>
    </row>
    <row r="20360">
      <c r="A20360" s="1">
        <v>4.90800088E8</v>
      </c>
      <c r="B20360" s="2">
        <v>16981.0</v>
      </c>
      <c r="C20360" s="1" t="s">
        <v>5</v>
      </c>
      <c r="D20360" s="1" t="s">
        <v>17267</v>
      </c>
      <c r="E20360" s="1" t="s">
        <v>7</v>
      </c>
    </row>
    <row r="20361">
      <c r="A20361" s="1">
        <v>4.90800182E8</v>
      </c>
      <c r="B20361" s="3">
        <v>16936.0</v>
      </c>
      <c r="C20361" s="1" t="s">
        <v>5</v>
      </c>
      <c r="D20361" s="1" t="s">
        <v>17268</v>
      </c>
      <c r="E20361" s="1" t="s">
        <v>11</v>
      </c>
    </row>
    <row r="20362">
      <c r="A20362" s="1">
        <v>4.90800215E8</v>
      </c>
      <c r="B20362" s="2">
        <v>16981.0</v>
      </c>
      <c r="C20362" s="1" t="s">
        <v>5</v>
      </c>
      <c r="D20362" s="1" t="s">
        <v>17269</v>
      </c>
      <c r="E20362" s="1" t="s">
        <v>7</v>
      </c>
    </row>
    <row r="20363">
      <c r="A20363" s="1">
        <v>4.90800218E8</v>
      </c>
      <c r="B20363" s="2">
        <v>16994.0</v>
      </c>
      <c r="C20363" s="1" t="s">
        <v>5</v>
      </c>
      <c r="D20363" s="1" t="s">
        <v>17270</v>
      </c>
      <c r="E20363" s="1" t="s">
        <v>7</v>
      </c>
    </row>
    <row r="20364">
      <c r="A20364" s="1">
        <v>4.90800227E8</v>
      </c>
      <c r="B20364" s="3">
        <v>16923.0</v>
      </c>
      <c r="C20364" s="1" t="s">
        <v>5</v>
      </c>
      <c r="D20364" s="1" t="s">
        <v>17271</v>
      </c>
      <c r="E20364" s="1" t="s">
        <v>11</v>
      </c>
    </row>
    <row r="20365">
      <c r="A20365" s="1">
        <v>4.90800234E8</v>
      </c>
      <c r="B20365" s="2">
        <v>16985.0</v>
      </c>
      <c r="C20365" s="1" t="s">
        <v>5</v>
      </c>
      <c r="D20365" s="1" t="s">
        <v>17272</v>
      </c>
      <c r="E20365" s="1" t="s">
        <v>7</v>
      </c>
    </row>
    <row r="20366">
      <c r="A20366" s="1">
        <v>4.90800244E8</v>
      </c>
      <c r="B20366" s="3">
        <v>16923.0</v>
      </c>
      <c r="C20366" s="1" t="s">
        <v>5</v>
      </c>
      <c r="D20366" s="1" t="s">
        <v>11</v>
      </c>
      <c r="E20366" s="1" t="s">
        <v>7</v>
      </c>
    </row>
    <row r="20367">
      <c r="A20367" s="1">
        <v>4.90800294E8</v>
      </c>
      <c r="B20367" s="2">
        <v>17011.0</v>
      </c>
      <c r="C20367" s="1" t="s">
        <v>5</v>
      </c>
      <c r="D20367" s="1" t="s">
        <v>17273</v>
      </c>
      <c r="E20367" s="1" t="s">
        <v>11</v>
      </c>
    </row>
    <row r="20368">
      <c r="A20368" s="1">
        <v>4.90800303E8</v>
      </c>
      <c r="B20368" s="2">
        <v>17000.0</v>
      </c>
      <c r="C20368" s="1" t="s">
        <v>5</v>
      </c>
      <c r="D20368" s="1" t="s">
        <v>17274</v>
      </c>
      <c r="E20368" s="1" t="s">
        <v>17275</v>
      </c>
    </row>
    <row r="20369">
      <c r="A20369" s="1">
        <v>4.90800323E8</v>
      </c>
      <c r="B20369" s="2">
        <v>16979.0</v>
      </c>
      <c r="C20369" s="1" t="s">
        <v>5</v>
      </c>
      <c r="D20369" s="1" t="s">
        <v>17276</v>
      </c>
      <c r="E20369" s="1" t="s">
        <v>17277</v>
      </c>
    </row>
    <row r="20370">
      <c r="A20370" s="1">
        <v>4.90800324E8</v>
      </c>
      <c r="B20370" s="2">
        <v>16992.0</v>
      </c>
      <c r="C20370" s="1" t="s">
        <v>5</v>
      </c>
      <c r="D20370" s="1" t="s">
        <v>11</v>
      </c>
      <c r="E20370" s="1" t="s">
        <v>7</v>
      </c>
    </row>
    <row r="20371">
      <c r="A20371" s="1">
        <v>4.90800329E8</v>
      </c>
      <c r="B20371" s="2">
        <v>16975.0</v>
      </c>
      <c r="C20371" s="1" t="s">
        <v>5</v>
      </c>
      <c r="D20371" s="1" t="s">
        <v>11</v>
      </c>
      <c r="E20371" s="1" t="s">
        <v>7</v>
      </c>
    </row>
    <row r="20372">
      <c r="A20372" s="1">
        <v>4.90800429E8</v>
      </c>
      <c r="B20372" s="2">
        <v>16995.0</v>
      </c>
      <c r="C20372" s="1" t="s">
        <v>5</v>
      </c>
      <c r="D20372" s="1" t="s">
        <v>11</v>
      </c>
      <c r="E20372" s="1" t="s">
        <v>7</v>
      </c>
    </row>
    <row r="20373">
      <c r="A20373" s="1">
        <v>4.90800444E8</v>
      </c>
      <c r="B20373" s="2">
        <v>16978.0</v>
      </c>
      <c r="C20373" s="1" t="s">
        <v>5</v>
      </c>
      <c r="D20373" s="1" t="s">
        <v>17278</v>
      </c>
      <c r="E20373" s="1" t="s">
        <v>7</v>
      </c>
    </row>
    <row r="20374">
      <c r="A20374" s="1">
        <v>4.90800483E8</v>
      </c>
      <c r="B20374" s="2">
        <v>17009.0</v>
      </c>
      <c r="C20374" s="1" t="s">
        <v>5</v>
      </c>
      <c r="D20374" s="1" t="s">
        <v>17279</v>
      </c>
      <c r="E20374" s="1" t="s">
        <v>7</v>
      </c>
    </row>
    <row r="20375">
      <c r="A20375" s="1">
        <v>4.90800488E8</v>
      </c>
      <c r="B20375" s="2">
        <v>16988.0</v>
      </c>
      <c r="C20375" s="1" t="s">
        <v>5</v>
      </c>
      <c r="D20375" s="1" t="s">
        <v>11</v>
      </c>
      <c r="E20375" s="1" t="s">
        <v>7</v>
      </c>
    </row>
    <row r="20376">
      <c r="A20376" s="1">
        <v>4.90800523E8</v>
      </c>
      <c r="B20376" s="2">
        <v>17009.0</v>
      </c>
      <c r="C20376" s="1" t="s">
        <v>5</v>
      </c>
      <c r="D20376" s="1" t="s">
        <v>17280</v>
      </c>
      <c r="E20376" s="1" t="s">
        <v>7</v>
      </c>
    </row>
    <row r="20377">
      <c r="A20377" s="1">
        <v>4.90800526E8</v>
      </c>
      <c r="B20377" s="3">
        <v>16938.0</v>
      </c>
      <c r="C20377" s="1" t="s">
        <v>5</v>
      </c>
      <c r="D20377" s="1" t="s">
        <v>11</v>
      </c>
      <c r="E20377" s="1" t="s">
        <v>7</v>
      </c>
    </row>
    <row r="20378">
      <c r="A20378" s="1">
        <v>4.90800528E8</v>
      </c>
      <c r="B20378" s="2">
        <v>17039.0</v>
      </c>
      <c r="C20378" s="1" t="s">
        <v>5</v>
      </c>
      <c r="D20378" s="1" t="s">
        <v>17281</v>
      </c>
      <c r="E20378" s="1" t="s">
        <v>7</v>
      </c>
    </row>
    <row r="20379">
      <c r="A20379" s="1">
        <v>4.90800595E8</v>
      </c>
      <c r="B20379" s="2">
        <v>16982.0</v>
      </c>
      <c r="C20379" s="1" t="s">
        <v>5</v>
      </c>
      <c r="D20379" s="1" t="s">
        <v>17282</v>
      </c>
      <c r="E20379" s="1" t="s">
        <v>11</v>
      </c>
    </row>
    <row r="20380">
      <c r="A20380" s="1">
        <v>4.90800631E8</v>
      </c>
      <c r="B20380" s="2">
        <v>17008.0</v>
      </c>
      <c r="C20380" s="1" t="s">
        <v>5</v>
      </c>
      <c r="D20380" s="1" t="s">
        <v>11</v>
      </c>
      <c r="E20380" s="1" t="s">
        <v>7</v>
      </c>
    </row>
    <row r="20381">
      <c r="A20381" s="1">
        <v>4.90800635E8</v>
      </c>
      <c r="B20381" s="2">
        <v>17043.0</v>
      </c>
      <c r="C20381" s="1" t="s">
        <v>5</v>
      </c>
      <c r="D20381" s="1" t="s">
        <v>17283</v>
      </c>
      <c r="E20381" s="1" t="s">
        <v>7</v>
      </c>
    </row>
    <row r="20382">
      <c r="A20382" s="1">
        <v>4.90800694E8</v>
      </c>
      <c r="B20382" s="2">
        <v>17035.0</v>
      </c>
      <c r="C20382" s="1" t="s">
        <v>5</v>
      </c>
      <c r="D20382" s="1" t="s">
        <v>17284</v>
      </c>
      <c r="E20382" s="1" t="s">
        <v>17285</v>
      </c>
    </row>
    <row r="20383">
      <c r="A20383" s="1">
        <v>4.90800723E8</v>
      </c>
      <c r="B20383" s="2">
        <v>16966.0</v>
      </c>
      <c r="C20383" s="1" t="s">
        <v>5</v>
      </c>
      <c r="D20383" s="1" t="s">
        <v>17286</v>
      </c>
      <c r="E20383" s="1" t="s">
        <v>17287</v>
      </c>
    </row>
    <row r="20384">
      <c r="A20384" s="1">
        <v>4.90800724E8</v>
      </c>
      <c r="B20384" s="2">
        <v>17038.0</v>
      </c>
      <c r="C20384" s="1" t="s">
        <v>5</v>
      </c>
      <c r="D20384" s="1" t="s">
        <v>17288</v>
      </c>
      <c r="E20384" s="1" t="s">
        <v>7</v>
      </c>
    </row>
    <row r="20385">
      <c r="A20385" s="1">
        <v>4.90800805E8</v>
      </c>
      <c r="B20385" s="3">
        <v>16932.0</v>
      </c>
      <c r="C20385" s="1" t="s">
        <v>5</v>
      </c>
      <c r="D20385" s="1" t="s">
        <v>11</v>
      </c>
      <c r="E20385" s="1" t="s">
        <v>7</v>
      </c>
    </row>
    <row r="20386">
      <c r="A20386" s="1">
        <v>4.90800808E8</v>
      </c>
      <c r="B20386" s="2">
        <v>16980.0</v>
      </c>
      <c r="C20386" s="1" t="s">
        <v>5</v>
      </c>
      <c r="D20386" s="1" t="s">
        <v>11</v>
      </c>
      <c r="E20386" s="1" t="s">
        <v>7</v>
      </c>
    </row>
    <row r="20387">
      <c r="A20387" s="1">
        <v>4.90800843E8</v>
      </c>
      <c r="B20387" s="2">
        <v>16980.0</v>
      </c>
      <c r="C20387" s="1" t="s">
        <v>5</v>
      </c>
      <c r="D20387" s="1" t="s">
        <v>17289</v>
      </c>
      <c r="E20387" s="1" t="s">
        <v>7</v>
      </c>
    </row>
    <row r="20388">
      <c r="A20388" s="1">
        <v>4.90800847E8</v>
      </c>
      <c r="B20388" s="2">
        <v>17034.0</v>
      </c>
      <c r="C20388" s="1" t="s">
        <v>5</v>
      </c>
      <c r="D20388" s="1" t="s">
        <v>17290</v>
      </c>
      <c r="E20388" s="1" t="s">
        <v>17291</v>
      </c>
    </row>
    <row r="20389">
      <c r="A20389" s="1">
        <v>4.90800848E8</v>
      </c>
      <c r="B20389" s="2">
        <v>16990.0</v>
      </c>
      <c r="C20389" s="1" t="s">
        <v>5</v>
      </c>
      <c r="D20389" s="1" t="s">
        <v>17292</v>
      </c>
      <c r="E20389" s="1" t="s">
        <v>7</v>
      </c>
    </row>
    <row r="20390">
      <c r="A20390" s="1">
        <v>4.90800879E8</v>
      </c>
      <c r="B20390" s="2">
        <v>17007.0</v>
      </c>
      <c r="C20390" s="1" t="s">
        <v>5</v>
      </c>
      <c r="D20390" s="1" t="s">
        <v>17293</v>
      </c>
      <c r="E20390" s="1" t="s">
        <v>11</v>
      </c>
    </row>
    <row r="20391">
      <c r="A20391" s="1">
        <v>4.90800886E8</v>
      </c>
      <c r="B20391" s="2">
        <v>16989.0</v>
      </c>
      <c r="C20391" s="1" t="s">
        <v>5</v>
      </c>
      <c r="D20391" s="1" t="s">
        <v>11</v>
      </c>
      <c r="E20391" s="1" t="s">
        <v>7</v>
      </c>
    </row>
    <row r="20392">
      <c r="A20392" s="1">
        <v>4.90800939E8</v>
      </c>
      <c r="B20392" s="3">
        <v>16936.0</v>
      </c>
      <c r="C20392" s="1" t="s">
        <v>5</v>
      </c>
      <c r="D20392" s="1" t="s">
        <v>11</v>
      </c>
      <c r="E20392" s="1" t="s">
        <v>7</v>
      </c>
    </row>
    <row r="20393">
      <c r="A20393" s="1">
        <v>4.90801006E8</v>
      </c>
      <c r="B20393" s="2">
        <v>17035.0</v>
      </c>
      <c r="C20393" s="1" t="s">
        <v>5</v>
      </c>
      <c r="D20393" s="1" t="s">
        <v>17294</v>
      </c>
      <c r="E20393" s="1" t="s">
        <v>7</v>
      </c>
    </row>
    <row r="20394">
      <c r="A20394" s="1">
        <v>4.90801044E8</v>
      </c>
      <c r="B20394" s="3">
        <v>16934.0</v>
      </c>
      <c r="C20394" s="1" t="s">
        <v>5</v>
      </c>
      <c r="D20394" s="1" t="s">
        <v>11</v>
      </c>
      <c r="E20394" s="1" t="s">
        <v>7</v>
      </c>
    </row>
    <row r="20395">
      <c r="A20395" s="1">
        <v>4.90801124E8</v>
      </c>
      <c r="B20395" s="2">
        <v>17032.0</v>
      </c>
      <c r="C20395" s="1" t="s">
        <v>5</v>
      </c>
      <c r="D20395" s="1" t="s">
        <v>17295</v>
      </c>
      <c r="E20395" s="1" t="s">
        <v>7</v>
      </c>
    </row>
    <row r="20396">
      <c r="A20396" s="1">
        <v>4.90801125E8</v>
      </c>
      <c r="B20396" s="2">
        <v>16988.0</v>
      </c>
      <c r="C20396" s="1" t="s">
        <v>5</v>
      </c>
      <c r="D20396" s="1" t="s">
        <v>11</v>
      </c>
      <c r="E20396" s="1" t="s">
        <v>7</v>
      </c>
    </row>
    <row r="20397">
      <c r="A20397" s="1">
        <v>4.90801203E8</v>
      </c>
      <c r="B20397" s="3">
        <v>16933.0</v>
      </c>
      <c r="C20397" s="1" t="s">
        <v>5</v>
      </c>
      <c r="D20397" s="1" t="s">
        <v>17296</v>
      </c>
      <c r="E20397" s="1" t="s">
        <v>7</v>
      </c>
    </row>
    <row r="20398">
      <c r="A20398" s="1">
        <v>4.90801204E8</v>
      </c>
      <c r="B20398" s="2">
        <v>16987.0</v>
      </c>
      <c r="C20398" s="1" t="s">
        <v>5</v>
      </c>
      <c r="D20398" s="1" t="s">
        <v>17297</v>
      </c>
      <c r="E20398" s="1" t="s">
        <v>7</v>
      </c>
    </row>
    <row r="20399">
      <c r="A20399" s="1">
        <v>4.90801253E8</v>
      </c>
      <c r="B20399" s="2">
        <v>17003.0</v>
      </c>
      <c r="C20399" s="1" t="s">
        <v>5</v>
      </c>
      <c r="D20399" s="1" t="s">
        <v>17298</v>
      </c>
      <c r="E20399" s="1" t="s">
        <v>7</v>
      </c>
    </row>
    <row r="20400">
      <c r="A20400" s="1">
        <v>4.90801267E8</v>
      </c>
      <c r="B20400" s="2">
        <v>17001.0</v>
      </c>
      <c r="C20400" s="1" t="s">
        <v>5</v>
      </c>
      <c r="D20400" s="1" t="s">
        <v>17299</v>
      </c>
      <c r="E20400" s="1" t="s">
        <v>17300</v>
      </c>
    </row>
    <row r="20401">
      <c r="A20401" s="1">
        <v>4.9080127E8</v>
      </c>
      <c r="B20401" s="2">
        <v>17045.0</v>
      </c>
      <c r="C20401" s="1" t="s">
        <v>5</v>
      </c>
      <c r="D20401" s="1" t="s">
        <v>17301</v>
      </c>
      <c r="E20401" s="1" t="s">
        <v>7</v>
      </c>
    </row>
    <row r="20402">
      <c r="A20402" s="1">
        <v>4.90801274E8</v>
      </c>
      <c r="B20402" s="2">
        <v>16966.0</v>
      </c>
      <c r="C20402" s="1" t="s">
        <v>5</v>
      </c>
      <c r="D20402" s="1" t="s">
        <v>11</v>
      </c>
      <c r="E20402" s="1" t="s">
        <v>7</v>
      </c>
    </row>
    <row r="20403">
      <c r="A20403" s="1">
        <v>4.90801276E8</v>
      </c>
      <c r="B20403" s="2">
        <v>16987.0</v>
      </c>
      <c r="C20403" s="1" t="s">
        <v>5</v>
      </c>
      <c r="D20403" s="1" t="s">
        <v>11</v>
      </c>
      <c r="E20403" s="1" t="s">
        <v>7</v>
      </c>
    </row>
    <row r="20404">
      <c r="A20404" s="1">
        <v>4.90801286E8</v>
      </c>
      <c r="B20404" s="3">
        <v>16929.0</v>
      </c>
      <c r="C20404" s="1" t="s">
        <v>5</v>
      </c>
      <c r="D20404" s="1" t="s">
        <v>17302</v>
      </c>
      <c r="E20404" s="1" t="s">
        <v>7</v>
      </c>
    </row>
    <row r="20405">
      <c r="A20405" s="1">
        <v>4.90801299E8</v>
      </c>
      <c r="B20405" s="2">
        <v>17030.0</v>
      </c>
      <c r="C20405" s="1" t="s">
        <v>5</v>
      </c>
      <c r="D20405" s="1" t="s">
        <v>17303</v>
      </c>
      <c r="E20405" s="1" t="s">
        <v>11</v>
      </c>
    </row>
    <row r="20406">
      <c r="A20406" s="1">
        <v>4.90801326E8</v>
      </c>
      <c r="B20406" s="3">
        <v>16932.0</v>
      </c>
      <c r="C20406" s="1" t="s">
        <v>5</v>
      </c>
      <c r="D20406" s="1" t="s">
        <v>17304</v>
      </c>
      <c r="E20406" s="1" t="s">
        <v>11</v>
      </c>
    </row>
    <row r="20407">
      <c r="A20407" s="1">
        <v>4.90801385E8</v>
      </c>
      <c r="B20407" s="2">
        <v>17029.0</v>
      </c>
      <c r="C20407" s="1" t="s">
        <v>5</v>
      </c>
      <c r="D20407" s="1" t="s">
        <v>17305</v>
      </c>
      <c r="E20407" s="1" t="s">
        <v>17306</v>
      </c>
    </row>
    <row r="20408">
      <c r="A20408" s="1">
        <v>4.90801441E8</v>
      </c>
      <c r="B20408" s="3">
        <v>16927.0</v>
      </c>
      <c r="C20408" s="1" t="s">
        <v>5</v>
      </c>
      <c r="D20408" s="1" t="s">
        <v>17307</v>
      </c>
      <c r="E20408" s="1" t="s">
        <v>7</v>
      </c>
    </row>
    <row r="20409">
      <c r="A20409" s="1">
        <v>4.90801447E8</v>
      </c>
      <c r="B20409" s="3">
        <v>16936.0</v>
      </c>
      <c r="C20409" s="1" t="s">
        <v>5</v>
      </c>
      <c r="D20409" s="1" t="s">
        <v>11</v>
      </c>
      <c r="E20409" s="1" t="s">
        <v>7</v>
      </c>
    </row>
    <row r="20410">
      <c r="A20410" s="1">
        <v>4.90801449E8</v>
      </c>
      <c r="B20410" s="2">
        <v>17044.0</v>
      </c>
      <c r="C20410" s="1" t="s">
        <v>5</v>
      </c>
      <c r="D20410" s="1" t="s">
        <v>17308</v>
      </c>
      <c r="E20410" s="1" t="s">
        <v>7</v>
      </c>
    </row>
    <row r="20411">
      <c r="A20411" s="1">
        <v>4.90801545E8</v>
      </c>
      <c r="B20411" s="2">
        <v>16986.0</v>
      </c>
      <c r="C20411" s="1" t="s">
        <v>5</v>
      </c>
      <c r="D20411" s="1" t="s">
        <v>11</v>
      </c>
      <c r="E20411" s="1" t="s">
        <v>7</v>
      </c>
    </row>
    <row r="20412">
      <c r="A20412" s="1">
        <v>4.90801564E8</v>
      </c>
      <c r="B20412" s="2">
        <v>17001.0</v>
      </c>
      <c r="C20412" s="1" t="s">
        <v>5</v>
      </c>
      <c r="D20412" s="1" t="s">
        <v>17309</v>
      </c>
      <c r="E20412" s="1" t="s">
        <v>7</v>
      </c>
    </row>
    <row r="20413">
      <c r="A20413" s="1">
        <v>4.90801579E8</v>
      </c>
      <c r="B20413" s="2">
        <v>16995.0</v>
      </c>
      <c r="C20413" s="1" t="s">
        <v>5</v>
      </c>
      <c r="D20413" s="1" t="s">
        <v>17310</v>
      </c>
      <c r="E20413" s="1" t="s">
        <v>7</v>
      </c>
    </row>
    <row r="20414">
      <c r="A20414" s="1">
        <v>4.90801615E8</v>
      </c>
      <c r="B20414" s="2">
        <v>16986.0</v>
      </c>
      <c r="C20414" s="1" t="s">
        <v>5</v>
      </c>
      <c r="D20414" s="1" t="s">
        <v>17311</v>
      </c>
      <c r="E20414" s="1" t="s">
        <v>7</v>
      </c>
    </row>
    <row r="20415">
      <c r="A20415" s="1">
        <v>4.90801628E8</v>
      </c>
      <c r="B20415" s="2">
        <v>16992.0</v>
      </c>
      <c r="C20415" s="1" t="s">
        <v>5</v>
      </c>
      <c r="D20415" s="1" t="s">
        <v>17312</v>
      </c>
      <c r="E20415" s="1" t="s">
        <v>11</v>
      </c>
    </row>
    <row r="20416">
      <c r="A20416" s="1">
        <v>4.9080167E8</v>
      </c>
      <c r="B20416" s="2">
        <v>17027.0</v>
      </c>
      <c r="C20416" s="1" t="s">
        <v>5</v>
      </c>
      <c r="D20416" s="1" t="s">
        <v>11</v>
      </c>
      <c r="E20416" s="1" t="s">
        <v>7</v>
      </c>
    </row>
    <row r="20417">
      <c r="A20417" s="1">
        <v>4.90801677E8</v>
      </c>
      <c r="B20417" s="2">
        <v>17044.0</v>
      </c>
      <c r="C20417" s="1" t="s">
        <v>5</v>
      </c>
      <c r="D20417" s="1" t="s">
        <v>17313</v>
      </c>
      <c r="E20417" s="1" t="s">
        <v>11</v>
      </c>
    </row>
    <row r="20418">
      <c r="A20418" s="1">
        <v>4.90801728E8</v>
      </c>
      <c r="B20418" s="2">
        <v>16993.0</v>
      </c>
      <c r="C20418" s="1" t="s">
        <v>5</v>
      </c>
      <c r="D20418" s="1" t="s">
        <v>11</v>
      </c>
      <c r="E20418" s="1" t="s">
        <v>7</v>
      </c>
    </row>
    <row r="20419">
      <c r="A20419" s="1">
        <v>4.90801756E8</v>
      </c>
      <c r="B20419" s="2">
        <v>16999.0</v>
      </c>
      <c r="C20419" s="1" t="s">
        <v>5</v>
      </c>
      <c r="D20419" s="1" t="s">
        <v>17314</v>
      </c>
      <c r="E20419" s="1" t="s">
        <v>11</v>
      </c>
    </row>
    <row r="20420">
      <c r="A20420" s="1">
        <v>4.90801777E8</v>
      </c>
      <c r="B20420" s="3">
        <v>16930.0</v>
      </c>
      <c r="C20420" s="1" t="s">
        <v>5</v>
      </c>
      <c r="D20420" s="1" t="s">
        <v>11</v>
      </c>
      <c r="E20420" s="1" t="s">
        <v>7</v>
      </c>
    </row>
    <row r="20421">
      <c r="A20421" s="1">
        <v>4.90801825E8</v>
      </c>
      <c r="B20421" s="2">
        <v>17038.0</v>
      </c>
      <c r="C20421" s="1" t="s">
        <v>5</v>
      </c>
      <c r="D20421" s="1" t="s">
        <v>17315</v>
      </c>
      <c r="E20421" s="1" t="s">
        <v>17316</v>
      </c>
    </row>
    <row r="20422">
      <c r="A20422" s="1">
        <v>4.90801968E8</v>
      </c>
      <c r="B20422" s="2">
        <v>16989.0</v>
      </c>
      <c r="C20422" s="1" t="s">
        <v>5</v>
      </c>
      <c r="D20422" s="1" t="s">
        <v>17317</v>
      </c>
      <c r="E20422" s="1" t="s">
        <v>7</v>
      </c>
    </row>
    <row r="20423">
      <c r="A20423" s="1">
        <v>4.90801985E8</v>
      </c>
      <c r="B20423" s="3">
        <v>16931.0</v>
      </c>
      <c r="C20423" s="1" t="s">
        <v>5</v>
      </c>
      <c r="D20423" s="1" t="s">
        <v>17318</v>
      </c>
      <c r="E20423" s="1" t="s">
        <v>7</v>
      </c>
    </row>
    <row r="20424">
      <c r="A20424" s="1">
        <v>4.90801999E8</v>
      </c>
      <c r="B20424" s="2">
        <v>16995.0</v>
      </c>
      <c r="C20424" s="1" t="s">
        <v>5</v>
      </c>
      <c r="D20424" s="1" t="s">
        <v>17319</v>
      </c>
      <c r="E20424" s="1" t="s">
        <v>7</v>
      </c>
    </row>
    <row r="20425">
      <c r="A20425" s="1">
        <v>4.90802007E8</v>
      </c>
      <c r="B20425" s="2">
        <v>17043.0</v>
      </c>
      <c r="C20425" s="1" t="s">
        <v>5</v>
      </c>
      <c r="D20425" s="1" t="s">
        <v>17320</v>
      </c>
      <c r="E20425" s="1" t="s">
        <v>7</v>
      </c>
    </row>
    <row r="20426">
      <c r="A20426" s="1">
        <v>4.90802017E8</v>
      </c>
      <c r="B20426" s="2">
        <v>17043.0</v>
      </c>
      <c r="C20426" s="1" t="s">
        <v>5</v>
      </c>
      <c r="D20426" s="1" t="s">
        <v>17321</v>
      </c>
      <c r="E20426" s="1" t="s">
        <v>7</v>
      </c>
    </row>
    <row r="20427">
      <c r="A20427" s="1">
        <v>4.9080202E8</v>
      </c>
      <c r="B20427" s="2">
        <v>17042.0</v>
      </c>
      <c r="C20427" s="1" t="s">
        <v>5</v>
      </c>
      <c r="D20427" s="1" t="s">
        <v>17322</v>
      </c>
      <c r="E20427" s="1" t="s">
        <v>7</v>
      </c>
    </row>
    <row r="20428">
      <c r="A20428" s="1">
        <v>4.90802052E8</v>
      </c>
      <c r="B20428" s="2">
        <v>16997.0</v>
      </c>
      <c r="C20428" s="1" t="s">
        <v>5</v>
      </c>
      <c r="D20428" s="1" t="s">
        <v>17323</v>
      </c>
      <c r="E20428" s="1" t="s">
        <v>7</v>
      </c>
    </row>
    <row r="20429">
      <c r="A20429" s="1">
        <v>4.90802067E8</v>
      </c>
      <c r="B20429" s="2">
        <v>17039.0</v>
      </c>
      <c r="C20429" s="1" t="s">
        <v>5</v>
      </c>
      <c r="D20429" s="1" t="s">
        <v>11</v>
      </c>
      <c r="E20429" s="1" t="s">
        <v>7</v>
      </c>
    </row>
    <row r="20430">
      <c r="A20430" s="1">
        <v>4.90802091E8</v>
      </c>
      <c r="B20430" s="2">
        <v>17039.0</v>
      </c>
      <c r="C20430" s="1" t="s">
        <v>5</v>
      </c>
      <c r="D20430" s="1" t="s">
        <v>17324</v>
      </c>
      <c r="E20430" s="1" t="s">
        <v>7</v>
      </c>
    </row>
    <row r="20431">
      <c r="A20431" s="1">
        <v>4.90802152E8</v>
      </c>
      <c r="B20431" s="2">
        <v>16996.0</v>
      </c>
      <c r="C20431" s="1" t="s">
        <v>5</v>
      </c>
      <c r="D20431" s="1" t="s">
        <v>17325</v>
      </c>
      <c r="E20431" s="1" t="s">
        <v>7</v>
      </c>
    </row>
    <row r="20432">
      <c r="A20432" s="1">
        <v>4.90802159E8</v>
      </c>
      <c r="B20432" s="2">
        <v>17041.0</v>
      </c>
      <c r="C20432" s="1" t="s">
        <v>5</v>
      </c>
      <c r="D20432" s="1" t="s">
        <v>11</v>
      </c>
      <c r="E20432" s="1" t="s">
        <v>7</v>
      </c>
    </row>
    <row r="20433">
      <c r="A20433" s="1">
        <v>4.90802198E8</v>
      </c>
      <c r="B20433" s="2">
        <v>17029.0</v>
      </c>
      <c r="C20433" s="1" t="s">
        <v>5</v>
      </c>
      <c r="D20433" s="1" t="s">
        <v>17326</v>
      </c>
      <c r="E20433" s="1" t="s">
        <v>7</v>
      </c>
    </row>
    <row r="20434">
      <c r="A20434" s="1">
        <v>4.90802199E8</v>
      </c>
      <c r="B20434" s="2">
        <v>16993.0</v>
      </c>
      <c r="C20434" s="1" t="s">
        <v>5</v>
      </c>
      <c r="D20434" s="1" t="s">
        <v>17327</v>
      </c>
      <c r="E20434" s="1" t="s">
        <v>7</v>
      </c>
    </row>
    <row r="20435">
      <c r="A20435" s="1">
        <v>4.90802203E8</v>
      </c>
      <c r="B20435" s="2">
        <v>17021.0</v>
      </c>
      <c r="C20435" s="1" t="s">
        <v>5</v>
      </c>
      <c r="D20435" s="1" t="s">
        <v>17328</v>
      </c>
      <c r="E20435" s="1" t="s">
        <v>7</v>
      </c>
    </row>
    <row r="20436">
      <c r="A20436" s="1">
        <v>4.90802225E8</v>
      </c>
      <c r="B20436" s="2">
        <v>17038.0</v>
      </c>
      <c r="C20436" s="1" t="s">
        <v>5</v>
      </c>
      <c r="D20436" s="1" t="s">
        <v>17329</v>
      </c>
      <c r="E20436" s="1" t="s">
        <v>7</v>
      </c>
    </row>
    <row r="20437">
      <c r="A20437" s="1">
        <v>4.90802229E8</v>
      </c>
      <c r="B20437" s="2">
        <v>16983.0</v>
      </c>
      <c r="C20437" s="1" t="s">
        <v>5</v>
      </c>
      <c r="D20437" s="1" t="s">
        <v>17330</v>
      </c>
      <c r="E20437" s="1" t="s">
        <v>7</v>
      </c>
    </row>
    <row r="20438">
      <c r="A20438" s="1">
        <v>4.90802243E8</v>
      </c>
      <c r="B20438" s="2">
        <v>17020.0</v>
      </c>
      <c r="C20438" s="1" t="s">
        <v>5</v>
      </c>
      <c r="D20438" s="1" t="s">
        <v>17331</v>
      </c>
      <c r="E20438" s="1" t="s">
        <v>7</v>
      </c>
    </row>
    <row r="20439">
      <c r="A20439" s="1">
        <v>4.90802245E8</v>
      </c>
      <c r="B20439" s="2">
        <v>16982.0</v>
      </c>
      <c r="C20439" s="1" t="s">
        <v>5</v>
      </c>
      <c r="D20439" s="1" t="s">
        <v>17332</v>
      </c>
      <c r="E20439" s="1" t="s">
        <v>17333</v>
      </c>
    </row>
    <row r="20440">
      <c r="A20440" s="1">
        <v>4.90802252E8</v>
      </c>
      <c r="B20440" s="2">
        <v>17022.0</v>
      </c>
      <c r="C20440" s="1" t="s">
        <v>5</v>
      </c>
      <c r="D20440" s="1" t="s">
        <v>17334</v>
      </c>
      <c r="E20440" s="1" t="s">
        <v>11</v>
      </c>
    </row>
    <row r="20441">
      <c r="A20441" s="1">
        <v>4.90802254E8</v>
      </c>
      <c r="B20441" s="2">
        <v>17042.0</v>
      </c>
      <c r="C20441" s="1" t="s">
        <v>5</v>
      </c>
      <c r="D20441" s="1" t="s">
        <v>17335</v>
      </c>
      <c r="E20441" s="1" t="s">
        <v>17336</v>
      </c>
    </row>
    <row r="20442">
      <c r="A20442" s="1">
        <v>4.90802337E8</v>
      </c>
      <c r="B20442" s="2">
        <v>16987.0</v>
      </c>
      <c r="C20442" s="1" t="s">
        <v>5</v>
      </c>
      <c r="D20442" s="1" t="s">
        <v>17337</v>
      </c>
      <c r="E20442" s="1" t="s">
        <v>7</v>
      </c>
    </row>
    <row r="20443">
      <c r="A20443" s="1">
        <v>4.90802368E8</v>
      </c>
      <c r="B20443" s="2">
        <v>17036.0</v>
      </c>
      <c r="C20443" s="1" t="s">
        <v>5</v>
      </c>
      <c r="D20443" s="1" t="s">
        <v>17338</v>
      </c>
      <c r="E20443" s="1" t="s">
        <v>7</v>
      </c>
    </row>
    <row r="20444">
      <c r="A20444" s="1">
        <v>4.908024E8</v>
      </c>
      <c r="B20444" s="3">
        <v>16923.0</v>
      </c>
      <c r="C20444" s="1" t="s">
        <v>5</v>
      </c>
      <c r="D20444" s="1" t="s">
        <v>17339</v>
      </c>
      <c r="E20444" s="1" t="s">
        <v>7</v>
      </c>
    </row>
    <row r="20445">
      <c r="A20445" s="1">
        <v>4.90802406E8</v>
      </c>
      <c r="B20445" s="2">
        <v>17020.0</v>
      </c>
      <c r="C20445" s="1" t="s">
        <v>5</v>
      </c>
      <c r="D20445" s="1" t="s">
        <v>11</v>
      </c>
      <c r="E20445" s="1" t="s">
        <v>7</v>
      </c>
    </row>
    <row r="20446">
      <c r="A20446" s="1">
        <v>4.9080246E8</v>
      </c>
      <c r="B20446" s="2">
        <v>17044.0</v>
      </c>
      <c r="C20446" s="1" t="s">
        <v>5</v>
      </c>
      <c r="D20446" s="1" t="s">
        <v>17340</v>
      </c>
      <c r="E20446" s="1" t="s">
        <v>11</v>
      </c>
    </row>
    <row r="20447">
      <c r="A20447" s="1">
        <v>4.90802468E8</v>
      </c>
      <c r="B20447" s="2">
        <v>16981.0</v>
      </c>
      <c r="C20447" s="1" t="s">
        <v>5</v>
      </c>
      <c r="D20447" s="1" t="s">
        <v>17341</v>
      </c>
      <c r="E20447" s="1" t="s">
        <v>7</v>
      </c>
    </row>
    <row r="20448">
      <c r="A20448" s="1">
        <v>4.90802479E8</v>
      </c>
      <c r="B20448" s="2">
        <v>16990.0</v>
      </c>
      <c r="C20448" s="1" t="s">
        <v>5</v>
      </c>
      <c r="D20448" s="1" t="s">
        <v>11</v>
      </c>
      <c r="E20448" s="1" t="s">
        <v>7</v>
      </c>
    </row>
    <row r="20449">
      <c r="A20449" s="1">
        <v>4.90802491E8</v>
      </c>
      <c r="B20449" s="2">
        <v>17025.0</v>
      </c>
      <c r="C20449" s="1" t="s">
        <v>5</v>
      </c>
      <c r="D20449" s="1" t="s">
        <v>17342</v>
      </c>
      <c r="E20449" s="1" t="s">
        <v>7</v>
      </c>
    </row>
    <row r="20450">
      <c r="A20450" s="1">
        <v>4.90802572E8</v>
      </c>
      <c r="B20450" s="2">
        <v>16983.0</v>
      </c>
      <c r="C20450" s="1" t="s">
        <v>5</v>
      </c>
      <c r="D20450" s="1" t="s">
        <v>17343</v>
      </c>
      <c r="E20450" s="1" t="s">
        <v>11</v>
      </c>
    </row>
    <row r="20451">
      <c r="A20451" s="1">
        <v>4.90802595E8</v>
      </c>
      <c r="B20451" s="2">
        <v>17031.0</v>
      </c>
      <c r="C20451" s="1" t="s">
        <v>5</v>
      </c>
      <c r="D20451" s="1" t="s">
        <v>17344</v>
      </c>
      <c r="E20451" s="1" t="s">
        <v>11</v>
      </c>
    </row>
    <row r="20452">
      <c r="A20452" s="1">
        <v>4.90802688E8</v>
      </c>
      <c r="B20452" s="3">
        <v>16924.0</v>
      </c>
      <c r="C20452" s="1" t="s">
        <v>5</v>
      </c>
      <c r="D20452" s="1" t="s">
        <v>17345</v>
      </c>
      <c r="E20452" s="1" t="s">
        <v>7</v>
      </c>
    </row>
    <row r="20453">
      <c r="A20453" s="1">
        <v>4.90802695E8</v>
      </c>
      <c r="B20453" s="2">
        <v>16987.0</v>
      </c>
      <c r="C20453" s="1" t="s">
        <v>5</v>
      </c>
      <c r="D20453" s="1" t="s">
        <v>17346</v>
      </c>
      <c r="E20453" s="1" t="s">
        <v>7</v>
      </c>
    </row>
    <row r="20454">
      <c r="A20454" s="1">
        <v>4.90802697E8</v>
      </c>
      <c r="B20454" s="2">
        <v>16982.0</v>
      </c>
      <c r="C20454" s="1" t="s">
        <v>5</v>
      </c>
      <c r="D20454" s="1" t="s">
        <v>11</v>
      </c>
      <c r="E20454" s="1" t="s">
        <v>7</v>
      </c>
    </row>
    <row r="20455">
      <c r="A20455" s="1">
        <v>4.90802754E8</v>
      </c>
      <c r="B20455" s="2">
        <v>17038.0</v>
      </c>
      <c r="C20455" s="1" t="s">
        <v>5</v>
      </c>
      <c r="D20455" s="1" t="s">
        <v>11</v>
      </c>
      <c r="E20455" s="1" t="s">
        <v>7</v>
      </c>
    </row>
    <row r="20456">
      <c r="A20456" s="1">
        <v>4.90802817E8</v>
      </c>
      <c r="B20456" s="2">
        <v>16988.0</v>
      </c>
      <c r="C20456" s="1" t="s">
        <v>5</v>
      </c>
      <c r="D20456" s="1" t="s">
        <v>17347</v>
      </c>
      <c r="E20456" s="1" t="s">
        <v>7</v>
      </c>
    </row>
    <row r="20457">
      <c r="A20457" s="1">
        <v>4.90802885E8</v>
      </c>
      <c r="B20457" s="2">
        <v>17022.0</v>
      </c>
      <c r="C20457" s="1" t="s">
        <v>5</v>
      </c>
      <c r="D20457" s="1" t="s">
        <v>17348</v>
      </c>
      <c r="E20457" s="1" t="s">
        <v>7</v>
      </c>
    </row>
    <row r="20458">
      <c r="A20458" s="1">
        <v>4.90802899E8</v>
      </c>
      <c r="B20458" s="2">
        <v>17030.0</v>
      </c>
      <c r="C20458" s="1" t="s">
        <v>5</v>
      </c>
      <c r="D20458" s="1" t="s">
        <v>17349</v>
      </c>
      <c r="E20458" s="1" t="s">
        <v>7</v>
      </c>
    </row>
    <row r="20459">
      <c r="A20459" s="1">
        <v>4.90802918E8</v>
      </c>
      <c r="B20459" s="2">
        <v>17030.0</v>
      </c>
      <c r="C20459" s="1" t="s">
        <v>5</v>
      </c>
      <c r="D20459" s="1" t="s">
        <v>11</v>
      </c>
      <c r="E20459" s="1" t="s">
        <v>7</v>
      </c>
    </row>
    <row r="20460">
      <c r="A20460" s="1">
        <v>4.90802966E8</v>
      </c>
      <c r="B20460" s="2">
        <v>16983.0</v>
      </c>
      <c r="C20460" s="1" t="s">
        <v>5</v>
      </c>
      <c r="D20460" s="1" t="s">
        <v>17350</v>
      </c>
      <c r="E20460" s="1" t="s">
        <v>7</v>
      </c>
    </row>
    <row r="20461">
      <c r="A20461" s="1">
        <v>4.90803005E8</v>
      </c>
      <c r="B20461" s="2">
        <v>17045.0</v>
      </c>
      <c r="C20461" s="1" t="s">
        <v>5</v>
      </c>
      <c r="D20461" s="1" t="s">
        <v>17351</v>
      </c>
      <c r="E20461" s="1" t="s">
        <v>11</v>
      </c>
    </row>
    <row r="20462">
      <c r="A20462" s="1">
        <v>4.90803006E8</v>
      </c>
      <c r="B20462" s="2">
        <v>17036.0</v>
      </c>
      <c r="C20462" s="1" t="s">
        <v>5</v>
      </c>
      <c r="D20462" s="1" t="s">
        <v>11</v>
      </c>
      <c r="E20462" s="1" t="s">
        <v>7</v>
      </c>
    </row>
    <row r="20463">
      <c r="A20463" s="1">
        <v>4.90803043E8</v>
      </c>
      <c r="B20463" s="2">
        <v>17042.0</v>
      </c>
      <c r="C20463" s="1" t="s">
        <v>5</v>
      </c>
      <c r="D20463" s="1" t="s">
        <v>17352</v>
      </c>
      <c r="E20463" s="1" t="s">
        <v>7</v>
      </c>
    </row>
    <row r="20464">
      <c r="A20464" s="1">
        <v>4.90803046E8</v>
      </c>
      <c r="B20464" s="2">
        <v>17028.0</v>
      </c>
      <c r="C20464" s="1" t="s">
        <v>5</v>
      </c>
      <c r="D20464" s="1" t="s">
        <v>11</v>
      </c>
      <c r="E20464" s="1" t="s">
        <v>7</v>
      </c>
    </row>
    <row r="20465">
      <c r="A20465" s="1">
        <v>4.90803048E8</v>
      </c>
      <c r="B20465" s="2">
        <v>17036.0</v>
      </c>
      <c r="C20465" s="1" t="s">
        <v>5</v>
      </c>
      <c r="D20465" s="1" t="s">
        <v>17353</v>
      </c>
      <c r="E20465" s="1" t="s">
        <v>11</v>
      </c>
    </row>
    <row r="20466">
      <c r="A20466" s="1">
        <v>4.9080312E8</v>
      </c>
      <c r="B20466" s="2">
        <v>17037.0</v>
      </c>
      <c r="C20466" s="1" t="s">
        <v>5</v>
      </c>
      <c r="D20466" s="1" t="s">
        <v>11</v>
      </c>
      <c r="E20466" s="1" t="s">
        <v>7</v>
      </c>
    </row>
    <row r="20467">
      <c r="A20467" s="1">
        <v>4.9080319E8</v>
      </c>
      <c r="B20467" s="2">
        <v>16981.0</v>
      </c>
      <c r="C20467" s="1" t="s">
        <v>5</v>
      </c>
      <c r="D20467" s="1" t="s">
        <v>11</v>
      </c>
      <c r="E20467" s="1" t="s">
        <v>7</v>
      </c>
    </row>
    <row r="20468">
      <c r="A20468" s="1">
        <v>4.90803198E8</v>
      </c>
      <c r="B20468" s="2">
        <v>17018.0</v>
      </c>
      <c r="C20468" s="1" t="s">
        <v>5</v>
      </c>
      <c r="D20468" s="1" t="s">
        <v>17354</v>
      </c>
      <c r="E20468" s="1" t="s">
        <v>7</v>
      </c>
    </row>
    <row r="20469">
      <c r="A20469" s="1">
        <v>4.90803239E8</v>
      </c>
      <c r="B20469" s="2">
        <v>17072.0</v>
      </c>
      <c r="C20469" s="1" t="s">
        <v>5</v>
      </c>
      <c r="D20469" s="1" t="s">
        <v>17355</v>
      </c>
      <c r="E20469" s="1" t="s">
        <v>7</v>
      </c>
    </row>
    <row r="20470">
      <c r="A20470" s="1">
        <v>4.90803257E8</v>
      </c>
      <c r="B20470" s="2">
        <v>17072.0</v>
      </c>
      <c r="C20470" s="1" t="s">
        <v>5</v>
      </c>
      <c r="D20470" s="1" t="s">
        <v>17356</v>
      </c>
      <c r="E20470" s="1" t="s">
        <v>7</v>
      </c>
    </row>
    <row r="20471">
      <c r="A20471" s="1">
        <v>4.90803328E8</v>
      </c>
      <c r="B20471" s="2">
        <v>17043.0</v>
      </c>
      <c r="C20471" s="1" t="s">
        <v>5</v>
      </c>
      <c r="D20471" s="1" t="s">
        <v>17357</v>
      </c>
      <c r="E20471" s="1" t="s">
        <v>7</v>
      </c>
    </row>
    <row r="20472">
      <c r="A20472" s="1">
        <v>4.90803332E8</v>
      </c>
      <c r="B20472" s="2">
        <v>16980.0</v>
      </c>
      <c r="C20472" s="1" t="s">
        <v>5</v>
      </c>
      <c r="D20472" s="1" t="s">
        <v>17358</v>
      </c>
      <c r="E20472" s="1" t="s">
        <v>7</v>
      </c>
    </row>
    <row r="20473">
      <c r="A20473" s="1">
        <v>4.90803373E8</v>
      </c>
      <c r="B20473" s="2">
        <v>17070.0</v>
      </c>
      <c r="C20473" s="1" t="s">
        <v>5</v>
      </c>
      <c r="D20473" s="1" t="s">
        <v>17359</v>
      </c>
      <c r="E20473" s="1" t="s">
        <v>7</v>
      </c>
    </row>
    <row r="20474">
      <c r="A20474" s="1">
        <v>4.90803424E8</v>
      </c>
      <c r="B20474" s="2">
        <v>17032.0</v>
      </c>
      <c r="C20474" s="1" t="s">
        <v>5</v>
      </c>
      <c r="D20474" s="1" t="s">
        <v>17360</v>
      </c>
      <c r="E20474" s="1" t="s">
        <v>7</v>
      </c>
    </row>
    <row r="20475">
      <c r="A20475" s="1">
        <v>4.9080348E8</v>
      </c>
      <c r="B20475" s="2">
        <v>17041.0</v>
      </c>
      <c r="C20475" s="1" t="s">
        <v>5</v>
      </c>
      <c r="D20475" s="1" t="s">
        <v>17361</v>
      </c>
      <c r="E20475" s="1" t="s">
        <v>7</v>
      </c>
    </row>
    <row r="20476">
      <c r="A20476" s="1">
        <v>4.90803584E8</v>
      </c>
      <c r="B20476" s="2">
        <v>17027.0</v>
      </c>
      <c r="C20476" s="1" t="s">
        <v>5</v>
      </c>
      <c r="D20476" s="1" t="s">
        <v>17362</v>
      </c>
      <c r="E20476" s="1" t="s">
        <v>17363</v>
      </c>
    </row>
    <row r="20477">
      <c r="A20477" s="1">
        <v>4.90803615E8</v>
      </c>
      <c r="B20477" s="2">
        <v>16961.0</v>
      </c>
      <c r="C20477" s="1" t="s">
        <v>5</v>
      </c>
      <c r="D20477" s="1" t="s">
        <v>17364</v>
      </c>
      <c r="E20477" s="1" t="s">
        <v>17365</v>
      </c>
    </row>
    <row r="20478">
      <c r="A20478" s="1">
        <v>4.90803708E8</v>
      </c>
      <c r="B20478" s="2">
        <v>17030.0</v>
      </c>
      <c r="C20478" s="1" t="s">
        <v>5</v>
      </c>
      <c r="D20478" s="1" t="s">
        <v>17366</v>
      </c>
      <c r="E20478" s="1" t="s">
        <v>11</v>
      </c>
    </row>
    <row r="20479">
      <c r="A20479" s="1">
        <v>4.90803729E8</v>
      </c>
      <c r="B20479" s="2">
        <v>17025.0</v>
      </c>
      <c r="C20479" s="1" t="s">
        <v>5</v>
      </c>
      <c r="D20479" s="1" t="s">
        <v>17367</v>
      </c>
      <c r="E20479" s="1" t="s">
        <v>11</v>
      </c>
    </row>
    <row r="20480">
      <c r="A20480" s="1">
        <v>4.90803734E8</v>
      </c>
      <c r="B20480" s="2">
        <v>16966.0</v>
      </c>
      <c r="C20480" s="1" t="s">
        <v>5</v>
      </c>
      <c r="D20480" s="1" t="s">
        <v>17368</v>
      </c>
      <c r="E20480" s="1" t="s">
        <v>7</v>
      </c>
    </row>
    <row r="20481">
      <c r="A20481" s="1">
        <v>4.90803739E8</v>
      </c>
      <c r="B20481" s="2">
        <v>17051.0</v>
      </c>
      <c r="C20481" s="1" t="s">
        <v>5</v>
      </c>
      <c r="D20481" s="1" t="s">
        <v>17369</v>
      </c>
      <c r="E20481" s="1" t="s">
        <v>11</v>
      </c>
    </row>
    <row r="20482">
      <c r="A20482" s="1">
        <v>4.90803751E8</v>
      </c>
      <c r="B20482" s="2">
        <v>17021.0</v>
      </c>
      <c r="C20482" s="1" t="s">
        <v>5</v>
      </c>
      <c r="D20482" s="1" t="s">
        <v>17370</v>
      </c>
      <c r="E20482" s="1" t="s">
        <v>17371</v>
      </c>
    </row>
    <row r="20483">
      <c r="A20483" s="1">
        <v>4.90803755E8</v>
      </c>
      <c r="B20483" s="2">
        <v>16966.0</v>
      </c>
      <c r="C20483" s="1" t="s">
        <v>5</v>
      </c>
      <c r="D20483" s="1" t="s">
        <v>17372</v>
      </c>
      <c r="E20483" s="1" t="s">
        <v>17373</v>
      </c>
    </row>
    <row r="20484">
      <c r="A20484" s="1">
        <v>4.90803769E8</v>
      </c>
      <c r="B20484" s="2">
        <v>17039.0</v>
      </c>
      <c r="C20484" s="1" t="s">
        <v>5</v>
      </c>
      <c r="D20484" s="1" t="s">
        <v>17374</v>
      </c>
      <c r="E20484" s="1" t="s">
        <v>7</v>
      </c>
    </row>
    <row r="20485">
      <c r="A20485" s="1">
        <v>4.90803776E8</v>
      </c>
      <c r="B20485" s="2">
        <v>17016.0</v>
      </c>
      <c r="C20485" s="1" t="s">
        <v>5</v>
      </c>
      <c r="D20485" s="1" t="s">
        <v>17375</v>
      </c>
      <c r="E20485" s="1" t="s">
        <v>11</v>
      </c>
    </row>
    <row r="20486">
      <c r="A20486" s="1">
        <v>4.90803807E8</v>
      </c>
      <c r="B20486" s="2">
        <v>17029.0</v>
      </c>
      <c r="C20486" s="1" t="s">
        <v>5</v>
      </c>
      <c r="D20486" s="1" t="s">
        <v>17376</v>
      </c>
      <c r="E20486" s="1" t="s">
        <v>11</v>
      </c>
    </row>
    <row r="20487">
      <c r="A20487" s="1">
        <v>4.90803876E8</v>
      </c>
      <c r="B20487" s="2">
        <v>17029.0</v>
      </c>
      <c r="C20487" s="1" t="s">
        <v>5</v>
      </c>
      <c r="D20487" s="1" t="s">
        <v>17377</v>
      </c>
      <c r="E20487" s="1" t="s">
        <v>7</v>
      </c>
    </row>
    <row r="20488">
      <c r="A20488" s="1">
        <v>4.90803892E8</v>
      </c>
      <c r="B20488" s="2">
        <v>17087.0</v>
      </c>
      <c r="C20488" s="1" t="s">
        <v>5</v>
      </c>
      <c r="D20488" s="1" t="s">
        <v>11</v>
      </c>
      <c r="E20488" s="1" t="s">
        <v>7</v>
      </c>
    </row>
    <row r="20489">
      <c r="A20489" s="1">
        <v>4.90803926E8</v>
      </c>
      <c r="B20489" s="2">
        <v>17037.0</v>
      </c>
      <c r="C20489" s="1" t="s">
        <v>5</v>
      </c>
      <c r="D20489" s="1" t="s">
        <v>11</v>
      </c>
      <c r="E20489" s="1" t="s">
        <v>7</v>
      </c>
    </row>
    <row r="20490">
      <c r="A20490" s="1">
        <v>4.90803929E8</v>
      </c>
      <c r="B20490" s="2">
        <v>17015.0</v>
      </c>
      <c r="C20490" s="1" t="s">
        <v>5</v>
      </c>
      <c r="D20490" s="1" t="s">
        <v>11</v>
      </c>
      <c r="E20490" s="1" t="s">
        <v>7</v>
      </c>
    </row>
    <row r="20491">
      <c r="A20491" s="1">
        <v>4.90803977E8</v>
      </c>
      <c r="B20491" s="2">
        <v>17028.0</v>
      </c>
      <c r="C20491" s="1" t="s">
        <v>5</v>
      </c>
      <c r="D20491" s="1" t="s">
        <v>17378</v>
      </c>
      <c r="E20491" s="1" t="s">
        <v>17379</v>
      </c>
    </row>
    <row r="20492">
      <c r="A20492" s="1">
        <v>4.90803982E8</v>
      </c>
      <c r="B20492" s="2">
        <v>17064.0</v>
      </c>
      <c r="C20492" s="1" t="s">
        <v>5</v>
      </c>
      <c r="D20492" s="1" t="s">
        <v>17380</v>
      </c>
      <c r="E20492" s="1" t="s">
        <v>7</v>
      </c>
    </row>
    <row r="20493">
      <c r="A20493" s="1">
        <v>4.90804047E8</v>
      </c>
      <c r="B20493" s="2">
        <v>17035.0</v>
      </c>
      <c r="C20493" s="1" t="s">
        <v>5</v>
      </c>
      <c r="D20493" s="1" t="s">
        <v>17381</v>
      </c>
      <c r="E20493" s="1" t="s">
        <v>11</v>
      </c>
    </row>
    <row r="20494">
      <c r="A20494" s="1">
        <v>4.90804067E8</v>
      </c>
      <c r="B20494" s="2">
        <v>17035.0</v>
      </c>
      <c r="C20494" s="1" t="s">
        <v>5</v>
      </c>
      <c r="D20494" s="1" t="s">
        <v>11</v>
      </c>
      <c r="E20494" s="1" t="s">
        <v>7</v>
      </c>
    </row>
    <row r="20495">
      <c r="A20495" s="1">
        <v>4.90804111E8</v>
      </c>
      <c r="B20495" s="2">
        <v>17035.0</v>
      </c>
      <c r="C20495" s="1" t="s">
        <v>5</v>
      </c>
      <c r="D20495" s="1" t="s">
        <v>11</v>
      </c>
      <c r="E20495" s="1" t="s">
        <v>7</v>
      </c>
    </row>
    <row r="20496">
      <c r="A20496" s="1">
        <v>4.90804128E8</v>
      </c>
      <c r="B20496" s="2">
        <v>17057.0</v>
      </c>
      <c r="C20496" s="1" t="s">
        <v>5</v>
      </c>
      <c r="D20496" s="1" t="s">
        <v>17382</v>
      </c>
      <c r="E20496" s="1" t="s">
        <v>17383</v>
      </c>
    </row>
    <row r="20497">
      <c r="A20497" s="1">
        <v>4.90804224E8</v>
      </c>
      <c r="B20497" s="2">
        <v>17017.0</v>
      </c>
      <c r="C20497" s="1" t="s">
        <v>5</v>
      </c>
      <c r="D20497" s="1" t="s">
        <v>17384</v>
      </c>
      <c r="E20497" s="1" t="s">
        <v>11</v>
      </c>
    </row>
    <row r="20498">
      <c r="A20498" s="1">
        <v>4.90804304E8</v>
      </c>
      <c r="B20498" s="2">
        <v>17060.0</v>
      </c>
      <c r="C20498" s="1" t="s">
        <v>5</v>
      </c>
      <c r="D20498" s="1" t="s">
        <v>11</v>
      </c>
      <c r="E20498" s="1" t="s">
        <v>7</v>
      </c>
    </row>
    <row r="20499">
      <c r="A20499" s="1">
        <v>4.90804305E8</v>
      </c>
      <c r="B20499" s="2">
        <v>17032.0</v>
      </c>
      <c r="C20499" s="1" t="s">
        <v>5</v>
      </c>
      <c r="D20499" s="1" t="s">
        <v>11</v>
      </c>
      <c r="E20499" s="1" t="s">
        <v>7</v>
      </c>
    </row>
    <row r="20500">
      <c r="A20500" s="1">
        <v>4.90804369E8</v>
      </c>
      <c r="B20500" s="2">
        <v>17021.0</v>
      </c>
      <c r="C20500" s="1" t="s">
        <v>5</v>
      </c>
      <c r="D20500" s="1" t="s">
        <v>17385</v>
      </c>
      <c r="E20500" s="1" t="s">
        <v>11</v>
      </c>
    </row>
    <row r="20501">
      <c r="A20501" s="1">
        <v>4.90804415E8</v>
      </c>
      <c r="B20501" s="2">
        <v>17081.0</v>
      </c>
      <c r="C20501" s="1" t="s">
        <v>5</v>
      </c>
      <c r="D20501" s="1" t="s">
        <v>17386</v>
      </c>
      <c r="E20501" s="1" t="s">
        <v>11</v>
      </c>
    </row>
    <row r="20502">
      <c r="A20502" s="1">
        <v>4.90804512E8</v>
      </c>
      <c r="B20502" s="2">
        <v>17031.0</v>
      </c>
      <c r="C20502" s="1" t="s">
        <v>5</v>
      </c>
      <c r="D20502" s="1" t="s">
        <v>11</v>
      </c>
      <c r="E20502" s="1" t="s">
        <v>7</v>
      </c>
    </row>
    <row r="20503">
      <c r="A20503" s="1">
        <v>4.90804569E8</v>
      </c>
      <c r="B20503" s="2">
        <v>17098.0</v>
      </c>
      <c r="C20503" s="1" t="s">
        <v>5</v>
      </c>
      <c r="D20503" s="1" t="s">
        <v>17387</v>
      </c>
      <c r="E20503" s="1" t="s">
        <v>7</v>
      </c>
    </row>
    <row r="20504">
      <c r="A20504" s="1">
        <v>4.90804584E8</v>
      </c>
      <c r="B20504" s="2">
        <v>17057.0</v>
      </c>
      <c r="C20504" s="1" t="s">
        <v>5</v>
      </c>
      <c r="D20504" s="1" t="s">
        <v>17388</v>
      </c>
      <c r="E20504" s="1" t="s">
        <v>17389</v>
      </c>
    </row>
    <row r="20505">
      <c r="A20505" s="1">
        <v>4.90804592E8</v>
      </c>
      <c r="B20505" s="2">
        <v>17067.0</v>
      </c>
      <c r="C20505" s="1" t="s">
        <v>5</v>
      </c>
      <c r="D20505" s="1" t="s">
        <v>11</v>
      </c>
      <c r="E20505" s="1" t="s">
        <v>7</v>
      </c>
    </row>
    <row r="20506">
      <c r="A20506" s="1">
        <v>4.90804691E8</v>
      </c>
      <c r="B20506" s="2">
        <v>17094.0</v>
      </c>
      <c r="C20506" s="1" t="s">
        <v>5</v>
      </c>
      <c r="D20506" s="1" t="s">
        <v>17390</v>
      </c>
      <c r="E20506" s="1" t="s">
        <v>7</v>
      </c>
    </row>
    <row r="20507">
      <c r="A20507" s="1">
        <v>4.90804699E8</v>
      </c>
      <c r="B20507" s="2">
        <v>17017.0</v>
      </c>
      <c r="C20507" s="1" t="s">
        <v>5</v>
      </c>
      <c r="D20507" s="1" t="s">
        <v>17391</v>
      </c>
      <c r="E20507" s="1" t="s">
        <v>7</v>
      </c>
    </row>
    <row r="20508">
      <c r="A20508" s="1">
        <v>4.90804728E8</v>
      </c>
      <c r="B20508" s="2">
        <v>17022.0</v>
      </c>
      <c r="C20508" s="1" t="s">
        <v>5</v>
      </c>
      <c r="D20508" s="1" t="s">
        <v>17392</v>
      </c>
      <c r="E20508" s="1" t="s">
        <v>7</v>
      </c>
    </row>
    <row r="20509">
      <c r="A20509" s="1">
        <v>4.90804881E8</v>
      </c>
      <c r="B20509" s="2">
        <v>17015.0</v>
      </c>
      <c r="C20509" s="1" t="s">
        <v>5</v>
      </c>
      <c r="D20509" s="1" t="s">
        <v>17393</v>
      </c>
      <c r="E20509" s="1" t="s">
        <v>7</v>
      </c>
    </row>
    <row r="20510">
      <c r="A20510" s="1">
        <v>4.90804894E8</v>
      </c>
      <c r="B20510" s="2">
        <v>17091.0</v>
      </c>
      <c r="C20510" s="1" t="s">
        <v>5</v>
      </c>
      <c r="D20510" s="1" t="s">
        <v>17394</v>
      </c>
      <c r="E20510" s="1" t="s">
        <v>7</v>
      </c>
    </row>
    <row r="20511">
      <c r="A20511" s="1">
        <v>4.9080492E8</v>
      </c>
      <c r="B20511" s="2">
        <v>17018.0</v>
      </c>
      <c r="C20511" s="1" t="s">
        <v>5</v>
      </c>
      <c r="D20511" s="1" t="s">
        <v>17395</v>
      </c>
      <c r="E20511" s="1" t="s">
        <v>7</v>
      </c>
    </row>
    <row r="20512">
      <c r="A20512" s="1">
        <v>4.90805035E8</v>
      </c>
      <c r="B20512" s="2">
        <v>17091.0</v>
      </c>
      <c r="C20512" s="1" t="s">
        <v>5</v>
      </c>
      <c r="D20512" s="1" t="s">
        <v>17396</v>
      </c>
      <c r="E20512" s="1" t="s">
        <v>11</v>
      </c>
    </row>
    <row r="20513">
      <c r="A20513" s="1">
        <v>4.90805036E8</v>
      </c>
      <c r="B20513" s="2">
        <v>17050.0</v>
      </c>
      <c r="C20513" s="1" t="s">
        <v>5</v>
      </c>
      <c r="D20513" s="1" t="s">
        <v>17397</v>
      </c>
      <c r="E20513" s="1" t="s">
        <v>17398</v>
      </c>
    </row>
    <row r="20514">
      <c r="A20514" s="1">
        <v>4.90805045E8</v>
      </c>
      <c r="B20514" s="2">
        <v>17132.0</v>
      </c>
      <c r="C20514" s="1" t="s">
        <v>5</v>
      </c>
      <c r="D20514" s="1" t="s">
        <v>11</v>
      </c>
      <c r="E20514" s="1" t="s">
        <v>7</v>
      </c>
    </row>
    <row r="20515">
      <c r="A20515" s="1">
        <v>4.90805046E8</v>
      </c>
      <c r="B20515" s="2">
        <v>17095.0</v>
      </c>
      <c r="C20515" s="1" t="s">
        <v>5</v>
      </c>
      <c r="D20515" s="1" t="s">
        <v>17399</v>
      </c>
      <c r="E20515" s="1" t="s">
        <v>7</v>
      </c>
    </row>
    <row r="20516">
      <c r="A20516" s="1">
        <v>4.90805093E8</v>
      </c>
      <c r="B20516" s="2">
        <v>17051.0</v>
      </c>
      <c r="C20516" s="1" t="s">
        <v>5</v>
      </c>
      <c r="D20516" s="1" t="s">
        <v>17400</v>
      </c>
      <c r="E20516" s="1" t="s">
        <v>11</v>
      </c>
    </row>
    <row r="20517">
      <c r="A20517" s="1">
        <v>4.90805153E8</v>
      </c>
      <c r="B20517" s="2">
        <v>17098.0</v>
      </c>
      <c r="C20517" s="1" t="s">
        <v>5</v>
      </c>
      <c r="D20517" s="1" t="s">
        <v>17401</v>
      </c>
      <c r="E20517" s="1" t="s">
        <v>7</v>
      </c>
    </row>
    <row r="20518">
      <c r="A20518" s="1">
        <v>4.90805191E8</v>
      </c>
      <c r="B20518" s="2">
        <v>17095.0</v>
      </c>
      <c r="C20518" s="1" t="s">
        <v>5</v>
      </c>
      <c r="D20518" s="1" t="s">
        <v>17402</v>
      </c>
      <c r="E20518" s="1" t="s">
        <v>7</v>
      </c>
    </row>
    <row r="20519">
      <c r="A20519" s="1">
        <v>4.90805193E8</v>
      </c>
      <c r="B20519" s="2">
        <v>17058.0</v>
      </c>
      <c r="C20519" s="1" t="s">
        <v>5</v>
      </c>
      <c r="D20519" s="1" t="s">
        <v>17403</v>
      </c>
      <c r="E20519" s="1" t="s">
        <v>7</v>
      </c>
    </row>
    <row r="20520">
      <c r="A20520" s="1">
        <v>4.90805245E8</v>
      </c>
      <c r="B20520" s="2">
        <v>17129.0</v>
      </c>
      <c r="C20520" s="1" t="s">
        <v>5</v>
      </c>
      <c r="D20520" s="1" t="s">
        <v>17404</v>
      </c>
      <c r="E20520" s="1" t="s">
        <v>17405</v>
      </c>
    </row>
    <row r="20521">
      <c r="A20521" s="1">
        <v>4.90805254E8</v>
      </c>
      <c r="B20521" s="2">
        <v>17049.0</v>
      </c>
      <c r="C20521" s="1" t="s">
        <v>5</v>
      </c>
      <c r="D20521" s="1" t="s">
        <v>17406</v>
      </c>
      <c r="E20521" s="1" t="s">
        <v>7</v>
      </c>
    </row>
    <row r="20522">
      <c r="A20522" s="1">
        <v>4.90805286E8</v>
      </c>
      <c r="B20522" s="2">
        <v>17091.0</v>
      </c>
      <c r="C20522" s="1" t="s">
        <v>5</v>
      </c>
      <c r="D20522" s="1" t="s">
        <v>17407</v>
      </c>
      <c r="E20522" s="1" t="s">
        <v>11</v>
      </c>
    </row>
    <row r="20523">
      <c r="A20523" s="1">
        <v>4.90805328E8</v>
      </c>
      <c r="B20523" s="2">
        <v>17091.0</v>
      </c>
      <c r="C20523" s="1" t="s">
        <v>5</v>
      </c>
      <c r="D20523" s="1" t="s">
        <v>17408</v>
      </c>
      <c r="E20523" s="1" t="s">
        <v>7</v>
      </c>
    </row>
    <row r="20524">
      <c r="A20524" s="1">
        <v>4.90805329E8</v>
      </c>
      <c r="B20524" s="2">
        <v>17020.0</v>
      </c>
      <c r="C20524" s="1" t="s">
        <v>5</v>
      </c>
      <c r="D20524" s="1" t="s">
        <v>17409</v>
      </c>
      <c r="E20524" s="1" t="s">
        <v>7</v>
      </c>
    </row>
    <row r="20525">
      <c r="A20525" s="1">
        <v>4.90805352E8</v>
      </c>
      <c r="B20525" s="2">
        <v>17020.0</v>
      </c>
      <c r="C20525" s="1" t="s">
        <v>5</v>
      </c>
      <c r="D20525" s="1" t="s">
        <v>11</v>
      </c>
      <c r="E20525" s="1" t="s">
        <v>7</v>
      </c>
    </row>
    <row r="20526">
      <c r="A20526" s="1">
        <v>4.90805433E8</v>
      </c>
      <c r="B20526" s="2">
        <v>17025.0</v>
      </c>
      <c r="C20526" s="1" t="s">
        <v>5</v>
      </c>
      <c r="D20526" s="1" t="s">
        <v>11</v>
      </c>
      <c r="E20526" s="1" t="s">
        <v>7</v>
      </c>
    </row>
    <row r="20527">
      <c r="A20527" s="1">
        <v>4.90805459E8</v>
      </c>
      <c r="B20527" s="2">
        <v>17018.0</v>
      </c>
      <c r="C20527" s="1" t="s">
        <v>5</v>
      </c>
      <c r="D20527" s="1" t="s">
        <v>17410</v>
      </c>
      <c r="E20527" s="1" t="s">
        <v>17411</v>
      </c>
    </row>
    <row r="20528">
      <c r="A20528" s="1">
        <v>4.90805496E8</v>
      </c>
      <c r="B20528" s="2">
        <v>17023.0</v>
      </c>
      <c r="C20528" s="1" t="s">
        <v>5</v>
      </c>
      <c r="D20528" s="1" t="s">
        <v>17412</v>
      </c>
      <c r="E20528" s="1" t="s">
        <v>7</v>
      </c>
    </row>
    <row r="20529">
      <c r="A20529" s="1">
        <v>4.90805499E8</v>
      </c>
      <c r="B20529" s="2">
        <v>17046.0</v>
      </c>
      <c r="C20529" s="1" t="s">
        <v>5</v>
      </c>
      <c r="D20529" s="1" t="s">
        <v>17413</v>
      </c>
      <c r="E20529" s="1" t="s">
        <v>7</v>
      </c>
    </row>
    <row r="20530">
      <c r="A20530" s="1">
        <v>4.90805505E8</v>
      </c>
      <c r="B20530" s="2">
        <v>17092.0</v>
      </c>
      <c r="C20530" s="1" t="s">
        <v>5</v>
      </c>
      <c r="D20530" s="1" t="s">
        <v>17414</v>
      </c>
      <c r="E20530" s="1" t="s">
        <v>7</v>
      </c>
    </row>
    <row r="20531">
      <c r="A20531" s="1">
        <v>4.90805511E8</v>
      </c>
      <c r="B20531" s="2">
        <v>17072.0</v>
      </c>
      <c r="C20531" s="1" t="s">
        <v>5</v>
      </c>
      <c r="D20531" s="1" t="s">
        <v>17415</v>
      </c>
      <c r="E20531" s="1" t="s">
        <v>7</v>
      </c>
    </row>
    <row r="20532">
      <c r="A20532" s="1">
        <v>4.90805527E8</v>
      </c>
      <c r="B20532" s="2">
        <v>17063.0</v>
      </c>
      <c r="C20532" s="1" t="s">
        <v>5</v>
      </c>
      <c r="D20532" s="1" t="s">
        <v>17416</v>
      </c>
      <c r="E20532" s="1" t="s">
        <v>7</v>
      </c>
    </row>
    <row r="20533">
      <c r="A20533" s="1">
        <v>4.90805534E8</v>
      </c>
      <c r="B20533" s="2">
        <v>17051.0</v>
      </c>
      <c r="C20533" s="1" t="s">
        <v>5</v>
      </c>
      <c r="D20533" s="1" t="s">
        <v>17417</v>
      </c>
      <c r="E20533" s="1" t="s">
        <v>7</v>
      </c>
    </row>
    <row r="20534">
      <c r="A20534" s="1">
        <v>4.90805538E8</v>
      </c>
      <c r="B20534" s="2">
        <v>17084.0</v>
      </c>
      <c r="C20534" s="1" t="s">
        <v>5</v>
      </c>
      <c r="D20534" s="1" t="s">
        <v>17418</v>
      </c>
      <c r="E20534" s="1" t="s">
        <v>7</v>
      </c>
    </row>
    <row r="20535">
      <c r="A20535" s="1">
        <v>4.9080554E8</v>
      </c>
      <c r="B20535" s="2">
        <v>17090.0</v>
      </c>
      <c r="C20535" s="1" t="s">
        <v>5</v>
      </c>
      <c r="D20535" s="1" t="s">
        <v>17419</v>
      </c>
      <c r="E20535" s="1" t="s">
        <v>11</v>
      </c>
    </row>
    <row r="20536">
      <c r="A20536" s="1">
        <v>4.90805573E8</v>
      </c>
      <c r="B20536" s="2">
        <v>17091.0</v>
      </c>
      <c r="C20536" s="1" t="s">
        <v>5</v>
      </c>
      <c r="D20536" s="1" t="s">
        <v>17420</v>
      </c>
      <c r="E20536" s="1" t="s">
        <v>7</v>
      </c>
    </row>
    <row r="20537">
      <c r="A20537" s="1">
        <v>4.90805593E8</v>
      </c>
      <c r="B20537" s="2">
        <v>17074.0</v>
      </c>
      <c r="C20537" s="1" t="s">
        <v>5</v>
      </c>
      <c r="D20537" s="1" t="s">
        <v>11</v>
      </c>
      <c r="E20537" s="1" t="s">
        <v>7</v>
      </c>
    </row>
    <row r="20538">
      <c r="A20538" s="1">
        <v>4.90805653E8</v>
      </c>
      <c r="B20538" s="2">
        <v>17074.0</v>
      </c>
      <c r="C20538" s="1" t="s">
        <v>5</v>
      </c>
      <c r="D20538" s="1" t="s">
        <v>17421</v>
      </c>
      <c r="E20538" s="1" t="s">
        <v>11</v>
      </c>
    </row>
    <row r="20539">
      <c r="A20539" s="1">
        <v>4.90805689E8</v>
      </c>
      <c r="B20539" s="2">
        <v>17018.0</v>
      </c>
      <c r="C20539" s="1" t="s">
        <v>5</v>
      </c>
      <c r="D20539" s="1" t="s">
        <v>17422</v>
      </c>
      <c r="E20539" s="1" t="s">
        <v>11</v>
      </c>
    </row>
    <row r="20540">
      <c r="A20540" s="1">
        <v>4.90805704E8</v>
      </c>
      <c r="B20540" s="2">
        <v>17022.0</v>
      </c>
      <c r="C20540" s="1" t="s">
        <v>5</v>
      </c>
      <c r="D20540" s="1" t="s">
        <v>11</v>
      </c>
      <c r="E20540" s="1" t="s">
        <v>7</v>
      </c>
    </row>
    <row r="20541">
      <c r="A20541" s="1">
        <v>4.90805711E8</v>
      </c>
      <c r="B20541" s="2">
        <v>17080.0</v>
      </c>
      <c r="C20541" s="1" t="s">
        <v>5</v>
      </c>
      <c r="D20541" s="1" t="s">
        <v>17423</v>
      </c>
      <c r="E20541" s="1" t="s">
        <v>17424</v>
      </c>
    </row>
    <row r="20542">
      <c r="A20542" s="1">
        <v>4.90805729E8</v>
      </c>
      <c r="B20542" s="2">
        <v>17066.0</v>
      </c>
      <c r="C20542" s="1" t="s">
        <v>5</v>
      </c>
      <c r="D20542" s="1" t="s">
        <v>17425</v>
      </c>
      <c r="E20542" s="1" t="s">
        <v>7</v>
      </c>
    </row>
    <row r="20543">
      <c r="A20543" s="1">
        <v>4.90805788E8</v>
      </c>
      <c r="B20543" s="2">
        <v>17088.0</v>
      </c>
      <c r="C20543" s="1" t="s">
        <v>5</v>
      </c>
      <c r="D20543" s="1" t="s">
        <v>17426</v>
      </c>
      <c r="E20543" s="1" t="s">
        <v>7</v>
      </c>
    </row>
    <row r="20544">
      <c r="A20544" s="1">
        <v>4.90805795E8</v>
      </c>
      <c r="B20544" s="2">
        <v>17091.0</v>
      </c>
      <c r="C20544" s="1" t="s">
        <v>5</v>
      </c>
      <c r="D20544" s="1" t="s">
        <v>17427</v>
      </c>
      <c r="E20544" s="1" t="s">
        <v>11</v>
      </c>
    </row>
    <row r="20545">
      <c r="A20545" s="1">
        <v>4.90805879E8</v>
      </c>
      <c r="B20545" s="2">
        <v>17088.0</v>
      </c>
      <c r="C20545" s="1" t="s">
        <v>5</v>
      </c>
      <c r="D20545" s="1" t="s">
        <v>17428</v>
      </c>
      <c r="E20545" s="1" t="s">
        <v>7</v>
      </c>
    </row>
    <row r="20546">
      <c r="A20546" s="1">
        <v>4.90805889E8</v>
      </c>
      <c r="B20546" s="2">
        <v>17065.0</v>
      </c>
      <c r="C20546" s="1" t="s">
        <v>5</v>
      </c>
      <c r="D20546" s="1" t="s">
        <v>11</v>
      </c>
      <c r="E20546" s="1" t="s">
        <v>7</v>
      </c>
    </row>
    <row r="20547">
      <c r="A20547" s="1">
        <v>4.90805898E8</v>
      </c>
      <c r="B20547" s="2">
        <v>17021.0</v>
      </c>
      <c r="C20547" s="1" t="s">
        <v>5</v>
      </c>
      <c r="D20547" s="1" t="s">
        <v>17429</v>
      </c>
      <c r="E20547" s="1" t="s">
        <v>17430</v>
      </c>
    </row>
    <row r="20548">
      <c r="A20548" s="1">
        <v>4.90805941E8</v>
      </c>
      <c r="B20548" s="2">
        <v>17090.0</v>
      </c>
      <c r="C20548" s="1" t="s">
        <v>5</v>
      </c>
      <c r="D20548" s="1" t="s">
        <v>17431</v>
      </c>
      <c r="E20548" s="1" t="s">
        <v>7</v>
      </c>
    </row>
    <row r="20549">
      <c r="A20549" s="1">
        <v>4.90805945E8</v>
      </c>
      <c r="B20549" s="2">
        <v>17060.0</v>
      </c>
      <c r="C20549" s="1" t="s">
        <v>5</v>
      </c>
      <c r="D20549" s="1" t="s">
        <v>17432</v>
      </c>
      <c r="E20549" s="1" t="s">
        <v>7</v>
      </c>
    </row>
    <row r="20550">
      <c r="A20550" s="1">
        <v>4.90805963E8</v>
      </c>
      <c r="B20550" s="2">
        <v>17090.0</v>
      </c>
      <c r="C20550" s="1" t="s">
        <v>5</v>
      </c>
      <c r="D20550" s="1" t="s">
        <v>11</v>
      </c>
      <c r="E20550" s="1" t="s">
        <v>7</v>
      </c>
    </row>
    <row r="20551">
      <c r="A20551" s="1">
        <v>4.90806052E8</v>
      </c>
      <c r="B20551" s="2">
        <v>17060.0</v>
      </c>
      <c r="C20551" s="1" t="s">
        <v>5</v>
      </c>
      <c r="D20551" s="1" t="s">
        <v>17433</v>
      </c>
      <c r="E20551" s="1" t="s">
        <v>7</v>
      </c>
    </row>
    <row r="20552">
      <c r="A20552" s="1">
        <v>4.90806102E8</v>
      </c>
      <c r="B20552" s="2">
        <v>17016.0</v>
      </c>
      <c r="C20552" s="1" t="s">
        <v>5</v>
      </c>
      <c r="D20552" s="1" t="s">
        <v>11</v>
      </c>
      <c r="E20552" s="1" t="s">
        <v>7</v>
      </c>
    </row>
    <row r="20553">
      <c r="A20553" s="1">
        <v>4.90806169E8</v>
      </c>
      <c r="B20553" s="2">
        <v>17079.0</v>
      </c>
      <c r="C20553" s="1" t="s">
        <v>5</v>
      </c>
      <c r="D20553" s="1" t="s">
        <v>17434</v>
      </c>
      <c r="E20553" s="1" t="s">
        <v>11</v>
      </c>
    </row>
    <row r="20554">
      <c r="A20554" s="1">
        <v>4.90806206E8</v>
      </c>
      <c r="B20554" s="2">
        <v>17018.0</v>
      </c>
      <c r="C20554" s="1" t="s">
        <v>5</v>
      </c>
      <c r="D20554" s="1" t="s">
        <v>17435</v>
      </c>
      <c r="E20554" s="1" t="s">
        <v>7</v>
      </c>
    </row>
    <row r="20555">
      <c r="A20555" s="1">
        <v>4.90806223E8</v>
      </c>
      <c r="B20555" s="2">
        <v>17091.0</v>
      </c>
      <c r="C20555" s="1" t="s">
        <v>5</v>
      </c>
      <c r="D20555" s="1" t="s">
        <v>17436</v>
      </c>
      <c r="E20555" s="1" t="s">
        <v>7</v>
      </c>
    </row>
    <row r="20556">
      <c r="A20556" s="1">
        <v>4.90806312E8</v>
      </c>
      <c r="B20556" s="2">
        <v>17071.0</v>
      </c>
      <c r="C20556" s="1" t="s">
        <v>5</v>
      </c>
      <c r="D20556" s="1" t="s">
        <v>17437</v>
      </c>
      <c r="E20556" s="1" t="s">
        <v>11</v>
      </c>
    </row>
    <row r="20557">
      <c r="A20557" s="1">
        <v>4.90806337E8</v>
      </c>
      <c r="B20557" s="2">
        <v>17080.0</v>
      </c>
      <c r="C20557" s="1" t="s">
        <v>5</v>
      </c>
      <c r="D20557" s="1" t="s">
        <v>17438</v>
      </c>
      <c r="E20557" s="1" t="s">
        <v>11</v>
      </c>
    </row>
    <row r="20558">
      <c r="A20558" s="1">
        <v>4.90806382E8</v>
      </c>
      <c r="B20558" s="2">
        <v>17114.0</v>
      </c>
      <c r="C20558" s="1" t="s">
        <v>5</v>
      </c>
      <c r="D20558" s="1" t="s">
        <v>17439</v>
      </c>
      <c r="E20558" s="1" t="s">
        <v>7</v>
      </c>
    </row>
    <row r="20559">
      <c r="A20559" s="1">
        <v>4.90806449E8</v>
      </c>
      <c r="B20559" s="2">
        <v>17102.0</v>
      </c>
      <c r="C20559" s="1" t="s">
        <v>5</v>
      </c>
      <c r="D20559" s="1" t="s">
        <v>17440</v>
      </c>
      <c r="E20559" s="1" t="s">
        <v>7</v>
      </c>
    </row>
    <row r="20560">
      <c r="A20560" s="1">
        <v>4.90806462E8</v>
      </c>
      <c r="B20560" s="2">
        <v>17051.0</v>
      </c>
      <c r="C20560" s="1" t="s">
        <v>5</v>
      </c>
      <c r="D20560" s="1" t="s">
        <v>11</v>
      </c>
      <c r="E20560" s="1" t="s">
        <v>7</v>
      </c>
    </row>
    <row r="20561">
      <c r="A20561" s="1">
        <v>4.90806512E8</v>
      </c>
      <c r="B20561" s="2">
        <v>17060.0</v>
      </c>
      <c r="C20561" s="1" t="s">
        <v>5</v>
      </c>
      <c r="D20561" s="1" t="s">
        <v>11</v>
      </c>
      <c r="E20561" s="1" t="s">
        <v>7</v>
      </c>
    </row>
    <row r="20562">
      <c r="A20562" s="1">
        <v>4.90806544E8</v>
      </c>
      <c r="B20562" s="2">
        <v>17062.0</v>
      </c>
      <c r="C20562" s="1" t="s">
        <v>5</v>
      </c>
      <c r="D20562" s="1" t="s">
        <v>11</v>
      </c>
      <c r="E20562" s="1" t="s">
        <v>7</v>
      </c>
    </row>
    <row r="20563">
      <c r="A20563" s="1">
        <v>4.90806584E8</v>
      </c>
      <c r="B20563" s="2">
        <v>17084.0</v>
      </c>
      <c r="C20563" s="1" t="s">
        <v>5</v>
      </c>
      <c r="D20563" s="1" t="s">
        <v>17441</v>
      </c>
      <c r="E20563" s="1" t="s">
        <v>7</v>
      </c>
    </row>
    <row r="20564">
      <c r="A20564" s="1">
        <v>4.90806596E8</v>
      </c>
      <c r="B20564" s="2">
        <v>17051.0</v>
      </c>
      <c r="C20564" s="1" t="s">
        <v>5</v>
      </c>
      <c r="D20564" s="1" t="s">
        <v>17442</v>
      </c>
      <c r="E20564" s="1" t="s">
        <v>11</v>
      </c>
    </row>
    <row r="20565">
      <c r="A20565" s="1">
        <v>4.90806636E8</v>
      </c>
      <c r="B20565" s="2">
        <v>17060.0</v>
      </c>
      <c r="C20565" s="1" t="s">
        <v>5</v>
      </c>
      <c r="D20565" s="1" t="s">
        <v>11</v>
      </c>
      <c r="E20565" s="1" t="s">
        <v>7</v>
      </c>
    </row>
    <row r="20566">
      <c r="A20566" s="1">
        <v>4.90806737E8</v>
      </c>
      <c r="B20566" s="2">
        <v>17060.0</v>
      </c>
      <c r="C20566" s="1" t="s">
        <v>5</v>
      </c>
      <c r="D20566" s="1" t="s">
        <v>17443</v>
      </c>
      <c r="E20566" s="1" t="s">
        <v>7</v>
      </c>
    </row>
    <row r="20567">
      <c r="A20567" s="1">
        <v>4.9080679E8</v>
      </c>
      <c r="B20567" s="2">
        <v>17059.0</v>
      </c>
      <c r="C20567" s="1" t="s">
        <v>5</v>
      </c>
      <c r="D20567" s="1" t="s">
        <v>17444</v>
      </c>
      <c r="E20567" s="1" t="s">
        <v>11</v>
      </c>
    </row>
    <row r="20568">
      <c r="A20568" s="1">
        <v>4.90806809E8</v>
      </c>
      <c r="B20568" s="2">
        <v>17099.0</v>
      </c>
      <c r="C20568" s="1" t="s">
        <v>5</v>
      </c>
      <c r="D20568" s="1" t="s">
        <v>17445</v>
      </c>
      <c r="E20568" s="1" t="s">
        <v>11</v>
      </c>
    </row>
    <row r="20569">
      <c r="A20569" s="1">
        <v>4.90806839E8</v>
      </c>
      <c r="B20569" s="2">
        <v>17074.0</v>
      </c>
      <c r="C20569" s="1" t="s">
        <v>5</v>
      </c>
      <c r="D20569" s="1" t="s">
        <v>17446</v>
      </c>
      <c r="E20569" s="1" t="s">
        <v>7</v>
      </c>
    </row>
    <row r="20570">
      <c r="A20570" s="1">
        <v>4.90806905E8</v>
      </c>
      <c r="B20570" s="2">
        <v>17097.0</v>
      </c>
      <c r="C20570" s="1" t="s">
        <v>5</v>
      </c>
      <c r="D20570" s="1" t="s">
        <v>17447</v>
      </c>
      <c r="E20570" s="1" t="s">
        <v>7</v>
      </c>
    </row>
    <row r="20571">
      <c r="A20571" s="1">
        <v>4.90806962E8</v>
      </c>
      <c r="B20571" s="2">
        <v>17114.0</v>
      </c>
      <c r="C20571" s="1" t="s">
        <v>5</v>
      </c>
      <c r="D20571" s="1" t="s">
        <v>11</v>
      </c>
      <c r="E20571" s="1" t="s">
        <v>7</v>
      </c>
    </row>
    <row r="20572">
      <c r="A20572" s="1">
        <v>4.90807059E8</v>
      </c>
      <c r="B20572" s="2">
        <v>17056.0</v>
      </c>
      <c r="C20572" s="1" t="s">
        <v>5</v>
      </c>
      <c r="D20572" s="1" t="s">
        <v>17448</v>
      </c>
      <c r="E20572" s="1" t="s">
        <v>11</v>
      </c>
    </row>
    <row r="20573">
      <c r="A20573" s="1">
        <v>4.90807068E8</v>
      </c>
      <c r="B20573" s="2">
        <v>17072.0</v>
      </c>
      <c r="C20573" s="1" t="s">
        <v>5</v>
      </c>
      <c r="D20573" s="1" t="s">
        <v>17449</v>
      </c>
      <c r="E20573" s="1" t="s">
        <v>7</v>
      </c>
    </row>
    <row r="20574">
      <c r="A20574" s="1">
        <v>4.90807089E8</v>
      </c>
      <c r="B20574" s="2">
        <v>17072.0</v>
      </c>
      <c r="C20574" s="1" t="s">
        <v>5</v>
      </c>
      <c r="D20574" s="1" t="s">
        <v>17450</v>
      </c>
      <c r="E20574" s="1" t="s">
        <v>11</v>
      </c>
    </row>
    <row r="20575">
      <c r="A20575" s="1">
        <v>4.90807102E8</v>
      </c>
      <c r="B20575" s="2">
        <v>17084.0</v>
      </c>
      <c r="C20575" s="1" t="s">
        <v>5</v>
      </c>
      <c r="D20575" s="1" t="s">
        <v>17451</v>
      </c>
      <c r="E20575" s="1" t="s">
        <v>7</v>
      </c>
    </row>
    <row r="20576">
      <c r="A20576" s="1">
        <v>4.90807134E8</v>
      </c>
      <c r="B20576" s="2">
        <v>17070.0</v>
      </c>
      <c r="C20576" s="1" t="s">
        <v>5</v>
      </c>
      <c r="D20576" s="1" t="s">
        <v>17452</v>
      </c>
      <c r="E20576" s="1" t="s">
        <v>7</v>
      </c>
    </row>
    <row r="20577">
      <c r="A20577" s="1">
        <v>4.90807143E8</v>
      </c>
      <c r="B20577" s="2">
        <v>17055.0</v>
      </c>
      <c r="C20577" s="1" t="s">
        <v>5</v>
      </c>
      <c r="D20577" s="1" t="s">
        <v>17453</v>
      </c>
      <c r="E20577" s="1" t="s">
        <v>7</v>
      </c>
    </row>
    <row r="20578">
      <c r="A20578" s="1">
        <v>4.90807149E8</v>
      </c>
      <c r="B20578" s="2">
        <v>17080.0</v>
      </c>
      <c r="C20578" s="1" t="s">
        <v>5</v>
      </c>
      <c r="D20578" s="1" t="s">
        <v>17454</v>
      </c>
      <c r="E20578" s="1" t="s">
        <v>11</v>
      </c>
    </row>
    <row r="20579">
      <c r="A20579" s="1">
        <v>4.90807173E8</v>
      </c>
      <c r="B20579" s="2">
        <v>17134.0</v>
      </c>
      <c r="C20579" s="1" t="s">
        <v>5</v>
      </c>
      <c r="D20579" s="1" t="s">
        <v>17455</v>
      </c>
      <c r="E20579" s="1" t="s">
        <v>7</v>
      </c>
    </row>
    <row r="20580">
      <c r="A20580" s="1">
        <v>4.90807193E8</v>
      </c>
      <c r="B20580" s="2">
        <v>17071.0</v>
      </c>
      <c r="C20580" s="1" t="s">
        <v>5</v>
      </c>
      <c r="D20580" s="1" t="s">
        <v>17456</v>
      </c>
      <c r="E20580" s="1" t="s">
        <v>11</v>
      </c>
    </row>
    <row r="20581">
      <c r="A20581" s="1">
        <v>4.90807202E8</v>
      </c>
      <c r="B20581" s="2">
        <v>17057.0</v>
      </c>
      <c r="C20581" s="1" t="s">
        <v>5</v>
      </c>
      <c r="D20581" s="1" t="s">
        <v>17457</v>
      </c>
      <c r="E20581" s="1" t="s">
        <v>7</v>
      </c>
    </row>
    <row r="20582">
      <c r="A20582" s="1">
        <v>4.90807213E8</v>
      </c>
      <c r="B20582" s="2">
        <v>17064.0</v>
      </c>
      <c r="C20582" s="1" t="s">
        <v>5</v>
      </c>
      <c r="D20582" s="1" t="s">
        <v>11</v>
      </c>
      <c r="E20582" s="1" t="s">
        <v>7</v>
      </c>
    </row>
    <row r="20583">
      <c r="A20583" s="1">
        <v>4.90807319E8</v>
      </c>
      <c r="B20583" s="2">
        <v>17111.0</v>
      </c>
      <c r="C20583" s="1" t="s">
        <v>5</v>
      </c>
      <c r="D20583" s="1" t="s">
        <v>17458</v>
      </c>
      <c r="E20583" s="1" t="s">
        <v>11</v>
      </c>
    </row>
    <row r="20584">
      <c r="A20584" s="1">
        <v>4.90807358E8</v>
      </c>
      <c r="B20584" s="2">
        <v>17063.0</v>
      </c>
      <c r="C20584" s="1" t="s">
        <v>5</v>
      </c>
      <c r="D20584" s="1" t="s">
        <v>17459</v>
      </c>
      <c r="E20584" s="1" t="s">
        <v>7</v>
      </c>
    </row>
    <row r="20585">
      <c r="A20585" s="1">
        <v>4.90807367E8</v>
      </c>
      <c r="B20585" s="2">
        <v>17077.0</v>
      </c>
      <c r="C20585" s="1" t="s">
        <v>5</v>
      </c>
      <c r="D20585" s="1" t="s">
        <v>17460</v>
      </c>
      <c r="E20585" s="1" t="s">
        <v>7</v>
      </c>
    </row>
    <row r="20586">
      <c r="A20586" s="1">
        <v>4.90807369E8</v>
      </c>
      <c r="B20586" s="2">
        <v>17073.0</v>
      </c>
      <c r="C20586" s="1" t="s">
        <v>5</v>
      </c>
      <c r="D20586" s="1" t="s">
        <v>17461</v>
      </c>
      <c r="E20586" s="1" t="s">
        <v>7</v>
      </c>
    </row>
    <row r="20587">
      <c r="A20587" s="1">
        <v>4.90807381E8</v>
      </c>
      <c r="B20587" s="2">
        <v>17129.0</v>
      </c>
      <c r="C20587" s="1" t="s">
        <v>5</v>
      </c>
      <c r="D20587" s="1" t="s">
        <v>11</v>
      </c>
      <c r="E20587" s="1" t="s">
        <v>7</v>
      </c>
    </row>
    <row r="20588">
      <c r="A20588" s="1">
        <v>4.90807383E8</v>
      </c>
      <c r="B20588" s="2">
        <v>17133.0</v>
      </c>
      <c r="C20588" s="1" t="s">
        <v>5</v>
      </c>
      <c r="D20588" s="1" t="s">
        <v>17462</v>
      </c>
      <c r="E20588" s="1" t="s">
        <v>7</v>
      </c>
    </row>
    <row r="20589">
      <c r="A20589" s="1">
        <v>4.90807392E8</v>
      </c>
      <c r="B20589" s="2">
        <v>17111.0</v>
      </c>
      <c r="C20589" s="1" t="s">
        <v>5</v>
      </c>
      <c r="D20589" s="1" t="s">
        <v>17463</v>
      </c>
      <c r="E20589" s="1" t="s">
        <v>7</v>
      </c>
    </row>
    <row r="20590">
      <c r="A20590" s="1">
        <v>4.90807395E8</v>
      </c>
      <c r="B20590" s="2">
        <v>17065.0</v>
      </c>
      <c r="C20590" s="1" t="s">
        <v>5</v>
      </c>
      <c r="D20590" s="1" t="s">
        <v>17464</v>
      </c>
      <c r="E20590" s="1" t="s">
        <v>7</v>
      </c>
    </row>
    <row r="20591">
      <c r="A20591" s="1">
        <v>4.90807402E8</v>
      </c>
      <c r="B20591" s="2">
        <v>17070.0</v>
      </c>
      <c r="C20591" s="1" t="s">
        <v>5</v>
      </c>
      <c r="D20591" s="1" t="s">
        <v>17465</v>
      </c>
      <c r="E20591" s="1" t="s">
        <v>7</v>
      </c>
    </row>
    <row r="20592">
      <c r="A20592" s="1">
        <v>4.90807428E8</v>
      </c>
      <c r="B20592" s="2">
        <v>17136.0</v>
      </c>
      <c r="C20592" s="1" t="s">
        <v>5</v>
      </c>
      <c r="D20592" s="1" t="s">
        <v>17466</v>
      </c>
      <c r="E20592" s="1" t="s">
        <v>11</v>
      </c>
    </row>
    <row r="20593">
      <c r="A20593" s="1">
        <v>4.90807578E8</v>
      </c>
      <c r="B20593" s="2">
        <v>17134.0</v>
      </c>
      <c r="C20593" s="1" t="s">
        <v>5</v>
      </c>
      <c r="D20593" s="1" t="s">
        <v>17467</v>
      </c>
      <c r="E20593" s="1" t="s">
        <v>7</v>
      </c>
    </row>
    <row r="20594">
      <c r="A20594" s="1">
        <v>4.90807618E8</v>
      </c>
      <c r="B20594" s="2">
        <v>17069.0</v>
      </c>
      <c r="C20594" s="1" t="s">
        <v>5</v>
      </c>
      <c r="D20594" s="1" t="s">
        <v>17468</v>
      </c>
      <c r="E20594" s="1" t="s">
        <v>11</v>
      </c>
    </row>
    <row r="20595">
      <c r="A20595" s="1">
        <v>4.90807648E8</v>
      </c>
      <c r="B20595" s="2">
        <v>17063.0</v>
      </c>
      <c r="C20595" s="1" t="s">
        <v>5</v>
      </c>
      <c r="D20595" s="1" t="s">
        <v>17469</v>
      </c>
      <c r="E20595" s="1" t="s">
        <v>11</v>
      </c>
    </row>
    <row r="20596">
      <c r="A20596" s="1">
        <v>4.90807702E8</v>
      </c>
      <c r="B20596" s="2">
        <v>17049.0</v>
      </c>
      <c r="C20596" s="1" t="s">
        <v>5</v>
      </c>
      <c r="D20596" s="1" t="s">
        <v>17470</v>
      </c>
      <c r="E20596" s="1" t="s">
        <v>7</v>
      </c>
    </row>
    <row r="20597">
      <c r="A20597" s="1">
        <v>4.90807709E8</v>
      </c>
      <c r="B20597" s="2">
        <v>17071.0</v>
      </c>
      <c r="C20597" s="1" t="s">
        <v>5</v>
      </c>
      <c r="D20597" s="1" t="s">
        <v>11</v>
      </c>
      <c r="E20597" s="1" t="s">
        <v>7</v>
      </c>
    </row>
    <row r="20598">
      <c r="A20598" s="1">
        <v>4.90807719E8</v>
      </c>
      <c r="B20598" s="2">
        <v>17133.0</v>
      </c>
      <c r="C20598" s="1" t="s">
        <v>5</v>
      </c>
      <c r="D20598" s="1" t="s">
        <v>17471</v>
      </c>
      <c r="E20598" s="1" t="s">
        <v>11</v>
      </c>
    </row>
    <row r="20599">
      <c r="A20599" s="1">
        <v>4.90807762E8</v>
      </c>
      <c r="B20599" s="2">
        <v>17078.0</v>
      </c>
      <c r="C20599" s="1" t="s">
        <v>5</v>
      </c>
      <c r="D20599" s="1" t="s">
        <v>17472</v>
      </c>
      <c r="E20599" s="1" t="s">
        <v>11</v>
      </c>
    </row>
    <row r="20600">
      <c r="A20600" s="1">
        <v>4.90807784E8</v>
      </c>
      <c r="B20600" s="2">
        <v>17059.0</v>
      </c>
      <c r="C20600" s="1" t="s">
        <v>5</v>
      </c>
      <c r="D20600" s="1" t="s">
        <v>17473</v>
      </c>
      <c r="E20600" s="1" t="s">
        <v>7</v>
      </c>
    </row>
    <row r="20601">
      <c r="A20601" s="1">
        <v>4.90807832E8</v>
      </c>
      <c r="B20601" s="2">
        <v>17130.0</v>
      </c>
      <c r="C20601" s="1" t="s">
        <v>5</v>
      </c>
      <c r="D20601" s="1" t="s">
        <v>17474</v>
      </c>
      <c r="E20601" s="1" t="s">
        <v>7</v>
      </c>
    </row>
    <row r="20602">
      <c r="A20602" s="1">
        <v>4.90807859E8</v>
      </c>
      <c r="B20602" s="2">
        <v>17062.0</v>
      </c>
      <c r="C20602" s="1" t="s">
        <v>5</v>
      </c>
      <c r="D20602" s="1" t="s">
        <v>17475</v>
      </c>
      <c r="E20602" s="1" t="s">
        <v>11</v>
      </c>
    </row>
    <row r="20603">
      <c r="A20603" s="1">
        <v>4.90807894E8</v>
      </c>
      <c r="B20603" s="2">
        <v>17132.0</v>
      </c>
      <c r="C20603" s="1" t="s">
        <v>5</v>
      </c>
      <c r="D20603" s="1" t="s">
        <v>17476</v>
      </c>
      <c r="E20603" s="1" t="s">
        <v>7</v>
      </c>
    </row>
    <row r="20604">
      <c r="A20604" s="1">
        <v>4.90808006E8</v>
      </c>
      <c r="B20604" s="2">
        <v>17136.0</v>
      </c>
      <c r="C20604" s="1" t="s">
        <v>5</v>
      </c>
      <c r="D20604" s="1" t="s">
        <v>17477</v>
      </c>
      <c r="E20604" s="1" t="s">
        <v>7</v>
      </c>
    </row>
    <row r="20605">
      <c r="A20605" s="1">
        <v>4.90808033E8</v>
      </c>
      <c r="B20605" s="2">
        <v>17057.0</v>
      </c>
      <c r="C20605" s="1" t="s">
        <v>5</v>
      </c>
      <c r="D20605" s="1" t="s">
        <v>17478</v>
      </c>
      <c r="E20605" s="1" t="s">
        <v>11</v>
      </c>
    </row>
    <row r="20606">
      <c r="A20606" s="1">
        <v>4.90808062E8</v>
      </c>
      <c r="B20606" s="2">
        <v>17129.0</v>
      </c>
      <c r="C20606" s="1" t="s">
        <v>5</v>
      </c>
      <c r="D20606" s="1" t="s">
        <v>17479</v>
      </c>
      <c r="E20606" s="1" t="s">
        <v>17480</v>
      </c>
    </row>
    <row r="20607">
      <c r="A20607" s="1">
        <v>4.90808094E8</v>
      </c>
      <c r="B20607" s="2">
        <v>17128.0</v>
      </c>
      <c r="C20607" s="1" t="s">
        <v>5</v>
      </c>
      <c r="D20607" s="1" t="s">
        <v>17481</v>
      </c>
      <c r="E20607" s="1" t="s">
        <v>7</v>
      </c>
    </row>
    <row r="20608">
      <c r="A20608" s="1">
        <v>4.90808205E8</v>
      </c>
      <c r="B20608" s="2">
        <v>17130.0</v>
      </c>
      <c r="C20608" s="1" t="s">
        <v>5</v>
      </c>
      <c r="D20608" s="1" t="s">
        <v>11</v>
      </c>
      <c r="E20608" s="1" t="s">
        <v>7</v>
      </c>
    </row>
    <row r="20609">
      <c r="A20609" s="1">
        <v>4.90808209E8</v>
      </c>
      <c r="B20609" s="2">
        <v>17104.0</v>
      </c>
      <c r="C20609" s="1" t="s">
        <v>5</v>
      </c>
      <c r="D20609" s="1" t="s">
        <v>17482</v>
      </c>
      <c r="E20609" s="1" t="s">
        <v>7</v>
      </c>
    </row>
    <row r="20610">
      <c r="A20610" s="1">
        <v>4.90808223E8</v>
      </c>
      <c r="B20610" s="2">
        <v>17132.0</v>
      </c>
      <c r="C20610" s="1" t="s">
        <v>5</v>
      </c>
      <c r="D20610" s="1" t="s">
        <v>17483</v>
      </c>
      <c r="E20610" s="1" t="s">
        <v>17484</v>
      </c>
    </row>
    <row r="20611">
      <c r="A20611" s="1">
        <v>4.90808224E8</v>
      </c>
      <c r="B20611" s="2">
        <v>17052.0</v>
      </c>
      <c r="C20611" s="1" t="s">
        <v>5</v>
      </c>
      <c r="D20611" s="1" t="s">
        <v>17485</v>
      </c>
      <c r="E20611" s="1" t="s">
        <v>7</v>
      </c>
    </row>
    <row r="20612">
      <c r="A20612" s="1">
        <v>4.90808248E8</v>
      </c>
      <c r="B20612" s="2">
        <v>17127.0</v>
      </c>
      <c r="C20612" s="1" t="s">
        <v>5</v>
      </c>
      <c r="D20612" s="1" t="s">
        <v>17486</v>
      </c>
      <c r="E20612" s="1" t="s">
        <v>7</v>
      </c>
    </row>
    <row r="20613">
      <c r="A20613" s="1">
        <v>4.90808334E8</v>
      </c>
      <c r="B20613" s="2">
        <v>17127.0</v>
      </c>
      <c r="C20613" s="1" t="s">
        <v>5</v>
      </c>
      <c r="D20613" s="1" t="s">
        <v>17487</v>
      </c>
      <c r="E20613" s="1" t="s">
        <v>7</v>
      </c>
    </row>
    <row r="20614">
      <c r="A20614" s="1">
        <v>4.90808338E8</v>
      </c>
      <c r="B20614" s="2">
        <v>17119.0</v>
      </c>
      <c r="C20614" s="1" t="s">
        <v>5</v>
      </c>
      <c r="D20614" s="1" t="s">
        <v>17488</v>
      </c>
      <c r="E20614" s="1" t="s">
        <v>7</v>
      </c>
    </row>
    <row r="20615">
      <c r="A20615" s="1">
        <v>4.90808414E8</v>
      </c>
      <c r="B20615" s="2">
        <v>17128.0</v>
      </c>
      <c r="C20615" s="1" t="s">
        <v>5</v>
      </c>
      <c r="D20615" s="1" t="s">
        <v>11</v>
      </c>
      <c r="E20615" s="1" t="s">
        <v>7</v>
      </c>
    </row>
    <row r="20616">
      <c r="A20616" s="1">
        <v>4.90808423E8</v>
      </c>
      <c r="B20616" s="2">
        <v>17055.0</v>
      </c>
      <c r="C20616" s="1" t="s">
        <v>5</v>
      </c>
      <c r="D20616" s="1" t="s">
        <v>17489</v>
      </c>
      <c r="E20616" s="1" t="s">
        <v>17490</v>
      </c>
    </row>
    <row r="20617">
      <c r="A20617" s="1">
        <v>4.90808455E8</v>
      </c>
      <c r="B20617" s="2">
        <v>17128.0</v>
      </c>
      <c r="C20617" s="1" t="s">
        <v>5</v>
      </c>
      <c r="D20617" s="1" t="s">
        <v>17491</v>
      </c>
      <c r="E20617" s="1" t="s">
        <v>7</v>
      </c>
    </row>
    <row r="20618">
      <c r="A20618" s="1">
        <v>4.9080846E8</v>
      </c>
      <c r="B20618" s="2">
        <v>17126.0</v>
      </c>
      <c r="C20618" s="1" t="s">
        <v>5</v>
      </c>
      <c r="D20618" s="1" t="s">
        <v>11</v>
      </c>
      <c r="E20618" s="1" t="s">
        <v>7</v>
      </c>
    </row>
    <row r="20619">
      <c r="A20619" s="1">
        <v>4.90808538E8</v>
      </c>
      <c r="B20619" s="2">
        <v>17106.0</v>
      </c>
      <c r="C20619" s="1" t="s">
        <v>5</v>
      </c>
      <c r="D20619" s="1" t="s">
        <v>17492</v>
      </c>
      <c r="E20619" s="1" t="s">
        <v>11</v>
      </c>
    </row>
    <row r="20620">
      <c r="A20620" s="1">
        <v>4.90808574E8</v>
      </c>
      <c r="B20620" s="2">
        <v>17128.0</v>
      </c>
      <c r="C20620" s="1" t="s">
        <v>5</v>
      </c>
      <c r="D20620" s="1" t="s">
        <v>17493</v>
      </c>
      <c r="E20620" s="1" t="s">
        <v>7</v>
      </c>
    </row>
    <row r="20621">
      <c r="A20621" s="1">
        <v>4.9080862E8</v>
      </c>
      <c r="B20621" s="2">
        <v>17063.0</v>
      </c>
      <c r="C20621" s="1" t="s">
        <v>5</v>
      </c>
      <c r="D20621" s="1" t="s">
        <v>11</v>
      </c>
      <c r="E20621" s="1" t="s">
        <v>7</v>
      </c>
    </row>
    <row r="20622">
      <c r="A20622" s="1">
        <v>4.90808686E8</v>
      </c>
      <c r="B20622" s="2">
        <v>17123.0</v>
      </c>
      <c r="C20622" s="1" t="s">
        <v>5</v>
      </c>
      <c r="D20622" s="1" t="s">
        <v>17494</v>
      </c>
      <c r="E20622" s="1" t="s">
        <v>17495</v>
      </c>
    </row>
    <row r="20623">
      <c r="A20623" s="1">
        <v>4.90808779E8</v>
      </c>
      <c r="B20623" s="2">
        <v>17126.0</v>
      </c>
      <c r="C20623" s="1" t="s">
        <v>5</v>
      </c>
      <c r="D20623" s="1" t="s">
        <v>17496</v>
      </c>
      <c r="E20623" s="1" t="s">
        <v>7</v>
      </c>
    </row>
    <row r="20624">
      <c r="A20624" s="1">
        <v>4.90808796E8</v>
      </c>
      <c r="B20624" s="2">
        <v>17123.0</v>
      </c>
      <c r="C20624" s="1" t="s">
        <v>5</v>
      </c>
      <c r="D20624" s="1" t="s">
        <v>17497</v>
      </c>
      <c r="E20624" s="1" t="s">
        <v>7</v>
      </c>
    </row>
    <row r="20625">
      <c r="A20625" s="1">
        <v>4.90808867E8</v>
      </c>
      <c r="B20625" s="2">
        <v>17125.0</v>
      </c>
      <c r="C20625" s="1" t="s">
        <v>5</v>
      </c>
      <c r="D20625" s="1" t="s">
        <v>11</v>
      </c>
      <c r="E20625" s="1" t="s">
        <v>7</v>
      </c>
    </row>
    <row r="20626">
      <c r="A20626" s="1">
        <v>4.90808959E8</v>
      </c>
      <c r="B20626" s="2">
        <v>17063.0</v>
      </c>
      <c r="C20626" s="1" t="s">
        <v>5</v>
      </c>
      <c r="D20626" s="1" t="s">
        <v>17498</v>
      </c>
      <c r="E20626" s="1" t="s">
        <v>7</v>
      </c>
    </row>
    <row r="20627">
      <c r="A20627" s="1">
        <v>4.90808963E8</v>
      </c>
      <c r="B20627" s="2">
        <v>17100.0</v>
      </c>
      <c r="C20627" s="1" t="s">
        <v>5</v>
      </c>
      <c r="D20627" s="1" t="s">
        <v>17499</v>
      </c>
      <c r="E20627" s="1" t="s">
        <v>11</v>
      </c>
    </row>
    <row r="20628">
      <c r="A20628" s="1">
        <v>4.90808997E8</v>
      </c>
      <c r="B20628" s="2">
        <v>17126.0</v>
      </c>
      <c r="C20628" s="1" t="s">
        <v>5</v>
      </c>
      <c r="D20628" s="1" t="s">
        <v>17500</v>
      </c>
      <c r="E20628" s="1" t="s">
        <v>11</v>
      </c>
    </row>
    <row r="20629">
      <c r="A20629" s="1">
        <v>4.90809026E8</v>
      </c>
      <c r="B20629" s="2">
        <v>17050.0</v>
      </c>
      <c r="C20629" s="1" t="s">
        <v>5</v>
      </c>
      <c r="D20629" s="1" t="s">
        <v>17501</v>
      </c>
      <c r="E20629" s="1" t="s">
        <v>11</v>
      </c>
    </row>
    <row r="20630">
      <c r="A20630" s="1">
        <v>4.90809032E8</v>
      </c>
      <c r="B20630" s="2">
        <v>17125.0</v>
      </c>
      <c r="C20630" s="1" t="s">
        <v>5</v>
      </c>
      <c r="D20630" s="1" t="s">
        <v>11</v>
      </c>
      <c r="E20630" s="1" t="s">
        <v>7</v>
      </c>
    </row>
    <row r="20631">
      <c r="A20631" s="1">
        <v>4.90809081E8</v>
      </c>
      <c r="B20631" s="2">
        <v>17099.0</v>
      </c>
      <c r="C20631" s="1" t="s">
        <v>5</v>
      </c>
      <c r="D20631" s="1" t="s">
        <v>11</v>
      </c>
      <c r="E20631" s="1" t="s">
        <v>7</v>
      </c>
    </row>
    <row r="20632">
      <c r="A20632" s="1">
        <v>4.90809089E8</v>
      </c>
      <c r="B20632" s="2">
        <v>17126.0</v>
      </c>
      <c r="C20632" s="1" t="s">
        <v>5</v>
      </c>
      <c r="D20632" s="1" t="s">
        <v>17502</v>
      </c>
      <c r="E20632" s="1" t="s">
        <v>11</v>
      </c>
    </row>
    <row r="20633">
      <c r="A20633" s="1">
        <v>4.90809104E8</v>
      </c>
      <c r="B20633" s="2">
        <v>17115.0</v>
      </c>
      <c r="C20633" s="1" t="s">
        <v>5</v>
      </c>
      <c r="D20633" s="1" t="s">
        <v>17503</v>
      </c>
      <c r="E20633" s="1" t="s">
        <v>7</v>
      </c>
    </row>
    <row r="20634">
      <c r="A20634" s="1">
        <v>4.90809121E8</v>
      </c>
      <c r="B20634" s="2">
        <v>17123.0</v>
      </c>
      <c r="C20634" s="1" t="s">
        <v>5</v>
      </c>
      <c r="D20634" s="1" t="s">
        <v>11</v>
      </c>
      <c r="E20634" s="1" t="s">
        <v>7</v>
      </c>
    </row>
    <row r="20635">
      <c r="A20635" s="1">
        <v>4.90809131E8</v>
      </c>
      <c r="B20635" s="2">
        <v>17125.0</v>
      </c>
      <c r="C20635" s="1" t="s">
        <v>5</v>
      </c>
      <c r="D20635" s="1" t="s">
        <v>17504</v>
      </c>
      <c r="E20635" s="1" t="s">
        <v>7</v>
      </c>
    </row>
    <row r="20636">
      <c r="A20636" s="1">
        <v>4.9080914E8</v>
      </c>
      <c r="B20636" s="2">
        <v>17118.0</v>
      </c>
      <c r="C20636" s="1" t="s">
        <v>5</v>
      </c>
      <c r="D20636" s="1" t="s">
        <v>17505</v>
      </c>
      <c r="E20636" s="1" t="s">
        <v>7</v>
      </c>
    </row>
    <row r="20637">
      <c r="A20637" s="1">
        <v>4.90809171E8</v>
      </c>
      <c r="B20637" s="2">
        <v>17123.0</v>
      </c>
      <c r="C20637" s="1" t="s">
        <v>5</v>
      </c>
      <c r="D20637" s="1" t="s">
        <v>17506</v>
      </c>
      <c r="E20637" s="1" t="s">
        <v>11</v>
      </c>
    </row>
    <row r="20638">
      <c r="A20638" s="1">
        <v>4.90809196E8</v>
      </c>
      <c r="B20638" s="2">
        <v>17126.0</v>
      </c>
      <c r="C20638" s="1" t="s">
        <v>5</v>
      </c>
      <c r="D20638" s="1" t="s">
        <v>17507</v>
      </c>
      <c r="E20638" s="1" t="s">
        <v>11</v>
      </c>
    </row>
    <row r="20639">
      <c r="A20639" s="1">
        <v>4.9080922E8</v>
      </c>
      <c r="B20639" s="2">
        <v>17049.0</v>
      </c>
      <c r="C20639" s="1" t="s">
        <v>5</v>
      </c>
      <c r="D20639" s="1" t="s">
        <v>11</v>
      </c>
      <c r="E20639" s="1" t="s">
        <v>7</v>
      </c>
    </row>
    <row r="20640">
      <c r="A20640" s="1">
        <v>4.90809254E8</v>
      </c>
      <c r="B20640" s="2">
        <v>17095.0</v>
      </c>
      <c r="C20640" s="1" t="s">
        <v>5</v>
      </c>
      <c r="D20640" s="1" t="s">
        <v>11</v>
      </c>
      <c r="E20640" s="1" t="s">
        <v>7</v>
      </c>
    </row>
    <row r="20641">
      <c r="A20641" s="1">
        <v>4.90809259E8</v>
      </c>
      <c r="B20641" s="2">
        <v>17049.0</v>
      </c>
      <c r="C20641" s="1" t="s">
        <v>5</v>
      </c>
      <c r="D20641" s="1" t="s">
        <v>17508</v>
      </c>
      <c r="E20641" s="1" t="s">
        <v>7</v>
      </c>
    </row>
    <row r="20642">
      <c r="A20642" s="1">
        <v>4.90809339E8</v>
      </c>
      <c r="B20642" s="2">
        <v>17116.0</v>
      </c>
      <c r="C20642" s="1" t="s">
        <v>5</v>
      </c>
      <c r="D20642" s="1" t="s">
        <v>17509</v>
      </c>
      <c r="E20642" s="1" t="s">
        <v>7</v>
      </c>
    </row>
    <row r="20643">
      <c r="A20643" s="1">
        <v>4.90809362E8</v>
      </c>
      <c r="B20643" s="2">
        <v>17093.0</v>
      </c>
      <c r="C20643" s="1" t="s">
        <v>5</v>
      </c>
      <c r="D20643" s="1" t="s">
        <v>7</v>
      </c>
      <c r="E20643" s="1" t="s">
        <v>7</v>
      </c>
    </row>
    <row r="20644">
      <c r="A20644" s="1">
        <v>4.90809366E8</v>
      </c>
      <c r="B20644" s="2">
        <v>17055.0</v>
      </c>
      <c r="C20644" s="1" t="s">
        <v>5</v>
      </c>
      <c r="D20644" s="1" t="s">
        <v>17510</v>
      </c>
      <c r="E20644" s="1" t="s">
        <v>7</v>
      </c>
    </row>
    <row r="20645">
      <c r="A20645" s="1">
        <v>4.90809379E8</v>
      </c>
      <c r="B20645" s="2">
        <v>17121.0</v>
      </c>
      <c r="C20645" s="1" t="s">
        <v>5</v>
      </c>
      <c r="D20645" s="1" t="s">
        <v>17511</v>
      </c>
      <c r="E20645" s="1" t="s">
        <v>7</v>
      </c>
    </row>
    <row r="20646">
      <c r="A20646" s="1">
        <v>4.90809403E8</v>
      </c>
      <c r="B20646" s="2">
        <v>17125.0</v>
      </c>
      <c r="C20646" s="1" t="s">
        <v>5</v>
      </c>
      <c r="D20646" s="1" t="s">
        <v>17512</v>
      </c>
      <c r="E20646" s="1" t="s">
        <v>7</v>
      </c>
    </row>
    <row r="20647">
      <c r="A20647" s="1">
        <v>4.90809456E8</v>
      </c>
      <c r="B20647" s="2">
        <v>17053.0</v>
      </c>
      <c r="C20647" s="1" t="s">
        <v>5</v>
      </c>
      <c r="D20647" s="1" t="s">
        <v>17513</v>
      </c>
      <c r="E20647" s="1" t="s">
        <v>7</v>
      </c>
    </row>
    <row r="20648">
      <c r="A20648" s="1">
        <v>4.9080946E8</v>
      </c>
      <c r="B20648" s="2">
        <v>17048.0</v>
      </c>
      <c r="C20648" s="1" t="s">
        <v>5</v>
      </c>
      <c r="D20648" s="1" t="s">
        <v>17514</v>
      </c>
      <c r="E20648" s="1" t="s">
        <v>7</v>
      </c>
    </row>
    <row r="20649">
      <c r="A20649" s="1">
        <v>4.908095E8</v>
      </c>
      <c r="B20649" s="2">
        <v>17104.0</v>
      </c>
      <c r="C20649" s="1" t="s">
        <v>5</v>
      </c>
      <c r="D20649" s="1" t="s">
        <v>11</v>
      </c>
      <c r="E20649" s="1" t="s">
        <v>7</v>
      </c>
    </row>
    <row r="20650">
      <c r="A20650" s="1">
        <v>4.90809516E8</v>
      </c>
      <c r="B20650" s="2">
        <v>17123.0</v>
      </c>
      <c r="C20650" s="1" t="s">
        <v>5</v>
      </c>
      <c r="D20650" s="1" t="s">
        <v>17515</v>
      </c>
      <c r="E20650" s="1" t="s">
        <v>11</v>
      </c>
    </row>
    <row r="20651">
      <c r="A20651" s="1">
        <v>4.90809517E8</v>
      </c>
      <c r="B20651" s="2">
        <v>17104.0</v>
      </c>
      <c r="C20651" s="1" t="s">
        <v>5</v>
      </c>
      <c r="D20651" s="1" t="s">
        <v>11</v>
      </c>
      <c r="E20651" s="1" t="s">
        <v>7</v>
      </c>
    </row>
    <row r="20652">
      <c r="A20652" s="1">
        <v>4.90809539E8</v>
      </c>
      <c r="B20652" s="2">
        <v>17125.0</v>
      </c>
      <c r="C20652" s="1" t="s">
        <v>5</v>
      </c>
      <c r="D20652" s="1" t="s">
        <v>11</v>
      </c>
      <c r="E20652" s="1" t="s">
        <v>7</v>
      </c>
    </row>
    <row r="20653">
      <c r="A20653" s="1">
        <v>4.90809562E8</v>
      </c>
      <c r="B20653" s="2">
        <v>17046.0</v>
      </c>
      <c r="C20653" s="1" t="s">
        <v>5</v>
      </c>
      <c r="D20653" s="1" t="s">
        <v>17516</v>
      </c>
      <c r="E20653" s="1" t="s">
        <v>7</v>
      </c>
    </row>
    <row r="20654">
      <c r="A20654" s="1">
        <v>4.90809643E8</v>
      </c>
      <c r="B20654" s="2">
        <v>17052.0</v>
      </c>
      <c r="C20654" s="1" t="s">
        <v>5</v>
      </c>
      <c r="D20654" s="1" t="s">
        <v>17517</v>
      </c>
      <c r="E20654" s="1" t="s">
        <v>11</v>
      </c>
    </row>
    <row r="20655">
      <c r="A20655" s="1">
        <v>4.90809744E8</v>
      </c>
      <c r="B20655" s="2">
        <v>17050.0</v>
      </c>
      <c r="C20655" s="1" t="s">
        <v>5</v>
      </c>
      <c r="D20655" s="1" t="s">
        <v>17518</v>
      </c>
      <c r="E20655" s="1" t="s">
        <v>7</v>
      </c>
    </row>
    <row r="20656">
      <c r="A20656" s="1">
        <v>4.90809768E8</v>
      </c>
      <c r="B20656" s="2">
        <v>17111.0</v>
      </c>
      <c r="C20656" s="1" t="s">
        <v>5</v>
      </c>
      <c r="D20656" s="1" t="s">
        <v>17519</v>
      </c>
      <c r="E20656" s="1" t="s">
        <v>7</v>
      </c>
    </row>
    <row r="20657">
      <c r="A20657" s="1">
        <v>4.90809769E8</v>
      </c>
      <c r="B20657" s="2">
        <v>17050.0</v>
      </c>
      <c r="C20657" s="1" t="s">
        <v>5</v>
      </c>
      <c r="D20657" s="1" t="s">
        <v>11</v>
      </c>
      <c r="E20657" s="1" t="s">
        <v>7</v>
      </c>
    </row>
    <row r="20658">
      <c r="A20658" s="1">
        <v>4.90809794E8</v>
      </c>
      <c r="B20658" s="2">
        <v>17050.0</v>
      </c>
      <c r="C20658" s="1" t="s">
        <v>5</v>
      </c>
      <c r="D20658" s="1" t="s">
        <v>17520</v>
      </c>
      <c r="E20658" s="1" t="s">
        <v>11</v>
      </c>
    </row>
    <row r="20659">
      <c r="A20659" s="1">
        <v>4.90809877E8</v>
      </c>
      <c r="B20659" s="2">
        <v>17106.0</v>
      </c>
      <c r="C20659" s="1" t="s">
        <v>5</v>
      </c>
      <c r="D20659" s="1" t="s">
        <v>11</v>
      </c>
      <c r="E20659" s="1" t="s">
        <v>7</v>
      </c>
    </row>
    <row r="20660">
      <c r="A20660" s="1">
        <v>4.90809918E8</v>
      </c>
      <c r="B20660" s="2">
        <v>17119.0</v>
      </c>
      <c r="C20660" s="1" t="s">
        <v>5</v>
      </c>
      <c r="D20660" s="1" t="s">
        <v>17521</v>
      </c>
      <c r="E20660" s="1" t="s">
        <v>7</v>
      </c>
    </row>
    <row r="20661">
      <c r="A20661" s="1">
        <v>4.90809919E8</v>
      </c>
      <c r="B20661" s="2">
        <v>17050.0</v>
      </c>
      <c r="C20661" s="1" t="s">
        <v>5</v>
      </c>
      <c r="D20661" s="1" t="s">
        <v>17522</v>
      </c>
      <c r="E20661" s="1" t="s">
        <v>7</v>
      </c>
    </row>
    <row r="20662">
      <c r="A20662" s="1">
        <v>4.90809928E8</v>
      </c>
      <c r="B20662" s="2">
        <v>17143.0</v>
      </c>
      <c r="C20662" s="1" t="s">
        <v>5</v>
      </c>
      <c r="D20662" s="1" t="s">
        <v>17523</v>
      </c>
      <c r="E20662" s="1" t="s">
        <v>11</v>
      </c>
    </row>
    <row r="20663">
      <c r="A20663" s="1">
        <v>4.90809969E8</v>
      </c>
      <c r="B20663" s="2">
        <v>17120.0</v>
      </c>
      <c r="C20663" s="1" t="s">
        <v>5</v>
      </c>
      <c r="D20663" s="1" t="s">
        <v>17524</v>
      </c>
      <c r="E20663" s="1" t="s">
        <v>7</v>
      </c>
    </row>
    <row r="20664">
      <c r="A20664" s="1">
        <v>4.90810014E8</v>
      </c>
      <c r="B20664" s="2">
        <v>17118.0</v>
      </c>
      <c r="C20664" s="1" t="s">
        <v>5</v>
      </c>
      <c r="D20664" s="1" t="s">
        <v>11</v>
      </c>
      <c r="E20664" s="1" t="s">
        <v>7</v>
      </c>
    </row>
    <row r="20665">
      <c r="A20665" s="1">
        <v>4.90810026E8</v>
      </c>
      <c r="B20665" s="2">
        <v>17119.0</v>
      </c>
      <c r="C20665" s="1" t="s">
        <v>5</v>
      </c>
      <c r="D20665" s="1" t="s">
        <v>17525</v>
      </c>
      <c r="E20665" s="1" t="s">
        <v>17526</v>
      </c>
    </row>
    <row r="20666">
      <c r="A20666" s="1">
        <v>4.90810059E8</v>
      </c>
      <c r="B20666" s="2">
        <v>17116.0</v>
      </c>
      <c r="C20666" s="1" t="s">
        <v>5</v>
      </c>
      <c r="D20666" s="1" t="s">
        <v>17527</v>
      </c>
      <c r="E20666" s="1" t="s">
        <v>17528</v>
      </c>
    </row>
    <row r="20667">
      <c r="A20667" s="1">
        <v>4.90810062E8</v>
      </c>
      <c r="B20667" s="2">
        <v>17112.0</v>
      </c>
      <c r="C20667" s="1" t="s">
        <v>5</v>
      </c>
      <c r="D20667" s="1" t="s">
        <v>11</v>
      </c>
      <c r="E20667" s="1" t="s">
        <v>7</v>
      </c>
    </row>
    <row r="20668">
      <c r="A20668" s="1">
        <v>4.90810067E8</v>
      </c>
      <c r="B20668" s="2">
        <v>17048.0</v>
      </c>
      <c r="C20668" s="1" t="s">
        <v>5</v>
      </c>
      <c r="D20668" s="1" t="s">
        <v>17529</v>
      </c>
      <c r="E20668" s="1" t="s">
        <v>7</v>
      </c>
    </row>
    <row r="20669">
      <c r="A20669" s="1">
        <v>4.90810089E8</v>
      </c>
      <c r="B20669" s="2">
        <v>17144.0</v>
      </c>
      <c r="C20669" s="1" t="s">
        <v>5</v>
      </c>
      <c r="D20669" s="1" t="s">
        <v>17530</v>
      </c>
      <c r="E20669" s="1" t="s">
        <v>7</v>
      </c>
    </row>
    <row r="20670">
      <c r="A20670" s="1">
        <v>4.90810161E8</v>
      </c>
      <c r="B20670" s="2">
        <v>17102.0</v>
      </c>
      <c r="C20670" s="1" t="s">
        <v>5</v>
      </c>
      <c r="D20670" s="1" t="s">
        <v>17531</v>
      </c>
      <c r="E20670" s="1" t="s">
        <v>7</v>
      </c>
    </row>
    <row r="20671">
      <c r="A20671" s="1">
        <v>4.90810224E8</v>
      </c>
      <c r="B20671" s="2">
        <v>17102.0</v>
      </c>
      <c r="C20671" s="1" t="s">
        <v>5</v>
      </c>
      <c r="D20671" s="1" t="s">
        <v>17532</v>
      </c>
      <c r="E20671" s="1" t="s">
        <v>7</v>
      </c>
    </row>
    <row r="20672">
      <c r="A20672" s="1">
        <v>4.90810361E8</v>
      </c>
      <c r="B20672" s="2">
        <v>17113.0</v>
      </c>
      <c r="C20672" s="1" t="s">
        <v>5</v>
      </c>
      <c r="D20672" s="1" t="s">
        <v>11</v>
      </c>
      <c r="E20672" s="1" t="s">
        <v>7</v>
      </c>
    </row>
    <row r="20673">
      <c r="A20673" s="1">
        <v>4.90810368E8</v>
      </c>
      <c r="B20673" s="2">
        <v>17046.0</v>
      </c>
      <c r="C20673" s="1" t="s">
        <v>5</v>
      </c>
      <c r="D20673" s="1" t="s">
        <v>11</v>
      </c>
      <c r="E20673" s="1" t="s">
        <v>7</v>
      </c>
    </row>
    <row r="20674">
      <c r="A20674" s="1">
        <v>4.90810441E8</v>
      </c>
      <c r="B20674" s="2">
        <v>17108.0</v>
      </c>
      <c r="C20674" s="1" t="s">
        <v>5</v>
      </c>
      <c r="D20674" s="1" t="s">
        <v>17533</v>
      </c>
      <c r="E20674" s="1" t="s">
        <v>11</v>
      </c>
    </row>
    <row r="20675">
      <c r="A20675" s="1">
        <v>4.90810454E8</v>
      </c>
      <c r="B20675" s="2">
        <v>17197.0</v>
      </c>
      <c r="C20675" s="1" t="s">
        <v>5</v>
      </c>
      <c r="D20675" s="1" t="s">
        <v>17534</v>
      </c>
      <c r="E20675" s="1" t="s">
        <v>7</v>
      </c>
    </row>
    <row r="20676">
      <c r="A20676" s="1">
        <v>4.90810523E8</v>
      </c>
      <c r="B20676" s="2">
        <v>17108.0</v>
      </c>
      <c r="C20676" s="1" t="s">
        <v>5</v>
      </c>
      <c r="D20676" s="1" t="s">
        <v>11</v>
      </c>
      <c r="E20676" s="1" t="s">
        <v>7</v>
      </c>
    </row>
    <row r="20677">
      <c r="A20677" s="1">
        <v>4.90810553E8</v>
      </c>
      <c r="B20677" s="2">
        <v>17175.0</v>
      </c>
      <c r="C20677" s="1" t="s">
        <v>5</v>
      </c>
      <c r="D20677" s="1" t="s">
        <v>17535</v>
      </c>
      <c r="E20677" s="1" t="s">
        <v>17536</v>
      </c>
    </row>
    <row r="20678">
      <c r="A20678" s="1">
        <v>4.90810563E8</v>
      </c>
      <c r="B20678" s="2">
        <v>17161.0</v>
      </c>
      <c r="C20678" s="1" t="s">
        <v>5</v>
      </c>
      <c r="D20678" s="1" t="s">
        <v>17537</v>
      </c>
      <c r="E20678" s="1" t="s">
        <v>7</v>
      </c>
    </row>
    <row r="20679">
      <c r="A20679" s="1">
        <v>4.90810574E8</v>
      </c>
      <c r="B20679" s="2">
        <v>17076.0</v>
      </c>
      <c r="C20679" s="1" t="s">
        <v>5</v>
      </c>
      <c r="D20679" s="1" t="s">
        <v>17538</v>
      </c>
      <c r="E20679" s="1" t="s">
        <v>17539</v>
      </c>
    </row>
    <row r="20680">
      <c r="A20680" s="1">
        <v>4.90810603E8</v>
      </c>
      <c r="B20680" s="2">
        <v>17108.0</v>
      </c>
      <c r="C20680" s="1" t="s">
        <v>5</v>
      </c>
      <c r="D20680" s="1" t="s">
        <v>17540</v>
      </c>
      <c r="E20680" s="1" t="s">
        <v>17541</v>
      </c>
    </row>
    <row r="20681">
      <c r="A20681" s="1">
        <v>4.90810646E8</v>
      </c>
      <c r="B20681" s="2">
        <v>17104.0</v>
      </c>
      <c r="C20681" s="1" t="s">
        <v>5</v>
      </c>
      <c r="D20681" s="1" t="s">
        <v>17542</v>
      </c>
      <c r="E20681" s="1" t="s">
        <v>7</v>
      </c>
    </row>
    <row r="20682">
      <c r="A20682" s="1">
        <v>4.9081066E8</v>
      </c>
      <c r="B20682" s="2">
        <v>17120.0</v>
      </c>
      <c r="C20682" s="1" t="s">
        <v>5</v>
      </c>
      <c r="D20682" s="1" t="s">
        <v>11</v>
      </c>
      <c r="E20682" s="1" t="s">
        <v>7</v>
      </c>
    </row>
    <row r="20683">
      <c r="A20683" s="1">
        <v>4.90810731E8</v>
      </c>
      <c r="B20683" s="2">
        <v>17104.0</v>
      </c>
      <c r="C20683" s="1" t="s">
        <v>5</v>
      </c>
      <c r="D20683" s="1" t="s">
        <v>17543</v>
      </c>
      <c r="E20683" s="1" t="s">
        <v>7</v>
      </c>
    </row>
    <row r="20684">
      <c r="A20684" s="1">
        <v>4.90810766E8</v>
      </c>
      <c r="B20684" s="2">
        <v>17101.0</v>
      </c>
      <c r="C20684" s="1" t="s">
        <v>5</v>
      </c>
      <c r="D20684" s="1" t="s">
        <v>11</v>
      </c>
      <c r="E20684" s="1" t="s">
        <v>7</v>
      </c>
    </row>
    <row r="20685">
      <c r="A20685" s="1">
        <v>4.90810784E8</v>
      </c>
      <c r="B20685" s="2">
        <v>17106.0</v>
      </c>
      <c r="C20685" s="1" t="s">
        <v>5</v>
      </c>
      <c r="D20685" s="1" t="s">
        <v>11</v>
      </c>
      <c r="E20685" s="1" t="s">
        <v>7</v>
      </c>
    </row>
    <row r="20686">
      <c r="A20686" s="1">
        <v>4.90810796E8</v>
      </c>
      <c r="B20686" s="2">
        <v>17119.0</v>
      </c>
      <c r="C20686" s="1" t="s">
        <v>5</v>
      </c>
      <c r="D20686" s="1" t="s">
        <v>17544</v>
      </c>
      <c r="E20686" s="1" t="s">
        <v>7</v>
      </c>
    </row>
    <row r="20687">
      <c r="A20687" s="1">
        <v>4.90810889E8</v>
      </c>
      <c r="B20687" s="2">
        <v>17165.0</v>
      </c>
      <c r="C20687" s="1" t="s">
        <v>5</v>
      </c>
      <c r="D20687" s="1" t="s">
        <v>11</v>
      </c>
      <c r="E20687" s="1" t="s">
        <v>7</v>
      </c>
    </row>
    <row r="20688">
      <c r="A20688" s="1">
        <v>4.90810893E8</v>
      </c>
      <c r="B20688" s="2">
        <v>17161.0</v>
      </c>
      <c r="C20688" s="1" t="s">
        <v>5</v>
      </c>
      <c r="D20688" s="1" t="s">
        <v>17545</v>
      </c>
      <c r="E20688" s="1" t="s">
        <v>7</v>
      </c>
    </row>
    <row r="20689">
      <c r="A20689" s="1">
        <v>4.90810911E8</v>
      </c>
      <c r="B20689" s="2">
        <v>17198.0</v>
      </c>
      <c r="C20689" s="1" t="s">
        <v>5</v>
      </c>
      <c r="D20689" s="1" t="s">
        <v>17546</v>
      </c>
      <c r="E20689" s="1" t="s">
        <v>7</v>
      </c>
    </row>
    <row r="20690">
      <c r="A20690" s="1">
        <v>4.90810923E8</v>
      </c>
      <c r="B20690" s="2">
        <v>17102.0</v>
      </c>
      <c r="C20690" s="1" t="s">
        <v>5</v>
      </c>
      <c r="D20690" s="1" t="s">
        <v>17547</v>
      </c>
      <c r="E20690" s="1" t="s">
        <v>11</v>
      </c>
    </row>
    <row r="20691">
      <c r="A20691" s="1">
        <v>4.90810942E8</v>
      </c>
      <c r="B20691" s="2">
        <v>17158.0</v>
      </c>
      <c r="C20691" s="1" t="s">
        <v>5</v>
      </c>
      <c r="D20691" s="1" t="s">
        <v>17548</v>
      </c>
      <c r="E20691" s="1" t="s">
        <v>7</v>
      </c>
    </row>
    <row r="20692">
      <c r="A20692" s="1">
        <v>4.90810975E8</v>
      </c>
      <c r="B20692" s="2">
        <v>17214.0</v>
      </c>
      <c r="C20692" s="1" t="s">
        <v>5</v>
      </c>
      <c r="D20692" s="1" t="s">
        <v>11</v>
      </c>
      <c r="E20692" s="1" t="s">
        <v>7</v>
      </c>
    </row>
    <row r="20693">
      <c r="A20693" s="1">
        <v>4.90811003E8</v>
      </c>
      <c r="B20693" s="2">
        <v>17214.0</v>
      </c>
      <c r="C20693" s="1" t="s">
        <v>5</v>
      </c>
      <c r="D20693" s="1" t="s">
        <v>11</v>
      </c>
      <c r="E20693" s="1" t="s">
        <v>7</v>
      </c>
    </row>
    <row r="20694">
      <c r="A20694" s="1">
        <v>4.90811088E8</v>
      </c>
      <c r="B20694" s="2">
        <v>17163.0</v>
      </c>
      <c r="C20694" s="1" t="s">
        <v>5</v>
      </c>
      <c r="D20694" s="1" t="s">
        <v>17549</v>
      </c>
      <c r="E20694" s="1" t="s">
        <v>17550</v>
      </c>
    </row>
    <row r="20695">
      <c r="A20695" s="1">
        <v>4.90811276E8</v>
      </c>
      <c r="B20695" s="2">
        <v>17167.0</v>
      </c>
      <c r="C20695" s="1" t="s">
        <v>5</v>
      </c>
      <c r="D20695" s="1" t="s">
        <v>11</v>
      </c>
      <c r="E20695" s="1" t="s">
        <v>7</v>
      </c>
    </row>
    <row r="20696">
      <c r="A20696" s="1">
        <v>4.90811281E8</v>
      </c>
      <c r="B20696" s="2">
        <v>17207.0</v>
      </c>
      <c r="C20696" s="1" t="s">
        <v>5</v>
      </c>
      <c r="D20696" s="1" t="s">
        <v>17551</v>
      </c>
      <c r="E20696" s="1" t="s">
        <v>7</v>
      </c>
    </row>
    <row r="20697">
      <c r="A20697" s="1">
        <v>4.90811283E8</v>
      </c>
      <c r="B20697" s="2">
        <v>17113.0</v>
      </c>
      <c r="C20697" s="1" t="s">
        <v>5</v>
      </c>
      <c r="D20697" s="1" t="s">
        <v>11</v>
      </c>
      <c r="E20697" s="1" t="s">
        <v>7</v>
      </c>
    </row>
    <row r="20698">
      <c r="A20698" s="1">
        <v>4.90811525E8</v>
      </c>
      <c r="B20698" s="2">
        <v>17165.0</v>
      </c>
      <c r="C20698" s="1" t="s">
        <v>5</v>
      </c>
      <c r="D20698" s="1" t="s">
        <v>17552</v>
      </c>
      <c r="E20698" s="1" t="s">
        <v>7</v>
      </c>
    </row>
    <row r="20699">
      <c r="A20699" s="1">
        <v>4.90811528E8</v>
      </c>
      <c r="B20699" s="2">
        <v>17157.0</v>
      </c>
      <c r="C20699" s="1" t="s">
        <v>5</v>
      </c>
      <c r="D20699" s="1" t="s">
        <v>17553</v>
      </c>
      <c r="E20699" s="1" t="s">
        <v>11</v>
      </c>
    </row>
    <row r="20700">
      <c r="A20700" s="1">
        <v>4.90811574E8</v>
      </c>
      <c r="B20700" s="2">
        <v>17204.0</v>
      </c>
      <c r="C20700" s="1" t="s">
        <v>5</v>
      </c>
      <c r="D20700" s="1" t="s">
        <v>11</v>
      </c>
      <c r="E20700" s="1" t="s">
        <v>7</v>
      </c>
    </row>
    <row r="20701">
      <c r="A20701" s="1">
        <v>4.90811594E8</v>
      </c>
      <c r="B20701" s="2">
        <v>17162.0</v>
      </c>
      <c r="C20701" s="1" t="s">
        <v>5</v>
      </c>
      <c r="D20701" s="1" t="s">
        <v>17554</v>
      </c>
      <c r="E20701" s="1" t="s">
        <v>11</v>
      </c>
    </row>
    <row r="20702">
      <c r="A20702" s="1">
        <v>4.90811686E8</v>
      </c>
      <c r="B20702" s="2">
        <v>17161.0</v>
      </c>
      <c r="C20702" s="1" t="s">
        <v>5</v>
      </c>
      <c r="D20702" s="1" t="s">
        <v>17555</v>
      </c>
      <c r="E20702" s="1" t="s">
        <v>11</v>
      </c>
    </row>
    <row r="20703">
      <c r="A20703" s="1">
        <v>4.90811726E8</v>
      </c>
      <c r="B20703" s="2">
        <v>17193.0</v>
      </c>
      <c r="C20703" s="1" t="s">
        <v>5</v>
      </c>
      <c r="D20703" s="1" t="s">
        <v>11</v>
      </c>
      <c r="E20703" s="1" t="s">
        <v>7</v>
      </c>
    </row>
    <row r="20704">
      <c r="A20704" s="1">
        <v>4.90811729E8</v>
      </c>
      <c r="B20704" s="2">
        <v>17102.0</v>
      </c>
      <c r="C20704" s="1" t="s">
        <v>5</v>
      </c>
      <c r="D20704" s="1" t="s">
        <v>17556</v>
      </c>
      <c r="E20704" s="1" t="s">
        <v>7</v>
      </c>
    </row>
    <row r="20705">
      <c r="A20705" s="1">
        <v>4.90811733E8</v>
      </c>
      <c r="B20705" s="2">
        <v>17155.0</v>
      </c>
      <c r="C20705" s="1" t="s">
        <v>5</v>
      </c>
      <c r="D20705" s="1" t="s">
        <v>17557</v>
      </c>
      <c r="E20705" s="1" t="s">
        <v>7</v>
      </c>
    </row>
    <row r="20706">
      <c r="A20706" s="1">
        <v>4.9081178E8</v>
      </c>
      <c r="B20706" s="2">
        <v>17095.0</v>
      </c>
      <c r="C20706" s="1" t="s">
        <v>5</v>
      </c>
      <c r="D20706" s="1" t="s">
        <v>11</v>
      </c>
      <c r="E20706" s="1" t="s">
        <v>7</v>
      </c>
    </row>
    <row r="20707">
      <c r="A20707" s="1">
        <v>4.90811792E8</v>
      </c>
      <c r="B20707" s="2">
        <v>17161.0</v>
      </c>
      <c r="C20707" s="1" t="s">
        <v>5</v>
      </c>
      <c r="D20707" s="1" t="s">
        <v>17558</v>
      </c>
      <c r="E20707" s="1" t="s">
        <v>7</v>
      </c>
    </row>
    <row r="20708">
      <c r="A20708" s="1">
        <v>4.90811816E8</v>
      </c>
      <c r="B20708" s="2">
        <v>17200.0</v>
      </c>
      <c r="C20708" s="1" t="s">
        <v>5</v>
      </c>
      <c r="D20708" s="1" t="s">
        <v>17559</v>
      </c>
      <c r="E20708" s="1" t="s">
        <v>7</v>
      </c>
    </row>
    <row r="20709">
      <c r="A20709" s="1">
        <v>4.90811817E8</v>
      </c>
      <c r="B20709" s="2">
        <v>17203.0</v>
      </c>
      <c r="C20709" s="1" t="s">
        <v>5</v>
      </c>
      <c r="D20709" s="1" t="s">
        <v>17560</v>
      </c>
      <c r="E20709" s="1" t="s">
        <v>11</v>
      </c>
    </row>
    <row r="20710">
      <c r="A20710" s="1">
        <v>4.90811859E8</v>
      </c>
      <c r="B20710" s="2">
        <v>17108.0</v>
      </c>
      <c r="C20710" s="1" t="s">
        <v>5</v>
      </c>
      <c r="D20710" s="1" t="s">
        <v>17561</v>
      </c>
      <c r="E20710" s="1" t="s">
        <v>17562</v>
      </c>
    </row>
    <row r="20711">
      <c r="A20711" s="1">
        <v>4.908119E8</v>
      </c>
      <c r="B20711" s="2">
        <v>17143.0</v>
      </c>
      <c r="C20711" s="1" t="s">
        <v>5</v>
      </c>
      <c r="D20711" s="1" t="s">
        <v>11</v>
      </c>
      <c r="E20711" s="1" t="s">
        <v>7</v>
      </c>
    </row>
    <row r="20712">
      <c r="A20712" s="1">
        <v>4.90811977E8</v>
      </c>
      <c r="B20712" s="2">
        <v>17199.0</v>
      </c>
      <c r="C20712" s="1" t="s">
        <v>5</v>
      </c>
      <c r="D20712" s="1" t="s">
        <v>11</v>
      </c>
      <c r="E20712" s="1" t="s">
        <v>7</v>
      </c>
    </row>
    <row r="20713">
      <c r="A20713" s="1">
        <v>4.90812003E8</v>
      </c>
      <c r="B20713" s="2">
        <v>17199.0</v>
      </c>
      <c r="C20713" s="1" t="s">
        <v>5</v>
      </c>
      <c r="D20713" s="1" t="s">
        <v>11</v>
      </c>
      <c r="E20713" s="1" t="s">
        <v>7</v>
      </c>
    </row>
    <row r="20714">
      <c r="A20714" s="1">
        <v>4.90812007E8</v>
      </c>
      <c r="B20714" s="2">
        <v>17101.0</v>
      </c>
      <c r="C20714" s="1" t="s">
        <v>5</v>
      </c>
      <c r="D20714" s="1" t="s">
        <v>17563</v>
      </c>
      <c r="E20714" s="1" t="s">
        <v>7</v>
      </c>
    </row>
    <row r="20715">
      <c r="A20715" s="1">
        <v>4.90812018E8</v>
      </c>
      <c r="B20715" s="2">
        <v>17158.0</v>
      </c>
      <c r="C20715" s="1" t="s">
        <v>5</v>
      </c>
      <c r="D20715" s="1" t="s">
        <v>11</v>
      </c>
      <c r="E20715" s="1" t="s">
        <v>7</v>
      </c>
    </row>
    <row r="20716">
      <c r="A20716" s="1">
        <v>4.90812045E8</v>
      </c>
      <c r="B20716" s="2">
        <v>17142.0</v>
      </c>
      <c r="C20716" s="1" t="s">
        <v>5</v>
      </c>
      <c r="D20716" s="1" t="s">
        <v>17564</v>
      </c>
      <c r="E20716" s="1" t="s">
        <v>7</v>
      </c>
    </row>
    <row r="20717">
      <c r="A20717" s="1">
        <v>4.90812062E8</v>
      </c>
      <c r="B20717" s="2">
        <v>17199.0</v>
      </c>
      <c r="C20717" s="1" t="s">
        <v>5</v>
      </c>
      <c r="D20717" s="1" t="s">
        <v>11</v>
      </c>
      <c r="E20717" s="1" t="s">
        <v>7</v>
      </c>
    </row>
    <row r="20718">
      <c r="A20718" s="1">
        <v>4.90812128E8</v>
      </c>
      <c r="B20718" s="2">
        <v>17090.0</v>
      </c>
      <c r="C20718" s="1" t="s">
        <v>5</v>
      </c>
      <c r="D20718" s="1" t="s">
        <v>17565</v>
      </c>
      <c r="E20718" s="1" t="s">
        <v>17566</v>
      </c>
    </row>
    <row r="20719">
      <c r="A20719" s="1">
        <v>4.90812183E8</v>
      </c>
      <c r="B20719" s="2">
        <v>17199.0</v>
      </c>
      <c r="C20719" s="1" t="s">
        <v>5</v>
      </c>
      <c r="D20719" s="1" t="s">
        <v>17567</v>
      </c>
      <c r="E20719" s="1" t="s">
        <v>7</v>
      </c>
    </row>
    <row r="20720">
      <c r="A20720" s="1">
        <v>4.9081222E8</v>
      </c>
      <c r="B20720" s="2">
        <v>17086.0</v>
      </c>
      <c r="C20720" s="1" t="s">
        <v>5</v>
      </c>
      <c r="D20720" s="1" t="s">
        <v>17568</v>
      </c>
      <c r="E20720" s="1" t="s">
        <v>7</v>
      </c>
    </row>
    <row r="20721">
      <c r="A20721" s="1">
        <v>4.90812225E8</v>
      </c>
      <c r="B20721" s="2">
        <v>17146.0</v>
      </c>
      <c r="C20721" s="1" t="s">
        <v>5</v>
      </c>
      <c r="D20721" s="1" t="s">
        <v>17569</v>
      </c>
      <c r="E20721" s="1" t="s">
        <v>11</v>
      </c>
    </row>
    <row r="20722">
      <c r="A20722" s="1">
        <v>4.908123E8</v>
      </c>
      <c r="B20722" s="2">
        <v>17167.0</v>
      </c>
      <c r="C20722" s="1" t="s">
        <v>5</v>
      </c>
      <c r="D20722" s="1" t="s">
        <v>11</v>
      </c>
      <c r="E20722" s="1" t="s">
        <v>7</v>
      </c>
    </row>
    <row r="20723">
      <c r="A20723" s="1">
        <v>4.90812323E8</v>
      </c>
      <c r="B20723" s="2">
        <v>17161.0</v>
      </c>
      <c r="C20723" s="1" t="s">
        <v>5</v>
      </c>
      <c r="D20723" s="1" t="s">
        <v>17570</v>
      </c>
      <c r="E20723" s="1" t="s">
        <v>17571</v>
      </c>
    </row>
    <row r="20724">
      <c r="A20724" s="1">
        <v>4.90812331E8</v>
      </c>
      <c r="B20724" s="2">
        <v>17230.0</v>
      </c>
      <c r="C20724" s="1" t="s">
        <v>5</v>
      </c>
      <c r="D20724" s="1" t="s">
        <v>17572</v>
      </c>
      <c r="E20724" s="1" t="s">
        <v>17573</v>
      </c>
    </row>
    <row r="20725">
      <c r="A20725" s="1">
        <v>4.90812375E8</v>
      </c>
      <c r="B20725" s="2">
        <v>17167.0</v>
      </c>
      <c r="C20725" s="1" t="s">
        <v>5</v>
      </c>
      <c r="D20725" s="1" t="s">
        <v>17574</v>
      </c>
      <c r="E20725" s="1" t="s">
        <v>7</v>
      </c>
    </row>
    <row r="20726">
      <c r="A20726" s="1">
        <v>4.90812394E8</v>
      </c>
      <c r="B20726" s="2">
        <v>17230.0</v>
      </c>
      <c r="C20726" s="1" t="s">
        <v>5</v>
      </c>
      <c r="D20726" s="1" t="s">
        <v>17575</v>
      </c>
      <c r="E20726" s="1" t="s">
        <v>7</v>
      </c>
    </row>
    <row r="20727">
      <c r="A20727" s="1">
        <v>4.90812408E8</v>
      </c>
      <c r="B20727" s="2">
        <v>17161.0</v>
      </c>
      <c r="C20727" s="1" t="s">
        <v>5</v>
      </c>
      <c r="D20727" s="1" t="s">
        <v>11</v>
      </c>
      <c r="E20727" s="1" t="s">
        <v>7</v>
      </c>
    </row>
    <row r="20728">
      <c r="A20728" s="1">
        <v>4.90812416E8</v>
      </c>
      <c r="B20728" s="2">
        <v>17252.0</v>
      </c>
      <c r="C20728" s="1" t="s">
        <v>5</v>
      </c>
      <c r="D20728" s="1" t="s">
        <v>11</v>
      </c>
      <c r="E20728" s="1" t="s">
        <v>7</v>
      </c>
    </row>
    <row r="20729">
      <c r="A20729" s="1">
        <v>4.90812422E8</v>
      </c>
      <c r="B20729" s="2">
        <v>17160.0</v>
      </c>
      <c r="C20729" s="1" t="s">
        <v>5</v>
      </c>
      <c r="D20729" s="1" t="s">
        <v>17576</v>
      </c>
      <c r="E20729" s="1" t="s">
        <v>7</v>
      </c>
    </row>
    <row r="20730">
      <c r="A20730" s="1">
        <v>4.90812427E8</v>
      </c>
      <c r="B20730" s="2">
        <v>17230.0</v>
      </c>
      <c r="C20730" s="1" t="s">
        <v>5</v>
      </c>
      <c r="D20730" s="1" t="s">
        <v>11</v>
      </c>
      <c r="E20730" s="1" t="s">
        <v>7</v>
      </c>
    </row>
    <row r="20731">
      <c r="A20731" s="1">
        <v>4.90812446E8</v>
      </c>
      <c r="B20731" s="2">
        <v>17161.0</v>
      </c>
      <c r="C20731" s="1" t="s">
        <v>5</v>
      </c>
      <c r="D20731" s="1" t="s">
        <v>17577</v>
      </c>
      <c r="E20731" s="1" t="s">
        <v>11</v>
      </c>
    </row>
    <row r="20732">
      <c r="A20732" s="1">
        <v>4.90812447E8</v>
      </c>
      <c r="B20732" s="2">
        <v>17087.0</v>
      </c>
      <c r="C20732" s="1" t="s">
        <v>5</v>
      </c>
      <c r="D20732" s="1" t="s">
        <v>17578</v>
      </c>
      <c r="E20732" s="1" t="s">
        <v>7</v>
      </c>
    </row>
    <row r="20733">
      <c r="A20733" s="1">
        <v>4.90812463E8</v>
      </c>
      <c r="B20733" s="2">
        <v>17230.0</v>
      </c>
      <c r="C20733" s="1" t="s">
        <v>5</v>
      </c>
      <c r="D20733" s="1" t="s">
        <v>17579</v>
      </c>
      <c r="E20733" s="1" t="s">
        <v>11</v>
      </c>
    </row>
    <row r="20734">
      <c r="A20734" s="1">
        <v>4.90812513E8</v>
      </c>
      <c r="B20734" s="2">
        <v>17141.0</v>
      </c>
      <c r="C20734" s="1" t="s">
        <v>5</v>
      </c>
      <c r="D20734" s="1" t="s">
        <v>17580</v>
      </c>
      <c r="E20734" s="1" t="s">
        <v>17581</v>
      </c>
    </row>
    <row r="20735">
      <c r="A20735" s="1">
        <v>4.90812616E8</v>
      </c>
      <c r="B20735" s="2">
        <v>17241.0</v>
      </c>
      <c r="C20735" s="1" t="s">
        <v>5</v>
      </c>
      <c r="D20735" s="1" t="s">
        <v>11</v>
      </c>
      <c r="E20735" s="1" t="s">
        <v>7</v>
      </c>
    </row>
    <row r="20736">
      <c r="A20736" s="1">
        <v>4.90812753E8</v>
      </c>
      <c r="B20736" s="2">
        <v>17160.0</v>
      </c>
      <c r="C20736" s="1" t="s">
        <v>5</v>
      </c>
      <c r="D20736" s="1" t="s">
        <v>17582</v>
      </c>
      <c r="E20736" s="1" t="s">
        <v>7</v>
      </c>
    </row>
    <row r="20737">
      <c r="A20737" s="1">
        <v>4.9081276E8</v>
      </c>
      <c r="B20737" s="2">
        <v>17088.0</v>
      </c>
      <c r="C20737" s="1" t="s">
        <v>5</v>
      </c>
      <c r="D20737" s="1" t="s">
        <v>11</v>
      </c>
      <c r="E20737" s="1" t="s">
        <v>7</v>
      </c>
    </row>
    <row r="20738">
      <c r="A20738" s="1">
        <v>4.90812823E8</v>
      </c>
      <c r="B20738" s="2">
        <v>17146.0</v>
      </c>
      <c r="C20738" s="1" t="s">
        <v>5</v>
      </c>
      <c r="D20738" s="1" t="s">
        <v>17583</v>
      </c>
      <c r="E20738" s="1" t="s">
        <v>7</v>
      </c>
    </row>
    <row r="20739">
      <c r="A20739" s="1">
        <v>4.90812838E8</v>
      </c>
      <c r="B20739" s="2">
        <v>17158.0</v>
      </c>
      <c r="C20739" s="1" t="s">
        <v>5</v>
      </c>
      <c r="D20739" s="1" t="s">
        <v>11</v>
      </c>
      <c r="E20739" s="1" t="s">
        <v>7</v>
      </c>
    </row>
    <row r="20740">
      <c r="A20740" s="1">
        <v>4.90812917E8</v>
      </c>
      <c r="B20740" s="2">
        <v>17197.0</v>
      </c>
      <c r="C20740" s="1" t="s">
        <v>5</v>
      </c>
      <c r="D20740" s="1" t="s">
        <v>17584</v>
      </c>
      <c r="E20740" s="1" t="s">
        <v>7</v>
      </c>
    </row>
    <row r="20741">
      <c r="A20741" s="1">
        <v>4.90812954E8</v>
      </c>
      <c r="B20741" s="2">
        <v>17255.0</v>
      </c>
      <c r="C20741" s="1" t="s">
        <v>5</v>
      </c>
      <c r="D20741" s="1" t="s">
        <v>17585</v>
      </c>
      <c r="E20741" s="1" t="s">
        <v>11</v>
      </c>
    </row>
    <row r="20742">
      <c r="A20742" s="1">
        <v>4.90812961E8</v>
      </c>
      <c r="B20742" s="2">
        <v>17155.0</v>
      </c>
      <c r="C20742" s="1" t="s">
        <v>5</v>
      </c>
      <c r="D20742" s="1" t="s">
        <v>17586</v>
      </c>
      <c r="E20742" s="1" t="s">
        <v>11</v>
      </c>
    </row>
    <row r="20743">
      <c r="A20743" s="1">
        <v>4.90813041E8</v>
      </c>
      <c r="B20743" s="2">
        <v>17147.0</v>
      </c>
      <c r="C20743" s="1" t="s">
        <v>5</v>
      </c>
      <c r="D20743" s="1" t="s">
        <v>17587</v>
      </c>
      <c r="E20743" s="1" t="s">
        <v>7</v>
      </c>
    </row>
    <row r="20744">
      <c r="A20744" s="1">
        <v>4.90813097E8</v>
      </c>
      <c r="B20744" s="2">
        <v>17151.0</v>
      </c>
      <c r="C20744" s="1" t="s">
        <v>5</v>
      </c>
      <c r="D20744" s="1" t="s">
        <v>17588</v>
      </c>
      <c r="E20744" s="1" t="s">
        <v>7</v>
      </c>
    </row>
    <row r="20745">
      <c r="A20745" s="1">
        <v>4.90813185E8</v>
      </c>
      <c r="B20745" s="2">
        <v>17095.0</v>
      </c>
      <c r="C20745" s="1" t="s">
        <v>5</v>
      </c>
      <c r="D20745" s="1" t="s">
        <v>17589</v>
      </c>
      <c r="E20745" s="1" t="s">
        <v>7</v>
      </c>
    </row>
    <row r="20746">
      <c r="A20746" s="1">
        <v>4.9081331E8</v>
      </c>
      <c r="B20746" s="2">
        <v>17085.0</v>
      </c>
      <c r="C20746" s="1" t="s">
        <v>5</v>
      </c>
      <c r="D20746" s="1" t="s">
        <v>17590</v>
      </c>
      <c r="E20746" s="1" t="s">
        <v>7</v>
      </c>
    </row>
    <row r="20747">
      <c r="A20747" s="1">
        <v>4.90813326E8</v>
      </c>
      <c r="B20747" s="2">
        <v>17085.0</v>
      </c>
      <c r="C20747" s="1" t="s">
        <v>5</v>
      </c>
      <c r="D20747" s="1" t="s">
        <v>11</v>
      </c>
      <c r="E20747" s="1" t="s">
        <v>7</v>
      </c>
    </row>
    <row r="20748">
      <c r="A20748" s="1">
        <v>4.90813327E8</v>
      </c>
      <c r="B20748" s="2">
        <v>17142.0</v>
      </c>
      <c r="C20748" s="1" t="s">
        <v>5</v>
      </c>
      <c r="D20748" s="1" t="s">
        <v>17591</v>
      </c>
      <c r="E20748" s="1" t="s">
        <v>7</v>
      </c>
    </row>
    <row r="20749">
      <c r="A20749" s="1">
        <v>4.90813431E8</v>
      </c>
      <c r="B20749" s="2">
        <v>17181.0</v>
      </c>
      <c r="C20749" s="1" t="s">
        <v>5</v>
      </c>
      <c r="D20749" s="1" t="s">
        <v>17592</v>
      </c>
      <c r="E20749" s="1" t="s">
        <v>17593</v>
      </c>
    </row>
    <row r="20750">
      <c r="A20750" s="1">
        <v>4.90813502E8</v>
      </c>
      <c r="B20750" s="2">
        <v>17149.0</v>
      </c>
      <c r="C20750" s="1" t="s">
        <v>5</v>
      </c>
      <c r="D20750" s="1" t="s">
        <v>11</v>
      </c>
      <c r="E20750" s="1" t="s">
        <v>7</v>
      </c>
    </row>
    <row r="20751">
      <c r="A20751" s="1">
        <v>4.90813512E8</v>
      </c>
      <c r="B20751" s="2">
        <v>17093.0</v>
      </c>
      <c r="C20751" s="1" t="s">
        <v>5</v>
      </c>
      <c r="D20751" s="1" t="s">
        <v>17594</v>
      </c>
      <c r="E20751" s="1" t="s">
        <v>11</v>
      </c>
    </row>
    <row r="20752">
      <c r="A20752" s="1">
        <v>4.90813532E8</v>
      </c>
      <c r="B20752" s="2">
        <v>17149.0</v>
      </c>
      <c r="C20752" s="1" t="s">
        <v>5</v>
      </c>
      <c r="D20752" s="1" t="s">
        <v>17595</v>
      </c>
      <c r="E20752" s="1" t="s">
        <v>7</v>
      </c>
    </row>
    <row r="20753">
      <c r="A20753" s="1">
        <v>4.90813585E8</v>
      </c>
      <c r="B20753" s="2">
        <v>17093.0</v>
      </c>
      <c r="C20753" s="1" t="s">
        <v>5</v>
      </c>
      <c r="D20753" s="1" t="s">
        <v>11</v>
      </c>
      <c r="E20753" s="1" t="s">
        <v>7</v>
      </c>
    </row>
    <row r="20754">
      <c r="A20754" s="1">
        <v>4.90813589E8</v>
      </c>
      <c r="B20754" s="2">
        <v>17149.0</v>
      </c>
      <c r="C20754" s="1" t="s">
        <v>5</v>
      </c>
      <c r="D20754" s="1" t="s">
        <v>17596</v>
      </c>
      <c r="E20754" s="1" t="s">
        <v>7</v>
      </c>
    </row>
    <row r="20755">
      <c r="A20755" s="1">
        <v>4.90813612E8</v>
      </c>
      <c r="B20755" s="2">
        <v>17251.0</v>
      </c>
      <c r="C20755" s="1" t="s">
        <v>5</v>
      </c>
      <c r="D20755" s="1" t="s">
        <v>17597</v>
      </c>
      <c r="E20755" s="1" t="s">
        <v>17598</v>
      </c>
    </row>
    <row r="20756">
      <c r="A20756" s="1">
        <v>4.90813671E8</v>
      </c>
      <c r="B20756" s="2">
        <v>17249.0</v>
      </c>
      <c r="C20756" s="1" t="s">
        <v>5</v>
      </c>
      <c r="D20756" s="1" t="s">
        <v>17599</v>
      </c>
      <c r="E20756" s="1" t="s">
        <v>7</v>
      </c>
    </row>
    <row r="20757">
      <c r="A20757" s="1">
        <v>4.90813725E8</v>
      </c>
      <c r="B20757" s="2">
        <v>17193.0</v>
      </c>
      <c r="C20757" s="1" t="s">
        <v>5</v>
      </c>
      <c r="D20757" s="1" t="s">
        <v>17600</v>
      </c>
      <c r="E20757" s="1" t="s">
        <v>7</v>
      </c>
    </row>
    <row r="20758">
      <c r="A20758" s="1">
        <v>4.90813802E8</v>
      </c>
      <c r="B20758" s="2">
        <v>17193.0</v>
      </c>
      <c r="C20758" s="1" t="s">
        <v>5</v>
      </c>
      <c r="D20758" s="1" t="s">
        <v>17601</v>
      </c>
      <c r="E20758" s="1" t="s">
        <v>7</v>
      </c>
    </row>
    <row r="20759">
      <c r="A20759" s="1">
        <v>4.90813837E8</v>
      </c>
      <c r="B20759" s="2">
        <v>17249.0</v>
      </c>
      <c r="C20759" s="1" t="s">
        <v>5</v>
      </c>
      <c r="D20759" s="1" t="s">
        <v>17602</v>
      </c>
      <c r="E20759" s="1" t="s">
        <v>7</v>
      </c>
    </row>
    <row r="20760">
      <c r="A20760" s="1">
        <v>4.90813872E8</v>
      </c>
      <c r="B20760" s="2">
        <v>17248.0</v>
      </c>
      <c r="C20760" s="1" t="s">
        <v>5</v>
      </c>
      <c r="D20760" s="1" t="s">
        <v>17603</v>
      </c>
      <c r="E20760" s="1" t="s">
        <v>7</v>
      </c>
    </row>
    <row r="20761">
      <c r="A20761" s="1">
        <v>4.90813967E8</v>
      </c>
      <c r="B20761" s="2">
        <v>17248.0</v>
      </c>
      <c r="C20761" s="1" t="s">
        <v>5</v>
      </c>
      <c r="D20761" s="1" t="s">
        <v>17604</v>
      </c>
      <c r="E20761" s="1" t="s">
        <v>7</v>
      </c>
    </row>
    <row r="20762">
      <c r="A20762" s="1">
        <v>4.90814018E8</v>
      </c>
      <c r="B20762" s="2">
        <v>17247.0</v>
      </c>
      <c r="C20762" s="1" t="s">
        <v>5</v>
      </c>
      <c r="D20762" s="1" t="s">
        <v>11</v>
      </c>
      <c r="E20762" s="1" t="s">
        <v>7</v>
      </c>
    </row>
    <row r="20763">
      <c r="A20763" s="1">
        <v>4.90814041E8</v>
      </c>
      <c r="B20763" s="2">
        <v>17198.0</v>
      </c>
      <c r="C20763" s="1" t="s">
        <v>5</v>
      </c>
      <c r="D20763" s="1" t="s">
        <v>17605</v>
      </c>
      <c r="E20763" s="1" t="s">
        <v>7</v>
      </c>
    </row>
    <row r="20764">
      <c r="A20764" s="1">
        <v>4.90814082E8</v>
      </c>
      <c r="B20764" s="2">
        <v>17160.0</v>
      </c>
      <c r="C20764" s="1" t="s">
        <v>5</v>
      </c>
      <c r="D20764" s="1" t="s">
        <v>17606</v>
      </c>
      <c r="E20764" s="1" t="s">
        <v>11</v>
      </c>
    </row>
    <row r="20765">
      <c r="A20765" s="1">
        <v>4.90814085E8</v>
      </c>
      <c r="B20765" s="2">
        <v>17183.0</v>
      </c>
      <c r="C20765" s="1" t="s">
        <v>5</v>
      </c>
      <c r="D20765" s="1" t="s">
        <v>17607</v>
      </c>
      <c r="E20765" s="1" t="s">
        <v>7</v>
      </c>
    </row>
    <row r="20766">
      <c r="A20766" s="1">
        <v>4.90814091E8</v>
      </c>
      <c r="B20766" s="2">
        <v>17147.0</v>
      </c>
      <c r="C20766" s="1" t="s">
        <v>5</v>
      </c>
      <c r="D20766" s="1" t="s">
        <v>17608</v>
      </c>
      <c r="E20766" s="1" t="s">
        <v>17609</v>
      </c>
    </row>
    <row r="20767">
      <c r="A20767" s="1">
        <v>4.90814122E8</v>
      </c>
      <c r="B20767" s="2">
        <v>17161.0</v>
      </c>
      <c r="C20767" s="1" t="s">
        <v>5</v>
      </c>
      <c r="D20767" s="1" t="s">
        <v>17610</v>
      </c>
      <c r="E20767" s="1" t="s">
        <v>11</v>
      </c>
    </row>
    <row r="20768">
      <c r="A20768" s="1">
        <v>4.90814157E8</v>
      </c>
      <c r="B20768" s="2">
        <v>17198.0</v>
      </c>
      <c r="C20768" s="1" t="s">
        <v>5</v>
      </c>
      <c r="D20768" s="1" t="s">
        <v>17611</v>
      </c>
      <c r="E20768" s="1" t="s">
        <v>17612</v>
      </c>
    </row>
    <row r="20769">
      <c r="A20769" s="1">
        <v>4.90814194E8</v>
      </c>
      <c r="B20769" s="2">
        <v>17244.0</v>
      </c>
      <c r="C20769" s="1" t="s">
        <v>5</v>
      </c>
      <c r="D20769" s="1" t="s">
        <v>17613</v>
      </c>
      <c r="E20769" s="1" t="s">
        <v>7</v>
      </c>
    </row>
    <row r="20770">
      <c r="A20770" s="1">
        <v>4.90814234E8</v>
      </c>
      <c r="B20770" s="2">
        <v>17209.0</v>
      </c>
      <c r="C20770" s="1" t="s">
        <v>5</v>
      </c>
      <c r="D20770" s="1" t="s">
        <v>11</v>
      </c>
      <c r="E20770" s="1" t="s">
        <v>7</v>
      </c>
    </row>
    <row r="20771">
      <c r="A20771" s="1">
        <v>4.9081424E8</v>
      </c>
      <c r="B20771" s="2">
        <v>17192.0</v>
      </c>
      <c r="C20771" s="1" t="s">
        <v>5</v>
      </c>
      <c r="D20771" s="1" t="s">
        <v>17614</v>
      </c>
      <c r="E20771" s="1" t="s">
        <v>7</v>
      </c>
    </row>
    <row r="20772">
      <c r="A20772" s="1">
        <v>4.90814301E8</v>
      </c>
      <c r="B20772" s="2">
        <v>17244.0</v>
      </c>
      <c r="C20772" s="1" t="s">
        <v>5</v>
      </c>
      <c r="D20772" s="1" t="s">
        <v>11</v>
      </c>
      <c r="E20772" s="1" t="s">
        <v>7</v>
      </c>
    </row>
    <row r="20773">
      <c r="A20773" s="1">
        <v>4.90814404E8</v>
      </c>
      <c r="B20773" s="2">
        <v>17245.0</v>
      </c>
      <c r="C20773" s="1" t="s">
        <v>5</v>
      </c>
      <c r="D20773" s="1" t="s">
        <v>17615</v>
      </c>
      <c r="E20773" s="1" t="s">
        <v>11</v>
      </c>
    </row>
    <row r="20774">
      <c r="A20774" s="1">
        <v>4.90814407E8</v>
      </c>
      <c r="B20774" s="2">
        <v>17144.0</v>
      </c>
      <c r="C20774" s="1" t="s">
        <v>5</v>
      </c>
      <c r="D20774" s="1" t="s">
        <v>17616</v>
      </c>
      <c r="E20774" s="1" t="s">
        <v>11</v>
      </c>
    </row>
    <row r="20775">
      <c r="A20775" s="1">
        <v>4.90814467E8</v>
      </c>
      <c r="B20775" s="2">
        <v>17146.0</v>
      </c>
      <c r="C20775" s="1" t="s">
        <v>5</v>
      </c>
      <c r="D20775" s="1" t="s">
        <v>17617</v>
      </c>
      <c r="E20775" s="1" t="s">
        <v>11</v>
      </c>
    </row>
    <row r="20776">
      <c r="A20776" s="1">
        <v>4.90814477E8</v>
      </c>
      <c r="B20776" s="2">
        <v>17170.0</v>
      </c>
      <c r="C20776" s="1" t="s">
        <v>5</v>
      </c>
      <c r="D20776" s="1" t="s">
        <v>17618</v>
      </c>
      <c r="E20776" s="1" t="s">
        <v>17619</v>
      </c>
    </row>
    <row r="20777">
      <c r="A20777" s="1">
        <v>4.90814488E8</v>
      </c>
      <c r="B20777" s="2">
        <v>17151.0</v>
      </c>
      <c r="C20777" s="1" t="s">
        <v>5</v>
      </c>
      <c r="D20777" s="1" t="s">
        <v>17620</v>
      </c>
      <c r="E20777" s="1" t="s">
        <v>7</v>
      </c>
    </row>
    <row r="20778">
      <c r="A20778" s="1">
        <v>4.90814502E8</v>
      </c>
      <c r="B20778" s="2">
        <v>17144.0</v>
      </c>
      <c r="C20778" s="1" t="s">
        <v>5</v>
      </c>
      <c r="D20778" s="1" t="s">
        <v>17621</v>
      </c>
      <c r="E20778" s="1" t="s">
        <v>11</v>
      </c>
    </row>
    <row r="20779">
      <c r="A20779" s="1">
        <v>4.90814582E8</v>
      </c>
      <c r="B20779" s="2">
        <v>17200.0</v>
      </c>
      <c r="C20779" s="1" t="s">
        <v>5</v>
      </c>
      <c r="D20779" s="1" t="s">
        <v>17622</v>
      </c>
      <c r="E20779" s="1" t="s">
        <v>11</v>
      </c>
    </row>
    <row r="20780">
      <c r="A20780" s="1">
        <v>4.90814631E8</v>
      </c>
      <c r="B20780" s="2">
        <v>17205.0</v>
      </c>
      <c r="C20780" s="1" t="s">
        <v>5</v>
      </c>
      <c r="D20780" s="1" t="s">
        <v>17623</v>
      </c>
      <c r="E20780" s="1" t="s">
        <v>7</v>
      </c>
    </row>
    <row r="20781">
      <c r="A20781" s="1">
        <v>4.90814728E8</v>
      </c>
      <c r="B20781" s="2">
        <v>17242.0</v>
      </c>
      <c r="C20781" s="1" t="s">
        <v>5</v>
      </c>
      <c r="D20781" s="1" t="s">
        <v>17624</v>
      </c>
      <c r="E20781" s="1" t="s">
        <v>11</v>
      </c>
    </row>
    <row r="20782">
      <c r="A20782" s="1">
        <v>4.9081474E8</v>
      </c>
      <c r="B20782" s="2">
        <v>17239.0</v>
      </c>
      <c r="C20782" s="1" t="s">
        <v>5</v>
      </c>
      <c r="D20782" s="1" t="s">
        <v>17625</v>
      </c>
      <c r="E20782" s="1" t="s">
        <v>11</v>
      </c>
    </row>
    <row r="20783">
      <c r="A20783" s="1">
        <v>4.90814746E8</v>
      </c>
      <c r="B20783" s="2">
        <v>17140.0</v>
      </c>
      <c r="C20783" s="1" t="s">
        <v>5</v>
      </c>
      <c r="D20783" s="1" t="s">
        <v>11</v>
      </c>
      <c r="E20783" s="1" t="s">
        <v>7</v>
      </c>
    </row>
    <row r="20784">
      <c r="A20784" s="1">
        <v>4.90814792E8</v>
      </c>
      <c r="B20784" s="2">
        <v>17242.0</v>
      </c>
      <c r="C20784" s="1" t="s">
        <v>5</v>
      </c>
      <c r="D20784" s="1" t="s">
        <v>17626</v>
      </c>
      <c r="E20784" s="1" t="s">
        <v>7</v>
      </c>
    </row>
    <row r="20785">
      <c r="A20785" s="1">
        <v>4.90814921E8</v>
      </c>
      <c r="B20785" s="2">
        <v>17225.0</v>
      </c>
      <c r="C20785" s="1" t="s">
        <v>5</v>
      </c>
      <c r="D20785" s="1" t="s">
        <v>17627</v>
      </c>
      <c r="E20785" s="1" t="s">
        <v>17628</v>
      </c>
    </row>
    <row r="20786">
      <c r="A20786" s="1">
        <v>4.90814924E8</v>
      </c>
      <c r="B20786" s="2">
        <v>17189.0</v>
      </c>
      <c r="C20786" s="1" t="s">
        <v>5</v>
      </c>
      <c r="D20786" s="1" t="s">
        <v>11</v>
      </c>
      <c r="E20786" s="1" t="s">
        <v>7</v>
      </c>
    </row>
    <row r="20787">
      <c r="A20787" s="1">
        <v>4.90814927E8</v>
      </c>
      <c r="B20787" s="2">
        <v>17086.0</v>
      </c>
      <c r="C20787" s="1" t="s">
        <v>5</v>
      </c>
      <c r="D20787" s="1" t="s">
        <v>17629</v>
      </c>
      <c r="E20787" s="1" t="s">
        <v>7</v>
      </c>
    </row>
    <row r="20788">
      <c r="A20788" s="1">
        <v>4.90814972E8</v>
      </c>
      <c r="B20788" s="2">
        <v>17239.0</v>
      </c>
      <c r="C20788" s="1" t="s">
        <v>5</v>
      </c>
      <c r="D20788" s="1" t="s">
        <v>17630</v>
      </c>
      <c r="E20788" s="1" t="s">
        <v>7</v>
      </c>
    </row>
    <row r="20789">
      <c r="A20789" s="1">
        <v>4.90815083E8</v>
      </c>
      <c r="B20789" s="2">
        <v>17209.0</v>
      </c>
      <c r="C20789" s="1" t="s">
        <v>5</v>
      </c>
      <c r="D20789" s="1" t="s">
        <v>17631</v>
      </c>
      <c r="E20789" s="1" t="s">
        <v>7</v>
      </c>
    </row>
    <row r="20790">
      <c r="A20790" s="1">
        <v>4.90815207E8</v>
      </c>
      <c r="B20790" s="2">
        <v>17240.0</v>
      </c>
      <c r="C20790" s="1" t="s">
        <v>5</v>
      </c>
      <c r="D20790" s="1" t="s">
        <v>17632</v>
      </c>
      <c r="E20790" s="1" t="s">
        <v>11</v>
      </c>
    </row>
    <row r="20791">
      <c r="A20791" s="1">
        <v>4.9081522E8</v>
      </c>
      <c r="B20791" s="2">
        <v>17186.0</v>
      </c>
      <c r="C20791" s="1" t="s">
        <v>5</v>
      </c>
      <c r="D20791" s="1" t="s">
        <v>17633</v>
      </c>
      <c r="E20791" s="1" t="s">
        <v>7</v>
      </c>
    </row>
    <row r="20792">
      <c r="A20792" s="1">
        <v>4.90815276E8</v>
      </c>
      <c r="B20792" s="2">
        <v>17139.0</v>
      </c>
      <c r="C20792" s="1" t="s">
        <v>5</v>
      </c>
      <c r="D20792" s="1" t="s">
        <v>17634</v>
      </c>
      <c r="E20792" s="1" t="s">
        <v>17635</v>
      </c>
    </row>
    <row r="20793">
      <c r="A20793" s="1">
        <v>4.90815287E8</v>
      </c>
      <c r="B20793" s="2">
        <v>17184.0</v>
      </c>
      <c r="C20793" s="1" t="s">
        <v>5</v>
      </c>
      <c r="D20793" s="1" t="s">
        <v>17636</v>
      </c>
      <c r="E20793" s="1" t="s">
        <v>11</v>
      </c>
    </row>
    <row r="20794">
      <c r="A20794" s="1">
        <v>4.90815308E8</v>
      </c>
      <c r="B20794" s="2">
        <v>17137.0</v>
      </c>
      <c r="C20794" s="1" t="s">
        <v>5</v>
      </c>
      <c r="D20794" s="1" t="s">
        <v>17637</v>
      </c>
      <c r="E20794" s="1" t="s">
        <v>7</v>
      </c>
    </row>
    <row r="20795">
      <c r="A20795" s="1">
        <v>4.90815327E8</v>
      </c>
      <c r="B20795" s="2">
        <v>17183.0</v>
      </c>
      <c r="C20795" s="1" t="s">
        <v>5</v>
      </c>
      <c r="D20795" s="1" t="s">
        <v>17638</v>
      </c>
      <c r="E20795" s="1" t="s">
        <v>7</v>
      </c>
    </row>
    <row r="20796">
      <c r="A20796" s="1">
        <v>4.90815394E8</v>
      </c>
      <c r="B20796" s="2">
        <v>17183.0</v>
      </c>
      <c r="C20796" s="1" t="s">
        <v>5</v>
      </c>
      <c r="D20796" s="1" t="s">
        <v>17639</v>
      </c>
      <c r="E20796" s="1" t="s">
        <v>11</v>
      </c>
    </row>
    <row r="20797">
      <c r="A20797" s="1">
        <v>4.9081544E8</v>
      </c>
      <c r="B20797" s="2">
        <v>17198.0</v>
      </c>
      <c r="C20797" s="1" t="s">
        <v>5</v>
      </c>
      <c r="D20797" s="1" t="s">
        <v>17640</v>
      </c>
      <c r="E20797" s="1" t="s">
        <v>7</v>
      </c>
    </row>
    <row r="20798">
      <c r="A20798" s="1">
        <v>4.90815522E8</v>
      </c>
      <c r="B20798" s="2">
        <v>17252.0</v>
      </c>
      <c r="C20798" s="1" t="s">
        <v>5</v>
      </c>
      <c r="D20798" s="1" t="s">
        <v>17641</v>
      </c>
      <c r="E20798" s="1" t="s">
        <v>7</v>
      </c>
    </row>
    <row r="20799">
      <c r="A20799" s="1">
        <v>4.9081554E8</v>
      </c>
      <c r="B20799" s="2">
        <v>17237.0</v>
      </c>
      <c r="C20799" s="1" t="s">
        <v>5</v>
      </c>
      <c r="D20799" s="1" t="s">
        <v>17642</v>
      </c>
      <c r="E20799" s="1" t="s">
        <v>7</v>
      </c>
    </row>
    <row r="20800">
      <c r="A20800" s="1">
        <v>4.90815542E8</v>
      </c>
      <c r="B20800" s="2">
        <v>17235.0</v>
      </c>
      <c r="C20800" s="1" t="s">
        <v>5</v>
      </c>
      <c r="D20800" s="1" t="s">
        <v>11</v>
      </c>
      <c r="E20800" s="1" t="s">
        <v>7</v>
      </c>
    </row>
    <row r="20801">
      <c r="A20801" s="1">
        <v>4.90815626E8</v>
      </c>
      <c r="B20801" s="2">
        <v>17186.0</v>
      </c>
      <c r="C20801" s="1" t="s">
        <v>5</v>
      </c>
      <c r="D20801" s="1" t="s">
        <v>17643</v>
      </c>
      <c r="E20801" s="1" t="s">
        <v>7</v>
      </c>
    </row>
    <row r="20802">
      <c r="A20802" s="1">
        <v>4.90815641E8</v>
      </c>
      <c r="B20802" s="2">
        <v>17189.0</v>
      </c>
      <c r="C20802" s="1" t="s">
        <v>5</v>
      </c>
      <c r="D20802" s="1" t="s">
        <v>11</v>
      </c>
      <c r="E20802" s="1" t="s">
        <v>7</v>
      </c>
    </row>
    <row r="20803">
      <c r="A20803" s="1">
        <v>4.908157E8</v>
      </c>
      <c r="B20803" s="2">
        <v>17193.0</v>
      </c>
      <c r="C20803" s="1" t="s">
        <v>5</v>
      </c>
      <c r="D20803" s="1" t="s">
        <v>17644</v>
      </c>
      <c r="E20803" s="1" t="s">
        <v>7</v>
      </c>
    </row>
    <row r="20804">
      <c r="A20804" s="1">
        <v>4.90815722E8</v>
      </c>
      <c r="B20804" s="2">
        <v>17198.0</v>
      </c>
      <c r="C20804" s="1" t="s">
        <v>5</v>
      </c>
      <c r="D20804" s="1" t="s">
        <v>17645</v>
      </c>
      <c r="E20804" s="1" t="s">
        <v>11</v>
      </c>
    </row>
    <row r="20805">
      <c r="A20805" s="1">
        <v>4.90815746E8</v>
      </c>
      <c r="B20805" s="2">
        <v>17195.0</v>
      </c>
      <c r="C20805" s="1" t="s">
        <v>5</v>
      </c>
      <c r="D20805" s="1" t="s">
        <v>11</v>
      </c>
      <c r="E20805" s="1" t="s">
        <v>7</v>
      </c>
    </row>
    <row r="20806">
      <c r="A20806" s="1">
        <v>4.90815774E8</v>
      </c>
      <c r="B20806" s="2">
        <v>17237.0</v>
      </c>
      <c r="C20806" s="1" t="s">
        <v>5</v>
      </c>
      <c r="D20806" s="1" t="s">
        <v>17646</v>
      </c>
      <c r="E20806" s="1" t="s">
        <v>7</v>
      </c>
    </row>
    <row r="20807">
      <c r="A20807" s="1">
        <v>4.90815776E8</v>
      </c>
      <c r="B20807" s="2">
        <v>17193.0</v>
      </c>
      <c r="C20807" s="1" t="s">
        <v>5</v>
      </c>
      <c r="D20807" s="1" t="s">
        <v>17647</v>
      </c>
      <c r="E20807" s="1" t="s">
        <v>11</v>
      </c>
    </row>
    <row r="20808">
      <c r="A20808" s="1">
        <v>4.90815803E8</v>
      </c>
      <c r="B20808" s="2">
        <v>17241.0</v>
      </c>
      <c r="C20808" s="1" t="s">
        <v>5</v>
      </c>
      <c r="D20808" s="1" t="s">
        <v>11</v>
      </c>
      <c r="E20808" s="1" t="s">
        <v>7</v>
      </c>
    </row>
    <row r="20809">
      <c r="A20809" s="1">
        <v>4.90815841E8</v>
      </c>
      <c r="B20809" s="2">
        <v>17184.0</v>
      </c>
      <c r="C20809" s="1" t="s">
        <v>5</v>
      </c>
      <c r="D20809" s="1" t="s">
        <v>17648</v>
      </c>
      <c r="E20809" s="1" t="s">
        <v>7</v>
      </c>
    </row>
    <row r="20810">
      <c r="A20810" s="1">
        <v>4.90815862E8</v>
      </c>
      <c r="B20810" s="2">
        <v>17149.0</v>
      </c>
      <c r="C20810" s="1" t="s">
        <v>5</v>
      </c>
      <c r="D20810" s="1" t="s">
        <v>17649</v>
      </c>
      <c r="E20810" s="1" t="s">
        <v>11</v>
      </c>
    </row>
    <row r="20811">
      <c r="A20811" s="1">
        <v>4.90815926E8</v>
      </c>
      <c r="B20811" s="2">
        <v>17192.0</v>
      </c>
      <c r="C20811" s="1" t="s">
        <v>5</v>
      </c>
      <c r="D20811" s="1" t="s">
        <v>17650</v>
      </c>
      <c r="E20811" s="1" t="s">
        <v>7</v>
      </c>
    </row>
    <row r="20812">
      <c r="A20812" s="1">
        <v>4.90815954E8</v>
      </c>
      <c r="B20812" s="2">
        <v>17188.0</v>
      </c>
      <c r="C20812" s="1" t="s">
        <v>5</v>
      </c>
      <c r="D20812" s="1" t="s">
        <v>17651</v>
      </c>
      <c r="E20812" s="1" t="s">
        <v>11</v>
      </c>
    </row>
    <row r="20813">
      <c r="A20813" s="1">
        <v>4.90816006E8</v>
      </c>
      <c r="B20813" s="2">
        <v>17232.0</v>
      </c>
      <c r="C20813" s="1" t="s">
        <v>5</v>
      </c>
      <c r="D20813" s="1" t="s">
        <v>17652</v>
      </c>
      <c r="E20813" s="1" t="s">
        <v>7</v>
      </c>
    </row>
    <row r="20814">
      <c r="A20814" s="1">
        <v>4.90816014E8</v>
      </c>
      <c r="B20814" s="2">
        <v>17233.0</v>
      </c>
      <c r="C20814" s="1" t="s">
        <v>5</v>
      </c>
      <c r="D20814" s="1" t="s">
        <v>17653</v>
      </c>
      <c r="E20814" s="1" t="s">
        <v>11</v>
      </c>
    </row>
    <row r="20815">
      <c r="A20815" s="1">
        <v>4.90816067E8</v>
      </c>
      <c r="B20815" s="2">
        <v>17199.0</v>
      </c>
      <c r="C20815" s="1" t="s">
        <v>5</v>
      </c>
      <c r="D20815" s="1" t="s">
        <v>11</v>
      </c>
      <c r="E20815" s="1" t="s">
        <v>7</v>
      </c>
    </row>
    <row r="20816">
      <c r="A20816" s="1">
        <v>4.90816087E8</v>
      </c>
      <c r="B20816" s="2">
        <v>17233.0</v>
      </c>
      <c r="C20816" s="1" t="s">
        <v>5</v>
      </c>
      <c r="D20816" s="1" t="s">
        <v>17654</v>
      </c>
      <c r="E20816" s="1" t="s">
        <v>11</v>
      </c>
    </row>
    <row r="20817">
      <c r="A20817" s="1">
        <v>4.90816104E8</v>
      </c>
      <c r="B20817" s="2">
        <v>17232.0</v>
      </c>
      <c r="C20817" s="1" t="s">
        <v>5</v>
      </c>
      <c r="D20817" s="1" t="s">
        <v>17655</v>
      </c>
      <c r="E20817" s="1" t="s">
        <v>7</v>
      </c>
    </row>
    <row r="20818">
      <c r="A20818" s="1">
        <v>4.90816274E8</v>
      </c>
      <c r="B20818" s="2">
        <v>17255.0</v>
      </c>
      <c r="C20818" s="1" t="s">
        <v>5</v>
      </c>
      <c r="D20818" s="1" t="s">
        <v>17656</v>
      </c>
      <c r="E20818" s="1" t="s">
        <v>11</v>
      </c>
    </row>
    <row r="20819">
      <c r="A20819" s="1">
        <v>4.90816276E8</v>
      </c>
      <c r="B20819" s="2">
        <v>17199.0</v>
      </c>
      <c r="C20819" s="1" t="s">
        <v>5</v>
      </c>
      <c r="D20819" s="1" t="s">
        <v>17657</v>
      </c>
      <c r="E20819" s="1" t="s">
        <v>7</v>
      </c>
    </row>
    <row r="20820">
      <c r="A20820" s="1">
        <v>4.90816289E8</v>
      </c>
      <c r="B20820" s="2">
        <v>17217.0</v>
      </c>
      <c r="C20820" s="1" t="s">
        <v>5</v>
      </c>
      <c r="D20820" s="1" t="s">
        <v>11</v>
      </c>
      <c r="E20820" s="1" t="s">
        <v>7</v>
      </c>
    </row>
    <row r="20821">
      <c r="A20821" s="1">
        <v>4.90816315E8</v>
      </c>
      <c r="B20821" s="2">
        <v>17184.0</v>
      </c>
      <c r="C20821" s="1" t="s">
        <v>5</v>
      </c>
      <c r="D20821" s="1" t="s">
        <v>11</v>
      </c>
      <c r="E20821" s="1" t="s">
        <v>7</v>
      </c>
    </row>
    <row r="20822">
      <c r="A20822" s="1">
        <v>4.90816324E8</v>
      </c>
      <c r="B20822" s="2">
        <v>17147.0</v>
      </c>
      <c r="C20822" s="1" t="s">
        <v>5</v>
      </c>
      <c r="D20822" s="1" t="s">
        <v>17658</v>
      </c>
      <c r="E20822" s="1" t="s">
        <v>7</v>
      </c>
    </row>
    <row r="20823">
      <c r="A20823" s="1">
        <v>4.90816376E8</v>
      </c>
      <c r="B20823" s="2">
        <v>17177.0</v>
      </c>
      <c r="C20823" s="1" t="s">
        <v>5</v>
      </c>
      <c r="D20823" s="1" t="s">
        <v>7</v>
      </c>
      <c r="E20823" s="1" t="s">
        <v>7</v>
      </c>
    </row>
    <row r="20824">
      <c r="A20824" s="1">
        <v>4.90816412E8</v>
      </c>
      <c r="B20824" s="2">
        <v>17196.0</v>
      </c>
      <c r="C20824" s="1" t="s">
        <v>5</v>
      </c>
      <c r="D20824" s="1" t="s">
        <v>17659</v>
      </c>
      <c r="E20824" s="1" t="s">
        <v>7</v>
      </c>
    </row>
    <row r="20825">
      <c r="A20825" s="1">
        <v>4.90816416E8</v>
      </c>
      <c r="B20825" s="2">
        <v>17230.0</v>
      </c>
      <c r="C20825" s="1" t="s">
        <v>5</v>
      </c>
      <c r="D20825" s="1" t="s">
        <v>11</v>
      </c>
      <c r="E20825" s="1" t="s">
        <v>7</v>
      </c>
    </row>
    <row r="20826">
      <c r="A20826" s="1">
        <v>4.90816426E8</v>
      </c>
      <c r="B20826" s="2">
        <v>17177.0</v>
      </c>
      <c r="C20826" s="1" t="s">
        <v>5</v>
      </c>
      <c r="D20826" s="1" t="s">
        <v>17660</v>
      </c>
      <c r="E20826" s="1" t="s">
        <v>11</v>
      </c>
    </row>
    <row r="20827">
      <c r="A20827" s="1">
        <v>4.90816468E8</v>
      </c>
      <c r="B20827" s="2">
        <v>17184.0</v>
      </c>
      <c r="C20827" s="1" t="s">
        <v>5</v>
      </c>
      <c r="D20827" s="1" t="s">
        <v>17661</v>
      </c>
      <c r="E20827" s="1" t="s">
        <v>11</v>
      </c>
    </row>
    <row r="20828">
      <c r="A20828" s="1">
        <v>4.90816482E8</v>
      </c>
      <c r="B20828" s="2">
        <v>17233.0</v>
      </c>
      <c r="C20828" s="1" t="s">
        <v>5</v>
      </c>
      <c r="D20828" s="1" t="s">
        <v>17662</v>
      </c>
      <c r="E20828" s="1" t="s">
        <v>7</v>
      </c>
    </row>
    <row r="20829">
      <c r="A20829" s="1">
        <v>4.90816521E8</v>
      </c>
      <c r="B20829" s="2">
        <v>17147.0</v>
      </c>
      <c r="C20829" s="1" t="s">
        <v>5</v>
      </c>
      <c r="D20829" s="1" t="s">
        <v>17663</v>
      </c>
      <c r="E20829" s="1" t="s">
        <v>11</v>
      </c>
    </row>
    <row r="20830">
      <c r="A20830" s="1">
        <v>4.90816578E8</v>
      </c>
      <c r="B20830" s="2">
        <v>17182.0</v>
      </c>
      <c r="C20830" s="1" t="s">
        <v>5</v>
      </c>
      <c r="D20830" s="1" t="s">
        <v>17664</v>
      </c>
      <c r="E20830" s="1" t="s">
        <v>11</v>
      </c>
    </row>
    <row r="20831">
      <c r="A20831" s="1">
        <v>4.9081658E8</v>
      </c>
      <c r="B20831" s="2">
        <v>17241.0</v>
      </c>
      <c r="C20831" s="1" t="s">
        <v>5</v>
      </c>
      <c r="D20831" s="1" t="s">
        <v>17665</v>
      </c>
      <c r="E20831" s="1" t="s">
        <v>7</v>
      </c>
    </row>
    <row r="20832">
      <c r="A20832" s="1">
        <v>4.90816599E8</v>
      </c>
      <c r="B20832" s="2">
        <v>17287.0</v>
      </c>
      <c r="C20832" s="1" t="s">
        <v>5</v>
      </c>
      <c r="D20832" s="1" t="s">
        <v>17666</v>
      </c>
      <c r="E20832" s="1" t="s">
        <v>17667</v>
      </c>
    </row>
    <row r="20833">
      <c r="A20833" s="1">
        <v>4.90816601E8</v>
      </c>
      <c r="B20833" s="2">
        <v>17144.0</v>
      </c>
      <c r="C20833" s="1" t="s">
        <v>5</v>
      </c>
      <c r="D20833" s="1" t="s">
        <v>17668</v>
      </c>
      <c r="E20833" s="1" t="s">
        <v>7</v>
      </c>
    </row>
    <row r="20834">
      <c r="A20834" s="1">
        <v>4.90816611E8</v>
      </c>
      <c r="B20834" s="2">
        <v>17253.0</v>
      </c>
      <c r="C20834" s="1" t="s">
        <v>5</v>
      </c>
      <c r="D20834" s="1" t="s">
        <v>17669</v>
      </c>
      <c r="E20834" s="1" t="s">
        <v>7</v>
      </c>
    </row>
    <row r="20835">
      <c r="A20835" s="1">
        <v>4.90816641E8</v>
      </c>
      <c r="B20835" s="2">
        <v>17228.0</v>
      </c>
      <c r="C20835" s="1" t="s">
        <v>5</v>
      </c>
      <c r="D20835" s="1" t="s">
        <v>11</v>
      </c>
      <c r="E20835" s="1" t="s">
        <v>7</v>
      </c>
    </row>
    <row r="20836">
      <c r="A20836" s="1">
        <v>4.90816671E8</v>
      </c>
      <c r="B20836" s="2">
        <v>17286.0</v>
      </c>
      <c r="C20836" s="1" t="s">
        <v>5</v>
      </c>
      <c r="D20836" s="1" t="s">
        <v>17670</v>
      </c>
      <c r="E20836" s="1" t="s">
        <v>7</v>
      </c>
    </row>
    <row r="20837">
      <c r="A20837" s="1">
        <v>4.90816682E8</v>
      </c>
      <c r="B20837" s="2">
        <v>17177.0</v>
      </c>
      <c r="C20837" s="1" t="s">
        <v>5</v>
      </c>
      <c r="D20837" s="1" t="s">
        <v>17671</v>
      </c>
      <c r="E20837" s="1" t="s">
        <v>11</v>
      </c>
    </row>
    <row r="20838">
      <c r="A20838" s="1">
        <v>4.90816684E8</v>
      </c>
      <c r="B20838" s="2">
        <v>17146.0</v>
      </c>
      <c r="C20838" s="1" t="s">
        <v>5</v>
      </c>
      <c r="D20838" s="1" t="s">
        <v>17672</v>
      </c>
      <c r="E20838" s="1" t="s">
        <v>17673</v>
      </c>
    </row>
    <row r="20839">
      <c r="A20839" s="1">
        <v>4.90816721E8</v>
      </c>
      <c r="B20839" s="2">
        <v>17256.0</v>
      </c>
      <c r="C20839" s="1" t="s">
        <v>5</v>
      </c>
      <c r="D20839" s="1" t="s">
        <v>17674</v>
      </c>
      <c r="E20839" s="1" t="s">
        <v>11</v>
      </c>
    </row>
    <row r="20840">
      <c r="A20840" s="1">
        <v>4.90816759E8</v>
      </c>
      <c r="B20840" s="2">
        <v>17227.0</v>
      </c>
      <c r="C20840" s="1" t="s">
        <v>5</v>
      </c>
      <c r="D20840" s="1" t="s">
        <v>17675</v>
      </c>
      <c r="E20840" s="1" t="s">
        <v>7</v>
      </c>
    </row>
    <row r="20841">
      <c r="A20841" s="1">
        <v>4.90816773E8</v>
      </c>
      <c r="B20841" s="2">
        <v>17227.0</v>
      </c>
      <c r="C20841" s="1" t="s">
        <v>5</v>
      </c>
      <c r="D20841" s="1" t="s">
        <v>11</v>
      </c>
      <c r="E20841" s="1" t="s">
        <v>7</v>
      </c>
    </row>
    <row r="20842">
      <c r="A20842" s="1">
        <v>4.90816794E8</v>
      </c>
      <c r="B20842" s="2">
        <v>17148.0</v>
      </c>
      <c r="C20842" s="1" t="s">
        <v>5</v>
      </c>
      <c r="D20842" s="1" t="s">
        <v>11</v>
      </c>
      <c r="E20842" s="1" t="s">
        <v>7</v>
      </c>
    </row>
    <row r="20843">
      <c r="A20843" s="1">
        <v>4.90816797E8</v>
      </c>
      <c r="B20843" s="2">
        <v>17286.0</v>
      </c>
      <c r="C20843" s="1" t="s">
        <v>5</v>
      </c>
      <c r="D20843" s="1" t="s">
        <v>17676</v>
      </c>
      <c r="E20843" s="1" t="s">
        <v>7</v>
      </c>
    </row>
    <row r="20844">
      <c r="A20844" s="1">
        <v>4.90816806E8</v>
      </c>
      <c r="B20844" s="2">
        <v>17227.0</v>
      </c>
      <c r="C20844" s="1" t="s">
        <v>5</v>
      </c>
      <c r="D20844" s="1" t="s">
        <v>17677</v>
      </c>
      <c r="E20844" s="1" t="s">
        <v>7</v>
      </c>
    </row>
    <row r="20845">
      <c r="A20845" s="1">
        <v>4.90816834E8</v>
      </c>
      <c r="B20845" s="2">
        <v>17188.0</v>
      </c>
      <c r="C20845" s="1" t="s">
        <v>5</v>
      </c>
      <c r="D20845" s="1" t="s">
        <v>11</v>
      </c>
      <c r="E20845" s="1" t="s">
        <v>7</v>
      </c>
    </row>
    <row r="20846">
      <c r="A20846" s="1">
        <v>4.90816847E8</v>
      </c>
      <c r="B20846" s="2">
        <v>17287.0</v>
      </c>
      <c r="C20846" s="1" t="s">
        <v>5</v>
      </c>
      <c r="D20846" s="1" t="s">
        <v>17678</v>
      </c>
      <c r="E20846" s="1" t="s">
        <v>7</v>
      </c>
    </row>
    <row r="20847">
      <c r="A20847" s="1">
        <v>4.90816854E8</v>
      </c>
      <c r="B20847" s="2">
        <v>17228.0</v>
      </c>
      <c r="C20847" s="1" t="s">
        <v>5</v>
      </c>
      <c r="D20847" s="1" t="s">
        <v>11</v>
      </c>
      <c r="E20847" s="1" t="s">
        <v>7</v>
      </c>
    </row>
    <row r="20848">
      <c r="A20848" s="1">
        <v>4.90817074E8</v>
      </c>
      <c r="B20848" s="2">
        <v>17191.0</v>
      </c>
      <c r="C20848" s="1" t="s">
        <v>5</v>
      </c>
      <c r="D20848" s="1" t="s">
        <v>17679</v>
      </c>
      <c r="E20848" s="1" t="s">
        <v>11</v>
      </c>
    </row>
    <row r="20849">
      <c r="A20849" s="1">
        <v>4.90817244E8</v>
      </c>
      <c r="B20849" s="2">
        <v>17140.0</v>
      </c>
      <c r="C20849" s="1" t="s">
        <v>5</v>
      </c>
      <c r="D20849" s="1" t="s">
        <v>17680</v>
      </c>
      <c r="E20849" s="1" t="s">
        <v>11</v>
      </c>
    </row>
    <row r="20850">
      <c r="A20850" s="1">
        <v>4.90817249E8</v>
      </c>
      <c r="B20850" s="2">
        <v>17284.0</v>
      </c>
      <c r="C20850" s="1" t="s">
        <v>5</v>
      </c>
      <c r="D20850" s="1" t="s">
        <v>17681</v>
      </c>
      <c r="E20850" s="1" t="s">
        <v>7</v>
      </c>
    </row>
    <row r="20851">
      <c r="A20851" s="1">
        <v>4.90817291E8</v>
      </c>
      <c r="B20851" s="2">
        <v>17171.0</v>
      </c>
      <c r="C20851" s="1" t="s">
        <v>5</v>
      </c>
      <c r="D20851" s="1" t="s">
        <v>17682</v>
      </c>
      <c r="E20851" s="1" t="s">
        <v>7</v>
      </c>
    </row>
    <row r="20852">
      <c r="A20852" s="1">
        <v>4.90817322E8</v>
      </c>
      <c r="B20852" s="2">
        <v>17282.0</v>
      </c>
      <c r="C20852" s="1" t="s">
        <v>5</v>
      </c>
      <c r="D20852" s="1" t="s">
        <v>17683</v>
      </c>
      <c r="E20852" s="1" t="s">
        <v>11</v>
      </c>
    </row>
    <row r="20853">
      <c r="A20853" s="1">
        <v>4.90817328E8</v>
      </c>
      <c r="B20853" s="2">
        <v>17206.0</v>
      </c>
      <c r="C20853" s="1" t="s">
        <v>5</v>
      </c>
      <c r="D20853" s="1" t="s">
        <v>17684</v>
      </c>
      <c r="E20853" s="1" t="s">
        <v>11</v>
      </c>
    </row>
    <row r="20854">
      <c r="A20854" s="1">
        <v>4.90817329E8</v>
      </c>
      <c r="B20854" s="2">
        <v>17251.0</v>
      </c>
      <c r="C20854" s="1" t="s">
        <v>5</v>
      </c>
      <c r="D20854" s="1" t="s">
        <v>17685</v>
      </c>
      <c r="E20854" s="1" t="s">
        <v>17686</v>
      </c>
    </row>
    <row r="20855">
      <c r="A20855" s="1">
        <v>4.9081734E8</v>
      </c>
      <c r="B20855" s="2">
        <v>17184.0</v>
      </c>
      <c r="C20855" s="1" t="s">
        <v>5</v>
      </c>
      <c r="D20855" s="1" t="s">
        <v>17687</v>
      </c>
      <c r="E20855" s="1" t="s">
        <v>7</v>
      </c>
    </row>
    <row r="20856">
      <c r="A20856" s="1">
        <v>4.90817367E8</v>
      </c>
      <c r="B20856" s="2">
        <v>17146.0</v>
      </c>
      <c r="C20856" s="1" t="s">
        <v>5</v>
      </c>
      <c r="D20856" s="1" t="s">
        <v>11</v>
      </c>
      <c r="E20856" s="1" t="s">
        <v>7</v>
      </c>
    </row>
    <row r="20857">
      <c r="A20857" s="1">
        <v>4.90817384E8</v>
      </c>
      <c r="B20857" s="2">
        <v>17286.0</v>
      </c>
      <c r="C20857" s="1" t="s">
        <v>5</v>
      </c>
      <c r="D20857" s="1" t="s">
        <v>17688</v>
      </c>
      <c r="E20857" s="1" t="s">
        <v>17689</v>
      </c>
    </row>
    <row r="20858">
      <c r="A20858" s="1">
        <v>4.908174E8</v>
      </c>
      <c r="B20858" s="2">
        <v>17246.0</v>
      </c>
      <c r="C20858" s="1" t="s">
        <v>5</v>
      </c>
      <c r="D20858" s="1" t="s">
        <v>17690</v>
      </c>
      <c r="E20858" s="1" t="s">
        <v>11</v>
      </c>
    </row>
    <row r="20859">
      <c r="A20859" s="1">
        <v>4.90817435E8</v>
      </c>
      <c r="B20859" s="2">
        <v>17254.0</v>
      </c>
      <c r="C20859" s="1" t="s">
        <v>5</v>
      </c>
      <c r="D20859" s="1" t="s">
        <v>17691</v>
      </c>
      <c r="E20859" s="1" t="s">
        <v>7</v>
      </c>
    </row>
    <row r="20860">
      <c r="A20860" s="1">
        <v>4.90817486E8</v>
      </c>
      <c r="B20860" s="2">
        <v>17168.0</v>
      </c>
      <c r="C20860" s="1" t="s">
        <v>5</v>
      </c>
      <c r="D20860" s="1" t="s">
        <v>17692</v>
      </c>
      <c r="E20860" s="1" t="s">
        <v>7</v>
      </c>
    </row>
    <row r="20861">
      <c r="A20861" s="1">
        <v>4.90817524E8</v>
      </c>
      <c r="B20861" s="2">
        <v>17189.0</v>
      </c>
      <c r="C20861" s="1" t="s">
        <v>5</v>
      </c>
      <c r="D20861" s="1" t="s">
        <v>7</v>
      </c>
      <c r="E20861" s="1" t="s">
        <v>7</v>
      </c>
    </row>
    <row r="20862">
      <c r="A20862" s="1">
        <v>4.90817574E8</v>
      </c>
      <c r="B20862" s="2">
        <v>17190.0</v>
      </c>
      <c r="C20862" s="1" t="s">
        <v>5</v>
      </c>
      <c r="D20862" s="1" t="s">
        <v>17693</v>
      </c>
      <c r="E20862" s="1" t="s">
        <v>17694</v>
      </c>
    </row>
    <row r="20863">
      <c r="A20863" s="1">
        <v>4.9081758E8</v>
      </c>
      <c r="B20863" s="2">
        <v>17226.0</v>
      </c>
      <c r="C20863" s="1" t="s">
        <v>5</v>
      </c>
      <c r="D20863" s="1" t="s">
        <v>11</v>
      </c>
      <c r="E20863" s="1" t="s">
        <v>7</v>
      </c>
    </row>
    <row r="20864">
      <c r="A20864" s="1">
        <v>4.90817641E8</v>
      </c>
      <c r="B20864" s="2">
        <v>17279.0</v>
      </c>
      <c r="C20864" s="1" t="s">
        <v>5</v>
      </c>
      <c r="D20864" s="1" t="s">
        <v>17695</v>
      </c>
      <c r="E20864" s="1" t="s">
        <v>17696</v>
      </c>
    </row>
    <row r="20865">
      <c r="A20865" s="1">
        <v>4.90817642E8</v>
      </c>
      <c r="B20865" s="2">
        <v>17249.0</v>
      </c>
      <c r="C20865" s="1" t="s">
        <v>5</v>
      </c>
      <c r="D20865" s="1" t="s">
        <v>17697</v>
      </c>
      <c r="E20865" s="1" t="s">
        <v>7</v>
      </c>
    </row>
    <row r="20866">
      <c r="A20866" s="1">
        <v>4.9081768E8</v>
      </c>
      <c r="B20866" s="2">
        <v>17245.0</v>
      </c>
      <c r="C20866" s="1" t="s">
        <v>5</v>
      </c>
      <c r="D20866" s="1" t="s">
        <v>11</v>
      </c>
      <c r="E20866" s="1" t="s">
        <v>7</v>
      </c>
    </row>
    <row r="20867">
      <c r="A20867" s="1">
        <v>4.90817725E8</v>
      </c>
      <c r="B20867" s="2">
        <v>17279.0</v>
      </c>
      <c r="C20867" s="1" t="s">
        <v>5</v>
      </c>
      <c r="D20867" s="1" t="s">
        <v>17698</v>
      </c>
      <c r="E20867" s="1" t="s">
        <v>11</v>
      </c>
    </row>
    <row r="20868">
      <c r="A20868" s="1">
        <v>4.90817726E8</v>
      </c>
      <c r="B20868" s="2">
        <v>17281.0</v>
      </c>
      <c r="C20868" s="1" t="s">
        <v>5</v>
      </c>
      <c r="D20868" s="1" t="s">
        <v>11</v>
      </c>
      <c r="E20868" s="1" t="s">
        <v>7</v>
      </c>
    </row>
    <row r="20869">
      <c r="A20869" s="1">
        <v>4.90817729E8</v>
      </c>
      <c r="B20869" s="2">
        <v>17283.0</v>
      </c>
      <c r="C20869" s="1" t="s">
        <v>5</v>
      </c>
      <c r="D20869" s="1" t="s">
        <v>17699</v>
      </c>
      <c r="E20869" s="1" t="s">
        <v>17700</v>
      </c>
    </row>
    <row r="20870">
      <c r="A20870" s="1">
        <v>4.9081777E8</v>
      </c>
      <c r="B20870" s="2">
        <v>17284.0</v>
      </c>
      <c r="C20870" s="1" t="s">
        <v>5</v>
      </c>
      <c r="D20870" s="1" t="s">
        <v>17701</v>
      </c>
      <c r="E20870" s="1" t="s">
        <v>11</v>
      </c>
    </row>
    <row r="20871">
      <c r="A20871" s="1">
        <v>4.908178E8</v>
      </c>
      <c r="B20871" s="2">
        <v>17249.0</v>
      </c>
      <c r="C20871" s="1" t="s">
        <v>5</v>
      </c>
      <c r="D20871" s="1" t="s">
        <v>17702</v>
      </c>
      <c r="E20871" s="1" t="s">
        <v>7</v>
      </c>
    </row>
    <row r="20872">
      <c r="A20872" s="1">
        <v>4.90817801E8</v>
      </c>
      <c r="B20872" s="2">
        <v>17137.0</v>
      </c>
      <c r="C20872" s="1" t="s">
        <v>5</v>
      </c>
      <c r="D20872" s="1" t="s">
        <v>17703</v>
      </c>
      <c r="E20872" s="1" t="s">
        <v>7</v>
      </c>
    </row>
    <row r="20873">
      <c r="A20873" s="1">
        <v>4.9081786E8</v>
      </c>
      <c r="B20873" s="2">
        <v>17181.0</v>
      </c>
      <c r="C20873" s="1" t="s">
        <v>5</v>
      </c>
      <c r="D20873" s="1" t="s">
        <v>17704</v>
      </c>
      <c r="E20873" s="1" t="s">
        <v>7</v>
      </c>
    </row>
    <row r="20874">
      <c r="A20874" s="1">
        <v>4.90817861E8</v>
      </c>
      <c r="B20874" s="2">
        <v>17248.0</v>
      </c>
      <c r="C20874" s="1" t="s">
        <v>5</v>
      </c>
      <c r="D20874" s="1" t="s">
        <v>17705</v>
      </c>
      <c r="E20874" s="1" t="s">
        <v>17706</v>
      </c>
    </row>
    <row r="20875">
      <c r="A20875" s="1">
        <v>4.90817888E8</v>
      </c>
      <c r="B20875" s="2">
        <v>17224.0</v>
      </c>
      <c r="C20875" s="1" t="s">
        <v>5</v>
      </c>
      <c r="D20875" s="1" t="s">
        <v>17707</v>
      </c>
      <c r="E20875" s="1" t="s">
        <v>11</v>
      </c>
    </row>
    <row r="20876">
      <c r="A20876" s="1">
        <v>4.908179E8</v>
      </c>
      <c r="B20876" s="2">
        <v>17248.0</v>
      </c>
      <c r="C20876" s="1" t="s">
        <v>5</v>
      </c>
      <c r="D20876" s="1" t="s">
        <v>17708</v>
      </c>
      <c r="E20876" s="1" t="s">
        <v>7</v>
      </c>
    </row>
    <row r="20877">
      <c r="A20877" s="1">
        <v>4.90817934E8</v>
      </c>
      <c r="B20877" s="2">
        <v>17137.0</v>
      </c>
      <c r="C20877" s="1" t="s">
        <v>5</v>
      </c>
      <c r="D20877" s="1" t="s">
        <v>11</v>
      </c>
      <c r="E20877" s="1" t="s">
        <v>7</v>
      </c>
    </row>
    <row r="20878">
      <c r="A20878" s="1">
        <v>4.90817961E8</v>
      </c>
      <c r="B20878" s="2">
        <v>17282.0</v>
      </c>
      <c r="C20878" s="1" t="s">
        <v>5</v>
      </c>
      <c r="D20878" s="1" t="s">
        <v>17709</v>
      </c>
      <c r="E20878" s="1" t="s">
        <v>7</v>
      </c>
    </row>
    <row r="20879">
      <c r="A20879" s="1">
        <v>4.90817966E8</v>
      </c>
      <c r="B20879" s="2">
        <v>17182.0</v>
      </c>
      <c r="C20879" s="1" t="s">
        <v>5</v>
      </c>
      <c r="D20879" s="1" t="s">
        <v>17710</v>
      </c>
      <c r="E20879" s="1" t="s">
        <v>7</v>
      </c>
    </row>
    <row r="20880">
      <c r="A20880" s="1">
        <v>4.90817969E8</v>
      </c>
      <c r="B20880" s="2">
        <v>17281.0</v>
      </c>
      <c r="C20880" s="1" t="s">
        <v>5</v>
      </c>
      <c r="D20880" s="1" t="s">
        <v>11</v>
      </c>
      <c r="E20880" s="1" t="s">
        <v>7</v>
      </c>
    </row>
    <row r="20881">
      <c r="A20881" s="1">
        <v>4.90817987E8</v>
      </c>
      <c r="B20881" s="2">
        <v>17277.0</v>
      </c>
      <c r="C20881" s="1" t="s">
        <v>5</v>
      </c>
      <c r="D20881" s="1" t="s">
        <v>17711</v>
      </c>
      <c r="E20881" s="1" t="s">
        <v>7</v>
      </c>
    </row>
    <row r="20882">
      <c r="A20882" s="1">
        <v>4.90818004E8</v>
      </c>
      <c r="B20882" s="2">
        <v>17169.0</v>
      </c>
      <c r="C20882" s="1" t="s">
        <v>5</v>
      </c>
      <c r="D20882" s="1" t="s">
        <v>17712</v>
      </c>
      <c r="E20882" s="1" t="s">
        <v>11</v>
      </c>
    </row>
    <row r="20883">
      <c r="A20883" s="1">
        <v>4.90818086E8</v>
      </c>
      <c r="B20883" s="2">
        <v>17280.0</v>
      </c>
      <c r="C20883" s="1" t="s">
        <v>5</v>
      </c>
      <c r="D20883" s="1" t="s">
        <v>17713</v>
      </c>
      <c r="E20883" s="1" t="s">
        <v>7</v>
      </c>
    </row>
    <row r="20884">
      <c r="A20884" s="1">
        <v>4.9081809E8</v>
      </c>
      <c r="B20884" s="2">
        <v>17137.0</v>
      </c>
      <c r="C20884" s="1" t="s">
        <v>5</v>
      </c>
      <c r="D20884" s="1" t="s">
        <v>11</v>
      </c>
      <c r="E20884" s="1" t="s">
        <v>7</v>
      </c>
    </row>
    <row r="20885">
      <c r="A20885" s="1">
        <v>4.90818132E8</v>
      </c>
      <c r="B20885" s="2">
        <v>17235.0</v>
      </c>
      <c r="C20885" s="1" t="s">
        <v>5</v>
      </c>
      <c r="D20885" s="1" t="s">
        <v>17714</v>
      </c>
      <c r="E20885" s="1" t="s">
        <v>17715</v>
      </c>
    </row>
    <row r="20886">
      <c r="A20886" s="1">
        <v>4.90818241E8</v>
      </c>
      <c r="B20886" s="2">
        <v>17277.0</v>
      </c>
      <c r="C20886" s="1" t="s">
        <v>5</v>
      </c>
      <c r="D20886" s="1" t="s">
        <v>17716</v>
      </c>
      <c r="E20886" s="1" t="s">
        <v>7</v>
      </c>
    </row>
    <row r="20887">
      <c r="A20887" s="1">
        <v>4.9081826E8</v>
      </c>
      <c r="B20887" s="2">
        <v>17221.0</v>
      </c>
      <c r="C20887" s="1" t="s">
        <v>5</v>
      </c>
      <c r="D20887" s="1" t="s">
        <v>11</v>
      </c>
      <c r="E20887" s="1" t="s">
        <v>7</v>
      </c>
    </row>
    <row r="20888">
      <c r="A20888" s="1">
        <v>4.90818282E8</v>
      </c>
      <c r="B20888" s="2">
        <v>17274.0</v>
      </c>
      <c r="C20888" s="1" t="s">
        <v>5</v>
      </c>
      <c r="D20888" s="1" t="s">
        <v>11</v>
      </c>
      <c r="E20888" s="1" t="s">
        <v>7</v>
      </c>
    </row>
    <row r="20889">
      <c r="A20889" s="1">
        <v>4.90818286E8</v>
      </c>
      <c r="B20889" s="2">
        <v>17274.0</v>
      </c>
      <c r="C20889" s="1" t="s">
        <v>5</v>
      </c>
      <c r="D20889" s="1" t="s">
        <v>11</v>
      </c>
      <c r="E20889" s="1" t="s">
        <v>7</v>
      </c>
    </row>
    <row r="20890">
      <c r="A20890" s="1">
        <v>4.90818346E8</v>
      </c>
      <c r="B20890" s="2">
        <v>17244.0</v>
      </c>
      <c r="C20890" s="1" t="s">
        <v>5</v>
      </c>
      <c r="D20890" s="1" t="s">
        <v>17717</v>
      </c>
      <c r="E20890" s="1" t="s">
        <v>7</v>
      </c>
    </row>
    <row r="20891">
      <c r="A20891" s="1">
        <v>4.90818402E8</v>
      </c>
      <c r="B20891" s="2">
        <v>17178.0</v>
      </c>
      <c r="C20891" s="1" t="s">
        <v>5</v>
      </c>
      <c r="D20891" s="1" t="s">
        <v>17718</v>
      </c>
      <c r="E20891" s="1" t="s">
        <v>7</v>
      </c>
    </row>
    <row r="20892">
      <c r="A20892" s="1">
        <v>4.90818407E8</v>
      </c>
      <c r="B20892" s="2">
        <v>17277.0</v>
      </c>
      <c r="C20892" s="1" t="s">
        <v>5</v>
      </c>
      <c r="D20892" s="1" t="s">
        <v>11</v>
      </c>
      <c r="E20892" s="1" t="s">
        <v>7</v>
      </c>
    </row>
    <row r="20893">
      <c r="A20893" s="1">
        <v>4.9081844E8</v>
      </c>
      <c r="B20893" s="2">
        <v>17273.0</v>
      </c>
      <c r="C20893" s="1" t="s">
        <v>5</v>
      </c>
      <c r="D20893" s="1" t="s">
        <v>17719</v>
      </c>
      <c r="E20893" s="1" t="s">
        <v>7</v>
      </c>
    </row>
    <row r="20894">
      <c r="A20894" s="1">
        <v>4.90818474E8</v>
      </c>
      <c r="B20894" s="2">
        <v>17281.0</v>
      </c>
      <c r="C20894" s="1" t="s">
        <v>5</v>
      </c>
      <c r="D20894" s="1" t="s">
        <v>17720</v>
      </c>
      <c r="E20894" s="1" t="s">
        <v>7</v>
      </c>
    </row>
    <row r="20895">
      <c r="A20895" s="1">
        <v>4.9081862E8</v>
      </c>
      <c r="B20895" s="2">
        <v>17280.0</v>
      </c>
      <c r="C20895" s="1" t="s">
        <v>5</v>
      </c>
      <c r="D20895" s="1" t="s">
        <v>11</v>
      </c>
      <c r="E20895" s="1" t="s">
        <v>7</v>
      </c>
    </row>
    <row r="20896">
      <c r="A20896" s="1">
        <v>4.90818644E8</v>
      </c>
      <c r="B20896" s="2">
        <v>17172.0</v>
      </c>
      <c r="C20896" s="1" t="s">
        <v>5</v>
      </c>
      <c r="D20896" s="1" t="s">
        <v>11</v>
      </c>
      <c r="E20896" s="1" t="s">
        <v>7</v>
      </c>
    </row>
    <row r="20897">
      <c r="A20897" s="1">
        <v>4.90818684E8</v>
      </c>
      <c r="B20897" s="2">
        <v>17244.0</v>
      </c>
      <c r="C20897" s="1" t="s">
        <v>5</v>
      </c>
      <c r="D20897" s="1" t="s">
        <v>11</v>
      </c>
      <c r="E20897" s="1" t="s">
        <v>7</v>
      </c>
    </row>
    <row r="20898">
      <c r="A20898" s="1">
        <v>4.90818696E8</v>
      </c>
      <c r="B20898" s="2">
        <v>17224.0</v>
      </c>
      <c r="C20898" s="1" t="s">
        <v>5</v>
      </c>
      <c r="D20898" s="1" t="s">
        <v>17721</v>
      </c>
      <c r="E20898" s="1" t="s">
        <v>7</v>
      </c>
    </row>
    <row r="20899">
      <c r="A20899" s="1">
        <v>4.90818732E8</v>
      </c>
      <c r="B20899" s="2">
        <v>17275.0</v>
      </c>
      <c r="C20899" s="1" t="s">
        <v>5</v>
      </c>
      <c r="D20899" s="1" t="s">
        <v>17722</v>
      </c>
      <c r="E20899" s="1" t="s">
        <v>7</v>
      </c>
    </row>
    <row r="20900">
      <c r="A20900" s="1">
        <v>4.90818774E8</v>
      </c>
      <c r="B20900" s="2">
        <v>17217.0</v>
      </c>
      <c r="C20900" s="1" t="s">
        <v>5</v>
      </c>
      <c r="D20900" s="1" t="s">
        <v>17723</v>
      </c>
      <c r="E20900" s="1" t="s">
        <v>17724</v>
      </c>
    </row>
    <row r="20901">
      <c r="A20901" s="1">
        <v>4.90818781E8</v>
      </c>
      <c r="B20901" s="2">
        <v>17183.0</v>
      </c>
      <c r="C20901" s="1" t="s">
        <v>5</v>
      </c>
      <c r="D20901" s="1" t="s">
        <v>17725</v>
      </c>
      <c r="E20901" s="1" t="s">
        <v>7</v>
      </c>
    </row>
    <row r="20902">
      <c r="A20902" s="1">
        <v>4.90818876E8</v>
      </c>
      <c r="B20902" s="2">
        <v>17277.0</v>
      </c>
      <c r="C20902" s="1" t="s">
        <v>5</v>
      </c>
      <c r="D20902" s="1" t="s">
        <v>17726</v>
      </c>
      <c r="E20902" s="1" t="s">
        <v>11</v>
      </c>
    </row>
    <row r="20903">
      <c r="A20903" s="1">
        <v>4.90818892E8</v>
      </c>
      <c r="B20903" s="2">
        <v>17175.0</v>
      </c>
      <c r="C20903" s="1" t="s">
        <v>5</v>
      </c>
      <c r="D20903" s="1" t="s">
        <v>17727</v>
      </c>
      <c r="E20903" s="1" t="s">
        <v>7</v>
      </c>
    </row>
    <row r="20904">
      <c r="A20904" s="1">
        <v>4.90818894E8</v>
      </c>
      <c r="B20904" s="2">
        <v>17235.0</v>
      </c>
      <c r="C20904" s="1" t="s">
        <v>5</v>
      </c>
      <c r="D20904" s="1" t="s">
        <v>11</v>
      </c>
      <c r="E20904" s="1" t="s">
        <v>7</v>
      </c>
    </row>
    <row r="20905">
      <c r="A20905" s="1">
        <v>4.90818922E8</v>
      </c>
      <c r="B20905" s="2">
        <v>17170.0</v>
      </c>
      <c r="C20905" s="1" t="s">
        <v>5</v>
      </c>
      <c r="D20905" s="1" t="s">
        <v>17728</v>
      </c>
      <c r="E20905" s="1" t="s">
        <v>7</v>
      </c>
    </row>
    <row r="20906">
      <c r="A20906" s="1">
        <v>4.90818934E8</v>
      </c>
      <c r="B20906" s="2">
        <v>17183.0</v>
      </c>
      <c r="C20906" s="1" t="s">
        <v>5</v>
      </c>
      <c r="D20906" s="1" t="s">
        <v>17729</v>
      </c>
      <c r="E20906" s="1" t="s">
        <v>11</v>
      </c>
    </row>
    <row r="20907">
      <c r="A20907" s="1">
        <v>4.90818936E8</v>
      </c>
      <c r="B20907" s="2">
        <v>17235.0</v>
      </c>
      <c r="C20907" s="1" t="s">
        <v>5</v>
      </c>
      <c r="D20907" s="1" t="s">
        <v>17730</v>
      </c>
      <c r="E20907" s="1" t="s">
        <v>11</v>
      </c>
    </row>
    <row r="20908">
      <c r="A20908" s="1">
        <v>4.90818941E8</v>
      </c>
      <c r="B20908" s="2">
        <v>17231.0</v>
      </c>
      <c r="C20908" s="1" t="s">
        <v>5</v>
      </c>
      <c r="D20908" s="1" t="s">
        <v>17731</v>
      </c>
      <c r="E20908" s="1" t="s">
        <v>11</v>
      </c>
    </row>
    <row r="20909">
      <c r="A20909" s="1">
        <v>4.90818987E8</v>
      </c>
      <c r="B20909" s="2">
        <v>17237.0</v>
      </c>
      <c r="C20909" s="1" t="s">
        <v>5</v>
      </c>
      <c r="D20909" s="1" t="s">
        <v>17732</v>
      </c>
      <c r="E20909" s="1" t="s">
        <v>7</v>
      </c>
    </row>
    <row r="20910">
      <c r="A20910" s="1">
        <v>4.90819006E8</v>
      </c>
      <c r="B20910" s="2">
        <v>17269.0</v>
      </c>
      <c r="C20910" s="1" t="s">
        <v>5</v>
      </c>
      <c r="D20910" s="1" t="s">
        <v>17733</v>
      </c>
      <c r="E20910" s="1" t="s">
        <v>7</v>
      </c>
    </row>
    <row r="20911">
      <c r="A20911" s="1">
        <v>4.9081904E8</v>
      </c>
      <c r="B20911" s="2">
        <v>17237.0</v>
      </c>
      <c r="C20911" s="1" t="s">
        <v>5</v>
      </c>
      <c r="D20911" s="1" t="s">
        <v>17734</v>
      </c>
      <c r="E20911" s="1" t="s">
        <v>11</v>
      </c>
    </row>
    <row r="20912">
      <c r="A20912" s="1">
        <v>4.90819058E8</v>
      </c>
      <c r="B20912" s="2">
        <v>17273.0</v>
      </c>
      <c r="C20912" s="1" t="s">
        <v>5</v>
      </c>
      <c r="D20912" s="1" t="s">
        <v>17735</v>
      </c>
      <c r="E20912" s="1" t="s">
        <v>7</v>
      </c>
    </row>
    <row r="20913">
      <c r="A20913" s="1">
        <v>4.90819072E8</v>
      </c>
      <c r="B20913" s="2">
        <v>17240.0</v>
      </c>
      <c r="C20913" s="1" t="s">
        <v>5</v>
      </c>
      <c r="D20913" s="1" t="s">
        <v>17736</v>
      </c>
      <c r="E20913" s="1" t="s">
        <v>11</v>
      </c>
    </row>
    <row r="20914">
      <c r="A20914" s="1">
        <v>4.9081908E8</v>
      </c>
      <c r="B20914" s="2">
        <v>17220.0</v>
      </c>
      <c r="C20914" s="1" t="s">
        <v>5</v>
      </c>
      <c r="D20914" s="1" t="s">
        <v>17737</v>
      </c>
      <c r="E20914" s="1" t="s">
        <v>7</v>
      </c>
    </row>
    <row r="20915">
      <c r="A20915" s="1">
        <v>4.90819087E8</v>
      </c>
      <c r="B20915" s="2">
        <v>17274.0</v>
      </c>
      <c r="C20915" s="1" t="s">
        <v>5</v>
      </c>
      <c r="D20915" s="1" t="s">
        <v>17738</v>
      </c>
      <c r="E20915" s="1" t="s">
        <v>7</v>
      </c>
    </row>
    <row r="20916">
      <c r="A20916" s="1">
        <v>4.90819096E8</v>
      </c>
      <c r="B20916" s="2">
        <v>17272.0</v>
      </c>
      <c r="C20916" s="1" t="s">
        <v>5</v>
      </c>
      <c r="D20916" s="1" t="s">
        <v>11</v>
      </c>
      <c r="E20916" s="1" t="s">
        <v>7</v>
      </c>
    </row>
    <row r="20917">
      <c r="A20917" s="1">
        <v>4.90819147E8</v>
      </c>
      <c r="B20917" s="2">
        <v>17196.0</v>
      </c>
      <c r="C20917" s="1" t="s">
        <v>5</v>
      </c>
      <c r="D20917" s="1" t="s">
        <v>17739</v>
      </c>
      <c r="E20917" s="1" t="s">
        <v>7</v>
      </c>
    </row>
    <row r="20918">
      <c r="A20918" s="1">
        <v>4.90819161E8</v>
      </c>
      <c r="B20918" s="2">
        <v>17212.0</v>
      </c>
      <c r="C20918" s="1" t="s">
        <v>5</v>
      </c>
      <c r="D20918" s="1" t="s">
        <v>17740</v>
      </c>
      <c r="E20918" s="1" t="s">
        <v>7</v>
      </c>
    </row>
    <row r="20919">
      <c r="A20919" s="1">
        <v>4.90819241E8</v>
      </c>
      <c r="B20919" s="2">
        <v>17169.0</v>
      </c>
      <c r="C20919" s="1" t="s">
        <v>5</v>
      </c>
      <c r="D20919" s="1" t="s">
        <v>11</v>
      </c>
      <c r="E20919" s="1" t="s">
        <v>7</v>
      </c>
    </row>
    <row r="20920">
      <c r="A20920" s="1">
        <v>4.90819242E8</v>
      </c>
      <c r="B20920" s="2">
        <v>17216.0</v>
      </c>
      <c r="C20920" s="1" t="s">
        <v>5</v>
      </c>
      <c r="D20920" s="1" t="s">
        <v>11</v>
      </c>
      <c r="E20920" s="1" t="s">
        <v>7</v>
      </c>
    </row>
    <row r="20921">
      <c r="A20921" s="1">
        <v>4.90819249E8</v>
      </c>
      <c r="B20921" s="2">
        <v>17268.0</v>
      </c>
      <c r="C20921" s="1" t="s">
        <v>5</v>
      </c>
      <c r="D20921" s="1" t="s">
        <v>17741</v>
      </c>
      <c r="E20921" s="1" t="s">
        <v>11</v>
      </c>
    </row>
    <row r="20922">
      <c r="A20922" s="1">
        <v>4.9081932E8</v>
      </c>
      <c r="B20922" s="2">
        <v>17196.0</v>
      </c>
      <c r="C20922" s="1" t="s">
        <v>5</v>
      </c>
      <c r="D20922" s="1" t="s">
        <v>17742</v>
      </c>
      <c r="E20922" s="1" t="s">
        <v>17743</v>
      </c>
    </row>
    <row r="20923">
      <c r="A20923" s="1">
        <v>4.90819356E8</v>
      </c>
      <c r="B20923" s="2">
        <v>17168.0</v>
      </c>
      <c r="C20923" s="1" t="s">
        <v>5</v>
      </c>
      <c r="D20923" s="1" t="s">
        <v>11</v>
      </c>
      <c r="E20923" s="1" t="s">
        <v>7</v>
      </c>
    </row>
    <row r="20924">
      <c r="A20924" s="1">
        <v>4.90819434E8</v>
      </c>
      <c r="B20924" s="2">
        <v>17270.0</v>
      </c>
      <c r="C20924" s="1" t="s">
        <v>5</v>
      </c>
      <c r="D20924" s="1" t="s">
        <v>17744</v>
      </c>
      <c r="E20924" s="1" t="s">
        <v>7</v>
      </c>
    </row>
    <row r="20925">
      <c r="A20925" s="1">
        <v>4.90819436E8</v>
      </c>
      <c r="B20925" s="2">
        <v>17227.0</v>
      </c>
      <c r="C20925" s="1" t="s">
        <v>5</v>
      </c>
      <c r="D20925" s="1" t="s">
        <v>17745</v>
      </c>
      <c r="E20925" s="1" t="s">
        <v>7</v>
      </c>
    </row>
    <row r="20926">
      <c r="A20926" s="1">
        <v>4.90819441E8</v>
      </c>
      <c r="B20926" s="2">
        <v>17226.0</v>
      </c>
      <c r="C20926" s="1" t="s">
        <v>5</v>
      </c>
      <c r="D20926" s="1" t="s">
        <v>17746</v>
      </c>
      <c r="E20926" s="1" t="s">
        <v>7</v>
      </c>
    </row>
    <row r="20927">
      <c r="A20927" s="1">
        <v>4.9081946E8</v>
      </c>
      <c r="B20927" s="2">
        <v>17178.0</v>
      </c>
      <c r="C20927" s="1" t="s">
        <v>5</v>
      </c>
      <c r="D20927" s="1" t="s">
        <v>11</v>
      </c>
      <c r="E20927" s="1" t="s">
        <v>7</v>
      </c>
    </row>
    <row r="20928">
      <c r="A20928" s="1">
        <v>4.90819472E8</v>
      </c>
      <c r="B20928" s="2">
        <v>17232.0</v>
      </c>
      <c r="C20928" s="1" t="s">
        <v>5</v>
      </c>
      <c r="D20928" s="1" t="s">
        <v>17747</v>
      </c>
      <c r="E20928" s="1" t="s">
        <v>17748</v>
      </c>
    </row>
    <row r="20929">
      <c r="A20929" s="1">
        <v>4.90819512E8</v>
      </c>
      <c r="B20929" s="2">
        <v>17268.0</v>
      </c>
      <c r="C20929" s="1" t="s">
        <v>5</v>
      </c>
      <c r="D20929" s="1" t="s">
        <v>11</v>
      </c>
      <c r="E20929" s="1" t="s">
        <v>7</v>
      </c>
    </row>
    <row r="20930">
      <c r="A20930" s="1">
        <v>4.90819528E8</v>
      </c>
      <c r="B20930" s="2">
        <v>17226.0</v>
      </c>
      <c r="C20930" s="1" t="s">
        <v>5</v>
      </c>
      <c r="D20930" s="1" t="s">
        <v>17749</v>
      </c>
      <c r="E20930" s="1" t="s">
        <v>7</v>
      </c>
    </row>
    <row r="20931">
      <c r="A20931" s="1">
        <v>4.90819547E8</v>
      </c>
      <c r="B20931" s="2">
        <v>17207.0</v>
      </c>
      <c r="C20931" s="1" t="s">
        <v>5</v>
      </c>
      <c r="D20931" s="1" t="s">
        <v>17750</v>
      </c>
      <c r="E20931" s="1" t="s">
        <v>17751</v>
      </c>
    </row>
    <row r="20932">
      <c r="A20932" s="1">
        <v>4.90819554E8</v>
      </c>
      <c r="B20932" s="2">
        <v>17268.0</v>
      </c>
      <c r="C20932" s="1" t="s">
        <v>5</v>
      </c>
      <c r="D20932" s="1" t="s">
        <v>17752</v>
      </c>
      <c r="E20932" s="1" t="s">
        <v>17753</v>
      </c>
    </row>
    <row r="20933">
      <c r="A20933" s="1">
        <v>4.90819566E8</v>
      </c>
      <c r="B20933" s="2">
        <v>17235.0</v>
      </c>
      <c r="C20933" s="1" t="s">
        <v>5</v>
      </c>
      <c r="D20933" s="1" t="s">
        <v>17754</v>
      </c>
      <c r="E20933" s="1" t="s">
        <v>17755</v>
      </c>
    </row>
    <row r="20934">
      <c r="A20934" s="1">
        <v>4.90819594E8</v>
      </c>
      <c r="B20934" s="2">
        <v>17270.0</v>
      </c>
      <c r="C20934" s="1" t="s">
        <v>5</v>
      </c>
      <c r="D20934" s="1" t="s">
        <v>17756</v>
      </c>
      <c r="E20934" s="1" t="s">
        <v>7</v>
      </c>
    </row>
    <row r="20935">
      <c r="A20935" s="1">
        <v>4.90819627E8</v>
      </c>
      <c r="B20935" s="2">
        <v>17193.0</v>
      </c>
      <c r="C20935" s="1" t="s">
        <v>5</v>
      </c>
      <c r="D20935" s="1" t="s">
        <v>17757</v>
      </c>
      <c r="E20935" s="1" t="s">
        <v>11</v>
      </c>
    </row>
    <row r="20936">
      <c r="A20936" s="1">
        <v>4.90819665E8</v>
      </c>
      <c r="B20936" s="2">
        <v>17211.0</v>
      </c>
      <c r="C20936" s="1" t="s">
        <v>5</v>
      </c>
      <c r="D20936" s="1" t="s">
        <v>11</v>
      </c>
      <c r="E20936" s="1" t="s">
        <v>7</v>
      </c>
    </row>
    <row r="20937">
      <c r="A20937" s="1">
        <v>4.90819738E8</v>
      </c>
      <c r="B20937" s="2">
        <v>17227.0</v>
      </c>
      <c r="C20937" s="1" t="s">
        <v>5</v>
      </c>
      <c r="D20937" s="1" t="s">
        <v>17758</v>
      </c>
      <c r="E20937" s="1" t="s">
        <v>7</v>
      </c>
    </row>
    <row r="20938">
      <c r="A20938" s="1">
        <v>4.90819765E8</v>
      </c>
      <c r="B20938" s="2">
        <v>17224.0</v>
      </c>
      <c r="C20938" s="1" t="s">
        <v>5</v>
      </c>
      <c r="D20938" s="1" t="s">
        <v>17759</v>
      </c>
      <c r="E20938" s="1" t="s">
        <v>17760</v>
      </c>
    </row>
    <row r="20939">
      <c r="A20939" s="1">
        <v>4.908198E8</v>
      </c>
      <c r="B20939" s="2">
        <v>17227.0</v>
      </c>
      <c r="C20939" s="1" t="s">
        <v>5</v>
      </c>
      <c r="D20939" s="1" t="s">
        <v>17761</v>
      </c>
      <c r="E20939" s="1" t="s">
        <v>7</v>
      </c>
    </row>
    <row r="20940">
      <c r="A20940" s="1">
        <v>4.90819916E8</v>
      </c>
      <c r="B20940" s="2">
        <v>17202.0</v>
      </c>
      <c r="C20940" s="1" t="s">
        <v>5</v>
      </c>
      <c r="D20940" s="1" t="s">
        <v>11</v>
      </c>
      <c r="E20940" s="1" t="s">
        <v>7</v>
      </c>
    </row>
    <row r="20941">
      <c r="A20941" s="1">
        <v>4.9081992E8</v>
      </c>
      <c r="B20941" s="2">
        <v>17206.0</v>
      </c>
      <c r="C20941" s="1" t="s">
        <v>5</v>
      </c>
      <c r="D20941" s="1" t="s">
        <v>17762</v>
      </c>
      <c r="E20941" s="1" t="s">
        <v>7</v>
      </c>
    </row>
    <row r="20942">
      <c r="A20942" s="1">
        <v>4.90819944E8</v>
      </c>
      <c r="B20942" s="2">
        <v>17223.0</v>
      </c>
      <c r="C20942" s="1" t="s">
        <v>5</v>
      </c>
      <c r="D20942" s="1" t="s">
        <v>17763</v>
      </c>
      <c r="E20942" s="1" t="s">
        <v>7</v>
      </c>
    </row>
    <row r="20943">
      <c r="A20943" s="1">
        <v>4.90820004E8</v>
      </c>
      <c r="B20943" s="2">
        <v>17284.0</v>
      </c>
      <c r="C20943" s="1" t="s">
        <v>5</v>
      </c>
      <c r="D20943" s="1" t="s">
        <v>17764</v>
      </c>
      <c r="E20943" s="1" t="s">
        <v>11</v>
      </c>
    </row>
    <row r="20944">
      <c r="A20944" s="1">
        <v>4.9082002E8</v>
      </c>
      <c r="B20944" s="2">
        <v>17286.0</v>
      </c>
      <c r="C20944" s="1" t="s">
        <v>5</v>
      </c>
      <c r="D20944" s="1" t="s">
        <v>11</v>
      </c>
      <c r="E20944" s="1" t="s">
        <v>7</v>
      </c>
    </row>
    <row r="20945">
      <c r="A20945" s="1">
        <v>4.90820122E8</v>
      </c>
      <c r="B20945" s="2">
        <v>17191.0</v>
      </c>
      <c r="C20945" s="1" t="s">
        <v>5</v>
      </c>
      <c r="D20945" s="1" t="s">
        <v>17765</v>
      </c>
      <c r="E20945" s="1" t="s">
        <v>7</v>
      </c>
    </row>
    <row r="20946">
      <c r="A20946" s="1">
        <v>4.90820154E8</v>
      </c>
      <c r="B20946" s="2">
        <v>17269.0</v>
      </c>
      <c r="C20946" s="1" t="s">
        <v>5</v>
      </c>
      <c r="D20946" s="1" t="s">
        <v>17766</v>
      </c>
      <c r="E20946" s="1" t="s">
        <v>7</v>
      </c>
    </row>
    <row r="20947">
      <c r="A20947" s="1">
        <v>4.90820165E8</v>
      </c>
      <c r="B20947" s="2">
        <v>17221.0</v>
      </c>
      <c r="C20947" s="1" t="s">
        <v>5</v>
      </c>
      <c r="D20947" s="1" t="s">
        <v>11</v>
      </c>
      <c r="E20947" s="1" t="s">
        <v>7</v>
      </c>
    </row>
    <row r="20948">
      <c r="A20948" s="1">
        <v>4.90820194E8</v>
      </c>
      <c r="B20948" s="2">
        <v>17170.0</v>
      </c>
      <c r="C20948" s="1" t="s">
        <v>5</v>
      </c>
      <c r="D20948" s="1" t="s">
        <v>17767</v>
      </c>
      <c r="E20948" s="1" t="s">
        <v>11</v>
      </c>
    </row>
    <row r="20949">
      <c r="A20949" s="1">
        <v>4.9082024E8</v>
      </c>
      <c r="B20949" s="2">
        <v>17202.0</v>
      </c>
      <c r="C20949" s="1" t="s">
        <v>5</v>
      </c>
      <c r="D20949" s="1" t="s">
        <v>17768</v>
      </c>
      <c r="E20949" s="1" t="s">
        <v>7</v>
      </c>
    </row>
    <row r="20950">
      <c r="A20950" s="1">
        <v>4.90820241E8</v>
      </c>
      <c r="B20950" s="2">
        <v>17263.0</v>
      </c>
      <c r="C20950" s="1" t="s">
        <v>5</v>
      </c>
      <c r="D20950" s="1" t="s">
        <v>11</v>
      </c>
      <c r="E20950" s="1" t="s">
        <v>7</v>
      </c>
    </row>
    <row r="20951">
      <c r="A20951" s="1">
        <v>4.90820314E8</v>
      </c>
      <c r="B20951" s="2">
        <v>17221.0</v>
      </c>
      <c r="C20951" s="1" t="s">
        <v>5</v>
      </c>
      <c r="D20951" s="1" t="s">
        <v>17769</v>
      </c>
      <c r="E20951" s="1" t="s">
        <v>7</v>
      </c>
    </row>
    <row r="20952">
      <c r="A20952" s="1">
        <v>4.90820352E8</v>
      </c>
      <c r="B20952" s="2">
        <v>17188.0</v>
      </c>
      <c r="C20952" s="1" t="s">
        <v>5</v>
      </c>
      <c r="D20952" s="1" t="s">
        <v>17770</v>
      </c>
      <c r="E20952" s="1" t="s">
        <v>7</v>
      </c>
    </row>
    <row r="20953">
      <c r="A20953" s="1">
        <v>4.90820447E8</v>
      </c>
      <c r="B20953" s="2">
        <v>17258.0</v>
      </c>
      <c r="C20953" s="1" t="s">
        <v>5</v>
      </c>
      <c r="D20953" s="1" t="s">
        <v>11</v>
      </c>
      <c r="E20953" s="1" t="s">
        <v>7</v>
      </c>
    </row>
    <row r="20954">
      <c r="A20954" s="1">
        <v>4.90820454E8</v>
      </c>
      <c r="B20954" s="2">
        <v>17266.0</v>
      </c>
      <c r="C20954" s="1" t="s">
        <v>5</v>
      </c>
      <c r="D20954" s="1" t="s">
        <v>11</v>
      </c>
      <c r="E20954" s="1" t="s">
        <v>7</v>
      </c>
    </row>
    <row r="20955">
      <c r="A20955" s="1">
        <v>4.90820532E8</v>
      </c>
      <c r="B20955" s="2">
        <v>17189.0</v>
      </c>
      <c r="C20955" s="1" t="s">
        <v>5</v>
      </c>
      <c r="D20955" s="1" t="s">
        <v>11</v>
      </c>
      <c r="E20955" s="1" t="s">
        <v>7</v>
      </c>
    </row>
    <row r="20956">
      <c r="A20956" s="1">
        <v>4.90820538E8</v>
      </c>
      <c r="B20956" s="2">
        <v>17204.0</v>
      </c>
      <c r="C20956" s="1" t="s">
        <v>5</v>
      </c>
      <c r="D20956" s="1" t="s">
        <v>11</v>
      </c>
      <c r="E20956" s="1" t="s">
        <v>7</v>
      </c>
    </row>
    <row r="20957">
      <c r="A20957" s="1">
        <v>4.90820627E8</v>
      </c>
      <c r="B20957" s="2">
        <v>17221.0</v>
      </c>
      <c r="C20957" s="1" t="s">
        <v>5</v>
      </c>
      <c r="D20957" s="1" t="s">
        <v>11</v>
      </c>
      <c r="E20957" s="1" t="s">
        <v>7</v>
      </c>
    </row>
    <row r="20958">
      <c r="A20958" s="1">
        <v>4.90820639E8</v>
      </c>
      <c r="B20958" s="2">
        <v>17185.0</v>
      </c>
      <c r="C20958" s="1" t="s">
        <v>5</v>
      </c>
      <c r="D20958" s="1" t="s">
        <v>11</v>
      </c>
      <c r="E20958" s="1" t="s">
        <v>7</v>
      </c>
    </row>
    <row r="20959">
      <c r="A20959" s="1">
        <v>4.90820641E8</v>
      </c>
      <c r="B20959" s="2">
        <v>17217.0</v>
      </c>
      <c r="C20959" s="1" t="s">
        <v>5</v>
      </c>
      <c r="D20959" s="1" t="s">
        <v>17771</v>
      </c>
      <c r="E20959" s="1" t="s">
        <v>11</v>
      </c>
    </row>
    <row r="20960">
      <c r="A20960" s="1">
        <v>4.90820656E8</v>
      </c>
      <c r="B20960" s="2">
        <v>17280.0</v>
      </c>
      <c r="C20960" s="1" t="s">
        <v>5</v>
      </c>
      <c r="D20960" s="1" t="s">
        <v>17772</v>
      </c>
      <c r="E20960" s="1" t="s">
        <v>7</v>
      </c>
    </row>
    <row r="20961">
      <c r="A20961" s="1">
        <v>4.9082068E8</v>
      </c>
      <c r="B20961" s="2">
        <v>17216.0</v>
      </c>
      <c r="C20961" s="1" t="s">
        <v>5</v>
      </c>
      <c r="D20961" s="1" t="s">
        <v>17773</v>
      </c>
      <c r="E20961" s="1" t="s">
        <v>17774</v>
      </c>
    </row>
    <row r="20962">
      <c r="A20962" s="1">
        <v>4.90820685E8</v>
      </c>
      <c r="B20962" s="2">
        <v>17221.0</v>
      </c>
      <c r="C20962" s="1" t="s">
        <v>5</v>
      </c>
      <c r="D20962" s="1" t="s">
        <v>17775</v>
      </c>
      <c r="E20962" s="1" t="s">
        <v>7</v>
      </c>
    </row>
    <row r="20963">
      <c r="A20963" s="1">
        <v>4.90820697E8</v>
      </c>
      <c r="B20963" s="2">
        <v>17263.0</v>
      </c>
      <c r="C20963" s="1" t="s">
        <v>5</v>
      </c>
      <c r="D20963" s="1" t="s">
        <v>17776</v>
      </c>
      <c r="E20963" s="1" t="s">
        <v>7</v>
      </c>
    </row>
    <row r="20964">
      <c r="A20964" s="1">
        <v>4.90820707E8</v>
      </c>
      <c r="B20964" s="2">
        <v>17188.0</v>
      </c>
      <c r="C20964" s="1" t="s">
        <v>5</v>
      </c>
      <c r="D20964" s="1" t="s">
        <v>17777</v>
      </c>
      <c r="E20964" s="1" t="s">
        <v>11</v>
      </c>
    </row>
    <row r="20965">
      <c r="A20965" s="1">
        <v>4.90820721E8</v>
      </c>
      <c r="B20965" s="2">
        <v>17263.0</v>
      </c>
      <c r="C20965" s="1" t="s">
        <v>5</v>
      </c>
      <c r="D20965" s="1" t="s">
        <v>17778</v>
      </c>
      <c r="E20965" s="1" t="s">
        <v>7</v>
      </c>
    </row>
    <row r="20966">
      <c r="A20966" s="1">
        <v>4.90820776E8</v>
      </c>
      <c r="B20966" s="2">
        <v>17219.0</v>
      </c>
      <c r="C20966" s="1" t="s">
        <v>5</v>
      </c>
      <c r="D20966" s="1" t="s">
        <v>11</v>
      </c>
      <c r="E20966" s="1" t="s">
        <v>7</v>
      </c>
    </row>
    <row r="20967">
      <c r="A20967" s="1">
        <v>4.90820804E8</v>
      </c>
      <c r="B20967" s="2">
        <v>17279.0</v>
      </c>
      <c r="C20967" s="1" t="s">
        <v>5</v>
      </c>
      <c r="D20967" s="1" t="s">
        <v>11</v>
      </c>
      <c r="E20967" s="1" t="s">
        <v>7</v>
      </c>
    </row>
    <row r="20968">
      <c r="A20968" s="1">
        <v>4.90820818E8</v>
      </c>
      <c r="B20968" s="2">
        <v>17283.0</v>
      </c>
      <c r="C20968" s="1" t="s">
        <v>5</v>
      </c>
      <c r="D20968" s="1" t="s">
        <v>17779</v>
      </c>
      <c r="E20968" s="1" t="s">
        <v>7</v>
      </c>
    </row>
    <row r="20969">
      <c r="A20969" s="1">
        <v>4.90820819E8</v>
      </c>
      <c r="B20969" s="2">
        <v>17279.0</v>
      </c>
      <c r="C20969" s="1" t="s">
        <v>5</v>
      </c>
      <c r="D20969" s="1" t="s">
        <v>11</v>
      </c>
      <c r="E20969" s="1" t="s">
        <v>7</v>
      </c>
    </row>
    <row r="20970">
      <c r="A20970" s="1">
        <v>4.90820839E8</v>
      </c>
      <c r="B20970" s="2">
        <v>17281.0</v>
      </c>
      <c r="C20970" s="1" t="s">
        <v>5</v>
      </c>
      <c r="D20970" s="1" t="s">
        <v>17780</v>
      </c>
      <c r="E20970" s="1" t="s">
        <v>7</v>
      </c>
    </row>
    <row r="20971">
      <c r="A20971" s="1">
        <v>4.90820846E8</v>
      </c>
      <c r="B20971" s="2">
        <v>17265.0</v>
      </c>
      <c r="C20971" s="1" t="s">
        <v>5</v>
      </c>
      <c r="D20971" s="1" t="s">
        <v>17781</v>
      </c>
      <c r="E20971" s="1" t="s">
        <v>17782</v>
      </c>
    </row>
    <row r="20972">
      <c r="A20972" s="1">
        <v>4.9082088E8</v>
      </c>
      <c r="B20972" s="2">
        <v>17186.0</v>
      </c>
      <c r="C20972" s="1" t="s">
        <v>5</v>
      </c>
      <c r="D20972" s="1" t="s">
        <v>11</v>
      </c>
      <c r="E20972" s="1" t="s">
        <v>7</v>
      </c>
    </row>
    <row r="20973">
      <c r="A20973" s="1">
        <v>4.90820881E8</v>
      </c>
      <c r="B20973" s="2">
        <v>17219.0</v>
      </c>
      <c r="C20973" s="1" t="s">
        <v>5</v>
      </c>
      <c r="D20973" s="1" t="s">
        <v>17783</v>
      </c>
      <c r="E20973" s="1" t="s">
        <v>7</v>
      </c>
    </row>
    <row r="20974">
      <c r="A20974" s="1">
        <v>4.90820903E8</v>
      </c>
      <c r="B20974" s="2">
        <v>17259.0</v>
      </c>
      <c r="C20974" s="1" t="s">
        <v>5</v>
      </c>
      <c r="D20974" s="1" t="s">
        <v>11</v>
      </c>
      <c r="E20974" s="1" t="s">
        <v>7</v>
      </c>
    </row>
    <row r="20975">
      <c r="A20975" s="1">
        <v>4.90820906E8</v>
      </c>
      <c r="B20975" s="2">
        <v>17265.0</v>
      </c>
      <c r="C20975" s="1" t="s">
        <v>5</v>
      </c>
      <c r="D20975" s="1" t="s">
        <v>17784</v>
      </c>
      <c r="E20975" s="1" t="s">
        <v>7</v>
      </c>
    </row>
    <row r="20976">
      <c r="A20976" s="1">
        <v>4.9082092E8</v>
      </c>
      <c r="B20976" s="2">
        <v>17277.0</v>
      </c>
      <c r="C20976" s="1" t="s">
        <v>5</v>
      </c>
      <c r="D20976" s="1" t="s">
        <v>17785</v>
      </c>
      <c r="E20976" s="1" t="s">
        <v>7</v>
      </c>
    </row>
    <row r="20977">
      <c r="A20977" s="1">
        <v>4.90820951E8</v>
      </c>
      <c r="B20977" s="2">
        <v>17263.0</v>
      </c>
      <c r="C20977" s="1" t="s">
        <v>5</v>
      </c>
      <c r="D20977" s="1" t="s">
        <v>11</v>
      </c>
      <c r="E20977" s="1" t="s">
        <v>7</v>
      </c>
    </row>
    <row r="20978">
      <c r="A20978" s="1">
        <v>4.90821004E8</v>
      </c>
      <c r="B20978" s="2">
        <v>17170.0</v>
      </c>
      <c r="C20978" s="1" t="s">
        <v>5</v>
      </c>
      <c r="D20978" s="1" t="s">
        <v>17786</v>
      </c>
      <c r="E20978" s="1" t="s">
        <v>7</v>
      </c>
    </row>
    <row r="20979">
      <c r="A20979" s="1">
        <v>4.90821011E8</v>
      </c>
      <c r="B20979" s="2">
        <v>17263.0</v>
      </c>
      <c r="C20979" s="1" t="s">
        <v>5</v>
      </c>
      <c r="D20979" s="1" t="s">
        <v>17787</v>
      </c>
      <c r="E20979" s="1" t="s">
        <v>7</v>
      </c>
    </row>
    <row r="20980">
      <c r="A20980" s="1">
        <v>4.90821012E8</v>
      </c>
      <c r="B20980" s="3">
        <v>17316.0</v>
      </c>
      <c r="C20980" s="1" t="s">
        <v>5</v>
      </c>
      <c r="D20980" s="1" t="s">
        <v>17788</v>
      </c>
      <c r="E20980" s="1" t="s">
        <v>11</v>
      </c>
    </row>
    <row r="20981">
      <c r="A20981" s="1">
        <v>4.90821047E8</v>
      </c>
      <c r="B20981" s="2">
        <v>17186.0</v>
      </c>
      <c r="C20981" s="1" t="s">
        <v>5</v>
      </c>
      <c r="D20981" s="1" t="s">
        <v>11</v>
      </c>
      <c r="E20981" s="1" t="s">
        <v>7</v>
      </c>
    </row>
    <row r="20982">
      <c r="A20982" s="1">
        <v>4.90821087E8</v>
      </c>
      <c r="B20982" s="2">
        <v>17181.0</v>
      </c>
      <c r="C20982" s="1" t="s">
        <v>5</v>
      </c>
      <c r="D20982" s="1" t="s">
        <v>17789</v>
      </c>
      <c r="E20982" s="1" t="s">
        <v>7</v>
      </c>
    </row>
    <row r="20983">
      <c r="A20983" s="1">
        <v>4.90821107E8</v>
      </c>
      <c r="B20983" s="2">
        <v>17277.0</v>
      </c>
      <c r="C20983" s="1" t="s">
        <v>5</v>
      </c>
      <c r="D20983" s="1" t="s">
        <v>11</v>
      </c>
      <c r="E20983" s="1" t="s">
        <v>7</v>
      </c>
    </row>
    <row r="20984">
      <c r="A20984" s="1">
        <v>4.90821179E8</v>
      </c>
      <c r="B20984" s="2">
        <v>17185.0</v>
      </c>
      <c r="C20984" s="1" t="s">
        <v>5</v>
      </c>
      <c r="D20984" s="1" t="s">
        <v>17790</v>
      </c>
      <c r="E20984" s="1" t="s">
        <v>7</v>
      </c>
    </row>
    <row r="20985">
      <c r="A20985" s="1">
        <v>4.90821185E8</v>
      </c>
      <c r="B20985" s="3">
        <v>17318.0</v>
      </c>
      <c r="C20985" s="1" t="s">
        <v>5</v>
      </c>
      <c r="D20985" s="1" t="s">
        <v>17791</v>
      </c>
      <c r="E20985" s="1" t="s">
        <v>7</v>
      </c>
    </row>
    <row r="20986">
      <c r="A20986" s="1">
        <v>4.90821186E8</v>
      </c>
      <c r="B20986" s="2">
        <v>17211.0</v>
      </c>
      <c r="C20986" s="1" t="s">
        <v>5</v>
      </c>
      <c r="D20986" s="1" t="s">
        <v>11</v>
      </c>
      <c r="E20986" s="1" t="s">
        <v>7</v>
      </c>
    </row>
    <row r="20987">
      <c r="A20987" s="1">
        <v>4.90821216E8</v>
      </c>
      <c r="B20987" s="3">
        <v>17296.0</v>
      </c>
      <c r="C20987" s="1" t="s">
        <v>5</v>
      </c>
      <c r="D20987" s="1" t="s">
        <v>17792</v>
      </c>
      <c r="E20987" s="1" t="s">
        <v>7</v>
      </c>
    </row>
    <row r="20988">
      <c r="A20988" s="1">
        <v>4.9082122E8</v>
      </c>
      <c r="B20988" s="2">
        <v>17181.0</v>
      </c>
      <c r="C20988" s="1" t="s">
        <v>5</v>
      </c>
      <c r="D20988" s="1" t="s">
        <v>17793</v>
      </c>
      <c r="E20988" s="1" t="s">
        <v>11</v>
      </c>
    </row>
    <row r="20989">
      <c r="A20989" s="1">
        <v>4.90821276E8</v>
      </c>
      <c r="B20989" s="2">
        <v>17259.0</v>
      </c>
      <c r="C20989" s="1" t="s">
        <v>5</v>
      </c>
      <c r="D20989" s="1" t="s">
        <v>17794</v>
      </c>
      <c r="E20989" s="1" t="s">
        <v>7</v>
      </c>
    </row>
    <row r="20990">
      <c r="A20990" s="1">
        <v>4.90821316E8</v>
      </c>
      <c r="B20990" s="2">
        <v>17179.0</v>
      </c>
      <c r="C20990" s="1" t="s">
        <v>5</v>
      </c>
      <c r="D20990" s="1" t="s">
        <v>17795</v>
      </c>
      <c r="E20990" s="1" t="s">
        <v>7</v>
      </c>
    </row>
    <row r="20991">
      <c r="A20991" s="1">
        <v>4.90821326E8</v>
      </c>
      <c r="B20991" s="2">
        <v>17276.0</v>
      </c>
      <c r="C20991" s="1" t="s">
        <v>5</v>
      </c>
      <c r="D20991" s="1" t="s">
        <v>17796</v>
      </c>
      <c r="E20991" s="1" t="s">
        <v>7</v>
      </c>
    </row>
    <row r="20992">
      <c r="A20992" s="1">
        <v>4.90821374E8</v>
      </c>
      <c r="B20992" s="3">
        <v>17318.0</v>
      </c>
      <c r="C20992" s="1" t="s">
        <v>5</v>
      </c>
      <c r="D20992" s="1" t="s">
        <v>11</v>
      </c>
      <c r="E20992" s="1" t="s">
        <v>7</v>
      </c>
    </row>
    <row r="20993">
      <c r="A20993" s="1">
        <v>4.90821447E8</v>
      </c>
      <c r="B20993" s="2">
        <v>17169.0</v>
      </c>
      <c r="C20993" s="1" t="s">
        <v>5</v>
      </c>
      <c r="D20993" s="1" t="s">
        <v>17797</v>
      </c>
      <c r="E20993" s="1" t="s">
        <v>17798</v>
      </c>
    </row>
    <row r="20994">
      <c r="A20994" s="1">
        <v>4.90821514E8</v>
      </c>
      <c r="B20994" s="2">
        <v>17181.0</v>
      </c>
      <c r="C20994" s="1" t="s">
        <v>5</v>
      </c>
      <c r="D20994" s="1" t="s">
        <v>17799</v>
      </c>
      <c r="E20994" s="1" t="s">
        <v>17800</v>
      </c>
    </row>
    <row r="20995">
      <c r="A20995" s="1">
        <v>4.90821606E8</v>
      </c>
      <c r="B20995" s="2">
        <v>17277.0</v>
      </c>
      <c r="C20995" s="1" t="s">
        <v>5</v>
      </c>
      <c r="D20995" s="1" t="s">
        <v>17801</v>
      </c>
      <c r="E20995" s="1" t="s">
        <v>7</v>
      </c>
    </row>
    <row r="20996">
      <c r="A20996" s="1">
        <v>4.90821646E8</v>
      </c>
      <c r="B20996" s="2">
        <v>17260.0</v>
      </c>
      <c r="C20996" s="1" t="s">
        <v>5</v>
      </c>
      <c r="D20996" s="1" t="s">
        <v>17802</v>
      </c>
      <c r="E20996" s="1" t="s">
        <v>7</v>
      </c>
    </row>
    <row r="20997">
      <c r="A20997" s="1">
        <v>4.90821698E8</v>
      </c>
      <c r="B20997" s="2">
        <v>17276.0</v>
      </c>
      <c r="C20997" s="1" t="s">
        <v>5</v>
      </c>
      <c r="D20997" s="1" t="s">
        <v>17803</v>
      </c>
      <c r="E20997" s="1" t="s">
        <v>7</v>
      </c>
    </row>
    <row r="20998">
      <c r="A20998" s="1">
        <v>4.90821699E8</v>
      </c>
      <c r="B20998" s="2">
        <v>17179.0</v>
      </c>
      <c r="C20998" s="1" t="s">
        <v>5</v>
      </c>
      <c r="D20998" s="1" t="s">
        <v>17804</v>
      </c>
      <c r="E20998" s="1" t="s">
        <v>11</v>
      </c>
    </row>
    <row r="20999">
      <c r="A20999" s="1">
        <v>4.9082174E8</v>
      </c>
      <c r="B20999" s="2">
        <v>17178.0</v>
      </c>
      <c r="C20999" s="1" t="s">
        <v>5</v>
      </c>
      <c r="D20999" s="1" t="s">
        <v>17805</v>
      </c>
      <c r="E20999" s="1" t="s">
        <v>7</v>
      </c>
    </row>
    <row r="21000">
      <c r="A21000" s="1">
        <v>4.90821788E8</v>
      </c>
      <c r="B21000" s="3">
        <v>17315.0</v>
      </c>
      <c r="C21000" s="1" t="s">
        <v>5</v>
      </c>
      <c r="D21000" s="1" t="s">
        <v>17806</v>
      </c>
      <c r="E21000" s="1" t="s">
        <v>7</v>
      </c>
    </row>
    <row r="21001">
      <c r="A21001" s="1">
        <v>4.90821828E8</v>
      </c>
      <c r="B21001" s="2">
        <v>17277.0</v>
      </c>
      <c r="C21001" s="1" t="s">
        <v>5</v>
      </c>
      <c r="D21001" s="1" t="s">
        <v>17807</v>
      </c>
      <c r="E21001" s="1" t="s">
        <v>7</v>
      </c>
    </row>
    <row r="21002">
      <c r="A21002" s="1">
        <v>4.90821862E8</v>
      </c>
      <c r="B21002" s="2">
        <v>17277.0</v>
      </c>
      <c r="C21002" s="1" t="s">
        <v>5</v>
      </c>
      <c r="D21002" s="1" t="s">
        <v>11</v>
      </c>
      <c r="E21002" s="1" t="s">
        <v>7</v>
      </c>
    </row>
    <row r="21003">
      <c r="A21003" s="1">
        <v>4.90821938E8</v>
      </c>
      <c r="B21003" s="3">
        <v>17303.0</v>
      </c>
      <c r="C21003" s="1" t="s">
        <v>5</v>
      </c>
      <c r="D21003" s="1" t="s">
        <v>11</v>
      </c>
      <c r="E21003" s="1" t="s">
        <v>7</v>
      </c>
    </row>
    <row r="21004">
      <c r="A21004" s="1">
        <v>4.90821972E8</v>
      </c>
      <c r="B21004" s="2">
        <v>17202.0</v>
      </c>
      <c r="C21004" s="1" t="s">
        <v>5</v>
      </c>
      <c r="D21004" s="1" t="s">
        <v>17808</v>
      </c>
      <c r="E21004" s="1" t="s">
        <v>7</v>
      </c>
    </row>
    <row r="21005">
      <c r="A21005" s="1">
        <v>4.90821985E8</v>
      </c>
      <c r="B21005" s="3">
        <v>17314.0</v>
      </c>
      <c r="C21005" s="1" t="s">
        <v>5</v>
      </c>
      <c r="D21005" s="1" t="s">
        <v>11</v>
      </c>
      <c r="E21005" s="1" t="s">
        <v>7</v>
      </c>
    </row>
    <row r="21006">
      <c r="A21006" s="1">
        <v>4.90822035E8</v>
      </c>
      <c r="B21006" s="2">
        <v>17322.0</v>
      </c>
      <c r="C21006" s="1" t="s">
        <v>5</v>
      </c>
      <c r="D21006" s="1" t="s">
        <v>11</v>
      </c>
      <c r="E21006" s="1" t="s">
        <v>7</v>
      </c>
    </row>
    <row r="21007">
      <c r="A21007" s="1">
        <v>4.90822066E8</v>
      </c>
      <c r="B21007" s="2">
        <v>17168.0</v>
      </c>
      <c r="C21007" s="1" t="s">
        <v>5</v>
      </c>
      <c r="D21007" s="1" t="s">
        <v>11</v>
      </c>
      <c r="E21007" s="1" t="s">
        <v>7</v>
      </c>
    </row>
    <row r="21008">
      <c r="A21008" s="1">
        <v>4.90822067E8</v>
      </c>
      <c r="B21008" s="2">
        <v>17272.0</v>
      </c>
      <c r="C21008" s="1" t="s">
        <v>5</v>
      </c>
      <c r="D21008" s="1" t="s">
        <v>17809</v>
      </c>
      <c r="E21008" s="1" t="s">
        <v>7</v>
      </c>
    </row>
    <row r="21009">
      <c r="A21009" s="1">
        <v>4.90822069E8</v>
      </c>
      <c r="B21009" s="3">
        <v>17317.0</v>
      </c>
      <c r="C21009" s="1" t="s">
        <v>5</v>
      </c>
      <c r="D21009" s="1" t="s">
        <v>17810</v>
      </c>
      <c r="E21009" s="1" t="s">
        <v>17811</v>
      </c>
    </row>
    <row r="21010">
      <c r="A21010" s="1">
        <v>4.90822071E8</v>
      </c>
      <c r="B21010" s="2">
        <v>17277.0</v>
      </c>
      <c r="C21010" s="1" t="s">
        <v>5</v>
      </c>
      <c r="D21010" s="1" t="s">
        <v>11</v>
      </c>
      <c r="E21010" s="1" t="s">
        <v>7</v>
      </c>
    </row>
    <row r="21011">
      <c r="A21011" s="1">
        <v>4.90822086E8</v>
      </c>
      <c r="B21011" s="3">
        <v>17303.0</v>
      </c>
      <c r="C21011" s="1" t="s">
        <v>5</v>
      </c>
      <c r="D21011" s="1" t="s">
        <v>17812</v>
      </c>
      <c r="E21011" s="1" t="s">
        <v>11</v>
      </c>
    </row>
    <row r="21012">
      <c r="A21012" s="1">
        <v>4.90822089E8</v>
      </c>
      <c r="B21012" s="3">
        <v>17317.0</v>
      </c>
      <c r="C21012" s="1" t="s">
        <v>5</v>
      </c>
      <c r="D21012" s="1" t="s">
        <v>17813</v>
      </c>
      <c r="E21012" s="1" t="s">
        <v>11</v>
      </c>
    </row>
    <row r="21013">
      <c r="A21013" s="1">
        <v>4.90822129E8</v>
      </c>
      <c r="B21013" s="2">
        <v>17277.0</v>
      </c>
      <c r="C21013" s="1" t="s">
        <v>5</v>
      </c>
      <c r="D21013" s="1" t="s">
        <v>17814</v>
      </c>
      <c r="E21013" s="1" t="s">
        <v>7</v>
      </c>
    </row>
    <row r="21014">
      <c r="A21014" s="1">
        <v>4.9082213E8</v>
      </c>
      <c r="B21014" s="2">
        <v>17177.0</v>
      </c>
      <c r="C21014" s="1" t="s">
        <v>5</v>
      </c>
      <c r="D21014" s="1" t="s">
        <v>11</v>
      </c>
      <c r="E21014" s="1" t="s">
        <v>7</v>
      </c>
    </row>
    <row r="21015">
      <c r="A21015" s="1">
        <v>4.90822152E8</v>
      </c>
      <c r="B21015" s="2">
        <v>17272.0</v>
      </c>
      <c r="C21015" s="1" t="s">
        <v>5</v>
      </c>
      <c r="D21015" s="1" t="s">
        <v>17815</v>
      </c>
      <c r="E21015" s="1" t="s">
        <v>11</v>
      </c>
    </row>
    <row r="21016">
      <c r="A21016" s="1">
        <v>4.90822166E8</v>
      </c>
      <c r="B21016" s="2">
        <v>17272.0</v>
      </c>
      <c r="C21016" s="1" t="s">
        <v>5</v>
      </c>
      <c r="D21016" s="1" t="s">
        <v>17816</v>
      </c>
      <c r="E21016" s="1" t="s">
        <v>7</v>
      </c>
    </row>
    <row r="21017">
      <c r="A21017" s="1">
        <v>4.90822211E8</v>
      </c>
      <c r="B21017" s="3">
        <v>17312.0</v>
      </c>
      <c r="C21017" s="1" t="s">
        <v>5</v>
      </c>
      <c r="D21017" s="1" t="s">
        <v>17817</v>
      </c>
      <c r="E21017" s="1" t="s">
        <v>7</v>
      </c>
    </row>
    <row r="21018">
      <c r="A21018" s="1">
        <v>4.90822217E8</v>
      </c>
      <c r="B21018" s="2">
        <v>17332.0</v>
      </c>
      <c r="C21018" s="1" t="s">
        <v>5</v>
      </c>
      <c r="D21018" s="1" t="s">
        <v>17818</v>
      </c>
      <c r="E21018" s="1" t="s">
        <v>7</v>
      </c>
    </row>
    <row r="21019">
      <c r="A21019" s="1">
        <v>4.90822221E8</v>
      </c>
      <c r="B21019" s="3">
        <v>17317.0</v>
      </c>
      <c r="C21019" s="1" t="s">
        <v>5</v>
      </c>
      <c r="D21019" s="1" t="s">
        <v>17819</v>
      </c>
      <c r="E21019" s="1" t="s">
        <v>11</v>
      </c>
    </row>
    <row r="21020">
      <c r="A21020" s="1">
        <v>4.9082232E8</v>
      </c>
      <c r="B21020" s="2">
        <v>17204.0</v>
      </c>
      <c r="C21020" s="1" t="s">
        <v>5</v>
      </c>
      <c r="D21020" s="1" t="s">
        <v>17820</v>
      </c>
      <c r="E21020" s="1" t="s">
        <v>11</v>
      </c>
    </row>
    <row r="21021">
      <c r="A21021" s="1">
        <v>4.90822433E8</v>
      </c>
      <c r="B21021" s="3">
        <v>17308.0</v>
      </c>
      <c r="C21021" s="1" t="s">
        <v>5</v>
      </c>
      <c r="D21021" s="1" t="s">
        <v>11</v>
      </c>
      <c r="E21021" s="1" t="s">
        <v>7</v>
      </c>
    </row>
    <row r="21022">
      <c r="A21022" s="1">
        <v>4.90822439E8</v>
      </c>
      <c r="B21022" s="3">
        <v>17296.0</v>
      </c>
      <c r="C21022" s="1" t="s">
        <v>5</v>
      </c>
      <c r="D21022" s="1" t="s">
        <v>17821</v>
      </c>
      <c r="E21022" s="1" t="s">
        <v>7</v>
      </c>
    </row>
    <row r="21023">
      <c r="A21023" s="1">
        <v>4.90822458E8</v>
      </c>
      <c r="B21023" s="2">
        <v>17277.0</v>
      </c>
      <c r="C21023" s="1" t="s">
        <v>5</v>
      </c>
      <c r="D21023" s="1" t="s">
        <v>11</v>
      </c>
      <c r="E21023" s="1" t="s">
        <v>7</v>
      </c>
    </row>
    <row r="21024">
      <c r="A21024" s="1">
        <v>4.90822487E8</v>
      </c>
      <c r="B21024" s="3">
        <v>17310.0</v>
      </c>
      <c r="C21024" s="1" t="s">
        <v>5</v>
      </c>
      <c r="D21024" s="1" t="s">
        <v>17822</v>
      </c>
      <c r="E21024" s="1" t="s">
        <v>7</v>
      </c>
    </row>
    <row r="21025">
      <c r="A21025" s="1">
        <v>4.90822567E8</v>
      </c>
      <c r="B21025" s="2">
        <v>17276.0</v>
      </c>
      <c r="C21025" s="1" t="s">
        <v>5</v>
      </c>
      <c r="D21025" s="1" t="s">
        <v>17823</v>
      </c>
      <c r="E21025" s="1" t="s">
        <v>7</v>
      </c>
    </row>
    <row r="21026">
      <c r="A21026" s="1">
        <v>4.90822592E8</v>
      </c>
      <c r="B21026" s="3">
        <v>17312.0</v>
      </c>
      <c r="C21026" s="1" t="s">
        <v>5</v>
      </c>
      <c r="D21026" s="1" t="s">
        <v>17824</v>
      </c>
      <c r="E21026" s="1" t="s">
        <v>7</v>
      </c>
    </row>
    <row r="21027">
      <c r="A21027" s="1">
        <v>4.90822654E8</v>
      </c>
      <c r="B21027" s="3">
        <v>17309.0</v>
      </c>
      <c r="C21027" s="1" t="s">
        <v>5</v>
      </c>
      <c r="D21027" s="1" t="s">
        <v>17825</v>
      </c>
      <c r="E21027" s="1" t="s">
        <v>7</v>
      </c>
    </row>
    <row r="21028">
      <c r="A21028" s="1">
        <v>4.90822665E8</v>
      </c>
      <c r="B21028" s="3">
        <v>17309.0</v>
      </c>
      <c r="C21028" s="1" t="s">
        <v>5</v>
      </c>
      <c r="D21028" s="1" t="s">
        <v>17826</v>
      </c>
      <c r="E21028" s="1" t="s">
        <v>11</v>
      </c>
    </row>
    <row r="21029">
      <c r="A21029" s="1">
        <v>4.90822679E8</v>
      </c>
      <c r="B21029" s="3">
        <v>17309.0</v>
      </c>
      <c r="C21029" s="1" t="s">
        <v>5</v>
      </c>
      <c r="D21029" s="1" t="s">
        <v>17827</v>
      </c>
      <c r="E21029" s="1" t="s">
        <v>7</v>
      </c>
    </row>
    <row r="21030">
      <c r="A21030" s="1">
        <v>4.908227E8</v>
      </c>
      <c r="B21030" s="2">
        <v>17223.0</v>
      </c>
      <c r="C21030" s="1" t="s">
        <v>5</v>
      </c>
      <c r="D21030" s="1" t="s">
        <v>17828</v>
      </c>
      <c r="E21030" s="1" t="s">
        <v>11</v>
      </c>
    </row>
    <row r="21031">
      <c r="A21031" s="1">
        <v>4.90822719E8</v>
      </c>
      <c r="B21031" s="2">
        <v>17333.0</v>
      </c>
      <c r="C21031" s="1" t="s">
        <v>5</v>
      </c>
      <c r="D21031" s="1" t="s">
        <v>17829</v>
      </c>
      <c r="E21031" s="1" t="s">
        <v>7</v>
      </c>
    </row>
    <row r="21032">
      <c r="A21032" s="1">
        <v>4.90822721E8</v>
      </c>
      <c r="B21032" s="3">
        <v>17315.0</v>
      </c>
      <c r="C21032" s="1" t="s">
        <v>5</v>
      </c>
      <c r="D21032" s="1" t="s">
        <v>7</v>
      </c>
      <c r="E21032" s="1" t="s">
        <v>7</v>
      </c>
    </row>
    <row r="21033">
      <c r="A21033" s="1">
        <v>4.90822752E8</v>
      </c>
      <c r="B21033" s="2">
        <v>17347.0</v>
      </c>
      <c r="C21033" s="1" t="s">
        <v>5</v>
      </c>
      <c r="D21033" s="1" t="s">
        <v>17830</v>
      </c>
      <c r="E21033" s="1" t="s">
        <v>7</v>
      </c>
    </row>
    <row r="21034">
      <c r="A21034" s="1">
        <v>4.90822754E8</v>
      </c>
      <c r="B21034" s="2">
        <v>17168.0</v>
      </c>
      <c r="C21034" s="1" t="s">
        <v>5</v>
      </c>
      <c r="D21034" s="1" t="s">
        <v>17831</v>
      </c>
      <c r="E21034" s="1" t="s">
        <v>11</v>
      </c>
    </row>
    <row r="21035">
      <c r="A21035" s="1">
        <v>4.90822769E8</v>
      </c>
      <c r="B21035" s="2">
        <v>17332.0</v>
      </c>
      <c r="C21035" s="1" t="s">
        <v>5</v>
      </c>
      <c r="D21035" s="1" t="s">
        <v>17832</v>
      </c>
      <c r="E21035" s="1" t="s">
        <v>7</v>
      </c>
    </row>
    <row r="21036">
      <c r="A21036" s="1">
        <v>4.90822786E8</v>
      </c>
      <c r="B21036" s="3">
        <v>17311.0</v>
      </c>
      <c r="C21036" s="1" t="s">
        <v>5</v>
      </c>
      <c r="D21036" s="1" t="s">
        <v>17833</v>
      </c>
      <c r="E21036" s="1" t="s">
        <v>17834</v>
      </c>
    </row>
    <row r="21037">
      <c r="A21037" s="1">
        <v>4.90822792E8</v>
      </c>
      <c r="B21037" s="2">
        <v>17346.0</v>
      </c>
      <c r="C21037" s="1" t="s">
        <v>5</v>
      </c>
      <c r="D21037" s="1" t="s">
        <v>17835</v>
      </c>
      <c r="E21037" s="1" t="s">
        <v>7</v>
      </c>
    </row>
    <row r="21038">
      <c r="A21038" s="1">
        <v>4.90822828E8</v>
      </c>
      <c r="B21038" s="3">
        <v>17311.0</v>
      </c>
      <c r="C21038" s="1" t="s">
        <v>5</v>
      </c>
      <c r="D21038" s="1" t="s">
        <v>17836</v>
      </c>
      <c r="E21038" s="1" t="s">
        <v>7</v>
      </c>
    </row>
    <row r="21039">
      <c r="A21039" s="1">
        <v>4.90822839E8</v>
      </c>
      <c r="B21039" s="2">
        <v>17168.0</v>
      </c>
      <c r="C21039" s="1" t="s">
        <v>5</v>
      </c>
      <c r="D21039" s="1" t="s">
        <v>17837</v>
      </c>
      <c r="E21039" s="1" t="s">
        <v>7</v>
      </c>
    </row>
    <row r="21040">
      <c r="A21040" s="1">
        <v>4.90822868E8</v>
      </c>
      <c r="B21040" s="3">
        <v>17314.0</v>
      </c>
      <c r="C21040" s="1" t="s">
        <v>5</v>
      </c>
      <c r="D21040" s="1" t="s">
        <v>11</v>
      </c>
      <c r="E21040" s="1" t="s">
        <v>7</v>
      </c>
    </row>
    <row r="21041">
      <c r="A21041" s="1">
        <v>4.90822956E8</v>
      </c>
      <c r="B21041" s="2">
        <v>17346.0</v>
      </c>
      <c r="C21041" s="1" t="s">
        <v>5</v>
      </c>
      <c r="D21041" s="1" t="s">
        <v>17838</v>
      </c>
      <c r="E21041" s="1" t="s">
        <v>11</v>
      </c>
    </row>
    <row r="21042">
      <c r="A21042" s="1">
        <v>4.90822993E8</v>
      </c>
      <c r="B21042" s="2">
        <v>17221.0</v>
      </c>
      <c r="C21042" s="1" t="s">
        <v>5</v>
      </c>
      <c r="D21042" s="1" t="s">
        <v>17839</v>
      </c>
      <c r="E21042" s="1" t="s">
        <v>11</v>
      </c>
    </row>
    <row r="21043">
      <c r="A21043" s="1">
        <v>4.90823019E8</v>
      </c>
      <c r="B21043" s="3">
        <v>17314.0</v>
      </c>
      <c r="C21043" s="1" t="s">
        <v>5</v>
      </c>
      <c r="D21043" s="1" t="s">
        <v>11</v>
      </c>
      <c r="E21043" s="1" t="s">
        <v>7</v>
      </c>
    </row>
    <row r="21044">
      <c r="A21044" s="1">
        <v>4.90823021E8</v>
      </c>
      <c r="B21044" s="3">
        <v>17305.0</v>
      </c>
      <c r="C21044" s="1" t="s">
        <v>5</v>
      </c>
      <c r="D21044" s="1" t="s">
        <v>17840</v>
      </c>
      <c r="E21044" s="1" t="s">
        <v>7</v>
      </c>
    </row>
    <row r="21045">
      <c r="A21045" s="1">
        <v>4.90823066E8</v>
      </c>
      <c r="B21045" s="2">
        <v>17226.0</v>
      </c>
      <c r="C21045" s="1" t="s">
        <v>5</v>
      </c>
      <c r="D21045" s="1" t="s">
        <v>11</v>
      </c>
      <c r="E21045" s="1" t="s">
        <v>7</v>
      </c>
    </row>
    <row r="21046">
      <c r="A21046" s="1">
        <v>4.90823067E8</v>
      </c>
      <c r="B21046" s="2">
        <v>17169.0</v>
      </c>
      <c r="C21046" s="1" t="s">
        <v>5</v>
      </c>
      <c r="D21046" s="1" t="s">
        <v>17841</v>
      </c>
      <c r="E21046" s="1" t="s">
        <v>7</v>
      </c>
    </row>
    <row r="21047">
      <c r="A21047" s="1">
        <v>4.90823092E8</v>
      </c>
      <c r="B21047" s="2">
        <v>17332.0</v>
      </c>
      <c r="C21047" s="1" t="s">
        <v>5</v>
      </c>
      <c r="D21047" s="1" t="s">
        <v>17842</v>
      </c>
      <c r="E21047" s="1" t="s">
        <v>11</v>
      </c>
    </row>
    <row r="21048">
      <c r="A21048" s="1">
        <v>4.9082316E8</v>
      </c>
      <c r="B21048" s="2">
        <v>17169.0</v>
      </c>
      <c r="C21048" s="1" t="s">
        <v>5</v>
      </c>
      <c r="D21048" s="1" t="s">
        <v>11</v>
      </c>
      <c r="E21048" s="1" t="s">
        <v>7</v>
      </c>
    </row>
    <row r="21049">
      <c r="A21049" s="1">
        <v>4.90823179E8</v>
      </c>
      <c r="B21049" s="2">
        <v>17266.0</v>
      </c>
      <c r="C21049" s="1" t="s">
        <v>5</v>
      </c>
      <c r="D21049" s="1" t="s">
        <v>17843</v>
      </c>
      <c r="E21049" s="1" t="s">
        <v>7</v>
      </c>
    </row>
    <row r="21050">
      <c r="A21050" s="1">
        <v>4.90823249E8</v>
      </c>
      <c r="B21050" s="2">
        <v>17338.0</v>
      </c>
      <c r="C21050" s="1" t="s">
        <v>5</v>
      </c>
      <c r="D21050" s="1" t="s">
        <v>11</v>
      </c>
      <c r="E21050" s="1" t="s">
        <v>7</v>
      </c>
    </row>
    <row r="21051">
      <c r="A21051" s="1">
        <v>4.90823265E8</v>
      </c>
      <c r="B21051" s="3">
        <v>17309.0</v>
      </c>
      <c r="C21051" s="1" t="s">
        <v>5</v>
      </c>
      <c r="D21051" s="1" t="s">
        <v>17844</v>
      </c>
      <c r="E21051" s="1" t="s">
        <v>17845</v>
      </c>
    </row>
    <row r="21052">
      <c r="A21052" s="1">
        <v>4.90823327E8</v>
      </c>
      <c r="B21052" s="2">
        <v>17333.0</v>
      </c>
      <c r="C21052" s="1" t="s">
        <v>5</v>
      </c>
      <c r="D21052" s="1" t="s">
        <v>17846</v>
      </c>
      <c r="E21052" s="1" t="s">
        <v>7</v>
      </c>
    </row>
    <row r="21053">
      <c r="A21053" s="1">
        <v>4.90823376E8</v>
      </c>
      <c r="B21053" s="2">
        <v>17224.0</v>
      </c>
      <c r="C21053" s="1" t="s">
        <v>5</v>
      </c>
      <c r="D21053" s="1" t="s">
        <v>17847</v>
      </c>
      <c r="E21053" s="1" t="s">
        <v>7</v>
      </c>
    </row>
    <row r="21054">
      <c r="A21054" s="1">
        <v>4.90823377E8</v>
      </c>
      <c r="B21054" s="2">
        <v>17328.0</v>
      </c>
      <c r="C21054" s="1" t="s">
        <v>5</v>
      </c>
      <c r="D21054" s="1" t="s">
        <v>11</v>
      </c>
      <c r="E21054" s="1" t="s">
        <v>7</v>
      </c>
    </row>
    <row r="21055">
      <c r="A21055" s="1">
        <v>4.90823382E8</v>
      </c>
      <c r="B21055" s="3">
        <v>17304.0</v>
      </c>
      <c r="C21055" s="1" t="s">
        <v>5</v>
      </c>
      <c r="D21055" s="1" t="s">
        <v>17848</v>
      </c>
      <c r="E21055" s="1" t="s">
        <v>7</v>
      </c>
    </row>
    <row r="21056">
      <c r="A21056" s="1">
        <v>4.90823404E8</v>
      </c>
      <c r="B21056" s="2">
        <v>17224.0</v>
      </c>
      <c r="C21056" s="1" t="s">
        <v>5</v>
      </c>
      <c r="D21056" s="1" t="s">
        <v>17849</v>
      </c>
      <c r="E21056" s="1" t="s">
        <v>17850</v>
      </c>
    </row>
    <row r="21057">
      <c r="A21057" s="1">
        <v>4.90823431E8</v>
      </c>
      <c r="B21057" s="2">
        <v>17265.0</v>
      </c>
      <c r="C21057" s="1" t="s">
        <v>5</v>
      </c>
      <c r="D21057" s="1" t="s">
        <v>17851</v>
      </c>
      <c r="E21057" s="1" t="s">
        <v>7</v>
      </c>
    </row>
    <row r="21058">
      <c r="A21058" s="1">
        <v>4.9082344E8</v>
      </c>
      <c r="B21058" s="2">
        <v>17272.0</v>
      </c>
      <c r="C21058" s="1" t="s">
        <v>5</v>
      </c>
      <c r="D21058" s="1" t="s">
        <v>17852</v>
      </c>
      <c r="E21058" s="1" t="s">
        <v>7</v>
      </c>
    </row>
    <row r="21059">
      <c r="A21059" s="1">
        <v>4.90823453E8</v>
      </c>
      <c r="B21059" s="2">
        <v>17338.0</v>
      </c>
      <c r="C21059" s="1" t="s">
        <v>5</v>
      </c>
      <c r="D21059" s="1" t="s">
        <v>17853</v>
      </c>
      <c r="E21059" s="1" t="s">
        <v>11</v>
      </c>
    </row>
    <row r="21060">
      <c r="A21060" s="1">
        <v>4.90823463E8</v>
      </c>
      <c r="B21060" s="2">
        <v>17263.0</v>
      </c>
      <c r="C21060" s="1" t="s">
        <v>5</v>
      </c>
      <c r="D21060" s="1" t="s">
        <v>17854</v>
      </c>
      <c r="E21060" s="1" t="s">
        <v>7</v>
      </c>
    </row>
    <row r="21061">
      <c r="A21061" s="1">
        <v>4.90823479E8</v>
      </c>
      <c r="B21061" s="2">
        <v>17336.0</v>
      </c>
      <c r="C21061" s="1" t="s">
        <v>5</v>
      </c>
      <c r="D21061" s="1" t="s">
        <v>17855</v>
      </c>
      <c r="E21061" s="1" t="s">
        <v>7</v>
      </c>
    </row>
    <row r="21062">
      <c r="A21062" s="1">
        <v>4.90823581E8</v>
      </c>
      <c r="B21062" s="3">
        <v>17296.0</v>
      </c>
      <c r="C21062" s="1" t="s">
        <v>5</v>
      </c>
      <c r="D21062" s="1" t="s">
        <v>17856</v>
      </c>
      <c r="E21062" s="1" t="s">
        <v>11</v>
      </c>
    </row>
    <row r="21063">
      <c r="A21063" s="1">
        <v>4.90823641E8</v>
      </c>
      <c r="B21063" s="3">
        <v>17300.0</v>
      </c>
      <c r="C21063" s="1" t="s">
        <v>5</v>
      </c>
      <c r="D21063" s="1" t="s">
        <v>11</v>
      </c>
      <c r="E21063" s="1" t="s">
        <v>7</v>
      </c>
    </row>
    <row r="21064">
      <c r="A21064" s="1">
        <v>4.90823649E8</v>
      </c>
      <c r="B21064" s="2">
        <v>17330.0</v>
      </c>
      <c r="C21064" s="1" t="s">
        <v>5</v>
      </c>
      <c r="D21064" s="1" t="s">
        <v>17857</v>
      </c>
      <c r="E21064" s="1" t="s">
        <v>7</v>
      </c>
    </row>
    <row r="21065">
      <c r="A21065" s="1">
        <v>4.90823656E8</v>
      </c>
      <c r="B21065" s="2">
        <v>17325.0</v>
      </c>
      <c r="C21065" s="1" t="s">
        <v>5</v>
      </c>
      <c r="D21065" s="1" t="s">
        <v>17858</v>
      </c>
      <c r="E21065" s="1" t="s">
        <v>7</v>
      </c>
    </row>
    <row r="21066">
      <c r="A21066" s="1">
        <v>4.90823684E8</v>
      </c>
      <c r="B21066" s="3">
        <v>17296.0</v>
      </c>
      <c r="C21066" s="1" t="s">
        <v>5</v>
      </c>
      <c r="D21066" s="1" t="s">
        <v>17859</v>
      </c>
      <c r="E21066" s="1" t="s">
        <v>11</v>
      </c>
    </row>
    <row r="21067">
      <c r="A21067" s="1">
        <v>4.90823722E8</v>
      </c>
      <c r="B21067" s="2">
        <v>17337.0</v>
      </c>
      <c r="C21067" s="1" t="s">
        <v>5</v>
      </c>
      <c r="D21067" s="1" t="s">
        <v>17860</v>
      </c>
      <c r="E21067" s="1" t="s">
        <v>17861</v>
      </c>
    </row>
    <row r="21068">
      <c r="A21068" s="1">
        <v>4.90823739E8</v>
      </c>
      <c r="B21068" s="3">
        <v>17298.0</v>
      </c>
      <c r="C21068" s="1" t="s">
        <v>5</v>
      </c>
      <c r="D21068" s="1" t="s">
        <v>11</v>
      </c>
      <c r="E21068" s="1" t="s">
        <v>7</v>
      </c>
    </row>
    <row r="21069">
      <c r="A21069" s="1">
        <v>4.90823768E8</v>
      </c>
      <c r="B21069" s="3">
        <v>17307.0</v>
      </c>
      <c r="C21069" s="1" t="s">
        <v>5</v>
      </c>
      <c r="D21069" s="1" t="s">
        <v>17862</v>
      </c>
      <c r="E21069" s="1" t="s">
        <v>11</v>
      </c>
    </row>
    <row r="21070">
      <c r="A21070" s="1">
        <v>4.90823777E8</v>
      </c>
      <c r="B21070" s="2">
        <v>17325.0</v>
      </c>
      <c r="C21070" s="1" t="s">
        <v>5</v>
      </c>
      <c r="D21070" s="1" t="s">
        <v>17863</v>
      </c>
      <c r="E21070" s="1" t="s">
        <v>11</v>
      </c>
    </row>
    <row r="21071">
      <c r="A21071" s="1">
        <v>4.90823779E8</v>
      </c>
      <c r="B21071" s="2">
        <v>17336.0</v>
      </c>
      <c r="C21071" s="1" t="s">
        <v>5</v>
      </c>
      <c r="D21071" s="1" t="s">
        <v>17864</v>
      </c>
      <c r="E21071" s="1" t="s">
        <v>7</v>
      </c>
    </row>
    <row r="21072">
      <c r="A21072" s="1">
        <v>4.90823806E8</v>
      </c>
      <c r="B21072" s="3">
        <v>17308.0</v>
      </c>
      <c r="C21072" s="1" t="s">
        <v>5</v>
      </c>
      <c r="D21072" s="1" t="s">
        <v>17865</v>
      </c>
      <c r="E21072" s="1" t="s">
        <v>11</v>
      </c>
    </row>
    <row r="21073">
      <c r="A21073" s="1">
        <v>4.90823829E8</v>
      </c>
      <c r="B21073" s="2">
        <v>17221.0</v>
      </c>
      <c r="C21073" s="1" t="s">
        <v>5</v>
      </c>
      <c r="D21073" s="1" t="s">
        <v>17866</v>
      </c>
      <c r="E21073" s="1" t="s">
        <v>7</v>
      </c>
    </row>
    <row r="21074">
      <c r="A21074" s="1">
        <v>4.90823859E8</v>
      </c>
      <c r="B21074" s="2">
        <v>17335.0</v>
      </c>
      <c r="C21074" s="1" t="s">
        <v>5</v>
      </c>
      <c r="D21074" s="1" t="s">
        <v>11</v>
      </c>
      <c r="E21074" s="1" t="s">
        <v>7</v>
      </c>
    </row>
    <row r="21075">
      <c r="A21075" s="1">
        <v>4.9082386E8</v>
      </c>
      <c r="B21075" s="2">
        <v>17337.0</v>
      </c>
      <c r="C21075" s="1" t="s">
        <v>5</v>
      </c>
      <c r="D21075" s="1" t="s">
        <v>11</v>
      </c>
      <c r="E21075" s="1" t="s">
        <v>7</v>
      </c>
    </row>
    <row r="21076">
      <c r="A21076" s="1">
        <v>4.90823878E8</v>
      </c>
      <c r="B21076" s="2">
        <v>17326.0</v>
      </c>
      <c r="C21076" s="1" t="s">
        <v>5</v>
      </c>
      <c r="D21076" s="1" t="s">
        <v>17867</v>
      </c>
      <c r="E21076" s="1" t="s">
        <v>7</v>
      </c>
    </row>
    <row r="21077">
      <c r="A21077" s="1">
        <v>4.90823907E8</v>
      </c>
      <c r="B21077" s="2">
        <v>17319.0</v>
      </c>
      <c r="C21077" s="1" t="s">
        <v>5</v>
      </c>
      <c r="D21077" s="1" t="s">
        <v>11</v>
      </c>
      <c r="E21077" s="1" t="s">
        <v>7</v>
      </c>
    </row>
    <row r="21078">
      <c r="A21078" s="1">
        <v>4.90823923E8</v>
      </c>
      <c r="B21078" s="3">
        <v>17294.0</v>
      </c>
      <c r="C21078" s="1" t="s">
        <v>5</v>
      </c>
      <c r="D21078" s="1" t="s">
        <v>17868</v>
      </c>
      <c r="E21078" s="1" t="s">
        <v>7</v>
      </c>
    </row>
    <row r="21079">
      <c r="A21079" s="1">
        <v>4.90823932E8</v>
      </c>
      <c r="B21079" s="2">
        <v>17223.0</v>
      </c>
      <c r="C21079" s="1" t="s">
        <v>5</v>
      </c>
      <c r="D21079" s="1" t="s">
        <v>11</v>
      </c>
      <c r="E21079" s="1" t="s">
        <v>7</v>
      </c>
    </row>
    <row r="21080">
      <c r="A21080" s="1">
        <v>4.90823946E8</v>
      </c>
      <c r="B21080" s="2">
        <v>17333.0</v>
      </c>
      <c r="C21080" s="1" t="s">
        <v>5</v>
      </c>
      <c r="D21080" s="1" t="s">
        <v>17869</v>
      </c>
      <c r="E21080" s="1" t="s">
        <v>7</v>
      </c>
    </row>
    <row r="21081">
      <c r="A21081" s="1">
        <v>4.90823962E8</v>
      </c>
      <c r="B21081" s="3">
        <v>17305.0</v>
      </c>
      <c r="C21081" s="1" t="s">
        <v>5</v>
      </c>
      <c r="D21081" s="1" t="s">
        <v>11</v>
      </c>
      <c r="E21081" s="1" t="s">
        <v>7</v>
      </c>
    </row>
    <row r="21082">
      <c r="A21082" s="1">
        <v>4.90823966E8</v>
      </c>
      <c r="B21082" s="2">
        <v>17319.0</v>
      </c>
      <c r="C21082" s="1" t="s">
        <v>5</v>
      </c>
      <c r="D21082" s="1" t="s">
        <v>17870</v>
      </c>
      <c r="E21082" s="1" t="s">
        <v>7</v>
      </c>
    </row>
    <row r="21083">
      <c r="A21083" s="1">
        <v>4.90823967E8</v>
      </c>
      <c r="B21083" s="2">
        <v>17262.0</v>
      </c>
      <c r="C21083" s="1" t="s">
        <v>5</v>
      </c>
      <c r="D21083" s="1" t="s">
        <v>17871</v>
      </c>
      <c r="E21083" s="1" t="s">
        <v>17872</v>
      </c>
    </row>
    <row r="21084">
      <c r="A21084" s="1">
        <v>4.90823969E8</v>
      </c>
      <c r="B21084" s="2">
        <v>17262.0</v>
      </c>
      <c r="C21084" s="1" t="s">
        <v>5</v>
      </c>
      <c r="D21084" s="1" t="s">
        <v>17873</v>
      </c>
      <c r="E21084" s="1" t="s">
        <v>7</v>
      </c>
    </row>
    <row r="21085">
      <c r="A21085" s="1">
        <v>4.90823993E8</v>
      </c>
      <c r="B21085" s="2">
        <v>17324.0</v>
      </c>
      <c r="C21085" s="1" t="s">
        <v>5</v>
      </c>
      <c r="D21085" s="1" t="s">
        <v>17874</v>
      </c>
      <c r="E21085" s="1" t="s">
        <v>7</v>
      </c>
    </row>
    <row r="21086">
      <c r="A21086" s="1">
        <v>4.90824001E8</v>
      </c>
      <c r="B21086" s="2">
        <v>17331.0</v>
      </c>
      <c r="C21086" s="1" t="s">
        <v>5</v>
      </c>
      <c r="D21086" s="1" t="s">
        <v>11</v>
      </c>
      <c r="E21086" s="1" t="s">
        <v>7</v>
      </c>
    </row>
    <row r="21087">
      <c r="A21087" s="1">
        <v>4.90824028E8</v>
      </c>
      <c r="B21087" s="2">
        <v>17326.0</v>
      </c>
      <c r="C21087" s="1" t="s">
        <v>5</v>
      </c>
      <c r="D21087" s="1" t="s">
        <v>17875</v>
      </c>
      <c r="E21087" s="1" t="s">
        <v>7</v>
      </c>
    </row>
    <row r="21088">
      <c r="A21088" s="1">
        <v>4.90824047E8</v>
      </c>
      <c r="B21088" s="2">
        <v>17324.0</v>
      </c>
      <c r="C21088" s="1" t="s">
        <v>5</v>
      </c>
      <c r="D21088" s="1" t="s">
        <v>11</v>
      </c>
      <c r="E21088" s="1" t="s">
        <v>7</v>
      </c>
    </row>
    <row r="21089">
      <c r="A21089" s="1">
        <v>4.90824059E8</v>
      </c>
      <c r="B21089" s="2">
        <v>17326.0</v>
      </c>
      <c r="C21089" s="1" t="s">
        <v>5</v>
      </c>
      <c r="D21089" s="1" t="s">
        <v>17876</v>
      </c>
      <c r="E21089" s="1" t="s">
        <v>11</v>
      </c>
    </row>
    <row r="21090">
      <c r="A21090" s="1">
        <v>4.90824072E8</v>
      </c>
      <c r="B21090" s="3">
        <v>17302.0</v>
      </c>
      <c r="C21090" s="1" t="s">
        <v>5</v>
      </c>
      <c r="D21090" s="1" t="s">
        <v>11</v>
      </c>
      <c r="E21090" s="1" t="s">
        <v>7</v>
      </c>
    </row>
    <row r="21091">
      <c r="A21091" s="1">
        <v>4.90824087E8</v>
      </c>
      <c r="B21091" s="2">
        <v>17220.0</v>
      </c>
      <c r="C21091" s="1" t="s">
        <v>5</v>
      </c>
      <c r="D21091" s="1" t="s">
        <v>17877</v>
      </c>
      <c r="E21091" s="1" t="s">
        <v>17878</v>
      </c>
    </row>
    <row r="21092">
      <c r="A21092" s="1">
        <v>4.9082409E8</v>
      </c>
      <c r="B21092" s="2">
        <v>17265.0</v>
      </c>
      <c r="C21092" s="1" t="s">
        <v>5</v>
      </c>
      <c r="D21092" s="1" t="s">
        <v>11</v>
      </c>
      <c r="E21092" s="1" t="s">
        <v>7</v>
      </c>
    </row>
    <row r="21093">
      <c r="A21093" s="1">
        <v>4.90824103E8</v>
      </c>
      <c r="B21093" s="3">
        <v>17297.0</v>
      </c>
      <c r="C21093" s="1" t="s">
        <v>5</v>
      </c>
      <c r="D21093" s="1" t="s">
        <v>11</v>
      </c>
      <c r="E21093" s="1" t="s">
        <v>7</v>
      </c>
    </row>
    <row r="21094">
      <c r="A21094" s="1">
        <v>4.90824114E8</v>
      </c>
      <c r="B21094" s="2">
        <v>17324.0</v>
      </c>
      <c r="C21094" s="1" t="s">
        <v>5</v>
      </c>
      <c r="D21094" s="1" t="s">
        <v>11</v>
      </c>
      <c r="E21094" s="1" t="s">
        <v>7</v>
      </c>
    </row>
    <row r="21095">
      <c r="A21095" s="1">
        <v>4.9082412E8</v>
      </c>
      <c r="B21095" s="2">
        <v>17219.0</v>
      </c>
      <c r="C21095" s="1" t="s">
        <v>5</v>
      </c>
      <c r="D21095" s="1" t="s">
        <v>7</v>
      </c>
      <c r="E21095" s="1" t="s">
        <v>7</v>
      </c>
    </row>
    <row r="21096">
      <c r="A21096" s="1">
        <v>4.90824122E8</v>
      </c>
      <c r="B21096" s="2">
        <v>17267.0</v>
      </c>
      <c r="C21096" s="1" t="s">
        <v>5</v>
      </c>
      <c r="D21096" s="1" t="s">
        <v>11</v>
      </c>
      <c r="E21096" s="1" t="s">
        <v>7</v>
      </c>
    </row>
    <row r="21097">
      <c r="A21097" s="1">
        <v>4.90824124E8</v>
      </c>
      <c r="B21097" s="3">
        <v>17297.0</v>
      </c>
      <c r="C21097" s="1" t="s">
        <v>5</v>
      </c>
      <c r="D21097" s="1" t="s">
        <v>17879</v>
      </c>
      <c r="E21097" s="1" t="s">
        <v>7</v>
      </c>
    </row>
    <row r="21098">
      <c r="A21098" s="1">
        <v>4.90824138E8</v>
      </c>
      <c r="B21098" s="2">
        <v>17258.0</v>
      </c>
      <c r="C21098" s="1" t="s">
        <v>5</v>
      </c>
      <c r="D21098" s="1" t="s">
        <v>17880</v>
      </c>
      <c r="E21098" s="1" t="s">
        <v>17881</v>
      </c>
    </row>
    <row r="21099">
      <c r="A21099" s="1">
        <v>4.90824144E8</v>
      </c>
      <c r="B21099" s="2">
        <v>17346.0</v>
      </c>
      <c r="C21099" s="1" t="s">
        <v>5</v>
      </c>
      <c r="D21099" s="1" t="s">
        <v>17882</v>
      </c>
      <c r="E21099" s="1" t="s">
        <v>11</v>
      </c>
    </row>
    <row r="21100">
      <c r="A21100" s="1">
        <v>4.90824147E8</v>
      </c>
      <c r="B21100" s="2">
        <v>17325.0</v>
      </c>
      <c r="C21100" s="1" t="s">
        <v>5</v>
      </c>
      <c r="D21100" s="1" t="s">
        <v>17883</v>
      </c>
      <c r="E21100" s="1" t="s">
        <v>11</v>
      </c>
    </row>
    <row r="21101">
      <c r="A21101" s="1">
        <v>4.90824161E8</v>
      </c>
      <c r="B21101" s="2">
        <v>17260.0</v>
      </c>
      <c r="C21101" s="1" t="s">
        <v>5</v>
      </c>
      <c r="D21101" s="1" t="s">
        <v>17884</v>
      </c>
      <c r="E21101" s="1" t="s">
        <v>11</v>
      </c>
    </row>
    <row r="21102">
      <c r="A21102" s="1">
        <v>4.90824223E8</v>
      </c>
      <c r="B21102" s="3">
        <v>17301.0</v>
      </c>
      <c r="C21102" s="1" t="s">
        <v>5</v>
      </c>
      <c r="D21102" s="1" t="s">
        <v>17885</v>
      </c>
      <c r="E21102" s="1" t="s">
        <v>11</v>
      </c>
    </row>
    <row r="21103">
      <c r="A21103" s="1">
        <v>4.90824369E8</v>
      </c>
      <c r="B21103" s="2">
        <v>17258.0</v>
      </c>
      <c r="C21103" s="1" t="s">
        <v>5</v>
      </c>
      <c r="D21103" s="1" t="s">
        <v>17886</v>
      </c>
      <c r="E21103" s="1" t="s">
        <v>7</v>
      </c>
    </row>
    <row r="21104">
      <c r="A21104" s="1">
        <v>4.9082442E8</v>
      </c>
      <c r="B21104" s="3">
        <v>17293.0</v>
      </c>
      <c r="C21104" s="1" t="s">
        <v>5</v>
      </c>
      <c r="D21104" s="1" t="s">
        <v>11</v>
      </c>
      <c r="E21104" s="1" t="s">
        <v>7</v>
      </c>
    </row>
    <row r="21105">
      <c r="A21105" s="1">
        <v>4.90824424E8</v>
      </c>
      <c r="B21105" s="2">
        <v>17329.0</v>
      </c>
      <c r="C21105" s="1" t="s">
        <v>5</v>
      </c>
      <c r="D21105" s="1" t="s">
        <v>17887</v>
      </c>
      <c r="E21105" s="1" t="s">
        <v>7</v>
      </c>
    </row>
    <row r="21106">
      <c r="A21106" s="1">
        <v>4.9082444E8</v>
      </c>
      <c r="B21106" s="2">
        <v>17218.0</v>
      </c>
      <c r="C21106" s="1" t="s">
        <v>5</v>
      </c>
      <c r="D21106" s="1" t="s">
        <v>17888</v>
      </c>
      <c r="E21106" s="1" t="s">
        <v>17889</v>
      </c>
    </row>
    <row r="21107">
      <c r="A21107" s="1">
        <v>4.9082446E8</v>
      </c>
      <c r="B21107" s="2">
        <v>17329.0</v>
      </c>
      <c r="C21107" s="1" t="s">
        <v>5</v>
      </c>
      <c r="D21107" s="1" t="s">
        <v>17890</v>
      </c>
      <c r="E21107" s="1" t="s">
        <v>11</v>
      </c>
    </row>
    <row r="21108">
      <c r="A21108" s="1">
        <v>4.90824469E8</v>
      </c>
      <c r="B21108" s="2">
        <v>17323.0</v>
      </c>
      <c r="C21108" s="1" t="s">
        <v>5</v>
      </c>
      <c r="D21108" s="1" t="s">
        <v>17891</v>
      </c>
      <c r="E21108" s="1" t="s">
        <v>7</v>
      </c>
    </row>
    <row r="21109">
      <c r="A21109" s="1">
        <v>4.9082452E8</v>
      </c>
      <c r="B21109" s="3">
        <v>17305.0</v>
      </c>
      <c r="C21109" s="1" t="s">
        <v>5</v>
      </c>
      <c r="D21109" s="1" t="s">
        <v>11</v>
      </c>
      <c r="E21109" s="1" t="s">
        <v>7</v>
      </c>
    </row>
    <row r="21110">
      <c r="A21110" s="1">
        <v>4.90824526E8</v>
      </c>
      <c r="B21110" s="2">
        <v>17328.0</v>
      </c>
      <c r="C21110" s="1" t="s">
        <v>5</v>
      </c>
      <c r="D21110" s="1" t="s">
        <v>11</v>
      </c>
      <c r="E21110" s="1" t="s">
        <v>7</v>
      </c>
    </row>
    <row r="21111">
      <c r="A21111" s="1">
        <v>4.90824531E8</v>
      </c>
      <c r="B21111" s="2">
        <v>17329.0</v>
      </c>
      <c r="C21111" s="1" t="s">
        <v>5</v>
      </c>
      <c r="D21111" s="1" t="s">
        <v>17892</v>
      </c>
      <c r="E21111" s="1" t="s">
        <v>17893</v>
      </c>
    </row>
    <row r="21112">
      <c r="A21112" s="1">
        <v>4.90824534E8</v>
      </c>
      <c r="B21112" s="2">
        <v>17219.0</v>
      </c>
      <c r="C21112" s="1" t="s">
        <v>5</v>
      </c>
      <c r="D21112" s="1" t="s">
        <v>17894</v>
      </c>
      <c r="E21112" s="1" t="s">
        <v>11</v>
      </c>
    </row>
    <row r="21113">
      <c r="A21113" s="1">
        <v>4.90824558E8</v>
      </c>
      <c r="B21113" s="3">
        <v>17316.0</v>
      </c>
      <c r="C21113" s="1" t="s">
        <v>5</v>
      </c>
      <c r="D21113" s="1" t="s">
        <v>17895</v>
      </c>
      <c r="E21113" s="1" t="s">
        <v>7</v>
      </c>
    </row>
    <row r="21114">
      <c r="A21114" s="1">
        <v>4.90824601E8</v>
      </c>
      <c r="B21114" s="3">
        <v>17300.0</v>
      </c>
      <c r="C21114" s="1" t="s">
        <v>5</v>
      </c>
      <c r="D21114" s="1" t="s">
        <v>17896</v>
      </c>
      <c r="E21114" s="1" t="s">
        <v>7</v>
      </c>
    </row>
    <row r="21115">
      <c r="A21115" s="1">
        <v>4.90824607E8</v>
      </c>
      <c r="B21115" s="2">
        <v>17329.0</v>
      </c>
      <c r="C21115" s="1" t="s">
        <v>5</v>
      </c>
      <c r="D21115" s="1" t="s">
        <v>11</v>
      </c>
      <c r="E21115" s="1" t="s">
        <v>7</v>
      </c>
    </row>
    <row r="21116">
      <c r="A21116" s="1">
        <v>4.90824642E8</v>
      </c>
      <c r="B21116" s="2">
        <v>17330.0</v>
      </c>
      <c r="C21116" s="1" t="s">
        <v>5</v>
      </c>
      <c r="D21116" s="1" t="s">
        <v>17897</v>
      </c>
      <c r="E21116" s="1" t="s">
        <v>7</v>
      </c>
    </row>
    <row r="21117">
      <c r="A21117" s="1">
        <v>4.90824688E8</v>
      </c>
      <c r="B21117" s="2">
        <v>17321.0</v>
      </c>
      <c r="C21117" s="1" t="s">
        <v>5</v>
      </c>
      <c r="D21117" s="1" t="s">
        <v>17898</v>
      </c>
      <c r="E21117" s="1" t="s">
        <v>7</v>
      </c>
    </row>
    <row r="21118">
      <c r="A21118" s="1">
        <v>4.90824694E8</v>
      </c>
      <c r="B21118" s="2">
        <v>17217.0</v>
      </c>
      <c r="C21118" s="1" t="s">
        <v>5</v>
      </c>
      <c r="D21118" s="1" t="s">
        <v>17899</v>
      </c>
      <c r="E21118" s="1" t="s">
        <v>11</v>
      </c>
    </row>
    <row r="21119">
      <c r="A21119" s="1">
        <v>4.9082472E8</v>
      </c>
      <c r="B21119" s="2">
        <v>17326.0</v>
      </c>
      <c r="C21119" s="1" t="s">
        <v>5</v>
      </c>
      <c r="D21119" s="1" t="s">
        <v>17900</v>
      </c>
      <c r="E21119" s="1" t="s">
        <v>7</v>
      </c>
    </row>
    <row r="21120">
      <c r="A21120" s="1">
        <v>4.90824722E8</v>
      </c>
      <c r="B21120" s="3">
        <v>17298.0</v>
      </c>
      <c r="C21120" s="1" t="s">
        <v>5</v>
      </c>
      <c r="D21120" s="1" t="s">
        <v>11</v>
      </c>
      <c r="E21120" s="1" t="s">
        <v>7</v>
      </c>
    </row>
    <row r="21121">
      <c r="A21121" s="1">
        <v>4.90824773E8</v>
      </c>
      <c r="B21121" s="3">
        <v>17290.0</v>
      </c>
      <c r="C21121" s="1" t="s">
        <v>5</v>
      </c>
      <c r="D21121" s="1" t="s">
        <v>11</v>
      </c>
      <c r="E21121" s="1" t="s">
        <v>7</v>
      </c>
    </row>
    <row r="21122">
      <c r="A21122" s="1">
        <v>4.90824783E8</v>
      </c>
      <c r="B21122" s="3">
        <v>17293.0</v>
      </c>
      <c r="C21122" s="1" t="s">
        <v>5</v>
      </c>
      <c r="D21122" s="1" t="s">
        <v>17901</v>
      </c>
      <c r="E21122" s="1" t="s">
        <v>7</v>
      </c>
    </row>
    <row r="21123">
      <c r="A21123" s="1">
        <v>4.90824808E8</v>
      </c>
      <c r="B21123" s="2">
        <v>17336.0</v>
      </c>
      <c r="C21123" s="1" t="s">
        <v>5</v>
      </c>
      <c r="D21123" s="1" t="s">
        <v>17902</v>
      </c>
      <c r="E21123" s="1" t="s">
        <v>11</v>
      </c>
    </row>
    <row r="21124">
      <c r="A21124" s="1">
        <v>4.90824873E8</v>
      </c>
      <c r="B21124" s="3">
        <v>17317.0</v>
      </c>
      <c r="C21124" s="1" t="s">
        <v>5</v>
      </c>
      <c r="D21124" s="1" t="s">
        <v>17903</v>
      </c>
      <c r="E21124" s="1" t="s">
        <v>17904</v>
      </c>
    </row>
    <row r="21125">
      <c r="A21125" s="1">
        <v>4.90824886E8</v>
      </c>
      <c r="B21125" s="3">
        <v>17291.0</v>
      </c>
      <c r="C21125" s="1" t="s">
        <v>5</v>
      </c>
      <c r="D21125" s="1" t="s">
        <v>17905</v>
      </c>
      <c r="E21125" s="1" t="s">
        <v>17906</v>
      </c>
    </row>
    <row r="21126">
      <c r="A21126" s="1">
        <v>4.90824899E8</v>
      </c>
      <c r="B21126" s="2">
        <v>17326.0</v>
      </c>
      <c r="C21126" s="1" t="s">
        <v>5</v>
      </c>
      <c r="D21126" s="1" t="s">
        <v>17907</v>
      </c>
      <c r="E21126" s="1" t="s">
        <v>17908</v>
      </c>
    </row>
    <row r="21127">
      <c r="A21127" s="1">
        <v>4.90824926E8</v>
      </c>
      <c r="B21127" s="2">
        <v>17326.0</v>
      </c>
      <c r="C21127" s="1" t="s">
        <v>5</v>
      </c>
      <c r="D21127" s="1" t="s">
        <v>17909</v>
      </c>
      <c r="E21127" s="1" t="s">
        <v>7</v>
      </c>
    </row>
    <row r="21128">
      <c r="A21128" s="1">
        <v>4.90824928E8</v>
      </c>
      <c r="B21128" s="2">
        <v>17371.0</v>
      </c>
      <c r="C21128" s="1" t="s">
        <v>5</v>
      </c>
      <c r="D21128" s="1" t="s">
        <v>11</v>
      </c>
      <c r="E21128" s="1" t="s">
        <v>7</v>
      </c>
    </row>
    <row r="21129">
      <c r="A21129" s="1">
        <v>4.90824932E8</v>
      </c>
      <c r="B21129" s="2">
        <v>17349.0</v>
      </c>
      <c r="C21129" s="1" t="s">
        <v>5</v>
      </c>
      <c r="D21129" s="1" t="s">
        <v>11</v>
      </c>
      <c r="E21129" s="1" t="s">
        <v>7</v>
      </c>
    </row>
    <row r="21130">
      <c r="A21130" s="1">
        <v>4.90825082E8</v>
      </c>
      <c r="B21130" s="3">
        <v>17297.0</v>
      </c>
      <c r="C21130" s="1" t="s">
        <v>5</v>
      </c>
      <c r="D21130" s="1" t="s">
        <v>17910</v>
      </c>
      <c r="E21130" s="1" t="s">
        <v>7</v>
      </c>
    </row>
    <row r="21131">
      <c r="A21131" s="1">
        <v>4.90825084E8</v>
      </c>
      <c r="B21131" s="2">
        <v>17377.0</v>
      </c>
      <c r="C21131" s="1" t="s">
        <v>5</v>
      </c>
      <c r="D21131" s="1" t="s">
        <v>11</v>
      </c>
      <c r="E21131" s="1" t="s">
        <v>7</v>
      </c>
    </row>
    <row r="21132">
      <c r="A21132" s="1">
        <v>4.9082516E8</v>
      </c>
      <c r="B21132" s="2">
        <v>17332.0</v>
      </c>
      <c r="C21132" s="1" t="s">
        <v>5</v>
      </c>
      <c r="D21132" s="1" t="s">
        <v>11</v>
      </c>
      <c r="E21132" s="1" t="s">
        <v>7</v>
      </c>
    </row>
    <row r="21133">
      <c r="A21133" s="1">
        <v>4.90825165E8</v>
      </c>
      <c r="B21133" s="2">
        <v>17319.0</v>
      </c>
      <c r="C21133" s="1" t="s">
        <v>5</v>
      </c>
      <c r="D21133" s="1" t="s">
        <v>17911</v>
      </c>
      <c r="E21133" s="1" t="s">
        <v>7</v>
      </c>
    </row>
    <row r="21134">
      <c r="A21134" s="1">
        <v>4.90825166E8</v>
      </c>
      <c r="B21134" s="2">
        <v>17319.0</v>
      </c>
      <c r="C21134" s="1" t="s">
        <v>5</v>
      </c>
      <c r="D21134" s="1" t="s">
        <v>11</v>
      </c>
      <c r="E21134" s="1" t="s">
        <v>7</v>
      </c>
    </row>
    <row r="21135">
      <c r="A21135" s="1">
        <v>4.90825176E8</v>
      </c>
      <c r="B21135" s="3">
        <v>17301.0</v>
      </c>
      <c r="C21135" s="1" t="s">
        <v>5</v>
      </c>
      <c r="D21135" s="1" t="s">
        <v>11</v>
      </c>
      <c r="E21135" s="1" t="s">
        <v>7</v>
      </c>
    </row>
    <row r="21136">
      <c r="A21136" s="1">
        <v>4.90825287E8</v>
      </c>
      <c r="B21136" s="2">
        <v>17331.0</v>
      </c>
      <c r="C21136" s="1" t="s">
        <v>5</v>
      </c>
      <c r="D21136" s="1" t="s">
        <v>17912</v>
      </c>
      <c r="E21136" s="1" t="s">
        <v>7</v>
      </c>
    </row>
    <row r="21137">
      <c r="A21137" s="1">
        <v>4.90825294E8</v>
      </c>
      <c r="B21137" s="2">
        <v>17202.0</v>
      </c>
      <c r="C21137" s="1" t="s">
        <v>5</v>
      </c>
      <c r="D21137" s="1" t="s">
        <v>17913</v>
      </c>
      <c r="E21137" s="1" t="s">
        <v>7</v>
      </c>
    </row>
    <row r="21138">
      <c r="A21138" s="1">
        <v>4.90825296E8</v>
      </c>
      <c r="B21138" s="3">
        <v>17293.0</v>
      </c>
      <c r="C21138" s="1" t="s">
        <v>5</v>
      </c>
      <c r="D21138" s="1" t="s">
        <v>17914</v>
      </c>
      <c r="E21138" s="1" t="s">
        <v>11</v>
      </c>
    </row>
    <row r="21139">
      <c r="A21139" s="1">
        <v>4.90825334E8</v>
      </c>
      <c r="B21139" s="2">
        <v>17371.0</v>
      </c>
      <c r="C21139" s="1" t="s">
        <v>5</v>
      </c>
      <c r="D21139" s="1" t="s">
        <v>17915</v>
      </c>
      <c r="E21139" s="1" t="s">
        <v>11</v>
      </c>
    </row>
    <row r="21140">
      <c r="A21140" s="1">
        <v>4.90825342E8</v>
      </c>
      <c r="B21140" s="2">
        <v>17211.0</v>
      </c>
      <c r="C21140" s="1" t="s">
        <v>5</v>
      </c>
      <c r="D21140" s="1" t="s">
        <v>11</v>
      </c>
      <c r="E21140" s="1" t="s">
        <v>7</v>
      </c>
    </row>
    <row r="21141">
      <c r="A21141" s="1">
        <v>4.90825395E8</v>
      </c>
      <c r="B21141" s="2">
        <v>17324.0</v>
      </c>
      <c r="C21141" s="1" t="s">
        <v>5</v>
      </c>
      <c r="D21141" s="1" t="s">
        <v>17916</v>
      </c>
      <c r="E21141" s="1" t="s">
        <v>7</v>
      </c>
    </row>
    <row r="21142">
      <c r="A21142" s="1">
        <v>4.90825401E8</v>
      </c>
      <c r="B21142" s="2">
        <v>17371.0</v>
      </c>
      <c r="C21142" s="1" t="s">
        <v>5</v>
      </c>
      <c r="D21142" s="1" t="s">
        <v>17917</v>
      </c>
      <c r="E21142" s="1" t="s">
        <v>11</v>
      </c>
    </row>
    <row r="21143">
      <c r="A21143" s="1">
        <v>4.90825416E8</v>
      </c>
      <c r="B21143" s="3">
        <v>17288.0</v>
      </c>
      <c r="C21143" s="1" t="s">
        <v>5</v>
      </c>
      <c r="D21143" s="1" t="s">
        <v>17918</v>
      </c>
      <c r="E21143" s="1" t="s">
        <v>7</v>
      </c>
    </row>
    <row r="21144">
      <c r="A21144" s="1">
        <v>4.90825428E8</v>
      </c>
      <c r="B21144" s="2">
        <v>17211.0</v>
      </c>
      <c r="C21144" s="1" t="s">
        <v>5</v>
      </c>
      <c r="D21144" s="1" t="s">
        <v>11</v>
      </c>
      <c r="E21144" s="1" t="s">
        <v>7</v>
      </c>
    </row>
    <row r="21145">
      <c r="A21145" s="1">
        <v>4.90825448E8</v>
      </c>
      <c r="B21145" s="3">
        <v>17315.0</v>
      </c>
      <c r="C21145" s="1" t="s">
        <v>5</v>
      </c>
      <c r="D21145" s="1" t="s">
        <v>17919</v>
      </c>
      <c r="E21145" s="1" t="s">
        <v>17920</v>
      </c>
    </row>
    <row r="21146">
      <c r="A21146" s="1">
        <v>4.9082556E8</v>
      </c>
      <c r="B21146" s="2">
        <v>17377.0</v>
      </c>
      <c r="C21146" s="1" t="s">
        <v>5</v>
      </c>
      <c r="D21146" s="1" t="s">
        <v>17921</v>
      </c>
      <c r="E21146" s="1" t="s">
        <v>7</v>
      </c>
    </row>
    <row r="21147">
      <c r="A21147" s="1">
        <v>4.90825564E8</v>
      </c>
      <c r="B21147" s="2">
        <v>17378.0</v>
      </c>
      <c r="C21147" s="1" t="s">
        <v>5</v>
      </c>
      <c r="D21147" s="1" t="s">
        <v>11</v>
      </c>
      <c r="E21147" s="1" t="s">
        <v>7</v>
      </c>
    </row>
    <row r="21148">
      <c r="A21148" s="1">
        <v>4.90825633E8</v>
      </c>
      <c r="B21148" s="3">
        <v>17291.0</v>
      </c>
      <c r="C21148" s="1" t="s">
        <v>5</v>
      </c>
      <c r="D21148" s="1" t="s">
        <v>17922</v>
      </c>
      <c r="E21148" s="1" t="s">
        <v>7</v>
      </c>
    </row>
    <row r="21149">
      <c r="A21149" s="1">
        <v>4.9082566E8</v>
      </c>
      <c r="B21149" s="2">
        <v>17379.0</v>
      </c>
      <c r="C21149" s="1" t="s">
        <v>5</v>
      </c>
      <c r="D21149" s="1" t="s">
        <v>17923</v>
      </c>
      <c r="E21149" s="1" t="s">
        <v>7</v>
      </c>
    </row>
    <row r="21150">
      <c r="A21150" s="1">
        <v>4.90825681E8</v>
      </c>
      <c r="B21150" s="3">
        <v>17291.0</v>
      </c>
      <c r="C21150" s="1" t="s">
        <v>5</v>
      </c>
      <c r="D21150" s="1" t="s">
        <v>17924</v>
      </c>
      <c r="E21150" s="1" t="s">
        <v>7</v>
      </c>
    </row>
    <row r="21151">
      <c r="A21151" s="1">
        <v>4.90825693E8</v>
      </c>
      <c r="B21151" s="2">
        <v>17373.0</v>
      </c>
      <c r="C21151" s="1" t="s">
        <v>5</v>
      </c>
      <c r="D21151" s="1" t="s">
        <v>17925</v>
      </c>
      <c r="E21151" s="1" t="s">
        <v>7</v>
      </c>
    </row>
    <row r="21152">
      <c r="A21152" s="1">
        <v>4.90825694E8</v>
      </c>
      <c r="B21152" s="3">
        <v>17315.0</v>
      </c>
      <c r="C21152" s="1" t="s">
        <v>5</v>
      </c>
      <c r="D21152" s="1" t="s">
        <v>17926</v>
      </c>
      <c r="E21152" s="1" t="s">
        <v>7</v>
      </c>
    </row>
    <row r="21153">
      <c r="A21153" s="1">
        <v>4.90825697E8</v>
      </c>
      <c r="B21153" s="2">
        <v>17347.0</v>
      </c>
      <c r="C21153" s="1" t="s">
        <v>5</v>
      </c>
      <c r="D21153" s="1" t="s">
        <v>17927</v>
      </c>
      <c r="E21153" s="1" t="s">
        <v>7</v>
      </c>
    </row>
    <row r="21154">
      <c r="A21154" s="1">
        <v>4.90825773E8</v>
      </c>
      <c r="B21154" s="2">
        <v>17346.0</v>
      </c>
      <c r="C21154" s="1" t="s">
        <v>5</v>
      </c>
      <c r="D21154" s="1" t="s">
        <v>11</v>
      </c>
      <c r="E21154" s="1" t="s">
        <v>7</v>
      </c>
    </row>
    <row r="21155">
      <c r="A21155" s="1">
        <v>4.90825791E8</v>
      </c>
      <c r="B21155" s="3">
        <v>17293.0</v>
      </c>
      <c r="C21155" s="1" t="s">
        <v>5</v>
      </c>
      <c r="D21155" s="1" t="s">
        <v>11</v>
      </c>
      <c r="E21155" s="1" t="s">
        <v>7</v>
      </c>
    </row>
    <row r="21156">
      <c r="A21156" s="1">
        <v>4.908258E8</v>
      </c>
      <c r="B21156" s="2">
        <v>17379.0</v>
      </c>
      <c r="C21156" s="1" t="s">
        <v>5</v>
      </c>
      <c r="D21156" s="1" t="s">
        <v>11</v>
      </c>
      <c r="E21156" s="1" t="s">
        <v>7</v>
      </c>
    </row>
    <row r="21157">
      <c r="A21157" s="1">
        <v>4.9082581E8</v>
      </c>
      <c r="B21157" s="2">
        <v>17207.0</v>
      </c>
      <c r="C21157" s="1" t="s">
        <v>5</v>
      </c>
      <c r="D21157" s="1" t="s">
        <v>17928</v>
      </c>
      <c r="E21157" s="1" t="s">
        <v>7</v>
      </c>
    </row>
    <row r="21158">
      <c r="A21158" s="1">
        <v>4.90825834E8</v>
      </c>
      <c r="B21158" s="2">
        <v>17326.0</v>
      </c>
      <c r="C21158" s="1" t="s">
        <v>5</v>
      </c>
      <c r="D21158" s="1" t="s">
        <v>17929</v>
      </c>
      <c r="E21158" s="1" t="s">
        <v>7</v>
      </c>
    </row>
    <row r="21159">
      <c r="A21159" s="1">
        <v>4.90825844E8</v>
      </c>
      <c r="B21159" s="3">
        <v>17314.0</v>
      </c>
      <c r="C21159" s="1" t="s">
        <v>5</v>
      </c>
      <c r="D21159" s="1" t="s">
        <v>17930</v>
      </c>
      <c r="E21159" s="1" t="s">
        <v>11</v>
      </c>
    </row>
    <row r="21160">
      <c r="A21160" s="1">
        <v>4.90825896E8</v>
      </c>
      <c r="B21160" s="2">
        <v>17371.0</v>
      </c>
      <c r="C21160" s="1" t="s">
        <v>5</v>
      </c>
      <c r="D21160" s="1" t="s">
        <v>17931</v>
      </c>
      <c r="E21160" s="1" t="s">
        <v>7</v>
      </c>
    </row>
    <row r="21161">
      <c r="A21161" s="1">
        <v>4.908259E8</v>
      </c>
      <c r="B21161" s="2">
        <v>17206.0</v>
      </c>
      <c r="C21161" s="1" t="s">
        <v>5</v>
      </c>
      <c r="D21161" s="1" t="s">
        <v>11</v>
      </c>
      <c r="E21161" s="1" t="s">
        <v>7</v>
      </c>
    </row>
    <row r="21162">
      <c r="A21162" s="1">
        <v>4.9082592E8</v>
      </c>
      <c r="B21162" s="2">
        <v>17344.0</v>
      </c>
      <c r="C21162" s="1" t="s">
        <v>5</v>
      </c>
      <c r="D21162" s="1" t="s">
        <v>17932</v>
      </c>
      <c r="E21162" s="1" t="s">
        <v>7</v>
      </c>
    </row>
    <row r="21163">
      <c r="A21163" s="1">
        <v>4.90825922E8</v>
      </c>
      <c r="B21163" s="3">
        <v>17315.0</v>
      </c>
      <c r="C21163" s="1" t="s">
        <v>5</v>
      </c>
      <c r="D21163" s="1" t="s">
        <v>17933</v>
      </c>
      <c r="E21163" s="1" t="s">
        <v>7</v>
      </c>
    </row>
    <row r="21164">
      <c r="A21164" s="1">
        <v>4.90825943E8</v>
      </c>
      <c r="B21164" s="3">
        <v>17311.0</v>
      </c>
      <c r="C21164" s="1" t="s">
        <v>5</v>
      </c>
      <c r="D21164" s="1" t="s">
        <v>17934</v>
      </c>
      <c r="E21164" s="1" t="s">
        <v>7</v>
      </c>
    </row>
    <row r="21165">
      <c r="A21165" s="1">
        <v>4.90825961E8</v>
      </c>
      <c r="B21165" s="2">
        <v>17344.0</v>
      </c>
      <c r="C21165" s="1" t="s">
        <v>5</v>
      </c>
      <c r="D21165" s="1" t="s">
        <v>17935</v>
      </c>
      <c r="E21165" s="1" t="s">
        <v>7</v>
      </c>
    </row>
    <row r="21166">
      <c r="A21166" s="1">
        <v>4.90825987E8</v>
      </c>
      <c r="B21166" s="2">
        <v>17336.0</v>
      </c>
      <c r="C21166" s="1" t="s">
        <v>5</v>
      </c>
      <c r="D21166" s="1" t="s">
        <v>17936</v>
      </c>
      <c r="E21166" s="1" t="s">
        <v>11</v>
      </c>
    </row>
    <row r="21167">
      <c r="A21167" s="1">
        <v>4.90826001E8</v>
      </c>
      <c r="B21167" s="3">
        <v>17289.0</v>
      </c>
      <c r="C21167" s="1" t="s">
        <v>5</v>
      </c>
      <c r="D21167" s="1" t="s">
        <v>17937</v>
      </c>
      <c r="E21167" s="1" t="s">
        <v>11</v>
      </c>
    </row>
    <row r="21168">
      <c r="A21168" s="1">
        <v>4.90826014E8</v>
      </c>
      <c r="B21168" s="2">
        <v>17321.0</v>
      </c>
      <c r="C21168" s="1" t="s">
        <v>5</v>
      </c>
      <c r="D21168" s="1" t="s">
        <v>17938</v>
      </c>
      <c r="E21168" s="1" t="s">
        <v>11</v>
      </c>
    </row>
    <row r="21169">
      <c r="A21169" s="1">
        <v>4.9082604E8</v>
      </c>
      <c r="B21169" s="2">
        <v>17321.0</v>
      </c>
      <c r="C21169" s="1" t="s">
        <v>5</v>
      </c>
      <c r="D21169" s="1" t="s">
        <v>17939</v>
      </c>
      <c r="E21169" s="1" t="s">
        <v>7</v>
      </c>
    </row>
    <row r="21170">
      <c r="A21170" s="1">
        <v>4.90826048E8</v>
      </c>
      <c r="B21170" s="3">
        <v>17308.0</v>
      </c>
      <c r="C21170" s="1" t="s">
        <v>5</v>
      </c>
      <c r="D21170" s="1" t="s">
        <v>17940</v>
      </c>
      <c r="E21170" s="1" t="s">
        <v>7</v>
      </c>
    </row>
    <row r="21171">
      <c r="A21171" s="1">
        <v>4.90826089E8</v>
      </c>
      <c r="B21171" s="2">
        <v>17377.0</v>
      </c>
      <c r="C21171" s="1" t="s">
        <v>5</v>
      </c>
      <c r="D21171" s="1" t="s">
        <v>17941</v>
      </c>
      <c r="E21171" s="1" t="s">
        <v>11</v>
      </c>
    </row>
    <row r="21172">
      <c r="A21172" s="1">
        <v>4.90826099E8</v>
      </c>
      <c r="B21172" s="3">
        <v>17297.0</v>
      </c>
      <c r="C21172" s="1" t="s">
        <v>5</v>
      </c>
      <c r="D21172" s="1" t="s">
        <v>11</v>
      </c>
      <c r="E21172" s="1" t="s">
        <v>7</v>
      </c>
    </row>
    <row r="21173">
      <c r="A21173" s="1">
        <v>4.9082612E8</v>
      </c>
      <c r="B21173" s="2">
        <v>17343.0</v>
      </c>
      <c r="C21173" s="1" t="s">
        <v>5</v>
      </c>
      <c r="D21173" s="1" t="s">
        <v>17942</v>
      </c>
      <c r="E21173" s="1" t="s">
        <v>11</v>
      </c>
    </row>
    <row r="21174">
      <c r="A21174" s="1">
        <v>4.90826132E8</v>
      </c>
      <c r="B21174" s="2">
        <v>17372.0</v>
      </c>
      <c r="C21174" s="1" t="s">
        <v>5</v>
      </c>
      <c r="D21174" s="1" t="s">
        <v>17943</v>
      </c>
      <c r="E21174" s="1" t="s">
        <v>17944</v>
      </c>
    </row>
    <row r="21175">
      <c r="A21175" s="1">
        <v>4.90826149E8</v>
      </c>
      <c r="B21175" s="3">
        <v>17288.0</v>
      </c>
      <c r="C21175" s="1" t="s">
        <v>5</v>
      </c>
      <c r="D21175" s="1" t="s">
        <v>17945</v>
      </c>
      <c r="E21175" s="1" t="s">
        <v>11</v>
      </c>
    </row>
    <row r="21176">
      <c r="A21176" s="1">
        <v>4.90826158E8</v>
      </c>
      <c r="B21176" s="2">
        <v>17371.0</v>
      </c>
      <c r="C21176" s="1" t="s">
        <v>5</v>
      </c>
      <c r="D21176" s="1" t="s">
        <v>17946</v>
      </c>
      <c r="E21176" s="1" t="s">
        <v>7</v>
      </c>
    </row>
    <row r="21177">
      <c r="A21177" s="1">
        <v>4.90826245E8</v>
      </c>
      <c r="B21177" s="2">
        <v>17343.0</v>
      </c>
      <c r="C21177" s="1" t="s">
        <v>5</v>
      </c>
      <c r="D21177" s="1" t="s">
        <v>17947</v>
      </c>
      <c r="E21177" s="1" t="s">
        <v>7</v>
      </c>
    </row>
    <row r="21178">
      <c r="A21178" s="1">
        <v>4.9082625E8</v>
      </c>
      <c r="B21178" s="3">
        <v>17288.0</v>
      </c>
      <c r="C21178" s="1" t="s">
        <v>5</v>
      </c>
      <c r="D21178" s="1" t="s">
        <v>17948</v>
      </c>
      <c r="E21178" s="1" t="s">
        <v>17949</v>
      </c>
    </row>
    <row r="21179">
      <c r="A21179" s="1">
        <v>4.90826273E8</v>
      </c>
      <c r="B21179" s="2">
        <v>17333.0</v>
      </c>
      <c r="C21179" s="1" t="s">
        <v>5</v>
      </c>
      <c r="D21179" s="1" t="s">
        <v>17950</v>
      </c>
      <c r="E21179" s="1" t="s">
        <v>11</v>
      </c>
    </row>
    <row r="21180">
      <c r="A21180" s="1">
        <v>4.9082632E8</v>
      </c>
      <c r="B21180" s="2">
        <v>17370.0</v>
      </c>
      <c r="C21180" s="1" t="s">
        <v>5</v>
      </c>
      <c r="D21180" s="1" t="s">
        <v>17951</v>
      </c>
      <c r="E21180" s="1" t="s">
        <v>17952</v>
      </c>
    </row>
    <row r="21181">
      <c r="A21181" s="1">
        <v>4.90826327E8</v>
      </c>
      <c r="B21181" s="2">
        <v>17377.0</v>
      </c>
      <c r="C21181" s="1" t="s">
        <v>5</v>
      </c>
      <c r="D21181" s="1" t="s">
        <v>17953</v>
      </c>
      <c r="E21181" s="1" t="s">
        <v>11</v>
      </c>
    </row>
    <row r="21182">
      <c r="A21182" s="1">
        <v>4.90826332E8</v>
      </c>
      <c r="B21182" s="3">
        <v>17289.0</v>
      </c>
      <c r="C21182" s="1" t="s">
        <v>5</v>
      </c>
      <c r="D21182" s="1" t="s">
        <v>17954</v>
      </c>
      <c r="E21182" s="1" t="s">
        <v>7</v>
      </c>
    </row>
    <row r="21183">
      <c r="A21183" s="1">
        <v>4.90826394E8</v>
      </c>
      <c r="B21183" s="2">
        <v>17378.0</v>
      </c>
      <c r="C21183" s="1" t="s">
        <v>5</v>
      </c>
      <c r="D21183" s="1" t="s">
        <v>11</v>
      </c>
      <c r="E21183" s="1" t="s">
        <v>7</v>
      </c>
    </row>
    <row r="21184">
      <c r="A21184" s="1">
        <v>4.90826419E8</v>
      </c>
      <c r="B21184" s="3">
        <v>17312.0</v>
      </c>
      <c r="C21184" s="1" t="s">
        <v>5</v>
      </c>
      <c r="D21184" s="1" t="s">
        <v>11</v>
      </c>
      <c r="E21184" s="1" t="s">
        <v>7</v>
      </c>
    </row>
    <row r="21185">
      <c r="A21185" s="1">
        <v>4.9082642E8</v>
      </c>
      <c r="B21185" s="2">
        <v>17377.0</v>
      </c>
      <c r="C21185" s="1" t="s">
        <v>5</v>
      </c>
      <c r="D21185" s="1" t="s">
        <v>17955</v>
      </c>
      <c r="E21185" s="1" t="s">
        <v>7</v>
      </c>
    </row>
    <row r="21186">
      <c r="A21186" s="1">
        <v>4.90826457E8</v>
      </c>
      <c r="B21186" s="2">
        <v>17339.0</v>
      </c>
      <c r="C21186" s="1" t="s">
        <v>5</v>
      </c>
      <c r="D21186" s="1" t="s">
        <v>17956</v>
      </c>
      <c r="E21186" s="1" t="s">
        <v>17957</v>
      </c>
    </row>
    <row r="21187">
      <c r="A21187" s="1">
        <v>4.90826516E8</v>
      </c>
      <c r="B21187" s="2">
        <v>17330.0</v>
      </c>
      <c r="C21187" s="1" t="s">
        <v>5</v>
      </c>
      <c r="D21187" s="1" t="s">
        <v>11</v>
      </c>
      <c r="E21187" s="1" t="s">
        <v>7</v>
      </c>
    </row>
    <row r="21188">
      <c r="A21188" s="1">
        <v>4.9082652E8</v>
      </c>
      <c r="B21188" s="2">
        <v>17377.0</v>
      </c>
      <c r="C21188" s="1" t="s">
        <v>5</v>
      </c>
      <c r="D21188" s="1" t="s">
        <v>17958</v>
      </c>
      <c r="E21188" s="1" t="s">
        <v>7</v>
      </c>
    </row>
    <row r="21189">
      <c r="A21189" s="1">
        <v>4.90826548E8</v>
      </c>
      <c r="B21189" s="2">
        <v>17372.0</v>
      </c>
      <c r="C21189" s="1" t="s">
        <v>5</v>
      </c>
      <c r="D21189" s="1" t="s">
        <v>11</v>
      </c>
      <c r="E21189" s="1" t="s">
        <v>7</v>
      </c>
    </row>
    <row r="21190">
      <c r="A21190" s="1">
        <v>4.90826554E8</v>
      </c>
      <c r="B21190" s="2">
        <v>17343.0</v>
      </c>
      <c r="C21190" s="1" t="s">
        <v>5</v>
      </c>
      <c r="D21190" s="1" t="s">
        <v>11</v>
      </c>
      <c r="E21190" s="1" t="s">
        <v>7</v>
      </c>
    </row>
    <row r="21191">
      <c r="A21191" s="1">
        <v>4.90826564E8</v>
      </c>
      <c r="B21191" s="2">
        <v>17346.0</v>
      </c>
      <c r="C21191" s="1" t="s">
        <v>5</v>
      </c>
      <c r="D21191" s="1" t="s">
        <v>17959</v>
      </c>
      <c r="E21191" s="1" t="s">
        <v>7</v>
      </c>
    </row>
    <row r="21192">
      <c r="A21192" s="1">
        <v>4.90826579E8</v>
      </c>
      <c r="B21192" s="2">
        <v>17321.0</v>
      </c>
      <c r="C21192" s="1" t="s">
        <v>5</v>
      </c>
      <c r="D21192" s="1" t="s">
        <v>17960</v>
      </c>
      <c r="E21192" s="1" t="s">
        <v>11</v>
      </c>
    </row>
    <row r="21193">
      <c r="A21193" s="1">
        <v>4.90826657E8</v>
      </c>
      <c r="B21193" s="3">
        <v>17310.0</v>
      </c>
      <c r="C21193" s="1" t="s">
        <v>5</v>
      </c>
      <c r="D21193" s="1" t="s">
        <v>17961</v>
      </c>
      <c r="E21193" s="1" t="s">
        <v>11</v>
      </c>
    </row>
    <row r="21194">
      <c r="A21194" s="1">
        <v>4.9082668E8</v>
      </c>
      <c r="B21194" s="2">
        <v>17342.0</v>
      </c>
      <c r="C21194" s="1" t="s">
        <v>5</v>
      </c>
      <c r="D21194" s="1" t="s">
        <v>17962</v>
      </c>
      <c r="E21194" s="1" t="s">
        <v>11</v>
      </c>
    </row>
    <row r="21195">
      <c r="A21195" s="1">
        <v>4.90826696E8</v>
      </c>
      <c r="B21195" s="2">
        <v>17368.0</v>
      </c>
      <c r="C21195" s="1" t="s">
        <v>5</v>
      </c>
      <c r="D21195" s="1" t="s">
        <v>17963</v>
      </c>
      <c r="E21195" s="1" t="s">
        <v>11</v>
      </c>
    </row>
    <row r="21196">
      <c r="A21196" s="1">
        <v>4.90826726E8</v>
      </c>
      <c r="B21196" s="2">
        <v>17349.0</v>
      </c>
      <c r="C21196" s="1" t="s">
        <v>5</v>
      </c>
      <c r="D21196" s="1" t="s">
        <v>11</v>
      </c>
      <c r="E21196" s="1" t="s">
        <v>7</v>
      </c>
    </row>
    <row r="21197">
      <c r="A21197" s="1">
        <v>4.90826762E8</v>
      </c>
      <c r="B21197" s="3">
        <v>17302.0</v>
      </c>
      <c r="C21197" s="1" t="s">
        <v>5</v>
      </c>
      <c r="D21197" s="1" t="s">
        <v>17964</v>
      </c>
      <c r="E21197" s="1" t="s">
        <v>17965</v>
      </c>
    </row>
    <row r="21198">
      <c r="A21198" s="1">
        <v>4.90826783E8</v>
      </c>
      <c r="B21198" s="2">
        <v>17343.0</v>
      </c>
      <c r="C21198" s="1" t="s">
        <v>5</v>
      </c>
      <c r="D21198" s="1" t="s">
        <v>17966</v>
      </c>
      <c r="E21198" s="1" t="s">
        <v>11</v>
      </c>
    </row>
    <row r="21199">
      <c r="A21199" s="1">
        <v>4.90826794E8</v>
      </c>
      <c r="B21199" s="2">
        <v>17319.0</v>
      </c>
      <c r="C21199" s="1" t="s">
        <v>5</v>
      </c>
      <c r="D21199" s="1" t="s">
        <v>17967</v>
      </c>
      <c r="E21199" s="1" t="s">
        <v>7</v>
      </c>
    </row>
    <row r="21200">
      <c r="A21200" s="1">
        <v>4.90826806E8</v>
      </c>
      <c r="B21200" s="2">
        <v>17367.0</v>
      </c>
      <c r="C21200" s="1" t="s">
        <v>5</v>
      </c>
      <c r="D21200" s="1" t="s">
        <v>17968</v>
      </c>
      <c r="E21200" s="1" t="s">
        <v>7</v>
      </c>
    </row>
    <row r="21201">
      <c r="A21201" s="1">
        <v>4.90826807E8</v>
      </c>
      <c r="B21201" s="3">
        <v>17309.0</v>
      </c>
      <c r="C21201" s="1" t="s">
        <v>5</v>
      </c>
      <c r="D21201" s="1" t="s">
        <v>11</v>
      </c>
      <c r="E21201" s="1" t="s">
        <v>7</v>
      </c>
    </row>
    <row r="21202">
      <c r="A21202" s="1">
        <v>4.90826819E8</v>
      </c>
      <c r="B21202" s="2">
        <v>17371.0</v>
      </c>
      <c r="C21202" s="1" t="s">
        <v>5</v>
      </c>
      <c r="D21202" s="1" t="s">
        <v>17969</v>
      </c>
      <c r="E21202" s="1" t="s">
        <v>7</v>
      </c>
    </row>
    <row r="21203">
      <c r="A21203" s="1">
        <v>4.90826835E8</v>
      </c>
      <c r="B21203" s="2">
        <v>17335.0</v>
      </c>
      <c r="C21203" s="1" t="s">
        <v>5</v>
      </c>
      <c r="D21203" s="1" t="s">
        <v>17970</v>
      </c>
      <c r="E21203" s="1" t="s">
        <v>7</v>
      </c>
    </row>
    <row r="21204">
      <c r="A21204" s="1">
        <v>4.90826889E8</v>
      </c>
      <c r="B21204" s="2">
        <v>17370.0</v>
      </c>
      <c r="C21204" s="1" t="s">
        <v>5</v>
      </c>
      <c r="D21204" s="1" t="s">
        <v>11</v>
      </c>
      <c r="E21204" s="1" t="s">
        <v>7</v>
      </c>
    </row>
    <row r="21205">
      <c r="A21205" s="1">
        <v>4.9082689E8</v>
      </c>
      <c r="B21205" s="3">
        <v>17308.0</v>
      </c>
      <c r="C21205" s="1" t="s">
        <v>5</v>
      </c>
      <c r="D21205" s="1" t="s">
        <v>17971</v>
      </c>
      <c r="E21205" s="1" t="s">
        <v>7</v>
      </c>
    </row>
    <row r="21206">
      <c r="A21206" s="1">
        <v>4.90826922E8</v>
      </c>
      <c r="B21206" s="2">
        <v>17367.0</v>
      </c>
      <c r="C21206" s="1" t="s">
        <v>5</v>
      </c>
      <c r="D21206" s="1" t="s">
        <v>11</v>
      </c>
      <c r="E21206" s="1" t="s">
        <v>7</v>
      </c>
    </row>
    <row r="21207">
      <c r="A21207" s="1">
        <v>4.90826977E8</v>
      </c>
      <c r="B21207" s="3">
        <v>17314.0</v>
      </c>
      <c r="C21207" s="1" t="s">
        <v>5</v>
      </c>
      <c r="D21207" s="1" t="s">
        <v>17972</v>
      </c>
      <c r="E21207" s="1" t="s">
        <v>17973</v>
      </c>
    </row>
    <row r="21208">
      <c r="A21208" s="1">
        <v>4.90826978E8</v>
      </c>
      <c r="B21208" s="2">
        <v>17349.0</v>
      </c>
      <c r="C21208" s="1" t="s">
        <v>5</v>
      </c>
      <c r="D21208" s="1" t="s">
        <v>17974</v>
      </c>
      <c r="E21208" s="1" t="s">
        <v>7</v>
      </c>
    </row>
    <row r="21209">
      <c r="A21209" s="1">
        <v>4.90826995E8</v>
      </c>
      <c r="B21209" s="3">
        <v>17308.0</v>
      </c>
      <c r="C21209" s="1" t="s">
        <v>5</v>
      </c>
      <c r="D21209" s="1" t="s">
        <v>11</v>
      </c>
      <c r="E21209" s="1" t="s">
        <v>7</v>
      </c>
    </row>
    <row r="21210">
      <c r="A21210" s="1">
        <v>4.90827006E8</v>
      </c>
      <c r="B21210" s="2">
        <v>17378.0</v>
      </c>
      <c r="C21210" s="1" t="s">
        <v>5</v>
      </c>
      <c r="D21210" s="1" t="s">
        <v>17975</v>
      </c>
      <c r="E21210" s="1" t="s">
        <v>7</v>
      </c>
    </row>
    <row r="21211">
      <c r="A21211" s="1">
        <v>4.9082702E8</v>
      </c>
      <c r="B21211" s="2">
        <v>17373.0</v>
      </c>
      <c r="C21211" s="1" t="s">
        <v>5</v>
      </c>
      <c r="D21211" s="1" t="s">
        <v>11</v>
      </c>
      <c r="E21211" s="1" t="s">
        <v>7</v>
      </c>
    </row>
    <row r="21212">
      <c r="A21212" s="1">
        <v>4.90827035E8</v>
      </c>
      <c r="B21212" s="3">
        <v>17301.0</v>
      </c>
      <c r="C21212" s="1" t="s">
        <v>5</v>
      </c>
      <c r="D21212" s="1" t="s">
        <v>11</v>
      </c>
      <c r="E21212" s="1" t="s">
        <v>7</v>
      </c>
    </row>
    <row r="21213">
      <c r="A21213" s="1">
        <v>4.90827049E8</v>
      </c>
      <c r="B21213" s="2">
        <v>17378.0</v>
      </c>
      <c r="C21213" s="1" t="s">
        <v>5</v>
      </c>
      <c r="D21213" s="1" t="s">
        <v>17976</v>
      </c>
      <c r="E21213" s="1" t="s">
        <v>7</v>
      </c>
    </row>
    <row r="21214">
      <c r="A21214" s="1">
        <v>4.9082706E8</v>
      </c>
      <c r="B21214" s="3">
        <v>17307.0</v>
      </c>
      <c r="C21214" s="1" t="s">
        <v>5</v>
      </c>
      <c r="D21214" s="1" t="s">
        <v>17977</v>
      </c>
      <c r="E21214" s="1" t="s">
        <v>7</v>
      </c>
    </row>
    <row r="21215">
      <c r="A21215" s="1">
        <v>4.90827067E8</v>
      </c>
      <c r="B21215" s="2">
        <v>17342.0</v>
      </c>
      <c r="C21215" s="1" t="s">
        <v>5</v>
      </c>
      <c r="D21215" s="1" t="s">
        <v>11</v>
      </c>
      <c r="E21215" s="1" t="s">
        <v>7</v>
      </c>
    </row>
    <row r="21216">
      <c r="A21216" s="1">
        <v>4.90827081E8</v>
      </c>
      <c r="B21216" s="2">
        <v>17331.0</v>
      </c>
      <c r="C21216" s="1" t="s">
        <v>5</v>
      </c>
      <c r="D21216" s="1" t="s">
        <v>17978</v>
      </c>
      <c r="E21216" s="1" t="s">
        <v>11</v>
      </c>
    </row>
    <row r="21217">
      <c r="A21217" s="1">
        <v>4.90827088E8</v>
      </c>
      <c r="B21217" s="3">
        <v>17305.0</v>
      </c>
      <c r="C21217" s="1" t="s">
        <v>5</v>
      </c>
      <c r="D21217" s="1" t="s">
        <v>17979</v>
      </c>
      <c r="E21217" s="1" t="s">
        <v>7</v>
      </c>
    </row>
    <row r="21218">
      <c r="A21218" s="1">
        <v>4.90827152E8</v>
      </c>
      <c r="B21218" s="2">
        <v>17339.0</v>
      </c>
      <c r="C21218" s="1" t="s">
        <v>5</v>
      </c>
      <c r="D21218" s="1" t="s">
        <v>17980</v>
      </c>
      <c r="E21218" s="1" t="s">
        <v>7</v>
      </c>
    </row>
    <row r="21219">
      <c r="A21219" s="1">
        <v>4.90827188E8</v>
      </c>
      <c r="B21219" s="3">
        <v>17298.0</v>
      </c>
      <c r="C21219" s="1" t="s">
        <v>5</v>
      </c>
      <c r="D21219" s="1" t="s">
        <v>17981</v>
      </c>
      <c r="E21219" s="1" t="s">
        <v>7</v>
      </c>
    </row>
    <row r="21220">
      <c r="A21220" s="1">
        <v>4.90827246E8</v>
      </c>
      <c r="B21220" s="2">
        <v>17367.0</v>
      </c>
      <c r="C21220" s="1" t="s">
        <v>5</v>
      </c>
      <c r="D21220" s="1" t="s">
        <v>17982</v>
      </c>
      <c r="E21220" s="1" t="s">
        <v>11</v>
      </c>
    </row>
    <row r="21221">
      <c r="A21221" s="1">
        <v>4.90827274E8</v>
      </c>
      <c r="B21221" s="2">
        <v>17374.0</v>
      </c>
      <c r="C21221" s="1" t="s">
        <v>5</v>
      </c>
      <c r="D21221" s="1" t="s">
        <v>17983</v>
      </c>
      <c r="E21221" s="1" t="s">
        <v>7</v>
      </c>
    </row>
    <row r="21222">
      <c r="A21222" s="1">
        <v>4.90827319E8</v>
      </c>
      <c r="B21222" s="2">
        <v>17364.0</v>
      </c>
      <c r="C21222" s="1" t="s">
        <v>5</v>
      </c>
      <c r="D21222" s="1" t="s">
        <v>17984</v>
      </c>
      <c r="E21222" s="1" t="s">
        <v>7</v>
      </c>
    </row>
    <row r="21223">
      <c r="A21223" s="1">
        <v>4.90827337E8</v>
      </c>
      <c r="B21223" s="2">
        <v>17370.0</v>
      </c>
      <c r="C21223" s="1" t="s">
        <v>5</v>
      </c>
      <c r="D21223" s="1" t="s">
        <v>17985</v>
      </c>
      <c r="E21223" s="1" t="s">
        <v>7</v>
      </c>
    </row>
    <row r="21224">
      <c r="A21224" s="1">
        <v>4.90827368E8</v>
      </c>
      <c r="B21224" s="3">
        <v>17305.0</v>
      </c>
      <c r="C21224" s="1" t="s">
        <v>5</v>
      </c>
      <c r="D21224" s="1" t="s">
        <v>17986</v>
      </c>
      <c r="E21224" s="1" t="s">
        <v>7</v>
      </c>
    </row>
    <row r="21225">
      <c r="A21225" s="1">
        <v>4.90827393E8</v>
      </c>
      <c r="B21225" s="2">
        <v>17367.0</v>
      </c>
      <c r="C21225" s="1" t="s">
        <v>5</v>
      </c>
      <c r="D21225" s="1" t="s">
        <v>17987</v>
      </c>
      <c r="E21225" s="1" t="s">
        <v>11</v>
      </c>
    </row>
    <row r="21226">
      <c r="A21226" s="1">
        <v>4.90827395E8</v>
      </c>
      <c r="B21226" s="2">
        <v>17375.0</v>
      </c>
      <c r="C21226" s="1" t="s">
        <v>5</v>
      </c>
      <c r="D21226" s="1" t="s">
        <v>17988</v>
      </c>
      <c r="E21226" s="1" t="s">
        <v>7</v>
      </c>
    </row>
    <row r="21227">
      <c r="A21227" s="1">
        <v>4.90827409E8</v>
      </c>
      <c r="B21227" s="2">
        <v>17344.0</v>
      </c>
      <c r="C21227" s="1" t="s">
        <v>5</v>
      </c>
      <c r="D21227" s="1" t="s">
        <v>11</v>
      </c>
      <c r="E21227" s="1" t="s">
        <v>7</v>
      </c>
    </row>
    <row r="21228">
      <c r="A21228" s="1">
        <v>4.90827417E8</v>
      </c>
      <c r="B21228" s="3">
        <v>17305.0</v>
      </c>
      <c r="C21228" s="1" t="s">
        <v>5</v>
      </c>
      <c r="D21228" s="1" t="s">
        <v>11</v>
      </c>
      <c r="E21228" s="1" t="s">
        <v>7</v>
      </c>
    </row>
    <row r="21229">
      <c r="A21229" s="1">
        <v>4.90827472E8</v>
      </c>
      <c r="B21229" s="2">
        <v>17378.0</v>
      </c>
      <c r="C21229" s="1" t="s">
        <v>5</v>
      </c>
      <c r="D21229" s="1" t="s">
        <v>17989</v>
      </c>
      <c r="E21229" s="1" t="s">
        <v>11</v>
      </c>
    </row>
    <row r="21230">
      <c r="A21230" s="1">
        <v>4.90827475E8</v>
      </c>
      <c r="B21230" s="3">
        <v>17301.0</v>
      </c>
      <c r="C21230" s="1" t="s">
        <v>5</v>
      </c>
      <c r="D21230" s="1" t="s">
        <v>11</v>
      </c>
      <c r="E21230" s="1" t="s">
        <v>7</v>
      </c>
    </row>
    <row r="21231">
      <c r="A21231" s="1">
        <v>4.90827488E8</v>
      </c>
      <c r="B21231" s="2">
        <v>17363.0</v>
      </c>
      <c r="C21231" s="1" t="s">
        <v>5</v>
      </c>
      <c r="D21231" s="1" t="s">
        <v>17990</v>
      </c>
      <c r="E21231" s="1" t="s">
        <v>7</v>
      </c>
    </row>
    <row r="21232">
      <c r="A21232" s="1">
        <v>4.90827496E8</v>
      </c>
      <c r="B21232" s="2">
        <v>17378.0</v>
      </c>
      <c r="C21232" s="1" t="s">
        <v>5</v>
      </c>
      <c r="D21232" s="1" t="s">
        <v>11</v>
      </c>
      <c r="E21232" s="1" t="s">
        <v>7</v>
      </c>
    </row>
    <row r="21233">
      <c r="A21233" s="1">
        <v>4.90827511E8</v>
      </c>
      <c r="B21233" s="2">
        <v>17375.0</v>
      </c>
      <c r="C21233" s="1" t="s">
        <v>5</v>
      </c>
      <c r="D21233" s="1" t="s">
        <v>17991</v>
      </c>
      <c r="E21233" s="1" t="s">
        <v>7</v>
      </c>
    </row>
    <row r="21234">
      <c r="A21234" s="1">
        <v>4.90827561E8</v>
      </c>
      <c r="B21234" s="2">
        <v>17337.0</v>
      </c>
      <c r="C21234" s="1" t="s">
        <v>5</v>
      </c>
      <c r="D21234" s="1" t="s">
        <v>11</v>
      </c>
      <c r="E21234" s="1" t="s">
        <v>7</v>
      </c>
    </row>
    <row r="21235">
      <c r="A21235" s="1">
        <v>4.90827573E8</v>
      </c>
      <c r="B21235" s="2">
        <v>17343.0</v>
      </c>
      <c r="C21235" s="1" t="s">
        <v>5</v>
      </c>
      <c r="D21235" s="1" t="s">
        <v>17992</v>
      </c>
      <c r="E21235" s="1" t="s">
        <v>11</v>
      </c>
    </row>
    <row r="21236">
      <c r="A21236" s="1">
        <v>4.90827606E8</v>
      </c>
      <c r="B21236" s="2">
        <v>17375.0</v>
      </c>
      <c r="C21236" s="1" t="s">
        <v>5</v>
      </c>
      <c r="D21236" s="1" t="s">
        <v>17993</v>
      </c>
      <c r="E21236" s="1" t="s">
        <v>7</v>
      </c>
    </row>
    <row r="21237">
      <c r="A21237" s="1">
        <v>4.90827621E8</v>
      </c>
      <c r="B21237" s="2">
        <v>17333.0</v>
      </c>
      <c r="C21237" s="1" t="s">
        <v>5</v>
      </c>
      <c r="D21237" s="1" t="s">
        <v>17994</v>
      </c>
      <c r="E21237" s="1" t="s">
        <v>11</v>
      </c>
    </row>
    <row r="21238">
      <c r="A21238" s="1">
        <v>4.90827671E8</v>
      </c>
      <c r="B21238" s="2">
        <v>17342.0</v>
      </c>
      <c r="C21238" s="1" t="s">
        <v>5</v>
      </c>
      <c r="D21238" s="1" t="s">
        <v>17995</v>
      </c>
      <c r="E21238" s="1" t="s">
        <v>17996</v>
      </c>
    </row>
    <row r="21239">
      <c r="A21239" s="1">
        <v>4.9082771E8</v>
      </c>
      <c r="B21239" s="2">
        <v>17359.0</v>
      </c>
      <c r="C21239" s="1" t="s">
        <v>5</v>
      </c>
      <c r="D21239" s="1" t="s">
        <v>17997</v>
      </c>
      <c r="E21239" s="1" t="s">
        <v>11</v>
      </c>
    </row>
    <row r="21240">
      <c r="A21240" s="1">
        <v>4.90827791E8</v>
      </c>
      <c r="B21240" s="2">
        <v>17375.0</v>
      </c>
      <c r="C21240" s="1" t="s">
        <v>5</v>
      </c>
      <c r="D21240" s="1" t="s">
        <v>17998</v>
      </c>
      <c r="E21240" s="1" t="s">
        <v>7</v>
      </c>
    </row>
    <row r="21241">
      <c r="A21241" s="1">
        <v>4.90827792E8</v>
      </c>
      <c r="B21241" s="2">
        <v>17363.0</v>
      </c>
      <c r="C21241" s="1" t="s">
        <v>5</v>
      </c>
      <c r="D21241" s="1" t="s">
        <v>17999</v>
      </c>
      <c r="E21241" s="1" t="s">
        <v>11</v>
      </c>
    </row>
    <row r="21242">
      <c r="A21242" s="1">
        <v>4.90827868E8</v>
      </c>
      <c r="B21242" s="2">
        <v>17360.0</v>
      </c>
      <c r="C21242" s="1" t="s">
        <v>5</v>
      </c>
      <c r="D21242" s="1" t="s">
        <v>11</v>
      </c>
      <c r="E21242" s="1" t="s">
        <v>7</v>
      </c>
    </row>
    <row r="21243">
      <c r="A21243" s="1">
        <v>4.90827873E8</v>
      </c>
      <c r="B21243" s="2">
        <v>17331.0</v>
      </c>
      <c r="C21243" s="1" t="s">
        <v>5</v>
      </c>
      <c r="D21243" s="1" t="s">
        <v>18000</v>
      </c>
      <c r="E21243" s="1" t="s">
        <v>7</v>
      </c>
    </row>
    <row r="21244">
      <c r="A21244" s="1">
        <v>4.90827896E8</v>
      </c>
      <c r="B21244" s="2">
        <v>17365.0</v>
      </c>
      <c r="C21244" s="1" t="s">
        <v>5</v>
      </c>
      <c r="D21244" s="1" t="s">
        <v>18001</v>
      </c>
      <c r="E21244" s="1" t="s">
        <v>7</v>
      </c>
    </row>
    <row r="21245">
      <c r="A21245" s="1">
        <v>4.908279E8</v>
      </c>
      <c r="B21245" s="3">
        <v>17302.0</v>
      </c>
      <c r="C21245" s="1" t="s">
        <v>5</v>
      </c>
      <c r="D21245" s="1" t="s">
        <v>11</v>
      </c>
      <c r="E21245" s="1" t="s">
        <v>7</v>
      </c>
    </row>
    <row r="21246">
      <c r="A21246" s="1">
        <v>4.90827904E8</v>
      </c>
      <c r="B21246" s="3">
        <v>17308.0</v>
      </c>
      <c r="C21246" s="1" t="s">
        <v>5</v>
      </c>
      <c r="D21246" s="1" t="s">
        <v>18002</v>
      </c>
      <c r="E21246" s="1" t="s">
        <v>7</v>
      </c>
    </row>
    <row r="21247">
      <c r="A21247" s="1">
        <v>4.90827931E8</v>
      </c>
      <c r="B21247" s="2">
        <v>17365.0</v>
      </c>
      <c r="C21247" s="1" t="s">
        <v>5</v>
      </c>
      <c r="D21247" s="1" t="s">
        <v>11</v>
      </c>
      <c r="E21247" s="1" t="s">
        <v>7</v>
      </c>
    </row>
    <row r="21248">
      <c r="A21248" s="1">
        <v>4.90827951E8</v>
      </c>
      <c r="B21248" s="2">
        <v>17359.0</v>
      </c>
      <c r="C21248" s="1" t="s">
        <v>5</v>
      </c>
      <c r="D21248" s="1" t="s">
        <v>18003</v>
      </c>
      <c r="E21248" s="1" t="s">
        <v>11</v>
      </c>
    </row>
    <row r="21249">
      <c r="A21249" s="1">
        <v>4.90827969E8</v>
      </c>
      <c r="B21249" s="2">
        <v>17365.0</v>
      </c>
      <c r="C21249" s="1" t="s">
        <v>5</v>
      </c>
      <c r="D21249" s="1" t="s">
        <v>18004</v>
      </c>
      <c r="E21249" s="1" t="s">
        <v>11</v>
      </c>
    </row>
    <row r="21250">
      <c r="A21250" s="1">
        <v>4.90827973E8</v>
      </c>
      <c r="B21250" s="2">
        <v>17340.0</v>
      </c>
      <c r="C21250" s="1" t="s">
        <v>5</v>
      </c>
      <c r="D21250" s="1" t="s">
        <v>18005</v>
      </c>
      <c r="E21250" s="1" t="s">
        <v>11</v>
      </c>
    </row>
    <row r="21251">
      <c r="A21251" s="1">
        <v>4.90827981E8</v>
      </c>
      <c r="B21251" s="2">
        <v>17365.0</v>
      </c>
      <c r="C21251" s="1" t="s">
        <v>5</v>
      </c>
      <c r="D21251" s="1" t="s">
        <v>11</v>
      </c>
      <c r="E21251" s="1" t="s">
        <v>7</v>
      </c>
    </row>
    <row r="21252">
      <c r="A21252" s="1">
        <v>4.90828031E8</v>
      </c>
      <c r="B21252" s="2">
        <v>17373.0</v>
      </c>
      <c r="C21252" s="1" t="s">
        <v>5</v>
      </c>
      <c r="D21252" s="1" t="s">
        <v>11</v>
      </c>
      <c r="E21252" s="1" t="s">
        <v>7</v>
      </c>
    </row>
    <row r="21253">
      <c r="A21253" s="1">
        <v>4.90828035E8</v>
      </c>
      <c r="B21253" s="3">
        <v>17301.0</v>
      </c>
      <c r="C21253" s="1" t="s">
        <v>5</v>
      </c>
      <c r="D21253" s="1" t="s">
        <v>18006</v>
      </c>
      <c r="E21253" s="1" t="s">
        <v>7</v>
      </c>
    </row>
    <row r="21254">
      <c r="A21254" s="1">
        <v>4.90828046E8</v>
      </c>
      <c r="B21254" s="3">
        <v>17289.0</v>
      </c>
      <c r="C21254" s="1" t="s">
        <v>5</v>
      </c>
      <c r="D21254" s="1" t="s">
        <v>11</v>
      </c>
      <c r="E21254" s="1" t="s">
        <v>7</v>
      </c>
    </row>
    <row r="21255">
      <c r="A21255" s="1">
        <v>4.90828063E8</v>
      </c>
      <c r="B21255" s="3">
        <v>17288.0</v>
      </c>
      <c r="C21255" s="1" t="s">
        <v>5</v>
      </c>
      <c r="D21255" s="1" t="s">
        <v>18007</v>
      </c>
      <c r="E21255" s="1" t="s">
        <v>7</v>
      </c>
    </row>
    <row r="21256">
      <c r="A21256" s="1">
        <v>4.90828167E8</v>
      </c>
      <c r="B21256" s="2">
        <v>17354.0</v>
      </c>
      <c r="C21256" s="1" t="s">
        <v>5</v>
      </c>
      <c r="D21256" s="1" t="s">
        <v>18008</v>
      </c>
      <c r="E21256" s="1" t="s">
        <v>18009</v>
      </c>
    </row>
    <row r="21257">
      <c r="A21257" s="1">
        <v>4.90828189E8</v>
      </c>
      <c r="B21257" s="2">
        <v>17361.0</v>
      </c>
      <c r="C21257" s="1" t="s">
        <v>5</v>
      </c>
      <c r="D21257" s="1" t="s">
        <v>18010</v>
      </c>
      <c r="E21257" s="1" t="s">
        <v>7</v>
      </c>
    </row>
    <row r="21258">
      <c r="A21258" s="1">
        <v>4.90828206E8</v>
      </c>
      <c r="B21258" s="2">
        <v>17353.0</v>
      </c>
      <c r="C21258" s="1" t="s">
        <v>5</v>
      </c>
      <c r="D21258" s="1" t="s">
        <v>18011</v>
      </c>
      <c r="E21258" s="1" t="s">
        <v>11</v>
      </c>
    </row>
    <row r="21259">
      <c r="A21259" s="1">
        <v>4.90828209E8</v>
      </c>
      <c r="B21259" s="2">
        <v>17367.0</v>
      </c>
      <c r="C21259" s="1" t="s">
        <v>5</v>
      </c>
      <c r="D21259" s="1" t="s">
        <v>18012</v>
      </c>
      <c r="E21259" s="1" t="s">
        <v>11</v>
      </c>
    </row>
    <row r="21260">
      <c r="A21260" s="1">
        <v>4.90828233E8</v>
      </c>
      <c r="B21260" s="2">
        <v>17379.0</v>
      </c>
      <c r="C21260" s="1" t="s">
        <v>5</v>
      </c>
      <c r="D21260" s="1" t="s">
        <v>18013</v>
      </c>
      <c r="E21260" s="1" t="s">
        <v>11</v>
      </c>
    </row>
    <row r="21261">
      <c r="A21261" s="1">
        <v>4.90828235E8</v>
      </c>
      <c r="B21261" s="2">
        <v>17359.0</v>
      </c>
      <c r="C21261" s="1" t="s">
        <v>5</v>
      </c>
      <c r="D21261" s="1" t="s">
        <v>18014</v>
      </c>
      <c r="E21261" s="1" t="s">
        <v>7</v>
      </c>
    </row>
    <row r="21262">
      <c r="A21262" s="1">
        <v>4.90828252E8</v>
      </c>
      <c r="B21262" s="2">
        <v>17378.0</v>
      </c>
      <c r="C21262" s="1" t="s">
        <v>5</v>
      </c>
      <c r="D21262" s="1" t="s">
        <v>18015</v>
      </c>
      <c r="E21262" s="1" t="s">
        <v>18016</v>
      </c>
    </row>
    <row r="21263">
      <c r="A21263" s="1">
        <v>4.90828289E8</v>
      </c>
      <c r="B21263" s="2">
        <v>17378.0</v>
      </c>
      <c r="C21263" s="1" t="s">
        <v>5</v>
      </c>
      <c r="D21263" s="1" t="s">
        <v>18017</v>
      </c>
      <c r="E21263" s="1" t="s">
        <v>11</v>
      </c>
    </row>
    <row r="21264">
      <c r="A21264" s="1">
        <v>4.90828333E8</v>
      </c>
      <c r="B21264" s="2">
        <v>17368.0</v>
      </c>
      <c r="C21264" s="1" t="s">
        <v>5</v>
      </c>
      <c r="D21264" s="1" t="s">
        <v>18018</v>
      </c>
      <c r="E21264" s="1" t="s">
        <v>7</v>
      </c>
    </row>
    <row r="21265">
      <c r="A21265" s="1">
        <v>4.90828336E8</v>
      </c>
      <c r="B21265" s="2">
        <v>17335.0</v>
      </c>
      <c r="C21265" s="1" t="s">
        <v>5</v>
      </c>
      <c r="D21265" s="1" t="s">
        <v>18019</v>
      </c>
      <c r="E21265" s="1" t="s">
        <v>7</v>
      </c>
    </row>
    <row r="21266">
      <c r="A21266" s="1">
        <v>4.90828341E8</v>
      </c>
      <c r="B21266" s="2">
        <v>17361.0</v>
      </c>
      <c r="C21266" s="1" t="s">
        <v>5</v>
      </c>
      <c r="D21266" s="1" t="s">
        <v>18020</v>
      </c>
      <c r="E21266" s="1" t="s">
        <v>7</v>
      </c>
    </row>
    <row r="21267">
      <c r="A21267" s="1">
        <v>4.90828352E8</v>
      </c>
      <c r="B21267" s="2">
        <v>17368.0</v>
      </c>
      <c r="C21267" s="1" t="s">
        <v>5</v>
      </c>
      <c r="D21267" s="1" t="s">
        <v>18021</v>
      </c>
      <c r="E21267" s="1" t="s">
        <v>7</v>
      </c>
    </row>
    <row r="21268">
      <c r="A21268" s="1">
        <v>4.90828353E8</v>
      </c>
      <c r="B21268" s="2">
        <v>17344.0</v>
      </c>
      <c r="C21268" s="1" t="s">
        <v>5</v>
      </c>
      <c r="D21268" s="1" t="s">
        <v>11</v>
      </c>
      <c r="E21268" s="1" t="s">
        <v>7</v>
      </c>
    </row>
    <row r="21269">
      <c r="A21269" s="1">
        <v>4.90828428E8</v>
      </c>
      <c r="B21269" s="3">
        <v>17291.0</v>
      </c>
      <c r="C21269" s="1" t="s">
        <v>5</v>
      </c>
      <c r="D21269" s="1" t="s">
        <v>11</v>
      </c>
      <c r="E21269" s="1" t="s">
        <v>7</v>
      </c>
    </row>
    <row r="21270">
      <c r="A21270" s="1">
        <v>4.90828447E8</v>
      </c>
      <c r="B21270" s="3">
        <v>17302.0</v>
      </c>
      <c r="C21270" s="1" t="s">
        <v>5</v>
      </c>
      <c r="D21270" s="1" t="s">
        <v>18022</v>
      </c>
      <c r="E21270" s="1" t="s">
        <v>11</v>
      </c>
    </row>
    <row r="21271">
      <c r="A21271" s="1">
        <v>4.90828456E8</v>
      </c>
      <c r="B21271" s="3">
        <v>17298.0</v>
      </c>
      <c r="C21271" s="1" t="s">
        <v>5</v>
      </c>
      <c r="D21271" s="1" t="s">
        <v>11</v>
      </c>
      <c r="E21271" s="1" t="s">
        <v>7</v>
      </c>
    </row>
    <row r="21272">
      <c r="A21272" s="1">
        <v>4.90828458E8</v>
      </c>
      <c r="B21272" s="2">
        <v>17360.0</v>
      </c>
      <c r="C21272" s="1" t="s">
        <v>5</v>
      </c>
      <c r="D21272" s="1" t="s">
        <v>18023</v>
      </c>
      <c r="E21272" s="1" t="s">
        <v>11</v>
      </c>
    </row>
    <row r="21273">
      <c r="A21273" s="1">
        <v>4.90828526E8</v>
      </c>
      <c r="B21273" s="2">
        <v>17365.0</v>
      </c>
      <c r="C21273" s="1" t="s">
        <v>5</v>
      </c>
      <c r="D21273" s="1" t="s">
        <v>18024</v>
      </c>
      <c r="E21273" s="1" t="s">
        <v>7</v>
      </c>
    </row>
    <row r="21274">
      <c r="A21274" s="1">
        <v>4.90828537E8</v>
      </c>
      <c r="B21274" s="3">
        <v>17302.0</v>
      </c>
      <c r="C21274" s="1" t="s">
        <v>5</v>
      </c>
      <c r="D21274" s="1" t="s">
        <v>11</v>
      </c>
      <c r="E21274" s="1" t="s">
        <v>7</v>
      </c>
    </row>
    <row r="21275">
      <c r="A21275" s="1">
        <v>4.90828539E8</v>
      </c>
      <c r="B21275" s="2">
        <v>17360.0</v>
      </c>
      <c r="C21275" s="1" t="s">
        <v>5</v>
      </c>
      <c r="D21275" s="1" t="s">
        <v>18025</v>
      </c>
      <c r="E21275" s="1" t="s">
        <v>7</v>
      </c>
    </row>
    <row r="21276">
      <c r="A21276" s="1">
        <v>4.90828553E8</v>
      </c>
      <c r="B21276" s="2">
        <v>17359.0</v>
      </c>
      <c r="C21276" s="1" t="s">
        <v>5</v>
      </c>
      <c r="D21276" s="1" t="s">
        <v>11</v>
      </c>
      <c r="E21276" s="1" t="s">
        <v>7</v>
      </c>
    </row>
    <row r="21277">
      <c r="A21277" s="1">
        <v>4.90828612E8</v>
      </c>
      <c r="B21277" s="2">
        <v>17350.0</v>
      </c>
      <c r="C21277" s="1" t="s">
        <v>5</v>
      </c>
      <c r="D21277" s="1" t="s">
        <v>11</v>
      </c>
      <c r="E21277" s="1" t="s">
        <v>7</v>
      </c>
    </row>
    <row r="21278">
      <c r="A21278" s="1">
        <v>4.90828621E8</v>
      </c>
      <c r="B21278" s="3">
        <v>17291.0</v>
      </c>
      <c r="C21278" s="1" t="s">
        <v>5</v>
      </c>
      <c r="D21278" s="1" t="s">
        <v>18026</v>
      </c>
      <c r="E21278" s="1" t="s">
        <v>11</v>
      </c>
    </row>
    <row r="21279">
      <c r="A21279" s="1">
        <v>4.90828631E8</v>
      </c>
      <c r="B21279" s="3">
        <v>17302.0</v>
      </c>
      <c r="C21279" s="1" t="s">
        <v>5</v>
      </c>
      <c r="D21279" s="1" t="s">
        <v>11</v>
      </c>
      <c r="E21279" s="1" t="s">
        <v>7</v>
      </c>
    </row>
    <row r="21280">
      <c r="A21280" s="1">
        <v>4.90828638E8</v>
      </c>
      <c r="B21280" s="3">
        <v>17291.0</v>
      </c>
      <c r="C21280" s="1" t="s">
        <v>5</v>
      </c>
      <c r="D21280" s="1" t="s">
        <v>18027</v>
      </c>
      <c r="E21280" s="1" t="s">
        <v>7</v>
      </c>
    </row>
    <row r="21281">
      <c r="A21281" s="1">
        <v>4.9082865E8</v>
      </c>
      <c r="B21281" s="2">
        <v>17359.0</v>
      </c>
      <c r="C21281" s="1" t="s">
        <v>5</v>
      </c>
      <c r="D21281" s="1" t="s">
        <v>18028</v>
      </c>
      <c r="E21281" s="1" t="s">
        <v>7</v>
      </c>
    </row>
    <row r="21282">
      <c r="A21282" s="1">
        <v>4.90828668E8</v>
      </c>
      <c r="B21282" s="3">
        <v>17288.0</v>
      </c>
      <c r="C21282" s="1" t="s">
        <v>5</v>
      </c>
      <c r="D21282" s="1" t="s">
        <v>18029</v>
      </c>
      <c r="E21282" s="1" t="s">
        <v>7</v>
      </c>
    </row>
    <row r="21283">
      <c r="A21283" s="1">
        <v>4.90828672E8</v>
      </c>
      <c r="B21283" s="2">
        <v>17374.0</v>
      </c>
      <c r="C21283" s="1" t="s">
        <v>5</v>
      </c>
      <c r="D21283" s="1" t="s">
        <v>18030</v>
      </c>
      <c r="E21283" s="1" t="s">
        <v>7</v>
      </c>
    </row>
    <row r="21284">
      <c r="A21284" s="1">
        <v>4.90828726E8</v>
      </c>
      <c r="B21284" s="2">
        <v>17410.0</v>
      </c>
      <c r="C21284" s="1" t="s">
        <v>5</v>
      </c>
      <c r="D21284" s="1" t="s">
        <v>18031</v>
      </c>
      <c r="E21284" s="1" t="s">
        <v>11</v>
      </c>
    </row>
    <row r="21285">
      <c r="A21285" s="1">
        <v>4.90828739E8</v>
      </c>
      <c r="B21285" s="2">
        <v>17354.0</v>
      </c>
      <c r="C21285" s="1" t="s">
        <v>5</v>
      </c>
      <c r="D21285" s="1" t="s">
        <v>11</v>
      </c>
      <c r="E21285" s="1" t="s">
        <v>7</v>
      </c>
    </row>
    <row r="21286">
      <c r="A21286" s="1">
        <v>4.90828752E8</v>
      </c>
      <c r="B21286" s="2">
        <v>17354.0</v>
      </c>
      <c r="C21286" s="1" t="s">
        <v>5</v>
      </c>
      <c r="D21286" s="1" t="s">
        <v>18032</v>
      </c>
      <c r="E21286" s="1" t="s">
        <v>11</v>
      </c>
    </row>
    <row r="21287">
      <c r="A21287" s="1">
        <v>4.9082881E8</v>
      </c>
      <c r="B21287" s="2">
        <v>17357.0</v>
      </c>
      <c r="C21287" s="1" t="s">
        <v>5</v>
      </c>
      <c r="D21287" s="1" t="s">
        <v>11</v>
      </c>
      <c r="E21287" s="1" t="s">
        <v>7</v>
      </c>
    </row>
    <row r="21288">
      <c r="A21288" s="1">
        <v>4.90828823E8</v>
      </c>
      <c r="B21288" s="2">
        <v>17344.0</v>
      </c>
      <c r="C21288" s="1" t="s">
        <v>5</v>
      </c>
      <c r="D21288" s="1" t="s">
        <v>18033</v>
      </c>
      <c r="E21288" s="1" t="s">
        <v>18034</v>
      </c>
    </row>
    <row r="21289">
      <c r="A21289" s="1">
        <v>4.90828832E8</v>
      </c>
      <c r="B21289" s="2">
        <v>17352.0</v>
      </c>
      <c r="C21289" s="1" t="s">
        <v>5</v>
      </c>
      <c r="D21289" s="1" t="s">
        <v>18035</v>
      </c>
      <c r="E21289" s="1" t="s">
        <v>11</v>
      </c>
    </row>
    <row r="21290">
      <c r="A21290" s="1">
        <v>4.90828835E8</v>
      </c>
      <c r="B21290" s="2">
        <v>17339.0</v>
      </c>
      <c r="C21290" s="1" t="s">
        <v>5</v>
      </c>
      <c r="D21290" s="1" t="s">
        <v>18036</v>
      </c>
      <c r="E21290" s="1" t="s">
        <v>7</v>
      </c>
    </row>
    <row r="21291">
      <c r="A21291" s="1">
        <v>4.90828864E8</v>
      </c>
      <c r="B21291" s="2">
        <v>17353.0</v>
      </c>
      <c r="C21291" s="1" t="s">
        <v>5</v>
      </c>
      <c r="D21291" s="1" t="s">
        <v>18037</v>
      </c>
      <c r="E21291" s="1" t="s">
        <v>7</v>
      </c>
    </row>
    <row r="21292">
      <c r="A21292" s="1">
        <v>4.90828896E8</v>
      </c>
      <c r="B21292" s="2">
        <v>17344.0</v>
      </c>
      <c r="C21292" s="1" t="s">
        <v>5</v>
      </c>
      <c r="D21292" s="1" t="s">
        <v>11</v>
      </c>
      <c r="E21292" s="1" t="s">
        <v>7</v>
      </c>
    </row>
    <row r="21293">
      <c r="A21293" s="1">
        <v>4.90828911E8</v>
      </c>
      <c r="B21293" s="2">
        <v>17353.0</v>
      </c>
      <c r="C21293" s="1" t="s">
        <v>5</v>
      </c>
      <c r="D21293" s="1" t="s">
        <v>18038</v>
      </c>
      <c r="E21293" s="1" t="s">
        <v>18039</v>
      </c>
    </row>
    <row r="21294">
      <c r="A21294" s="1">
        <v>4.90828931E8</v>
      </c>
      <c r="B21294" s="2">
        <v>17350.0</v>
      </c>
      <c r="C21294" s="1" t="s">
        <v>5</v>
      </c>
      <c r="D21294" s="1" t="s">
        <v>18040</v>
      </c>
      <c r="E21294" s="1" t="s">
        <v>7</v>
      </c>
    </row>
    <row r="21295">
      <c r="A21295" s="1">
        <v>4.90828955E8</v>
      </c>
      <c r="B21295" s="2">
        <v>17351.0</v>
      </c>
      <c r="C21295" s="1" t="s">
        <v>5</v>
      </c>
      <c r="D21295" s="1" t="s">
        <v>18041</v>
      </c>
      <c r="E21295" s="1" t="s">
        <v>11</v>
      </c>
    </row>
    <row r="21296">
      <c r="A21296" s="1">
        <v>4.90828993E8</v>
      </c>
      <c r="B21296" s="2">
        <v>17382.0</v>
      </c>
      <c r="C21296" s="1" t="s">
        <v>5</v>
      </c>
      <c r="D21296" s="1" t="s">
        <v>18042</v>
      </c>
      <c r="E21296" s="1" t="s">
        <v>11</v>
      </c>
    </row>
    <row r="21297">
      <c r="A21297" s="1">
        <v>4.90829031E8</v>
      </c>
      <c r="B21297" s="2">
        <v>17360.0</v>
      </c>
      <c r="C21297" s="1" t="s">
        <v>5</v>
      </c>
      <c r="D21297" s="1" t="s">
        <v>18043</v>
      </c>
      <c r="E21297" s="1" t="s">
        <v>7</v>
      </c>
    </row>
    <row r="21298">
      <c r="A21298" s="1">
        <v>4.90829093E8</v>
      </c>
      <c r="B21298" s="2">
        <v>17342.0</v>
      </c>
      <c r="C21298" s="1" t="s">
        <v>5</v>
      </c>
      <c r="D21298" s="1" t="s">
        <v>11</v>
      </c>
      <c r="E21298" s="1" t="s">
        <v>7</v>
      </c>
    </row>
    <row r="21299">
      <c r="A21299" s="1">
        <v>4.90829134E8</v>
      </c>
      <c r="B21299" s="2">
        <v>17361.0</v>
      </c>
      <c r="C21299" s="1" t="s">
        <v>5</v>
      </c>
      <c r="D21299" s="1" t="s">
        <v>11</v>
      </c>
      <c r="E21299" s="1" t="s">
        <v>7</v>
      </c>
    </row>
    <row r="21300">
      <c r="A21300" s="1">
        <v>4.9082914E8</v>
      </c>
      <c r="B21300" s="2">
        <v>17368.0</v>
      </c>
      <c r="C21300" s="1" t="s">
        <v>5</v>
      </c>
      <c r="D21300" s="1" t="s">
        <v>18044</v>
      </c>
      <c r="E21300" s="1" t="s">
        <v>7</v>
      </c>
    </row>
    <row r="21301">
      <c r="A21301" s="1">
        <v>4.90829194E8</v>
      </c>
      <c r="B21301" s="2">
        <v>17353.0</v>
      </c>
      <c r="C21301" s="1" t="s">
        <v>5</v>
      </c>
      <c r="D21301" s="1" t="s">
        <v>18045</v>
      </c>
      <c r="E21301" s="1" t="s">
        <v>7</v>
      </c>
    </row>
    <row r="21302">
      <c r="A21302" s="1">
        <v>4.90829216E8</v>
      </c>
      <c r="B21302" s="2">
        <v>17344.0</v>
      </c>
      <c r="C21302" s="1" t="s">
        <v>5</v>
      </c>
      <c r="D21302" s="1" t="s">
        <v>11</v>
      </c>
      <c r="E21302" s="1" t="s">
        <v>7</v>
      </c>
    </row>
    <row r="21303">
      <c r="A21303" s="1">
        <v>4.90829233E8</v>
      </c>
      <c r="B21303" s="2">
        <v>17351.0</v>
      </c>
      <c r="C21303" s="1" t="s">
        <v>5</v>
      </c>
      <c r="D21303" s="1" t="s">
        <v>18046</v>
      </c>
      <c r="E21303" s="1" t="s">
        <v>7</v>
      </c>
    </row>
    <row r="21304">
      <c r="A21304" s="1">
        <v>4.90829271E8</v>
      </c>
      <c r="B21304" s="3">
        <v>17294.0</v>
      </c>
      <c r="C21304" s="1" t="s">
        <v>5</v>
      </c>
      <c r="D21304" s="1" t="s">
        <v>18047</v>
      </c>
      <c r="E21304" s="1" t="s">
        <v>11</v>
      </c>
    </row>
    <row r="21305">
      <c r="A21305" s="1">
        <v>4.90829281E8</v>
      </c>
      <c r="B21305" s="2">
        <v>17395.0</v>
      </c>
      <c r="C21305" s="1" t="s">
        <v>5</v>
      </c>
      <c r="D21305" s="1" t="s">
        <v>18048</v>
      </c>
      <c r="E21305" s="1" t="s">
        <v>11</v>
      </c>
    </row>
    <row r="21306">
      <c r="A21306" s="1">
        <v>4.90829311E8</v>
      </c>
      <c r="B21306" s="2">
        <v>17360.0</v>
      </c>
      <c r="C21306" s="1" t="s">
        <v>5</v>
      </c>
      <c r="D21306" s="1" t="s">
        <v>18049</v>
      </c>
      <c r="E21306" s="1" t="s">
        <v>7</v>
      </c>
    </row>
    <row r="21307">
      <c r="A21307" s="1">
        <v>4.90829354E8</v>
      </c>
      <c r="B21307" s="2">
        <v>17351.0</v>
      </c>
      <c r="C21307" s="1" t="s">
        <v>5</v>
      </c>
      <c r="D21307" s="1" t="s">
        <v>11</v>
      </c>
      <c r="E21307" s="1" t="s">
        <v>7</v>
      </c>
    </row>
    <row r="21308">
      <c r="A21308" s="1">
        <v>4.90829361E8</v>
      </c>
      <c r="B21308" s="2">
        <v>17359.0</v>
      </c>
      <c r="C21308" s="1" t="s">
        <v>5</v>
      </c>
      <c r="D21308" s="1" t="s">
        <v>18050</v>
      </c>
      <c r="E21308" s="1" t="s">
        <v>7</v>
      </c>
    </row>
    <row r="21309">
      <c r="A21309" s="1">
        <v>4.90829367E8</v>
      </c>
      <c r="B21309" s="2">
        <v>17388.0</v>
      </c>
      <c r="C21309" s="1" t="s">
        <v>5</v>
      </c>
      <c r="D21309" s="1" t="s">
        <v>18051</v>
      </c>
      <c r="E21309" s="1" t="s">
        <v>11</v>
      </c>
    </row>
    <row r="21310">
      <c r="A21310" s="1">
        <v>4.90829396E8</v>
      </c>
      <c r="B21310" s="3">
        <v>17293.0</v>
      </c>
      <c r="C21310" s="1" t="s">
        <v>5</v>
      </c>
      <c r="D21310" s="1" t="s">
        <v>18052</v>
      </c>
      <c r="E21310" s="1" t="s">
        <v>7</v>
      </c>
    </row>
    <row r="21311">
      <c r="A21311" s="1">
        <v>4.90829402E8</v>
      </c>
      <c r="B21311" s="2">
        <v>17367.0</v>
      </c>
      <c r="C21311" s="1" t="s">
        <v>5</v>
      </c>
      <c r="D21311" s="1" t="s">
        <v>18053</v>
      </c>
      <c r="E21311" s="1" t="s">
        <v>11</v>
      </c>
    </row>
    <row r="21312">
      <c r="A21312" s="1">
        <v>4.90829412E8</v>
      </c>
      <c r="B21312" s="2">
        <v>17359.0</v>
      </c>
      <c r="C21312" s="1" t="s">
        <v>5</v>
      </c>
      <c r="D21312" s="1" t="s">
        <v>18054</v>
      </c>
      <c r="E21312" s="1" t="s">
        <v>11</v>
      </c>
    </row>
    <row r="21313">
      <c r="A21313" s="1">
        <v>4.90829432E8</v>
      </c>
      <c r="B21313" s="2">
        <v>17359.0</v>
      </c>
      <c r="C21313" s="1" t="s">
        <v>5</v>
      </c>
      <c r="D21313" s="1" t="s">
        <v>18055</v>
      </c>
      <c r="E21313" s="1" t="s">
        <v>18056</v>
      </c>
    </row>
    <row r="21314">
      <c r="A21314" s="1">
        <v>4.90829442E8</v>
      </c>
      <c r="B21314" s="2">
        <v>17395.0</v>
      </c>
      <c r="C21314" s="1" t="s">
        <v>5</v>
      </c>
      <c r="D21314" s="1" t="s">
        <v>11</v>
      </c>
      <c r="E21314" s="1" t="s">
        <v>7</v>
      </c>
    </row>
    <row r="21315">
      <c r="A21315" s="1">
        <v>4.90829481E8</v>
      </c>
      <c r="B21315" s="3">
        <v>17291.0</v>
      </c>
      <c r="C21315" s="1" t="s">
        <v>5</v>
      </c>
      <c r="D21315" s="1" t="s">
        <v>18057</v>
      </c>
      <c r="E21315" s="1" t="s">
        <v>7</v>
      </c>
    </row>
    <row r="21316">
      <c r="A21316" s="1">
        <v>4.90829511E8</v>
      </c>
      <c r="B21316" s="2">
        <v>17344.0</v>
      </c>
      <c r="C21316" s="1" t="s">
        <v>5</v>
      </c>
      <c r="D21316" s="1" t="s">
        <v>18058</v>
      </c>
      <c r="E21316" s="1" t="s">
        <v>18059</v>
      </c>
    </row>
    <row r="21317">
      <c r="A21317" s="1">
        <v>4.90829547E8</v>
      </c>
      <c r="B21317" s="3">
        <v>17291.0</v>
      </c>
      <c r="C21317" s="1" t="s">
        <v>5</v>
      </c>
      <c r="D21317" s="1" t="s">
        <v>11</v>
      </c>
      <c r="E21317" s="1" t="s">
        <v>7</v>
      </c>
    </row>
    <row r="21318">
      <c r="A21318" s="1">
        <v>4.90829575E8</v>
      </c>
      <c r="B21318" s="2">
        <v>17350.0</v>
      </c>
      <c r="C21318" s="1" t="s">
        <v>5</v>
      </c>
      <c r="D21318" s="1" t="s">
        <v>18060</v>
      </c>
      <c r="E21318" s="1" t="s">
        <v>7</v>
      </c>
    </row>
    <row r="21319">
      <c r="A21319" s="1">
        <v>4.90829581E8</v>
      </c>
      <c r="B21319" s="2">
        <v>17339.0</v>
      </c>
      <c r="C21319" s="1" t="s">
        <v>5</v>
      </c>
      <c r="D21319" s="1" t="s">
        <v>18061</v>
      </c>
      <c r="E21319" s="1" t="s">
        <v>11</v>
      </c>
    </row>
    <row r="21320">
      <c r="A21320" s="1">
        <v>4.90829593E8</v>
      </c>
      <c r="B21320" s="2">
        <v>17357.0</v>
      </c>
      <c r="C21320" s="1" t="s">
        <v>5</v>
      </c>
      <c r="D21320" s="1" t="s">
        <v>18062</v>
      </c>
      <c r="E21320" s="1" t="s">
        <v>18063</v>
      </c>
    </row>
    <row r="21321">
      <c r="A21321" s="1">
        <v>4.90829638E8</v>
      </c>
      <c r="B21321" s="2">
        <v>17350.0</v>
      </c>
      <c r="C21321" s="1" t="s">
        <v>5</v>
      </c>
      <c r="D21321" s="1" t="s">
        <v>18064</v>
      </c>
      <c r="E21321" s="1" t="s">
        <v>7</v>
      </c>
    </row>
    <row r="21322">
      <c r="A21322" s="1">
        <v>4.90829664E8</v>
      </c>
      <c r="B21322" s="2">
        <v>17357.0</v>
      </c>
      <c r="C21322" s="1" t="s">
        <v>5</v>
      </c>
      <c r="D21322" s="1" t="s">
        <v>18065</v>
      </c>
      <c r="E21322" s="1" t="s">
        <v>11</v>
      </c>
    </row>
    <row r="21323">
      <c r="A21323" s="1">
        <v>4.90829735E8</v>
      </c>
      <c r="B21323" s="3">
        <v>17289.0</v>
      </c>
      <c r="C21323" s="1" t="s">
        <v>5</v>
      </c>
      <c r="D21323" s="1" t="s">
        <v>18066</v>
      </c>
      <c r="E21323" s="1" t="s">
        <v>7</v>
      </c>
    </row>
    <row r="21324">
      <c r="A21324" s="1">
        <v>4.90829772E8</v>
      </c>
      <c r="B21324" s="2">
        <v>17382.0</v>
      </c>
      <c r="C21324" s="1" t="s">
        <v>5</v>
      </c>
      <c r="D21324" s="1" t="s">
        <v>18067</v>
      </c>
      <c r="E21324" s="1" t="s">
        <v>7</v>
      </c>
    </row>
    <row r="21325">
      <c r="A21325" s="1">
        <v>4.90829823E8</v>
      </c>
      <c r="B21325" s="2">
        <v>17410.0</v>
      </c>
      <c r="C21325" s="1" t="s">
        <v>5</v>
      </c>
      <c r="D21325" s="1" t="s">
        <v>18068</v>
      </c>
      <c r="E21325" s="1" t="s">
        <v>7</v>
      </c>
    </row>
    <row r="21326">
      <c r="A21326" s="1">
        <v>4.90829846E8</v>
      </c>
      <c r="B21326" s="2">
        <v>17352.0</v>
      </c>
      <c r="C21326" s="1" t="s">
        <v>5</v>
      </c>
      <c r="D21326" s="1" t="s">
        <v>11</v>
      </c>
      <c r="E21326" s="1" t="s">
        <v>7</v>
      </c>
    </row>
    <row r="21327">
      <c r="A21327" s="1">
        <v>4.90829874E8</v>
      </c>
      <c r="B21327" s="2">
        <v>17408.0</v>
      </c>
      <c r="C21327" s="1" t="s">
        <v>5</v>
      </c>
      <c r="D21327" s="1" t="s">
        <v>18069</v>
      </c>
      <c r="E21327" s="1" t="s">
        <v>7</v>
      </c>
    </row>
    <row r="21328">
      <c r="A21328" s="1">
        <v>4.90829878E8</v>
      </c>
      <c r="B21328" s="2">
        <v>17363.0</v>
      </c>
      <c r="C21328" s="1" t="s">
        <v>5</v>
      </c>
      <c r="D21328" s="1" t="s">
        <v>17901</v>
      </c>
      <c r="E21328" s="1" t="s">
        <v>7</v>
      </c>
    </row>
    <row r="21329">
      <c r="A21329" s="1">
        <v>4.90829903E8</v>
      </c>
      <c r="B21329" s="2">
        <v>17388.0</v>
      </c>
      <c r="C21329" s="1" t="s">
        <v>5</v>
      </c>
      <c r="D21329" s="1" t="s">
        <v>18070</v>
      </c>
      <c r="E21329" s="1" t="s">
        <v>7</v>
      </c>
    </row>
    <row r="21330">
      <c r="A21330" s="1">
        <v>4.90829911E8</v>
      </c>
      <c r="B21330" s="2">
        <v>17382.0</v>
      </c>
      <c r="C21330" s="1" t="s">
        <v>5</v>
      </c>
      <c r="D21330" s="1" t="s">
        <v>18071</v>
      </c>
      <c r="E21330" s="1" t="s">
        <v>11</v>
      </c>
    </row>
    <row r="21331">
      <c r="A21331" s="1">
        <v>4.90829951E8</v>
      </c>
      <c r="B21331" s="2">
        <v>17407.0</v>
      </c>
      <c r="C21331" s="1" t="s">
        <v>5</v>
      </c>
      <c r="D21331" s="1" t="s">
        <v>18072</v>
      </c>
      <c r="E21331" s="1" t="s">
        <v>7</v>
      </c>
    </row>
    <row r="21332">
      <c r="A21332" s="1">
        <v>4.90829998E8</v>
      </c>
      <c r="B21332" s="2">
        <v>17350.0</v>
      </c>
      <c r="C21332" s="1" t="s">
        <v>5</v>
      </c>
      <c r="D21332" s="1" t="s">
        <v>18073</v>
      </c>
      <c r="E21332" s="1" t="s">
        <v>7</v>
      </c>
    </row>
    <row r="21333">
      <c r="A21333" s="1">
        <v>4.90830007E8</v>
      </c>
      <c r="B21333" s="2">
        <v>17388.0</v>
      </c>
      <c r="C21333" s="1" t="s">
        <v>5</v>
      </c>
      <c r="D21333" s="1" t="s">
        <v>11</v>
      </c>
      <c r="E21333" s="1" t="s">
        <v>7</v>
      </c>
    </row>
    <row r="21334">
      <c r="A21334" s="1">
        <v>4.90830012E8</v>
      </c>
      <c r="B21334" s="2">
        <v>17353.0</v>
      </c>
      <c r="C21334" s="1" t="s">
        <v>5</v>
      </c>
      <c r="D21334" s="1" t="s">
        <v>11</v>
      </c>
      <c r="E21334" s="1" t="s">
        <v>7</v>
      </c>
    </row>
    <row r="21335">
      <c r="A21335" s="1">
        <v>4.90830071E8</v>
      </c>
      <c r="B21335" s="2">
        <v>17344.0</v>
      </c>
      <c r="C21335" s="1" t="s">
        <v>5</v>
      </c>
      <c r="D21335" s="1" t="s">
        <v>18074</v>
      </c>
      <c r="E21335" s="1" t="s">
        <v>11</v>
      </c>
    </row>
    <row r="21336">
      <c r="A21336" s="1">
        <v>4.90830072E8</v>
      </c>
      <c r="B21336" s="2">
        <v>17406.0</v>
      </c>
      <c r="C21336" s="1" t="s">
        <v>5</v>
      </c>
      <c r="D21336" s="1" t="s">
        <v>11</v>
      </c>
      <c r="E21336" s="1" t="s">
        <v>7</v>
      </c>
    </row>
    <row r="21337">
      <c r="A21337" s="1">
        <v>4.90830131E8</v>
      </c>
      <c r="B21337" s="2">
        <v>17385.0</v>
      </c>
      <c r="C21337" s="1" t="s">
        <v>5</v>
      </c>
      <c r="D21337" s="1" t="s">
        <v>11</v>
      </c>
      <c r="E21337" s="1" t="s">
        <v>7</v>
      </c>
    </row>
    <row r="21338">
      <c r="A21338" s="1">
        <v>4.90830179E8</v>
      </c>
      <c r="B21338" s="2">
        <v>17351.0</v>
      </c>
      <c r="C21338" s="1" t="s">
        <v>5</v>
      </c>
      <c r="D21338" s="1" t="s">
        <v>18075</v>
      </c>
      <c r="E21338" s="1" t="s">
        <v>7</v>
      </c>
    </row>
    <row r="21339">
      <c r="A21339" s="1">
        <v>4.90830233E8</v>
      </c>
      <c r="B21339" s="2">
        <v>17403.0</v>
      </c>
      <c r="C21339" s="1" t="s">
        <v>5</v>
      </c>
      <c r="D21339" s="1" t="s">
        <v>18076</v>
      </c>
      <c r="E21339" s="1" t="s">
        <v>7</v>
      </c>
    </row>
    <row r="21340">
      <c r="A21340" s="1">
        <v>4.90830252E8</v>
      </c>
      <c r="B21340" s="2">
        <v>17351.0</v>
      </c>
      <c r="C21340" s="1" t="s">
        <v>5</v>
      </c>
      <c r="D21340" s="1" t="s">
        <v>18077</v>
      </c>
      <c r="E21340" s="1" t="s">
        <v>11</v>
      </c>
    </row>
    <row r="21341">
      <c r="A21341" s="1">
        <v>4.90830275E8</v>
      </c>
      <c r="B21341" s="2">
        <v>17408.0</v>
      </c>
      <c r="C21341" s="1" t="s">
        <v>5</v>
      </c>
      <c r="D21341" s="1" t="s">
        <v>18078</v>
      </c>
      <c r="E21341" s="1" t="s">
        <v>11</v>
      </c>
    </row>
    <row r="21342">
      <c r="A21342" s="1">
        <v>4.90830292E8</v>
      </c>
      <c r="B21342" s="2">
        <v>17388.0</v>
      </c>
      <c r="C21342" s="1" t="s">
        <v>5</v>
      </c>
      <c r="D21342" s="1" t="s">
        <v>18079</v>
      </c>
      <c r="E21342" s="1" t="s">
        <v>18080</v>
      </c>
    </row>
    <row r="21343">
      <c r="A21343" s="1">
        <v>4.9083031E8</v>
      </c>
      <c r="B21343" s="2">
        <v>17433.0</v>
      </c>
      <c r="C21343" s="1" t="s">
        <v>5</v>
      </c>
      <c r="D21343" s="1" t="s">
        <v>18081</v>
      </c>
      <c r="E21343" s="1" t="s">
        <v>7</v>
      </c>
    </row>
    <row r="21344">
      <c r="A21344" s="1">
        <v>4.90830327E8</v>
      </c>
      <c r="B21344" s="2">
        <v>17421.0</v>
      </c>
      <c r="C21344" s="1" t="s">
        <v>5</v>
      </c>
      <c r="D21344" s="1" t="s">
        <v>18082</v>
      </c>
      <c r="E21344" s="1" t="s">
        <v>7</v>
      </c>
    </row>
    <row r="21345">
      <c r="A21345" s="1">
        <v>4.9083037E8</v>
      </c>
      <c r="B21345" s="2">
        <v>17402.0</v>
      </c>
      <c r="C21345" s="1" t="s">
        <v>5</v>
      </c>
      <c r="D21345" s="1" t="s">
        <v>18083</v>
      </c>
      <c r="E21345" s="1" t="s">
        <v>7</v>
      </c>
    </row>
    <row r="21346">
      <c r="A21346" s="1">
        <v>4.90830381E8</v>
      </c>
      <c r="B21346" s="2">
        <v>17385.0</v>
      </c>
      <c r="C21346" s="1" t="s">
        <v>5</v>
      </c>
      <c r="D21346" s="1" t="s">
        <v>18084</v>
      </c>
      <c r="E21346" s="1" t="s">
        <v>7</v>
      </c>
    </row>
    <row r="21347">
      <c r="A21347" s="1">
        <v>4.9083042E8</v>
      </c>
      <c r="B21347" s="2">
        <v>17403.0</v>
      </c>
      <c r="C21347" s="1" t="s">
        <v>5</v>
      </c>
      <c r="D21347" s="1" t="s">
        <v>18085</v>
      </c>
      <c r="E21347" s="1" t="s">
        <v>7</v>
      </c>
    </row>
    <row r="21348">
      <c r="A21348" s="1">
        <v>4.90830486E8</v>
      </c>
      <c r="B21348" s="2">
        <v>17471.0</v>
      </c>
      <c r="C21348" s="1" t="s">
        <v>5</v>
      </c>
      <c r="D21348" s="1" t="s">
        <v>18086</v>
      </c>
      <c r="E21348" s="1" t="s">
        <v>7</v>
      </c>
    </row>
    <row r="21349">
      <c r="A21349" s="1">
        <v>4.90830498E8</v>
      </c>
      <c r="B21349" s="2">
        <v>17471.0</v>
      </c>
      <c r="C21349" s="1" t="s">
        <v>5</v>
      </c>
      <c r="D21349" s="1" t="s">
        <v>18087</v>
      </c>
      <c r="E21349" s="1" t="s">
        <v>7</v>
      </c>
    </row>
    <row r="21350">
      <c r="A21350" s="1">
        <v>4.90830513E8</v>
      </c>
      <c r="B21350" s="2">
        <v>17471.0</v>
      </c>
      <c r="C21350" s="1" t="s">
        <v>5</v>
      </c>
      <c r="D21350" s="1" t="s">
        <v>18088</v>
      </c>
      <c r="E21350" s="1" t="s">
        <v>7</v>
      </c>
    </row>
    <row r="21351">
      <c r="A21351" s="1">
        <v>4.90830544E8</v>
      </c>
      <c r="B21351" s="2">
        <v>17407.0</v>
      </c>
      <c r="C21351" s="1" t="s">
        <v>5</v>
      </c>
      <c r="D21351" s="1" t="s">
        <v>18089</v>
      </c>
      <c r="E21351" s="1" t="s">
        <v>7</v>
      </c>
    </row>
    <row r="21352">
      <c r="A21352" s="1">
        <v>4.90830554E8</v>
      </c>
      <c r="B21352" s="2">
        <v>17410.0</v>
      </c>
      <c r="C21352" s="1" t="s">
        <v>5</v>
      </c>
      <c r="D21352" s="1" t="s">
        <v>18090</v>
      </c>
      <c r="E21352" s="1" t="s">
        <v>7</v>
      </c>
    </row>
    <row r="21353">
      <c r="A21353" s="1">
        <v>4.90830594E8</v>
      </c>
      <c r="B21353" s="2">
        <v>17431.0</v>
      </c>
      <c r="C21353" s="1" t="s">
        <v>5</v>
      </c>
      <c r="D21353" s="1" t="s">
        <v>18091</v>
      </c>
      <c r="E21353" s="1" t="s">
        <v>7</v>
      </c>
    </row>
    <row r="21354">
      <c r="A21354" s="1">
        <v>4.90830601E8</v>
      </c>
      <c r="B21354" s="2">
        <v>17410.0</v>
      </c>
      <c r="C21354" s="1" t="s">
        <v>5</v>
      </c>
      <c r="D21354" s="1" t="s">
        <v>11</v>
      </c>
      <c r="E21354" s="1" t="s">
        <v>7</v>
      </c>
    </row>
    <row r="21355">
      <c r="A21355" s="1">
        <v>4.90830634E8</v>
      </c>
      <c r="B21355" s="2">
        <v>17445.0</v>
      </c>
      <c r="C21355" s="1" t="s">
        <v>5</v>
      </c>
      <c r="D21355" s="1" t="s">
        <v>18092</v>
      </c>
      <c r="E21355" s="1" t="s">
        <v>7</v>
      </c>
    </row>
    <row r="21356">
      <c r="A21356" s="1">
        <v>4.90830652E8</v>
      </c>
      <c r="B21356" s="2">
        <v>17400.0</v>
      </c>
      <c r="C21356" s="1" t="s">
        <v>5</v>
      </c>
      <c r="D21356" s="1" t="s">
        <v>18093</v>
      </c>
      <c r="E21356" s="1" t="s">
        <v>11</v>
      </c>
    </row>
    <row r="21357">
      <c r="A21357" s="1">
        <v>4.90830672E8</v>
      </c>
      <c r="B21357" s="2">
        <v>17396.0</v>
      </c>
      <c r="C21357" s="1" t="s">
        <v>5</v>
      </c>
      <c r="D21357" s="1" t="s">
        <v>18094</v>
      </c>
      <c r="E21357" s="1" t="s">
        <v>7</v>
      </c>
    </row>
    <row r="21358">
      <c r="A21358" s="1">
        <v>4.90830714E8</v>
      </c>
      <c r="B21358" s="2">
        <v>17398.0</v>
      </c>
      <c r="C21358" s="1" t="s">
        <v>5</v>
      </c>
      <c r="D21358" s="1" t="s">
        <v>18095</v>
      </c>
      <c r="E21358" s="1" t="s">
        <v>7</v>
      </c>
    </row>
    <row r="21359">
      <c r="A21359" s="1">
        <v>4.9083073E8</v>
      </c>
      <c r="B21359" s="2">
        <v>17407.0</v>
      </c>
      <c r="C21359" s="1" t="s">
        <v>5</v>
      </c>
      <c r="D21359" s="1" t="s">
        <v>11</v>
      </c>
      <c r="E21359" s="1" t="s">
        <v>7</v>
      </c>
    </row>
    <row r="21360">
      <c r="A21360" s="1">
        <v>4.90830736E8</v>
      </c>
      <c r="B21360" s="2">
        <v>17403.0</v>
      </c>
      <c r="C21360" s="1" t="s">
        <v>5</v>
      </c>
      <c r="D21360" s="1" t="s">
        <v>18096</v>
      </c>
      <c r="E21360" s="1" t="s">
        <v>11</v>
      </c>
    </row>
    <row r="21361">
      <c r="A21361" s="1">
        <v>4.90830747E8</v>
      </c>
      <c r="B21361" s="2">
        <v>17421.0</v>
      </c>
      <c r="C21361" s="1" t="s">
        <v>5</v>
      </c>
      <c r="D21361" s="1" t="s">
        <v>18097</v>
      </c>
      <c r="E21361" s="1" t="s">
        <v>7</v>
      </c>
    </row>
    <row r="21362">
      <c r="A21362" s="1">
        <v>4.90830753E8</v>
      </c>
      <c r="B21362" s="2">
        <v>17470.0</v>
      </c>
      <c r="C21362" s="1" t="s">
        <v>5</v>
      </c>
      <c r="D21362" s="1" t="s">
        <v>18098</v>
      </c>
      <c r="E21362" s="1" t="s">
        <v>11</v>
      </c>
    </row>
    <row r="21363">
      <c r="A21363" s="1">
        <v>4.90830755E8</v>
      </c>
      <c r="B21363" s="2">
        <v>17407.0</v>
      </c>
      <c r="C21363" s="1" t="s">
        <v>5</v>
      </c>
      <c r="D21363" s="1" t="s">
        <v>18099</v>
      </c>
      <c r="E21363" s="1" t="s">
        <v>7</v>
      </c>
    </row>
    <row r="21364">
      <c r="A21364" s="1">
        <v>4.90830796E8</v>
      </c>
      <c r="B21364" s="2">
        <v>17445.0</v>
      </c>
      <c r="C21364" s="1" t="s">
        <v>5</v>
      </c>
      <c r="D21364" s="1" t="s">
        <v>11</v>
      </c>
      <c r="E21364" s="1" t="s">
        <v>7</v>
      </c>
    </row>
    <row r="21365">
      <c r="A21365" s="1">
        <v>4.90830816E8</v>
      </c>
      <c r="B21365" s="2">
        <v>17406.0</v>
      </c>
      <c r="C21365" s="1" t="s">
        <v>5</v>
      </c>
      <c r="D21365" s="1" t="s">
        <v>18100</v>
      </c>
      <c r="E21365" s="1" t="s">
        <v>11</v>
      </c>
    </row>
    <row r="21366">
      <c r="A21366" s="1">
        <v>4.90830831E8</v>
      </c>
      <c r="B21366" s="2">
        <v>17409.0</v>
      </c>
      <c r="C21366" s="1" t="s">
        <v>5</v>
      </c>
      <c r="D21366" s="1" t="s">
        <v>18101</v>
      </c>
      <c r="E21366" s="1" t="s">
        <v>11</v>
      </c>
    </row>
    <row r="21367">
      <c r="A21367" s="1">
        <v>4.90830834E8</v>
      </c>
      <c r="B21367" s="2">
        <v>17332.0</v>
      </c>
      <c r="C21367" s="1" t="s">
        <v>5</v>
      </c>
      <c r="D21367" s="1" t="s">
        <v>18102</v>
      </c>
      <c r="E21367" s="1" t="s">
        <v>7</v>
      </c>
    </row>
    <row r="21368">
      <c r="A21368" s="1">
        <v>4.90830861E8</v>
      </c>
      <c r="B21368" s="2">
        <v>17402.0</v>
      </c>
      <c r="C21368" s="1" t="s">
        <v>5</v>
      </c>
      <c r="D21368" s="1" t="s">
        <v>11</v>
      </c>
      <c r="E21368" s="1" t="s">
        <v>7</v>
      </c>
    </row>
    <row r="21369">
      <c r="A21369" s="1">
        <v>4.90830877E8</v>
      </c>
      <c r="B21369" s="2">
        <v>17388.0</v>
      </c>
      <c r="C21369" s="1" t="s">
        <v>5</v>
      </c>
      <c r="D21369" s="1" t="s">
        <v>11</v>
      </c>
      <c r="E21369" s="1" t="s">
        <v>7</v>
      </c>
    </row>
    <row r="21370">
      <c r="A21370" s="1">
        <v>4.90830922E8</v>
      </c>
      <c r="B21370" s="2">
        <v>17466.0</v>
      </c>
      <c r="C21370" s="1" t="s">
        <v>5</v>
      </c>
      <c r="D21370" s="1" t="s">
        <v>18103</v>
      </c>
      <c r="E21370" s="1" t="s">
        <v>7</v>
      </c>
    </row>
    <row r="21371">
      <c r="A21371" s="1">
        <v>4.90830931E8</v>
      </c>
      <c r="B21371" s="2">
        <v>17431.0</v>
      </c>
      <c r="C21371" s="1" t="s">
        <v>5</v>
      </c>
      <c r="D21371" s="1" t="s">
        <v>18104</v>
      </c>
      <c r="E21371" s="1" t="s">
        <v>7</v>
      </c>
    </row>
    <row r="21372">
      <c r="A21372" s="1">
        <v>4.90830941E8</v>
      </c>
      <c r="B21372" s="2">
        <v>17466.0</v>
      </c>
      <c r="C21372" s="1" t="s">
        <v>5</v>
      </c>
      <c r="D21372" s="1" t="s">
        <v>11</v>
      </c>
      <c r="E21372" s="1" t="s">
        <v>7</v>
      </c>
    </row>
    <row r="21373">
      <c r="A21373" s="1">
        <v>4.90830946E8</v>
      </c>
      <c r="B21373" s="2">
        <v>17396.0</v>
      </c>
      <c r="C21373" s="1" t="s">
        <v>5</v>
      </c>
      <c r="D21373" s="1" t="s">
        <v>18105</v>
      </c>
      <c r="E21373" s="1" t="s">
        <v>7</v>
      </c>
    </row>
    <row r="21374">
      <c r="A21374" s="1">
        <v>4.90831002E8</v>
      </c>
      <c r="B21374" s="2">
        <v>17388.0</v>
      </c>
      <c r="C21374" s="1" t="s">
        <v>5</v>
      </c>
      <c r="D21374" s="1" t="s">
        <v>18106</v>
      </c>
      <c r="E21374" s="1" t="s">
        <v>7</v>
      </c>
    </row>
    <row r="21375">
      <c r="A21375" s="1">
        <v>4.90831019E8</v>
      </c>
      <c r="B21375" s="2">
        <v>17462.0</v>
      </c>
      <c r="C21375" s="1" t="s">
        <v>5</v>
      </c>
      <c r="D21375" s="1" t="s">
        <v>18107</v>
      </c>
      <c r="E21375" s="1" t="s">
        <v>7</v>
      </c>
    </row>
    <row r="21376">
      <c r="A21376" s="1">
        <v>4.90831051E8</v>
      </c>
      <c r="B21376" s="2">
        <v>17398.0</v>
      </c>
      <c r="C21376" s="1" t="s">
        <v>5</v>
      </c>
      <c r="D21376" s="1" t="s">
        <v>18108</v>
      </c>
      <c r="E21376" s="1" t="s">
        <v>18109</v>
      </c>
    </row>
    <row r="21377">
      <c r="A21377" s="1">
        <v>4.90831116E8</v>
      </c>
      <c r="B21377" s="2">
        <v>17407.0</v>
      </c>
      <c r="C21377" s="1" t="s">
        <v>5</v>
      </c>
      <c r="D21377" s="1" t="s">
        <v>18110</v>
      </c>
      <c r="E21377" s="1" t="s">
        <v>7</v>
      </c>
    </row>
    <row r="21378">
      <c r="A21378" s="1">
        <v>4.90831136E8</v>
      </c>
      <c r="B21378" s="2">
        <v>17462.0</v>
      </c>
      <c r="C21378" s="1" t="s">
        <v>5</v>
      </c>
      <c r="D21378" s="1" t="s">
        <v>18111</v>
      </c>
      <c r="E21378" s="1" t="s">
        <v>7</v>
      </c>
    </row>
    <row r="21379">
      <c r="A21379" s="1">
        <v>4.90831152E8</v>
      </c>
      <c r="B21379" s="2">
        <v>17392.0</v>
      </c>
      <c r="C21379" s="1" t="s">
        <v>5</v>
      </c>
      <c r="D21379" s="1" t="s">
        <v>18112</v>
      </c>
      <c r="E21379" s="1" t="s">
        <v>18113</v>
      </c>
    </row>
    <row r="21380">
      <c r="A21380" s="1">
        <v>4.90831155E8</v>
      </c>
      <c r="B21380" s="2">
        <v>17393.0</v>
      </c>
      <c r="C21380" s="1" t="s">
        <v>5</v>
      </c>
      <c r="D21380" s="1" t="s">
        <v>18114</v>
      </c>
      <c r="E21380" s="1" t="s">
        <v>18115</v>
      </c>
    </row>
    <row r="21381">
      <c r="A21381" s="1">
        <v>4.90831189E8</v>
      </c>
      <c r="B21381" s="2">
        <v>17402.0</v>
      </c>
      <c r="C21381" s="1" t="s">
        <v>5</v>
      </c>
      <c r="D21381" s="1" t="s">
        <v>18116</v>
      </c>
      <c r="E21381" s="1" t="s">
        <v>7</v>
      </c>
    </row>
    <row r="21382">
      <c r="A21382" s="1">
        <v>4.90831221E8</v>
      </c>
      <c r="B21382" s="2">
        <v>17392.0</v>
      </c>
      <c r="C21382" s="1" t="s">
        <v>5</v>
      </c>
      <c r="D21382" s="1" t="s">
        <v>11</v>
      </c>
      <c r="E21382" s="1" t="s">
        <v>7</v>
      </c>
    </row>
    <row r="21383">
      <c r="A21383" s="1">
        <v>4.90831231E8</v>
      </c>
      <c r="B21383" s="2">
        <v>17445.0</v>
      </c>
      <c r="C21383" s="1" t="s">
        <v>5</v>
      </c>
      <c r="D21383" s="1" t="s">
        <v>18117</v>
      </c>
      <c r="E21383" s="1" t="s">
        <v>11</v>
      </c>
    </row>
    <row r="21384">
      <c r="A21384" s="1">
        <v>4.90831241E8</v>
      </c>
      <c r="B21384" s="2">
        <v>17466.0</v>
      </c>
      <c r="C21384" s="1" t="s">
        <v>5</v>
      </c>
      <c r="D21384" s="1" t="s">
        <v>18118</v>
      </c>
      <c r="E21384" s="1" t="s">
        <v>7</v>
      </c>
    </row>
    <row r="21385">
      <c r="A21385" s="1">
        <v>4.90831309E8</v>
      </c>
      <c r="B21385" s="2">
        <v>17402.0</v>
      </c>
      <c r="C21385" s="1" t="s">
        <v>5</v>
      </c>
      <c r="D21385" s="1" t="s">
        <v>18119</v>
      </c>
      <c r="E21385" s="1" t="s">
        <v>7</v>
      </c>
    </row>
    <row r="21386">
      <c r="A21386" s="1">
        <v>4.90831314E8</v>
      </c>
      <c r="B21386" s="2">
        <v>17387.0</v>
      </c>
      <c r="C21386" s="1" t="s">
        <v>5</v>
      </c>
      <c r="D21386" s="1" t="s">
        <v>11</v>
      </c>
      <c r="E21386" s="1" t="s">
        <v>7</v>
      </c>
    </row>
    <row r="21387">
      <c r="A21387" s="1">
        <v>4.90831326E8</v>
      </c>
      <c r="B21387" s="2">
        <v>17465.0</v>
      </c>
      <c r="C21387" s="1" t="s">
        <v>5</v>
      </c>
      <c r="D21387" s="1" t="s">
        <v>18120</v>
      </c>
      <c r="E21387" s="1" t="s">
        <v>7</v>
      </c>
    </row>
    <row r="21388">
      <c r="A21388" s="1">
        <v>4.9083134E8</v>
      </c>
      <c r="B21388" s="2">
        <v>17458.0</v>
      </c>
      <c r="C21388" s="1" t="s">
        <v>5</v>
      </c>
      <c r="D21388" s="1" t="s">
        <v>18121</v>
      </c>
      <c r="E21388" s="1" t="s">
        <v>11</v>
      </c>
    </row>
    <row r="21389">
      <c r="A21389" s="1">
        <v>4.90831361E8</v>
      </c>
      <c r="B21389" s="2">
        <v>17392.0</v>
      </c>
      <c r="C21389" s="1" t="s">
        <v>5</v>
      </c>
      <c r="D21389" s="1" t="s">
        <v>18122</v>
      </c>
      <c r="E21389" s="1" t="s">
        <v>11</v>
      </c>
    </row>
    <row r="21390">
      <c r="A21390" s="1">
        <v>4.90831364E8</v>
      </c>
      <c r="B21390" s="2">
        <v>17403.0</v>
      </c>
      <c r="C21390" s="1" t="s">
        <v>5</v>
      </c>
      <c r="D21390" s="1" t="s">
        <v>18123</v>
      </c>
      <c r="E21390" s="1" t="s">
        <v>7</v>
      </c>
    </row>
    <row r="21391">
      <c r="A21391" s="1">
        <v>4.90831384E8</v>
      </c>
      <c r="B21391" s="2">
        <v>17405.0</v>
      </c>
      <c r="C21391" s="1" t="s">
        <v>5</v>
      </c>
      <c r="D21391" s="1" t="s">
        <v>11</v>
      </c>
      <c r="E21391" s="1" t="s">
        <v>7</v>
      </c>
    </row>
    <row r="21392">
      <c r="A21392" s="1">
        <v>4.90831386E8</v>
      </c>
      <c r="B21392" s="2">
        <v>17385.0</v>
      </c>
      <c r="C21392" s="1" t="s">
        <v>5</v>
      </c>
      <c r="D21392" s="1" t="s">
        <v>11</v>
      </c>
      <c r="E21392" s="1" t="s">
        <v>7</v>
      </c>
    </row>
    <row r="21393">
      <c r="A21393" s="1">
        <v>4.90831389E8</v>
      </c>
      <c r="B21393" s="2">
        <v>17457.0</v>
      </c>
      <c r="C21393" s="1" t="s">
        <v>5</v>
      </c>
      <c r="D21393" s="1" t="s">
        <v>11</v>
      </c>
      <c r="E21393" s="1" t="s">
        <v>7</v>
      </c>
    </row>
    <row r="21394">
      <c r="A21394" s="1">
        <v>4.90831409E8</v>
      </c>
      <c r="B21394" s="2">
        <v>17408.0</v>
      </c>
      <c r="C21394" s="1" t="s">
        <v>5</v>
      </c>
      <c r="D21394" s="1" t="s">
        <v>18124</v>
      </c>
      <c r="E21394" s="1" t="s">
        <v>11</v>
      </c>
    </row>
    <row r="21395">
      <c r="A21395" s="1">
        <v>4.90831413E8</v>
      </c>
      <c r="B21395" s="2">
        <v>17385.0</v>
      </c>
      <c r="C21395" s="1" t="s">
        <v>5</v>
      </c>
      <c r="D21395" s="1" t="s">
        <v>11</v>
      </c>
      <c r="E21395" s="1" t="s">
        <v>7</v>
      </c>
    </row>
    <row r="21396">
      <c r="A21396" s="1">
        <v>4.90831431E8</v>
      </c>
      <c r="B21396" s="2">
        <v>17385.0</v>
      </c>
      <c r="C21396" s="1" t="s">
        <v>5</v>
      </c>
      <c r="D21396" s="1" t="s">
        <v>18125</v>
      </c>
      <c r="E21396" s="1" t="s">
        <v>7</v>
      </c>
    </row>
    <row r="21397">
      <c r="A21397" s="1">
        <v>4.90831442E8</v>
      </c>
      <c r="B21397" s="2">
        <v>17385.0</v>
      </c>
      <c r="C21397" s="1" t="s">
        <v>5</v>
      </c>
      <c r="D21397" s="1" t="s">
        <v>18126</v>
      </c>
      <c r="E21397" s="1" t="s">
        <v>11</v>
      </c>
    </row>
    <row r="21398">
      <c r="A21398" s="1">
        <v>4.90831445E8</v>
      </c>
      <c r="B21398" s="2">
        <v>17386.0</v>
      </c>
      <c r="C21398" s="1" t="s">
        <v>5</v>
      </c>
      <c r="D21398" s="1" t="s">
        <v>11</v>
      </c>
      <c r="E21398" s="1" t="s">
        <v>7</v>
      </c>
    </row>
    <row r="21399">
      <c r="A21399" s="1">
        <v>4.90831463E8</v>
      </c>
      <c r="B21399" s="2">
        <v>17394.0</v>
      </c>
      <c r="C21399" s="1" t="s">
        <v>5</v>
      </c>
      <c r="D21399" s="1" t="s">
        <v>11</v>
      </c>
      <c r="E21399" s="1" t="s">
        <v>7</v>
      </c>
    </row>
    <row r="21400">
      <c r="A21400" s="1">
        <v>4.9083147E8</v>
      </c>
      <c r="B21400" s="2">
        <v>17455.0</v>
      </c>
      <c r="C21400" s="1" t="s">
        <v>5</v>
      </c>
      <c r="D21400" s="1" t="s">
        <v>18127</v>
      </c>
      <c r="E21400" s="1" t="s">
        <v>7</v>
      </c>
    </row>
    <row r="21401">
      <c r="A21401" s="1">
        <v>4.9083158E8</v>
      </c>
      <c r="B21401" s="2">
        <v>17466.0</v>
      </c>
      <c r="C21401" s="1" t="s">
        <v>5</v>
      </c>
      <c r="D21401" s="1" t="s">
        <v>18128</v>
      </c>
      <c r="E21401" s="1" t="s">
        <v>7</v>
      </c>
    </row>
    <row r="21402">
      <c r="A21402" s="1">
        <v>4.90831591E8</v>
      </c>
      <c r="B21402" s="2">
        <v>17409.0</v>
      </c>
      <c r="C21402" s="1" t="s">
        <v>5</v>
      </c>
      <c r="D21402" s="1" t="s">
        <v>18129</v>
      </c>
      <c r="E21402" s="1" t="s">
        <v>7</v>
      </c>
    </row>
    <row r="21403">
      <c r="A21403" s="1">
        <v>4.90831606E8</v>
      </c>
      <c r="B21403" s="2">
        <v>17454.0</v>
      </c>
      <c r="C21403" s="1" t="s">
        <v>5</v>
      </c>
      <c r="D21403" s="1" t="s">
        <v>18130</v>
      </c>
      <c r="E21403" s="1" t="s">
        <v>7</v>
      </c>
    </row>
    <row r="21404">
      <c r="A21404" s="1">
        <v>4.90831614E8</v>
      </c>
      <c r="B21404" s="2">
        <v>17399.0</v>
      </c>
      <c r="C21404" s="1" t="s">
        <v>5</v>
      </c>
      <c r="D21404" s="1" t="s">
        <v>18131</v>
      </c>
      <c r="E21404" s="1" t="s">
        <v>11</v>
      </c>
    </row>
    <row r="21405">
      <c r="A21405" s="1">
        <v>4.90831631E8</v>
      </c>
      <c r="B21405" s="2">
        <v>17462.0</v>
      </c>
      <c r="C21405" s="1" t="s">
        <v>5</v>
      </c>
      <c r="D21405" s="1" t="s">
        <v>18132</v>
      </c>
      <c r="E21405" s="1" t="s">
        <v>7</v>
      </c>
    </row>
    <row r="21406">
      <c r="A21406" s="1">
        <v>4.90831641E8</v>
      </c>
      <c r="B21406" s="2">
        <v>17407.0</v>
      </c>
      <c r="C21406" s="1" t="s">
        <v>5</v>
      </c>
      <c r="D21406" s="1" t="s">
        <v>18133</v>
      </c>
      <c r="E21406" s="1" t="s">
        <v>7</v>
      </c>
    </row>
    <row r="21407">
      <c r="A21407" s="1">
        <v>4.90831649E8</v>
      </c>
      <c r="B21407" s="2">
        <v>17408.0</v>
      </c>
      <c r="C21407" s="1" t="s">
        <v>5</v>
      </c>
      <c r="D21407" s="1" t="s">
        <v>18134</v>
      </c>
      <c r="E21407" s="1" t="s">
        <v>7</v>
      </c>
    </row>
    <row r="21408">
      <c r="A21408" s="1">
        <v>4.90831675E8</v>
      </c>
      <c r="B21408" s="2">
        <v>17471.0</v>
      </c>
      <c r="C21408" s="1" t="s">
        <v>5</v>
      </c>
      <c r="D21408" s="1" t="s">
        <v>18135</v>
      </c>
      <c r="E21408" s="1" t="s">
        <v>11</v>
      </c>
    </row>
    <row r="21409">
      <c r="A21409" s="1">
        <v>4.90831712E8</v>
      </c>
      <c r="B21409" s="2">
        <v>17387.0</v>
      </c>
      <c r="C21409" s="1" t="s">
        <v>5</v>
      </c>
      <c r="D21409" s="1" t="s">
        <v>18136</v>
      </c>
      <c r="E21409" s="1" t="s">
        <v>7</v>
      </c>
    </row>
    <row r="21410">
      <c r="A21410" s="1">
        <v>4.90831739E8</v>
      </c>
      <c r="B21410" s="2">
        <v>17466.0</v>
      </c>
      <c r="C21410" s="1" t="s">
        <v>5</v>
      </c>
      <c r="D21410" s="1" t="s">
        <v>18137</v>
      </c>
      <c r="E21410" s="1" t="s">
        <v>7</v>
      </c>
    </row>
    <row r="21411">
      <c r="A21411" s="1">
        <v>4.90831756E8</v>
      </c>
      <c r="B21411" s="2">
        <v>17462.0</v>
      </c>
      <c r="C21411" s="1" t="s">
        <v>5</v>
      </c>
      <c r="D21411" s="1" t="s">
        <v>18138</v>
      </c>
      <c r="E21411" s="1" t="s">
        <v>11</v>
      </c>
    </row>
    <row r="21412">
      <c r="A21412" s="1">
        <v>4.90831777E8</v>
      </c>
      <c r="B21412" s="2">
        <v>17462.0</v>
      </c>
      <c r="C21412" s="1" t="s">
        <v>5</v>
      </c>
      <c r="D21412" s="1" t="s">
        <v>18139</v>
      </c>
      <c r="E21412" s="1" t="s">
        <v>11</v>
      </c>
    </row>
    <row r="21413">
      <c r="A21413" s="1">
        <v>4.90831784E8</v>
      </c>
      <c r="B21413" s="2">
        <v>17406.0</v>
      </c>
      <c r="C21413" s="1" t="s">
        <v>5</v>
      </c>
      <c r="D21413" s="1" t="s">
        <v>18140</v>
      </c>
      <c r="E21413" s="1" t="s">
        <v>18141</v>
      </c>
    </row>
    <row r="21414">
      <c r="A21414" s="1">
        <v>4.90831804E8</v>
      </c>
      <c r="B21414" s="2">
        <v>17398.0</v>
      </c>
      <c r="C21414" s="1" t="s">
        <v>5</v>
      </c>
      <c r="D21414" s="1" t="s">
        <v>11</v>
      </c>
      <c r="E21414" s="1" t="s">
        <v>7</v>
      </c>
    </row>
    <row r="21415">
      <c r="A21415" s="1">
        <v>4.90831806E8</v>
      </c>
      <c r="B21415" s="2">
        <v>17406.0</v>
      </c>
      <c r="C21415" s="1" t="s">
        <v>5</v>
      </c>
      <c r="D21415" s="1" t="s">
        <v>11</v>
      </c>
      <c r="E21415" s="1" t="s">
        <v>7</v>
      </c>
    </row>
    <row r="21416">
      <c r="A21416" s="1">
        <v>4.90831852E8</v>
      </c>
      <c r="B21416" s="2">
        <v>17431.0</v>
      </c>
      <c r="C21416" s="1" t="s">
        <v>5</v>
      </c>
      <c r="D21416" s="1" t="s">
        <v>18142</v>
      </c>
      <c r="E21416" s="1" t="s">
        <v>7</v>
      </c>
    </row>
    <row r="21417">
      <c r="A21417" s="1">
        <v>4.90831871E8</v>
      </c>
      <c r="B21417" s="2">
        <v>17461.0</v>
      </c>
      <c r="C21417" s="1" t="s">
        <v>5</v>
      </c>
      <c r="D21417" s="1" t="s">
        <v>18143</v>
      </c>
      <c r="E21417" s="1" t="s">
        <v>11</v>
      </c>
    </row>
    <row r="21418">
      <c r="A21418" s="1">
        <v>4.90831872E8</v>
      </c>
      <c r="B21418" s="2">
        <v>17466.0</v>
      </c>
      <c r="C21418" s="1" t="s">
        <v>5</v>
      </c>
      <c r="D21418" s="1" t="s">
        <v>18144</v>
      </c>
      <c r="E21418" s="1" t="s">
        <v>11</v>
      </c>
    </row>
    <row r="21419">
      <c r="A21419" s="1">
        <v>4.90831878E8</v>
      </c>
      <c r="B21419" s="2">
        <v>17396.0</v>
      </c>
      <c r="C21419" s="1" t="s">
        <v>5</v>
      </c>
      <c r="D21419" s="1" t="s">
        <v>18145</v>
      </c>
      <c r="E21419" s="1" t="s">
        <v>7</v>
      </c>
    </row>
    <row r="21420">
      <c r="A21420" s="1">
        <v>4.90831897E8</v>
      </c>
      <c r="B21420" s="2">
        <v>17451.0</v>
      </c>
      <c r="C21420" s="1" t="s">
        <v>5</v>
      </c>
      <c r="D21420" s="1" t="s">
        <v>18146</v>
      </c>
      <c r="E21420" s="1" t="s">
        <v>11</v>
      </c>
    </row>
    <row r="21421">
      <c r="A21421" s="1">
        <v>4.90831936E8</v>
      </c>
      <c r="B21421" s="2">
        <v>17431.0</v>
      </c>
      <c r="C21421" s="1" t="s">
        <v>5</v>
      </c>
      <c r="D21421" s="1" t="s">
        <v>18147</v>
      </c>
      <c r="E21421" s="1" t="s">
        <v>11</v>
      </c>
    </row>
    <row r="21422">
      <c r="A21422" s="1">
        <v>4.9083195E8</v>
      </c>
      <c r="B21422" s="2">
        <v>17394.0</v>
      </c>
      <c r="C21422" s="1" t="s">
        <v>5</v>
      </c>
      <c r="D21422" s="1" t="s">
        <v>18148</v>
      </c>
      <c r="E21422" s="1" t="s">
        <v>7</v>
      </c>
    </row>
    <row r="21423">
      <c r="A21423" s="1">
        <v>4.90831954E8</v>
      </c>
      <c r="B21423" s="2">
        <v>17381.0</v>
      </c>
      <c r="C21423" s="1" t="s">
        <v>5</v>
      </c>
      <c r="D21423" s="1" t="s">
        <v>18149</v>
      </c>
      <c r="E21423" s="1" t="s">
        <v>11</v>
      </c>
    </row>
    <row r="21424">
      <c r="A21424" s="1">
        <v>4.90831967E8</v>
      </c>
      <c r="B21424" s="2">
        <v>17451.0</v>
      </c>
      <c r="C21424" s="1" t="s">
        <v>5</v>
      </c>
      <c r="D21424" s="1" t="s">
        <v>18150</v>
      </c>
      <c r="E21424" s="1" t="s">
        <v>7</v>
      </c>
    </row>
    <row r="21425">
      <c r="A21425" s="1">
        <v>4.90831989E8</v>
      </c>
      <c r="B21425" s="2">
        <v>17406.0</v>
      </c>
      <c r="C21425" s="1" t="s">
        <v>5</v>
      </c>
      <c r="D21425" s="1" t="s">
        <v>11</v>
      </c>
      <c r="E21425" s="1" t="s">
        <v>7</v>
      </c>
    </row>
    <row r="21426">
      <c r="A21426" s="1">
        <v>4.90831994E8</v>
      </c>
      <c r="B21426" s="2">
        <v>17387.0</v>
      </c>
      <c r="C21426" s="1" t="s">
        <v>5</v>
      </c>
      <c r="D21426" s="1" t="s">
        <v>11</v>
      </c>
      <c r="E21426" s="1" t="s">
        <v>7</v>
      </c>
    </row>
    <row r="21427">
      <c r="A21427" s="1">
        <v>4.9083203E8</v>
      </c>
      <c r="B21427" s="2">
        <v>17421.0</v>
      </c>
      <c r="C21427" s="1" t="s">
        <v>5</v>
      </c>
      <c r="D21427" s="1" t="s">
        <v>18151</v>
      </c>
      <c r="E21427" s="1" t="s">
        <v>11</v>
      </c>
    </row>
    <row r="21428">
      <c r="A21428" s="1">
        <v>4.90832031E8</v>
      </c>
      <c r="B21428" s="2">
        <v>17386.0</v>
      </c>
      <c r="C21428" s="1" t="s">
        <v>5</v>
      </c>
      <c r="D21428" s="1" t="s">
        <v>11</v>
      </c>
      <c r="E21428" s="1" t="s">
        <v>7</v>
      </c>
    </row>
    <row r="21429">
      <c r="A21429" s="1">
        <v>4.90832035E8</v>
      </c>
      <c r="B21429" s="2">
        <v>17384.0</v>
      </c>
      <c r="C21429" s="1" t="s">
        <v>5</v>
      </c>
      <c r="D21429" s="1" t="s">
        <v>18152</v>
      </c>
      <c r="E21429" s="1" t="s">
        <v>18153</v>
      </c>
    </row>
    <row r="21430">
      <c r="A21430" s="1">
        <v>4.90832044E8</v>
      </c>
      <c r="B21430" s="2">
        <v>17465.0</v>
      </c>
      <c r="C21430" s="1" t="s">
        <v>5</v>
      </c>
      <c r="D21430" s="1" t="s">
        <v>11</v>
      </c>
      <c r="E21430" s="1" t="s">
        <v>7</v>
      </c>
    </row>
    <row r="21431">
      <c r="A21431" s="1">
        <v>4.90832074E8</v>
      </c>
      <c r="B21431" s="2">
        <v>17393.0</v>
      </c>
      <c r="C21431" s="1" t="s">
        <v>5</v>
      </c>
      <c r="D21431" s="1" t="s">
        <v>18154</v>
      </c>
      <c r="E21431" s="1" t="s">
        <v>7</v>
      </c>
    </row>
    <row r="21432">
      <c r="A21432" s="1">
        <v>4.90832092E8</v>
      </c>
      <c r="B21432" s="2">
        <v>17394.0</v>
      </c>
      <c r="C21432" s="1" t="s">
        <v>5</v>
      </c>
      <c r="D21432" s="1" t="s">
        <v>18155</v>
      </c>
      <c r="E21432" s="1" t="s">
        <v>11</v>
      </c>
    </row>
    <row r="21433">
      <c r="A21433" s="1">
        <v>4.90832096E8</v>
      </c>
      <c r="B21433" s="2">
        <v>17420.0</v>
      </c>
      <c r="C21433" s="1" t="s">
        <v>5</v>
      </c>
      <c r="D21433" s="1" t="s">
        <v>18156</v>
      </c>
      <c r="E21433" s="1" t="s">
        <v>7</v>
      </c>
    </row>
    <row r="21434">
      <c r="A21434" s="1">
        <v>4.90832108E8</v>
      </c>
      <c r="B21434" s="2">
        <v>17394.0</v>
      </c>
      <c r="C21434" s="1" t="s">
        <v>5</v>
      </c>
      <c r="D21434" s="1" t="s">
        <v>18157</v>
      </c>
      <c r="E21434" s="1" t="s">
        <v>7</v>
      </c>
    </row>
    <row r="21435">
      <c r="A21435" s="1">
        <v>4.90832111E8</v>
      </c>
      <c r="B21435" s="2">
        <v>17420.0</v>
      </c>
      <c r="C21435" s="1" t="s">
        <v>5</v>
      </c>
      <c r="D21435" s="1" t="s">
        <v>18158</v>
      </c>
      <c r="E21435" s="1" t="s">
        <v>7</v>
      </c>
    </row>
    <row r="21436">
      <c r="A21436" s="1">
        <v>4.90832134E8</v>
      </c>
      <c r="B21436" s="2">
        <v>17393.0</v>
      </c>
      <c r="C21436" s="1" t="s">
        <v>5</v>
      </c>
      <c r="D21436" s="1" t="s">
        <v>18159</v>
      </c>
      <c r="E21436" s="1" t="s">
        <v>11</v>
      </c>
    </row>
    <row r="21437">
      <c r="A21437" s="1">
        <v>4.9083215E8</v>
      </c>
      <c r="B21437" s="2">
        <v>17380.0</v>
      </c>
      <c r="C21437" s="1" t="s">
        <v>5</v>
      </c>
      <c r="D21437" s="1" t="s">
        <v>18160</v>
      </c>
      <c r="E21437" s="1" t="s">
        <v>7</v>
      </c>
    </row>
    <row r="21438">
      <c r="A21438" s="1">
        <v>4.90832166E8</v>
      </c>
      <c r="B21438" s="2">
        <v>17450.0</v>
      </c>
      <c r="C21438" s="1" t="s">
        <v>5</v>
      </c>
      <c r="D21438" s="1" t="s">
        <v>11</v>
      </c>
      <c r="E21438" s="1" t="s">
        <v>7</v>
      </c>
    </row>
    <row r="21439">
      <c r="A21439" s="1">
        <v>4.90832172E8</v>
      </c>
      <c r="B21439" s="2">
        <v>17416.0</v>
      </c>
      <c r="C21439" s="1" t="s">
        <v>5</v>
      </c>
      <c r="D21439" s="1" t="s">
        <v>18161</v>
      </c>
      <c r="E21439" s="1" t="s">
        <v>11</v>
      </c>
    </row>
    <row r="21440">
      <c r="A21440" s="1">
        <v>4.90832179E8</v>
      </c>
      <c r="B21440" s="2">
        <v>17407.0</v>
      </c>
      <c r="C21440" s="1" t="s">
        <v>5</v>
      </c>
      <c r="D21440" s="1" t="s">
        <v>18162</v>
      </c>
      <c r="E21440" s="1" t="s">
        <v>7</v>
      </c>
    </row>
    <row r="21441">
      <c r="A21441" s="1">
        <v>4.90832244E8</v>
      </c>
      <c r="B21441" s="2">
        <v>17396.0</v>
      </c>
      <c r="C21441" s="1" t="s">
        <v>5</v>
      </c>
      <c r="D21441" s="1" t="s">
        <v>18163</v>
      </c>
      <c r="E21441" s="1" t="s">
        <v>7</v>
      </c>
    </row>
    <row r="21442">
      <c r="A21442" s="1">
        <v>4.90832253E8</v>
      </c>
      <c r="B21442" s="2">
        <v>17405.0</v>
      </c>
      <c r="C21442" s="1" t="s">
        <v>5</v>
      </c>
      <c r="D21442" s="1" t="s">
        <v>11</v>
      </c>
      <c r="E21442" s="1" t="s">
        <v>7</v>
      </c>
    </row>
    <row r="21443">
      <c r="A21443" s="1">
        <v>4.90832309E8</v>
      </c>
      <c r="B21443" s="2">
        <v>17406.0</v>
      </c>
      <c r="C21443" s="1" t="s">
        <v>5</v>
      </c>
      <c r="D21443" s="1" t="s">
        <v>18164</v>
      </c>
      <c r="E21443" s="1" t="s">
        <v>11</v>
      </c>
    </row>
    <row r="21444">
      <c r="A21444" s="1">
        <v>4.90832364E8</v>
      </c>
      <c r="B21444" s="2">
        <v>17416.0</v>
      </c>
      <c r="C21444" s="1" t="s">
        <v>5</v>
      </c>
      <c r="D21444" s="1" t="s">
        <v>11</v>
      </c>
      <c r="E21444" s="1" t="s">
        <v>7</v>
      </c>
    </row>
    <row r="21445">
      <c r="A21445" s="1">
        <v>4.90832387E8</v>
      </c>
      <c r="B21445" s="2">
        <v>17391.0</v>
      </c>
      <c r="C21445" s="1" t="s">
        <v>5</v>
      </c>
      <c r="D21445" s="1" t="s">
        <v>11</v>
      </c>
      <c r="E21445" s="1" t="s">
        <v>7</v>
      </c>
    </row>
    <row r="21446">
      <c r="A21446" s="1">
        <v>4.9083241E8</v>
      </c>
      <c r="B21446" s="2">
        <v>17406.0</v>
      </c>
      <c r="C21446" s="1" t="s">
        <v>5</v>
      </c>
      <c r="D21446" s="1" t="s">
        <v>11</v>
      </c>
      <c r="E21446" s="1" t="s">
        <v>7</v>
      </c>
    </row>
    <row r="21447">
      <c r="A21447" s="1">
        <v>4.90832432E8</v>
      </c>
      <c r="B21447" s="2">
        <v>17448.0</v>
      </c>
      <c r="C21447" s="1" t="s">
        <v>5</v>
      </c>
      <c r="D21447" s="1" t="s">
        <v>18165</v>
      </c>
      <c r="E21447" s="1" t="s">
        <v>11</v>
      </c>
    </row>
    <row r="21448">
      <c r="A21448" s="1">
        <v>4.90832438E8</v>
      </c>
      <c r="B21448" s="2">
        <v>17380.0</v>
      </c>
      <c r="C21448" s="1" t="s">
        <v>5</v>
      </c>
      <c r="D21448" s="1" t="s">
        <v>18166</v>
      </c>
      <c r="E21448" s="1" t="s">
        <v>7</v>
      </c>
    </row>
    <row r="21449">
      <c r="A21449" s="1">
        <v>4.90832445E8</v>
      </c>
      <c r="B21449" s="2">
        <v>17416.0</v>
      </c>
      <c r="C21449" s="1" t="s">
        <v>5</v>
      </c>
      <c r="D21449" s="1" t="s">
        <v>18167</v>
      </c>
      <c r="E21449" s="1" t="s">
        <v>18168</v>
      </c>
    </row>
    <row r="21450">
      <c r="A21450" s="1">
        <v>4.90832469E8</v>
      </c>
      <c r="B21450" s="2">
        <v>17403.0</v>
      </c>
      <c r="C21450" s="1" t="s">
        <v>5</v>
      </c>
      <c r="D21450" s="1" t="s">
        <v>18169</v>
      </c>
      <c r="E21450" s="1" t="s">
        <v>7</v>
      </c>
    </row>
    <row r="21451">
      <c r="A21451" s="1">
        <v>4.90832482E8</v>
      </c>
      <c r="B21451" s="2">
        <v>17466.0</v>
      </c>
      <c r="C21451" s="1" t="s">
        <v>5</v>
      </c>
      <c r="D21451" s="1" t="s">
        <v>18170</v>
      </c>
      <c r="E21451" s="1" t="s">
        <v>11</v>
      </c>
    </row>
    <row r="21452">
      <c r="A21452" s="1">
        <v>4.90832527E8</v>
      </c>
      <c r="B21452" s="2">
        <v>17405.0</v>
      </c>
      <c r="C21452" s="1" t="s">
        <v>5</v>
      </c>
      <c r="D21452" s="1" t="s">
        <v>18171</v>
      </c>
      <c r="E21452" s="1" t="s">
        <v>7</v>
      </c>
    </row>
    <row r="21453">
      <c r="A21453" s="1">
        <v>4.90832621E8</v>
      </c>
      <c r="B21453" s="2">
        <v>17399.0</v>
      </c>
      <c r="C21453" s="1" t="s">
        <v>5</v>
      </c>
      <c r="D21453" s="1" t="s">
        <v>18172</v>
      </c>
      <c r="E21453" s="1" t="s">
        <v>11</v>
      </c>
    </row>
    <row r="21454">
      <c r="A21454" s="1">
        <v>4.90832674E8</v>
      </c>
      <c r="B21454" s="2">
        <v>17399.0</v>
      </c>
      <c r="C21454" s="1" t="s">
        <v>5</v>
      </c>
      <c r="D21454" s="1" t="s">
        <v>18173</v>
      </c>
      <c r="E21454" s="1" t="s">
        <v>11</v>
      </c>
    </row>
    <row r="21455">
      <c r="A21455" s="1">
        <v>4.9083271E8</v>
      </c>
      <c r="B21455" s="2">
        <v>17402.0</v>
      </c>
      <c r="C21455" s="1" t="s">
        <v>5</v>
      </c>
      <c r="D21455" s="1" t="s">
        <v>18174</v>
      </c>
      <c r="E21455" s="1" t="s">
        <v>7</v>
      </c>
    </row>
    <row r="21456">
      <c r="A21456" s="1">
        <v>4.90832776E8</v>
      </c>
      <c r="B21456" s="2">
        <v>17455.0</v>
      </c>
      <c r="C21456" s="1" t="s">
        <v>5</v>
      </c>
      <c r="D21456" s="1" t="s">
        <v>18175</v>
      </c>
      <c r="E21456" s="1" t="s">
        <v>7</v>
      </c>
    </row>
    <row r="21457">
      <c r="A21457" s="1">
        <v>4.90832831E8</v>
      </c>
      <c r="B21457" s="2">
        <v>17437.0</v>
      </c>
      <c r="C21457" s="1" t="s">
        <v>5</v>
      </c>
      <c r="D21457" s="1" t="s">
        <v>18176</v>
      </c>
      <c r="E21457" s="1" t="s">
        <v>11</v>
      </c>
    </row>
    <row r="21458">
      <c r="A21458" s="1">
        <v>4.90832876E8</v>
      </c>
      <c r="B21458" s="2">
        <v>17438.0</v>
      </c>
      <c r="C21458" s="1" t="s">
        <v>5</v>
      </c>
      <c r="D21458" s="1" t="s">
        <v>18177</v>
      </c>
      <c r="E21458" s="1" t="s">
        <v>18178</v>
      </c>
    </row>
    <row r="21459">
      <c r="A21459" s="1">
        <v>4.90832909E8</v>
      </c>
      <c r="B21459" s="2">
        <v>17417.0</v>
      </c>
      <c r="C21459" s="1" t="s">
        <v>5</v>
      </c>
      <c r="D21459" s="1" t="s">
        <v>18179</v>
      </c>
      <c r="E21459" s="1" t="s">
        <v>7</v>
      </c>
    </row>
    <row r="21460">
      <c r="A21460" s="1">
        <v>4.90832916E8</v>
      </c>
      <c r="B21460" s="2">
        <v>17384.0</v>
      </c>
      <c r="C21460" s="1" t="s">
        <v>5</v>
      </c>
      <c r="D21460" s="1" t="s">
        <v>18180</v>
      </c>
      <c r="E21460" s="1" t="s">
        <v>18181</v>
      </c>
    </row>
    <row r="21461">
      <c r="A21461" s="1">
        <v>4.90832932E8</v>
      </c>
      <c r="B21461" s="2">
        <v>17381.0</v>
      </c>
      <c r="C21461" s="1" t="s">
        <v>5</v>
      </c>
      <c r="D21461" s="1" t="s">
        <v>18182</v>
      </c>
      <c r="E21461" s="1" t="s">
        <v>7</v>
      </c>
    </row>
    <row r="21462">
      <c r="A21462" s="1">
        <v>4.90832955E8</v>
      </c>
      <c r="B21462" s="2">
        <v>17462.0</v>
      </c>
      <c r="C21462" s="1" t="s">
        <v>5</v>
      </c>
      <c r="D21462" s="1" t="s">
        <v>18183</v>
      </c>
      <c r="E21462" s="1" t="s">
        <v>18184</v>
      </c>
    </row>
    <row r="21463">
      <c r="A21463" s="1">
        <v>4.90832972E8</v>
      </c>
      <c r="B21463" s="2">
        <v>17381.0</v>
      </c>
      <c r="C21463" s="1" t="s">
        <v>5</v>
      </c>
      <c r="D21463" s="1" t="s">
        <v>18185</v>
      </c>
      <c r="E21463" s="1" t="s">
        <v>7</v>
      </c>
    </row>
    <row r="21464">
      <c r="A21464" s="1">
        <v>4.90833019E8</v>
      </c>
      <c r="B21464" s="2">
        <v>17436.0</v>
      </c>
      <c r="C21464" s="1" t="s">
        <v>5</v>
      </c>
      <c r="D21464" s="1" t="s">
        <v>18186</v>
      </c>
      <c r="E21464" s="1" t="s">
        <v>11</v>
      </c>
    </row>
    <row r="21465">
      <c r="A21465" s="1">
        <v>4.90833027E8</v>
      </c>
      <c r="B21465" s="2">
        <v>17398.0</v>
      </c>
      <c r="C21465" s="1" t="s">
        <v>5</v>
      </c>
      <c r="D21465" s="1" t="s">
        <v>18187</v>
      </c>
      <c r="E21465" s="1" t="s">
        <v>11</v>
      </c>
    </row>
    <row r="21466">
      <c r="A21466" s="1">
        <v>4.90833032E8</v>
      </c>
      <c r="B21466" s="2">
        <v>17389.0</v>
      </c>
      <c r="C21466" s="1" t="s">
        <v>5</v>
      </c>
      <c r="D21466" s="1" t="s">
        <v>18188</v>
      </c>
      <c r="E21466" s="1" t="s">
        <v>7</v>
      </c>
    </row>
    <row r="21467">
      <c r="A21467" s="1">
        <v>4.90833074E8</v>
      </c>
      <c r="B21467" s="2">
        <v>17462.0</v>
      </c>
      <c r="C21467" s="1" t="s">
        <v>5</v>
      </c>
      <c r="D21467" s="1" t="s">
        <v>18189</v>
      </c>
      <c r="E21467" s="1" t="s">
        <v>11</v>
      </c>
    </row>
    <row r="21468">
      <c r="A21468" s="1">
        <v>4.90833104E8</v>
      </c>
      <c r="B21468" s="2">
        <v>17381.0</v>
      </c>
      <c r="C21468" s="1" t="s">
        <v>5</v>
      </c>
      <c r="D21468" s="1" t="s">
        <v>18190</v>
      </c>
      <c r="E21468" s="1" t="s">
        <v>7</v>
      </c>
    </row>
    <row r="21469">
      <c r="A21469" s="1">
        <v>4.90833112E8</v>
      </c>
      <c r="B21469" s="2">
        <v>17398.0</v>
      </c>
      <c r="C21469" s="1" t="s">
        <v>5</v>
      </c>
      <c r="D21469" s="1" t="s">
        <v>11</v>
      </c>
      <c r="E21469" s="1" t="s">
        <v>7</v>
      </c>
    </row>
    <row r="21470">
      <c r="A21470" s="1">
        <v>4.90833176E8</v>
      </c>
      <c r="B21470" s="2">
        <v>17448.0</v>
      </c>
      <c r="C21470" s="1" t="s">
        <v>5</v>
      </c>
      <c r="D21470" s="1" t="s">
        <v>18191</v>
      </c>
      <c r="E21470" s="1" t="s">
        <v>11</v>
      </c>
    </row>
    <row r="21471">
      <c r="A21471" s="1">
        <v>4.90833177E8</v>
      </c>
      <c r="B21471" s="2">
        <v>17396.0</v>
      </c>
      <c r="C21471" s="1" t="s">
        <v>5</v>
      </c>
      <c r="D21471" s="1" t="s">
        <v>18192</v>
      </c>
      <c r="E21471" s="1" t="s">
        <v>11</v>
      </c>
    </row>
    <row r="21472">
      <c r="A21472" s="1">
        <v>4.90833196E8</v>
      </c>
      <c r="B21472" s="2">
        <v>17462.0</v>
      </c>
      <c r="C21472" s="1" t="s">
        <v>5</v>
      </c>
      <c r="D21472" s="1" t="s">
        <v>11</v>
      </c>
      <c r="E21472" s="1" t="s">
        <v>7</v>
      </c>
    </row>
    <row r="21473">
      <c r="A21473" s="1">
        <v>4.90833204E8</v>
      </c>
      <c r="B21473" s="2">
        <v>17396.0</v>
      </c>
      <c r="C21473" s="1" t="s">
        <v>5</v>
      </c>
      <c r="D21473" s="1" t="s">
        <v>18193</v>
      </c>
      <c r="E21473" s="1" t="s">
        <v>7</v>
      </c>
    </row>
    <row r="21474">
      <c r="A21474" s="1">
        <v>4.90833206E8</v>
      </c>
      <c r="B21474" s="2">
        <v>17437.0</v>
      </c>
      <c r="C21474" s="1" t="s">
        <v>5</v>
      </c>
      <c r="D21474" s="1" t="s">
        <v>18194</v>
      </c>
      <c r="E21474" s="1" t="s">
        <v>7</v>
      </c>
    </row>
    <row r="21475">
      <c r="A21475" s="1">
        <v>4.90833221E8</v>
      </c>
      <c r="B21475" s="2">
        <v>17393.0</v>
      </c>
      <c r="C21475" s="1" t="s">
        <v>5</v>
      </c>
      <c r="D21475" s="1" t="s">
        <v>18195</v>
      </c>
      <c r="E21475" s="1" t="s">
        <v>7</v>
      </c>
    </row>
    <row r="21476">
      <c r="A21476" s="1">
        <v>4.90833274E8</v>
      </c>
      <c r="B21476" s="2">
        <v>17461.0</v>
      </c>
      <c r="C21476" s="1" t="s">
        <v>5</v>
      </c>
      <c r="D21476" s="1" t="s">
        <v>18196</v>
      </c>
      <c r="E21476" s="1" t="s">
        <v>7</v>
      </c>
    </row>
    <row r="21477">
      <c r="A21477" s="1">
        <v>4.90833326E8</v>
      </c>
      <c r="B21477" s="2">
        <v>17449.0</v>
      </c>
      <c r="C21477" s="1" t="s">
        <v>5</v>
      </c>
      <c r="D21477" s="1" t="s">
        <v>18197</v>
      </c>
      <c r="E21477" s="1" t="s">
        <v>7</v>
      </c>
    </row>
    <row r="21478">
      <c r="A21478" s="1">
        <v>4.90833409E8</v>
      </c>
      <c r="B21478" s="2">
        <v>17456.0</v>
      </c>
      <c r="C21478" s="1" t="s">
        <v>5</v>
      </c>
      <c r="D21478" s="1" t="s">
        <v>18198</v>
      </c>
      <c r="E21478" s="1" t="s">
        <v>18199</v>
      </c>
    </row>
    <row r="21479">
      <c r="A21479" s="1">
        <v>4.90833411E8</v>
      </c>
      <c r="B21479" s="2">
        <v>17437.0</v>
      </c>
      <c r="C21479" s="1" t="s">
        <v>5</v>
      </c>
      <c r="D21479" s="1" t="s">
        <v>18200</v>
      </c>
      <c r="E21479" s="1" t="s">
        <v>7</v>
      </c>
    </row>
    <row r="21480">
      <c r="A21480" s="1">
        <v>4.90833414E8</v>
      </c>
      <c r="B21480" s="2">
        <v>17436.0</v>
      </c>
      <c r="C21480" s="1" t="s">
        <v>5</v>
      </c>
      <c r="D21480" s="1" t="s">
        <v>18201</v>
      </c>
      <c r="E21480" s="1" t="s">
        <v>7</v>
      </c>
    </row>
    <row r="21481">
      <c r="A21481" s="1">
        <v>4.90833444E8</v>
      </c>
      <c r="B21481" s="2">
        <v>17417.0</v>
      </c>
      <c r="C21481" s="1" t="s">
        <v>5</v>
      </c>
      <c r="D21481" s="1" t="s">
        <v>18202</v>
      </c>
      <c r="E21481" s="1" t="s">
        <v>7</v>
      </c>
    </row>
    <row r="21482">
      <c r="A21482" s="1">
        <v>4.90833461E8</v>
      </c>
      <c r="B21482" s="2">
        <v>17437.0</v>
      </c>
      <c r="C21482" s="1" t="s">
        <v>5</v>
      </c>
      <c r="D21482" s="1" t="s">
        <v>11</v>
      </c>
      <c r="E21482" s="1" t="s">
        <v>7</v>
      </c>
    </row>
    <row r="21483">
      <c r="A21483" s="1">
        <v>4.90833516E8</v>
      </c>
      <c r="B21483" s="2">
        <v>17417.0</v>
      </c>
      <c r="C21483" s="1" t="s">
        <v>5</v>
      </c>
      <c r="D21483" s="1" t="s">
        <v>18203</v>
      </c>
      <c r="E21483" s="1" t="s">
        <v>11</v>
      </c>
    </row>
    <row r="21484">
      <c r="A21484" s="1">
        <v>4.90833526E8</v>
      </c>
      <c r="B21484" s="2">
        <v>17500.0</v>
      </c>
      <c r="C21484" s="1" t="s">
        <v>5</v>
      </c>
      <c r="D21484" s="1" t="s">
        <v>18204</v>
      </c>
      <c r="E21484" s="1" t="s">
        <v>18205</v>
      </c>
    </row>
    <row r="21485">
      <c r="A21485" s="1">
        <v>4.9083353E8</v>
      </c>
      <c r="B21485" s="2">
        <v>17445.0</v>
      </c>
      <c r="C21485" s="1" t="s">
        <v>5</v>
      </c>
      <c r="D21485" s="1" t="s">
        <v>18206</v>
      </c>
      <c r="E21485" s="1" t="s">
        <v>7</v>
      </c>
    </row>
    <row r="21486">
      <c r="A21486" s="1">
        <v>4.9083354E8</v>
      </c>
      <c r="B21486" s="2">
        <v>17389.0</v>
      </c>
      <c r="C21486" s="1" t="s">
        <v>5</v>
      </c>
      <c r="D21486" s="1" t="s">
        <v>11</v>
      </c>
      <c r="E21486" s="1" t="s">
        <v>7</v>
      </c>
    </row>
    <row r="21487">
      <c r="A21487" s="1">
        <v>4.90833551E8</v>
      </c>
      <c r="B21487" s="2">
        <v>17436.0</v>
      </c>
      <c r="C21487" s="1" t="s">
        <v>5</v>
      </c>
      <c r="D21487" s="1" t="s">
        <v>18207</v>
      </c>
      <c r="E21487" s="1" t="s">
        <v>7</v>
      </c>
    </row>
    <row r="21488">
      <c r="A21488" s="1">
        <v>4.90833606E8</v>
      </c>
      <c r="B21488" s="2">
        <v>17500.0</v>
      </c>
      <c r="C21488" s="1" t="s">
        <v>5</v>
      </c>
      <c r="D21488" s="1" t="s">
        <v>18208</v>
      </c>
      <c r="E21488" s="1" t="s">
        <v>7</v>
      </c>
    </row>
    <row r="21489">
      <c r="A21489" s="1">
        <v>4.90833612E8</v>
      </c>
      <c r="B21489" s="2">
        <v>17381.0</v>
      </c>
      <c r="C21489" s="1" t="s">
        <v>5</v>
      </c>
      <c r="D21489" s="1" t="s">
        <v>18209</v>
      </c>
      <c r="E21489" s="1" t="s">
        <v>11</v>
      </c>
    </row>
    <row r="21490">
      <c r="A21490" s="1">
        <v>4.90833631E8</v>
      </c>
      <c r="B21490" s="2">
        <v>17438.0</v>
      </c>
      <c r="C21490" s="1" t="s">
        <v>5</v>
      </c>
      <c r="D21490" s="1" t="s">
        <v>18210</v>
      </c>
      <c r="E21490" s="1" t="s">
        <v>7</v>
      </c>
    </row>
    <row r="21491">
      <c r="A21491" s="1">
        <v>4.90833646E8</v>
      </c>
      <c r="B21491" s="2">
        <v>17438.0</v>
      </c>
      <c r="C21491" s="1" t="s">
        <v>5</v>
      </c>
      <c r="D21491" s="1" t="s">
        <v>18211</v>
      </c>
      <c r="E21491" s="1" t="s">
        <v>11</v>
      </c>
    </row>
    <row r="21492">
      <c r="A21492" s="1">
        <v>4.90833656E8</v>
      </c>
      <c r="B21492" s="2">
        <v>17450.0</v>
      </c>
      <c r="C21492" s="1" t="s">
        <v>5</v>
      </c>
      <c r="D21492" s="1" t="s">
        <v>18212</v>
      </c>
      <c r="E21492" s="1" t="s">
        <v>7</v>
      </c>
    </row>
    <row r="21493">
      <c r="A21493" s="1">
        <v>4.90833714E8</v>
      </c>
      <c r="B21493" s="2">
        <v>17455.0</v>
      </c>
      <c r="C21493" s="1" t="s">
        <v>5</v>
      </c>
      <c r="D21493" s="1" t="s">
        <v>18213</v>
      </c>
      <c r="E21493" s="1" t="s">
        <v>7</v>
      </c>
    </row>
    <row r="21494">
      <c r="A21494" s="1">
        <v>4.90833731E8</v>
      </c>
      <c r="B21494" s="2">
        <v>17463.0</v>
      </c>
      <c r="C21494" s="1" t="s">
        <v>5</v>
      </c>
      <c r="D21494" s="1" t="s">
        <v>18214</v>
      </c>
      <c r="E21494" s="1" t="s">
        <v>7</v>
      </c>
    </row>
    <row r="21495">
      <c r="A21495" s="1">
        <v>4.90833736E8</v>
      </c>
      <c r="B21495" s="2">
        <v>17431.0</v>
      </c>
      <c r="C21495" s="1" t="s">
        <v>5</v>
      </c>
      <c r="D21495" s="1" t="s">
        <v>11</v>
      </c>
      <c r="E21495" s="1" t="s">
        <v>7</v>
      </c>
    </row>
    <row r="21496">
      <c r="A21496" s="1">
        <v>4.90833751E8</v>
      </c>
      <c r="B21496" s="2">
        <v>17393.0</v>
      </c>
      <c r="C21496" s="1" t="s">
        <v>5</v>
      </c>
      <c r="D21496" s="1" t="s">
        <v>18215</v>
      </c>
      <c r="E21496" s="1" t="s">
        <v>7</v>
      </c>
    </row>
    <row r="21497">
      <c r="A21497" s="1">
        <v>4.90833762E8</v>
      </c>
      <c r="B21497" s="2">
        <v>17440.0</v>
      </c>
      <c r="C21497" s="1" t="s">
        <v>5</v>
      </c>
      <c r="D21497" s="1" t="s">
        <v>18216</v>
      </c>
      <c r="E21497" s="1" t="s">
        <v>7</v>
      </c>
    </row>
    <row r="21498">
      <c r="A21498" s="1">
        <v>4.90833778E8</v>
      </c>
      <c r="B21498" s="2">
        <v>17448.0</v>
      </c>
      <c r="C21498" s="1" t="s">
        <v>5</v>
      </c>
      <c r="D21498" s="1" t="s">
        <v>18217</v>
      </c>
      <c r="E21498" s="1" t="s">
        <v>7</v>
      </c>
    </row>
    <row r="21499">
      <c r="A21499" s="1">
        <v>4.9083381E8</v>
      </c>
      <c r="B21499" s="2">
        <v>17438.0</v>
      </c>
      <c r="C21499" s="1" t="s">
        <v>5</v>
      </c>
      <c r="D21499" s="1" t="s">
        <v>18218</v>
      </c>
      <c r="E21499" s="1" t="s">
        <v>7</v>
      </c>
    </row>
    <row r="21500">
      <c r="A21500" s="1">
        <v>4.90833896E8</v>
      </c>
      <c r="B21500" s="2">
        <v>17466.0</v>
      </c>
      <c r="C21500" s="1" t="s">
        <v>5</v>
      </c>
      <c r="D21500" s="1" t="s">
        <v>18219</v>
      </c>
      <c r="E21500" s="1" t="s">
        <v>11</v>
      </c>
    </row>
    <row r="21501">
      <c r="A21501" s="1">
        <v>4.90833922E8</v>
      </c>
      <c r="B21501" s="2">
        <v>17454.0</v>
      </c>
      <c r="C21501" s="1" t="s">
        <v>5</v>
      </c>
      <c r="D21501" s="1" t="s">
        <v>18220</v>
      </c>
      <c r="E21501" s="1" t="s">
        <v>18221</v>
      </c>
    </row>
    <row r="21502">
      <c r="A21502" s="1">
        <v>4.90834012E8</v>
      </c>
      <c r="B21502" s="2">
        <v>17498.0</v>
      </c>
      <c r="C21502" s="1" t="s">
        <v>5</v>
      </c>
      <c r="D21502" s="1" t="s">
        <v>18222</v>
      </c>
      <c r="E21502" s="1" t="s">
        <v>7</v>
      </c>
    </row>
    <row r="21503">
      <c r="A21503" s="1">
        <v>4.90834066E8</v>
      </c>
      <c r="B21503" s="2">
        <v>17441.0</v>
      </c>
      <c r="C21503" s="1" t="s">
        <v>5</v>
      </c>
      <c r="D21503" s="1" t="s">
        <v>18223</v>
      </c>
      <c r="E21503" s="1" t="s">
        <v>11</v>
      </c>
    </row>
    <row r="21504">
      <c r="A21504" s="1">
        <v>4.90834075E8</v>
      </c>
      <c r="B21504" s="2">
        <v>17447.0</v>
      </c>
      <c r="C21504" s="1" t="s">
        <v>5</v>
      </c>
      <c r="D21504" s="1" t="s">
        <v>18224</v>
      </c>
      <c r="E21504" s="1" t="s">
        <v>7</v>
      </c>
    </row>
    <row r="21505">
      <c r="A21505" s="1">
        <v>4.90834076E8</v>
      </c>
      <c r="B21505" s="2">
        <v>17389.0</v>
      </c>
      <c r="C21505" s="1" t="s">
        <v>5</v>
      </c>
      <c r="D21505" s="1" t="s">
        <v>18225</v>
      </c>
      <c r="E21505" s="1" t="s">
        <v>7</v>
      </c>
    </row>
    <row r="21506">
      <c r="A21506" s="1">
        <v>4.90834114E8</v>
      </c>
      <c r="B21506" s="2">
        <v>17462.0</v>
      </c>
      <c r="C21506" s="1" t="s">
        <v>5</v>
      </c>
      <c r="D21506" s="1" t="s">
        <v>18226</v>
      </c>
      <c r="E21506" s="1" t="s">
        <v>7</v>
      </c>
    </row>
    <row r="21507">
      <c r="A21507" s="1">
        <v>4.90834156E8</v>
      </c>
      <c r="B21507" s="2">
        <v>17387.0</v>
      </c>
      <c r="C21507" s="1" t="s">
        <v>5</v>
      </c>
      <c r="D21507" s="1" t="s">
        <v>18227</v>
      </c>
      <c r="E21507" s="1" t="s">
        <v>7</v>
      </c>
    </row>
    <row r="21508">
      <c r="A21508" s="1">
        <v>4.90834206E8</v>
      </c>
      <c r="B21508" s="2">
        <v>17438.0</v>
      </c>
      <c r="C21508" s="1" t="s">
        <v>5</v>
      </c>
      <c r="D21508" s="1" t="s">
        <v>18228</v>
      </c>
      <c r="E21508" s="1" t="s">
        <v>7</v>
      </c>
    </row>
    <row r="21509">
      <c r="A21509" s="1">
        <v>4.90834216E8</v>
      </c>
      <c r="B21509" s="2">
        <v>17443.0</v>
      </c>
      <c r="C21509" s="1" t="s">
        <v>5</v>
      </c>
      <c r="D21509" s="1" t="s">
        <v>18229</v>
      </c>
      <c r="E21509" s="1" t="s">
        <v>7</v>
      </c>
    </row>
    <row r="21510">
      <c r="A21510" s="1">
        <v>4.90834227E8</v>
      </c>
      <c r="B21510" s="2">
        <v>17433.0</v>
      </c>
      <c r="C21510" s="1" t="s">
        <v>5</v>
      </c>
      <c r="D21510" s="1" t="s">
        <v>11</v>
      </c>
      <c r="E21510" s="1" t="s">
        <v>7</v>
      </c>
    </row>
    <row r="21511">
      <c r="A21511" s="1">
        <v>4.90834242E8</v>
      </c>
      <c r="B21511" s="2">
        <v>17428.0</v>
      </c>
      <c r="C21511" s="1" t="s">
        <v>5</v>
      </c>
      <c r="D21511" s="1" t="s">
        <v>18230</v>
      </c>
      <c r="E21511" s="1" t="s">
        <v>7</v>
      </c>
    </row>
    <row r="21512">
      <c r="A21512" s="1">
        <v>4.9083425E8</v>
      </c>
      <c r="B21512" s="2">
        <v>17436.0</v>
      </c>
      <c r="C21512" s="1" t="s">
        <v>5</v>
      </c>
      <c r="D21512" s="1" t="s">
        <v>18231</v>
      </c>
      <c r="E21512" s="1" t="s">
        <v>11</v>
      </c>
    </row>
    <row r="21513">
      <c r="A21513" s="1">
        <v>4.90834252E8</v>
      </c>
      <c r="B21513" s="2">
        <v>17417.0</v>
      </c>
      <c r="C21513" s="1" t="s">
        <v>5</v>
      </c>
      <c r="D21513" s="1" t="s">
        <v>11</v>
      </c>
      <c r="E21513" s="1" t="s">
        <v>7</v>
      </c>
    </row>
    <row r="21514">
      <c r="A21514" s="1">
        <v>4.90834286E8</v>
      </c>
      <c r="B21514" s="2">
        <v>17498.0</v>
      </c>
      <c r="C21514" s="1" t="s">
        <v>5</v>
      </c>
      <c r="D21514" s="1" t="s">
        <v>18232</v>
      </c>
      <c r="E21514" s="1" t="s">
        <v>7</v>
      </c>
    </row>
    <row r="21515">
      <c r="A21515" s="1">
        <v>4.90834292E8</v>
      </c>
      <c r="B21515" s="2">
        <v>17501.0</v>
      </c>
      <c r="C21515" s="1" t="s">
        <v>5</v>
      </c>
      <c r="D21515" s="1" t="s">
        <v>11</v>
      </c>
      <c r="E21515" s="1" t="s">
        <v>7</v>
      </c>
    </row>
    <row r="21516">
      <c r="A21516" s="1">
        <v>4.908343E8</v>
      </c>
      <c r="B21516" s="2">
        <v>17428.0</v>
      </c>
      <c r="C21516" s="1" t="s">
        <v>5</v>
      </c>
      <c r="D21516" s="1" t="s">
        <v>18233</v>
      </c>
      <c r="E21516" s="1" t="s">
        <v>11</v>
      </c>
    </row>
    <row r="21517">
      <c r="A21517" s="1">
        <v>4.9083433E8</v>
      </c>
      <c r="B21517" s="2">
        <v>17427.0</v>
      </c>
      <c r="C21517" s="1" t="s">
        <v>5</v>
      </c>
      <c r="D21517" s="1" t="s">
        <v>18234</v>
      </c>
      <c r="E21517" s="1" t="s">
        <v>7</v>
      </c>
    </row>
    <row r="21518">
      <c r="A21518" s="1">
        <v>4.90834365E8</v>
      </c>
      <c r="B21518" s="2">
        <v>17497.0</v>
      </c>
      <c r="C21518" s="1" t="s">
        <v>5</v>
      </c>
      <c r="D21518" s="1" t="s">
        <v>18235</v>
      </c>
      <c r="E21518" s="1" t="s">
        <v>11</v>
      </c>
    </row>
    <row r="21519">
      <c r="A21519" s="1">
        <v>4.90834391E8</v>
      </c>
      <c r="B21519" s="2">
        <v>17389.0</v>
      </c>
      <c r="C21519" s="1" t="s">
        <v>5</v>
      </c>
      <c r="D21519" s="1" t="s">
        <v>18236</v>
      </c>
      <c r="E21519" s="1" t="s">
        <v>11</v>
      </c>
    </row>
    <row r="21520">
      <c r="A21520" s="1">
        <v>4.90834432E8</v>
      </c>
      <c r="B21520" s="2">
        <v>17462.0</v>
      </c>
      <c r="C21520" s="1" t="s">
        <v>5</v>
      </c>
      <c r="D21520" s="1" t="s">
        <v>18237</v>
      </c>
      <c r="E21520" s="1" t="s">
        <v>11</v>
      </c>
    </row>
    <row r="21521">
      <c r="A21521" s="1">
        <v>4.90834537E8</v>
      </c>
      <c r="B21521" s="2">
        <v>17496.0</v>
      </c>
      <c r="C21521" s="1" t="s">
        <v>5</v>
      </c>
      <c r="D21521" s="1" t="s">
        <v>18238</v>
      </c>
      <c r="E21521" s="1" t="s">
        <v>18239</v>
      </c>
    </row>
    <row r="21522">
      <c r="A21522" s="1">
        <v>4.90834554E8</v>
      </c>
      <c r="B21522" s="2">
        <v>17428.0</v>
      </c>
      <c r="C21522" s="1" t="s">
        <v>5</v>
      </c>
      <c r="D21522" s="1" t="s">
        <v>11</v>
      </c>
      <c r="E21522" s="1" t="s">
        <v>7</v>
      </c>
    </row>
    <row r="21523">
      <c r="A21523" s="1">
        <v>4.90834594E8</v>
      </c>
      <c r="B21523" s="2">
        <v>17384.0</v>
      </c>
      <c r="C21523" s="1" t="s">
        <v>5</v>
      </c>
      <c r="D21523" s="1" t="s">
        <v>18240</v>
      </c>
      <c r="E21523" s="1" t="s">
        <v>7</v>
      </c>
    </row>
    <row r="21524">
      <c r="A21524" s="1">
        <v>4.90834595E8</v>
      </c>
      <c r="B21524" s="2">
        <v>17426.0</v>
      </c>
      <c r="C21524" s="1" t="s">
        <v>5</v>
      </c>
      <c r="D21524" s="1" t="s">
        <v>18241</v>
      </c>
      <c r="E21524" s="1" t="s">
        <v>11</v>
      </c>
    </row>
    <row r="21525">
      <c r="A21525" s="1">
        <v>4.90834602E8</v>
      </c>
      <c r="B21525" s="2">
        <v>17451.0</v>
      </c>
      <c r="C21525" s="1" t="s">
        <v>5</v>
      </c>
      <c r="D21525" s="1" t="s">
        <v>11</v>
      </c>
      <c r="E21525" s="1" t="s">
        <v>7</v>
      </c>
    </row>
    <row r="21526">
      <c r="A21526" s="1">
        <v>4.90834636E8</v>
      </c>
      <c r="B21526" s="2">
        <v>17427.0</v>
      </c>
      <c r="C21526" s="1" t="s">
        <v>5</v>
      </c>
      <c r="D21526" s="1" t="s">
        <v>18242</v>
      </c>
      <c r="E21526" s="1" t="s">
        <v>7</v>
      </c>
    </row>
    <row r="21527">
      <c r="A21527" s="1">
        <v>4.90834715E8</v>
      </c>
      <c r="B21527" s="2">
        <v>17431.0</v>
      </c>
      <c r="C21527" s="1" t="s">
        <v>5</v>
      </c>
      <c r="D21527" s="1" t="s">
        <v>18243</v>
      </c>
      <c r="E21527" s="1" t="s">
        <v>7</v>
      </c>
    </row>
    <row r="21528">
      <c r="A21528" s="1">
        <v>4.90834752E8</v>
      </c>
      <c r="B21528" s="2">
        <v>17454.0</v>
      </c>
      <c r="C21528" s="1" t="s">
        <v>5</v>
      </c>
      <c r="D21528" s="1" t="s">
        <v>11</v>
      </c>
      <c r="E21528" s="1" t="s">
        <v>7</v>
      </c>
    </row>
    <row r="21529">
      <c r="A21529" s="1">
        <v>4.90834754E8</v>
      </c>
      <c r="B21529" s="2">
        <v>17426.0</v>
      </c>
      <c r="C21529" s="1" t="s">
        <v>5</v>
      </c>
      <c r="D21529" s="1" t="s">
        <v>18244</v>
      </c>
      <c r="E21529" s="1" t="s">
        <v>7</v>
      </c>
    </row>
    <row r="21530">
      <c r="A21530" s="1">
        <v>4.90834755E8</v>
      </c>
      <c r="B21530" s="2">
        <v>17494.0</v>
      </c>
      <c r="C21530" s="1" t="s">
        <v>5</v>
      </c>
      <c r="D21530" s="1" t="s">
        <v>18245</v>
      </c>
      <c r="E21530" s="1" t="s">
        <v>7</v>
      </c>
    </row>
    <row r="21531">
      <c r="A21531" s="1">
        <v>4.90834772E8</v>
      </c>
      <c r="B21531" s="2">
        <v>17438.0</v>
      </c>
      <c r="C21531" s="1" t="s">
        <v>5</v>
      </c>
      <c r="D21531" s="1" t="s">
        <v>18246</v>
      </c>
      <c r="E21531" s="1" t="s">
        <v>7</v>
      </c>
    </row>
    <row r="21532">
      <c r="A21532" s="1">
        <v>4.90834781E8</v>
      </c>
      <c r="B21532" s="2">
        <v>17435.0</v>
      </c>
      <c r="C21532" s="1" t="s">
        <v>5</v>
      </c>
      <c r="D21532" s="1" t="s">
        <v>18247</v>
      </c>
      <c r="E21532" s="1" t="s">
        <v>7</v>
      </c>
    </row>
    <row r="21533">
      <c r="A21533" s="1">
        <v>4.90834832E8</v>
      </c>
      <c r="B21533" s="2">
        <v>17424.0</v>
      </c>
      <c r="C21533" s="1" t="s">
        <v>5</v>
      </c>
      <c r="D21533" s="1" t="s">
        <v>18248</v>
      </c>
      <c r="E21533" s="1" t="s">
        <v>7</v>
      </c>
    </row>
    <row r="21534">
      <c r="A21534" s="1">
        <v>4.90834846E8</v>
      </c>
      <c r="B21534" s="2">
        <v>17438.0</v>
      </c>
      <c r="C21534" s="1" t="s">
        <v>5</v>
      </c>
      <c r="D21534" s="1" t="s">
        <v>18249</v>
      </c>
      <c r="E21534" s="1" t="s">
        <v>11</v>
      </c>
    </row>
    <row r="21535">
      <c r="A21535" s="1">
        <v>4.90834918E8</v>
      </c>
      <c r="B21535" s="2">
        <v>17494.0</v>
      </c>
      <c r="C21535" s="1" t="s">
        <v>5</v>
      </c>
      <c r="D21535" s="1" t="s">
        <v>11</v>
      </c>
      <c r="E21535" s="1" t="s">
        <v>7</v>
      </c>
    </row>
    <row r="21536">
      <c r="A21536" s="1">
        <v>4.90834952E8</v>
      </c>
      <c r="B21536" s="2">
        <v>17452.0</v>
      </c>
      <c r="C21536" s="1" t="s">
        <v>5</v>
      </c>
      <c r="D21536" s="1" t="s">
        <v>11</v>
      </c>
      <c r="E21536" s="1" t="s">
        <v>7</v>
      </c>
    </row>
    <row r="21537">
      <c r="A21537" s="1">
        <v>4.90834976E8</v>
      </c>
      <c r="B21537" s="2">
        <v>17498.0</v>
      </c>
      <c r="C21537" s="1" t="s">
        <v>5</v>
      </c>
      <c r="D21537" s="1" t="s">
        <v>18250</v>
      </c>
      <c r="E21537" s="1" t="s">
        <v>11</v>
      </c>
    </row>
    <row r="21538">
      <c r="A21538" s="1">
        <v>4.90835002E8</v>
      </c>
      <c r="B21538" s="2">
        <v>17454.0</v>
      </c>
      <c r="C21538" s="1" t="s">
        <v>5</v>
      </c>
      <c r="D21538" s="1" t="s">
        <v>18251</v>
      </c>
      <c r="E21538" s="1" t="s">
        <v>18252</v>
      </c>
    </row>
    <row r="21539">
      <c r="A21539" s="1">
        <v>4.90835032E8</v>
      </c>
      <c r="B21539" s="2">
        <v>17501.0</v>
      </c>
      <c r="C21539" s="1" t="s">
        <v>5</v>
      </c>
      <c r="D21539" s="1" t="s">
        <v>18253</v>
      </c>
      <c r="E21539" s="1" t="s">
        <v>7</v>
      </c>
    </row>
    <row r="21540">
      <c r="A21540" s="1">
        <v>4.90835066E8</v>
      </c>
      <c r="B21540" s="2">
        <v>17444.0</v>
      </c>
      <c r="C21540" s="1" t="s">
        <v>5</v>
      </c>
      <c r="D21540" s="1" t="s">
        <v>18254</v>
      </c>
      <c r="E21540" s="1" t="s">
        <v>7</v>
      </c>
    </row>
    <row r="21541">
      <c r="A21541" s="1">
        <v>4.90835093E8</v>
      </c>
      <c r="B21541" s="2">
        <v>17501.0</v>
      </c>
      <c r="C21541" s="1" t="s">
        <v>5</v>
      </c>
      <c r="D21541" s="1" t="s">
        <v>11</v>
      </c>
      <c r="E21541" s="1" t="s">
        <v>7</v>
      </c>
    </row>
    <row r="21542">
      <c r="A21542" s="1">
        <v>4.90835122E8</v>
      </c>
      <c r="B21542" s="2">
        <v>17384.0</v>
      </c>
      <c r="C21542" s="1" t="s">
        <v>5</v>
      </c>
      <c r="D21542" s="1" t="s">
        <v>18255</v>
      </c>
      <c r="E21542" s="1" t="s">
        <v>7</v>
      </c>
    </row>
    <row r="21543">
      <c r="A21543" s="1">
        <v>4.90835124E8</v>
      </c>
      <c r="B21543" s="2">
        <v>17426.0</v>
      </c>
      <c r="C21543" s="1" t="s">
        <v>5</v>
      </c>
      <c r="D21543" s="1" t="s">
        <v>11</v>
      </c>
      <c r="E21543" s="1" t="s">
        <v>7</v>
      </c>
    </row>
    <row r="21544">
      <c r="A21544" s="1">
        <v>4.90835154E8</v>
      </c>
      <c r="B21544" s="2">
        <v>17454.0</v>
      </c>
      <c r="C21544" s="1" t="s">
        <v>5</v>
      </c>
      <c r="D21544" s="1" t="s">
        <v>18256</v>
      </c>
      <c r="E21544" s="1" t="s">
        <v>11</v>
      </c>
    </row>
    <row r="21545">
      <c r="A21545" s="1">
        <v>4.90835156E8</v>
      </c>
      <c r="B21545" s="2">
        <v>17501.0</v>
      </c>
      <c r="C21545" s="1" t="s">
        <v>5</v>
      </c>
      <c r="D21545" s="1" t="s">
        <v>11</v>
      </c>
      <c r="E21545" s="1" t="s">
        <v>7</v>
      </c>
    </row>
    <row r="21546">
      <c r="A21546" s="1">
        <v>4.90835161E8</v>
      </c>
      <c r="B21546" s="2">
        <v>17501.0</v>
      </c>
      <c r="C21546" s="1" t="s">
        <v>5</v>
      </c>
      <c r="D21546" s="1" t="s">
        <v>18257</v>
      </c>
      <c r="E21546" s="1" t="s">
        <v>7</v>
      </c>
    </row>
    <row r="21547">
      <c r="A21547" s="1">
        <v>4.90835209E8</v>
      </c>
      <c r="B21547" s="2">
        <v>17438.0</v>
      </c>
      <c r="C21547" s="1" t="s">
        <v>5</v>
      </c>
      <c r="D21547" s="1" t="s">
        <v>18258</v>
      </c>
      <c r="E21547" s="1" t="s">
        <v>7</v>
      </c>
    </row>
    <row r="21548">
      <c r="A21548" s="1">
        <v>4.90835221E8</v>
      </c>
      <c r="B21548" s="2">
        <v>17416.0</v>
      </c>
      <c r="C21548" s="1" t="s">
        <v>5</v>
      </c>
      <c r="D21548" s="1" t="s">
        <v>2384</v>
      </c>
      <c r="E21548" s="1" t="s">
        <v>11</v>
      </c>
    </row>
    <row r="21549">
      <c r="A21549" s="1">
        <v>4.9083525E8</v>
      </c>
      <c r="B21549" s="2">
        <v>17424.0</v>
      </c>
      <c r="C21549" s="1" t="s">
        <v>5</v>
      </c>
      <c r="D21549" s="1" t="s">
        <v>18259</v>
      </c>
      <c r="E21549" s="1" t="s">
        <v>18260</v>
      </c>
    </row>
    <row r="21550">
      <c r="A21550" s="1">
        <v>4.90835252E8</v>
      </c>
      <c r="B21550" s="2">
        <v>17496.0</v>
      </c>
      <c r="C21550" s="1" t="s">
        <v>5</v>
      </c>
      <c r="D21550" s="1" t="s">
        <v>11</v>
      </c>
      <c r="E21550" s="1" t="s">
        <v>7</v>
      </c>
    </row>
    <row r="21551">
      <c r="A21551" s="1">
        <v>4.908353E8</v>
      </c>
      <c r="B21551" s="2">
        <v>17416.0</v>
      </c>
      <c r="C21551" s="1" t="s">
        <v>5</v>
      </c>
      <c r="D21551" s="1" t="s">
        <v>18261</v>
      </c>
      <c r="E21551" s="1" t="s">
        <v>7</v>
      </c>
    </row>
    <row r="21552">
      <c r="A21552" s="1">
        <v>4.90835343E8</v>
      </c>
      <c r="B21552" s="2">
        <v>17416.0</v>
      </c>
      <c r="C21552" s="1" t="s">
        <v>5</v>
      </c>
      <c r="D21552" s="1" t="s">
        <v>18262</v>
      </c>
      <c r="E21552" s="1" t="s">
        <v>11</v>
      </c>
    </row>
    <row r="21553">
      <c r="A21553" s="1">
        <v>4.90835381E8</v>
      </c>
      <c r="B21553" s="2">
        <v>17420.0</v>
      </c>
      <c r="C21553" s="1" t="s">
        <v>5</v>
      </c>
      <c r="D21553" s="1" t="s">
        <v>18263</v>
      </c>
      <c r="E21553" s="1" t="s">
        <v>7</v>
      </c>
    </row>
    <row r="21554">
      <c r="A21554" s="1">
        <v>4.9083539E8</v>
      </c>
      <c r="B21554" s="2">
        <v>17452.0</v>
      </c>
      <c r="C21554" s="1" t="s">
        <v>5</v>
      </c>
      <c r="D21554" s="1" t="s">
        <v>11</v>
      </c>
      <c r="E21554" s="1" t="s">
        <v>7</v>
      </c>
    </row>
    <row r="21555">
      <c r="A21555" s="1">
        <v>4.90835391E8</v>
      </c>
      <c r="B21555" s="2">
        <v>17435.0</v>
      </c>
      <c r="C21555" s="1" t="s">
        <v>5</v>
      </c>
      <c r="D21555" s="1" t="s">
        <v>11</v>
      </c>
      <c r="E21555" s="1" t="s">
        <v>7</v>
      </c>
    </row>
    <row r="21556">
      <c r="A21556" s="1">
        <v>4.90835394E8</v>
      </c>
      <c r="B21556" s="2">
        <v>17499.0</v>
      </c>
      <c r="C21556" s="1" t="s">
        <v>5</v>
      </c>
      <c r="D21556" s="1" t="s">
        <v>11</v>
      </c>
      <c r="E21556" s="1" t="s">
        <v>7</v>
      </c>
    </row>
    <row r="21557">
      <c r="A21557" s="1">
        <v>4.9083543E8</v>
      </c>
      <c r="B21557" s="2">
        <v>17451.0</v>
      </c>
      <c r="C21557" s="1" t="s">
        <v>5</v>
      </c>
      <c r="D21557" s="1" t="s">
        <v>18264</v>
      </c>
      <c r="E21557" s="1" t="s">
        <v>7</v>
      </c>
    </row>
    <row r="21558">
      <c r="A21558" s="1">
        <v>4.90835431E8</v>
      </c>
      <c r="B21558" s="2">
        <v>17380.0</v>
      </c>
      <c r="C21558" s="1" t="s">
        <v>5</v>
      </c>
      <c r="D21558" s="1" t="s">
        <v>18265</v>
      </c>
      <c r="E21558" s="1" t="s">
        <v>7</v>
      </c>
    </row>
    <row r="21559">
      <c r="A21559" s="1">
        <v>4.90835452E8</v>
      </c>
      <c r="B21559" s="2">
        <v>17451.0</v>
      </c>
      <c r="C21559" s="1" t="s">
        <v>5</v>
      </c>
      <c r="D21559" s="1" t="s">
        <v>18266</v>
      </c>
      <c r="E21559" s="1" t="s">
        <v>11</v>
      </c>
    </row>
    <row r="21560">
      <c r="A21560" s="1">
        <v>4.90835461E8</v>
      </c>
      <c r="B21560" s="2">
        <v>17427.0</v>
      </c>
      <c r="C21560" s="1" t="s">
        <v>5</v>
      </c>
      <c r="D21560" s="1" t="s">
        <v>18267</v>
      </c>
      <c r="E21560" s="1" t="s">
        <v>7</v>
      </c>
    </row>
    <row r="21561">
      <c r="A21561" s="1">
        <v>4.90835475E8</v>
      </c>
      <c r="B21561" s="2">
        <v>17415.0</v>
      </c>
      <c r="C21561" s="1" t="s">
        <v>5</v>
      </c>
      <c r="D21561" s="1" t="s">
        <v>18268</v>
      </c>
      <c r="E21561" s="1" t="s">
        <v>11</v>
      </c>
    </row>
    <row r="21562">
      <c r="A21562" s="1">
        <v>4.908355E8</v>
      </c>
      <c r="B21562" s="2">
        <v>17380.0</v>
      </c>
      <c r="C21562" s="1" t="s">
        <v>5</v>
      </c>
      <c r="D21562" s="1" t="s">
        <v>11</v>
      </c>
      <c r="E21562" s="1" t="s">
        <v>7</v>
      </c>
    </row>
    <row r="21563">
      <c r="A21563" s="1">
        <v>4.90835532E8</v>
      </c>
      <c r="B21563" s="2">
        <v>17423.0</v>
      </c>
      <c r="C21563" s="1" t="s">
        <v>5</v>
      </c>
      <c r="D21563" s="1" t="s">
        <v>18269</v>
      </c>
      <c r="E21563" s="1" t="s">
        <v>7</v>
      </c>
    </row>
    <row r="21564">
      <c r="A21564" s="1">
        <v>4.9083555E8</v>
      </c>
      <c r="B21564" s="2">
        <v>17422.0</v>
      </c>
      <c r="C21564" s="1" t="s">
        <v>5</v>
      </c>
      <c r="D21564" s="1" t="s">
        <v>11</v>
      </c>
      <c r="E21564" s="1" t="s">
        <v>7</v>
      </c>
    </row>
    <row r="21565">
      <c r="A21565" s="1">
        <v>4.90835551E8</v>
      </c>
      <c r="B21565" s="2">
        <v>17416.0</v>
      </c>
      <c r="C21565" s="1" t="s">
        <v>5</v>
      </c>
      <c r="D21565" s="1" t="s">
        <v>11</v>
      </c>
      <c r="E21565" s="1" t="s">
        <v>7</v>
      </c>
    </row>
    <row r="21566">
      <c r="A21566" s="1">
        <v>4.9083558E8</v>
      </c>
      <c r="B21566" s="2">
        <v>17429.0</v>
      </c>
      <c r="C21566" s="1" t="s">
        <v>5</v>
      </c>
      <c r="D21566" s="1" t="s">
        <v>11</v>
      </c>
      <c r="E21566" s="1" t="s">
        <v>7</v>
      </c>
    </row>
    <row r="21567">
      <c r="A21567" s="1">
        <v>4.9083561E8</v>
      </c>
      <c r="B21567" s="2">
        <v>17436.0</v>
      </c>
      <c r="C21567" s="1" t="s">
        <v>5</v>
      </c>
      <c r="D21567" s="1" t="s">
        <v>11</v>
      </c>
      <c r="E21567" s="1" t="s">
        <v>7</v>
      </c>
    </row>
    <row r="21568">
      <c r="A21568" s="1">
        <v>4.90835612E8</v>
      </c>
      <c r="B21568" s="2">
        <v>17429.0</v>
      </c>
      <c r="C21568" s="1" t="s">
        <v>5</v>
      </c>
      <c r="D21568" s="1" t="s">
        <v>18270</v>
      </c>
      <c r="E21568" s="1" t="s">
        <v>18271</v>
      </c>
    </row>
    <row r="21569">
      <c r="A21569" s="1">
        <v>4.90835632E8</v>
      </c>
      <c r="B21569" s="2">
        <v>17419.0</v>
      </c>
      <c r="C21569" s="1" t="s">
        <v>5</v>
      </c>
      <c r="D21569" s="1" t="s">
        <v>18272</v>
      </c>
      <c r="E21569" s="1" t="s">
        <v>11</v>
      </c>
    </row>
    <row r="21570">
      <c r="A21570" s="1">
        <v>4.90835637E8</v>
      </c>
      <c r="B21570" s="2">
        <v>17497.0</v>
      </c>
      <c r="C21570" s="1" t="s">
        <v>5</v>
      </c>
      <c r="D21570" s="1" t="s">
        <v>18273</v>
      </c>
      <c r="E21570" s="1" t="s">
        <v>7</v>
      </c>
    </row>
    <row r="21571">
      <c r="A21571" s="1">
        <v>4.90835674E8</v>
      </c>
      <c r="B21571" s="2">
        <v>17426.0</v>
      </c>
      <c r="C21571" s="1" t="s">
        <v>5</v>
      </c>
      <c r="D21571" s="1" t="s">
        <v>11</v>
      </c>
      <c r="E21571" s="1" t="s">
        <v>7</v>
      </c>
    </row>
    <row r="21572">
      <c r="A21572" s="1">
        <v>4.90835675E8</v>
      </c>
      <c r="B21572" s="2">
        <v>17438.0</v>
      </c>
      <c r="C21572" s="1" t="s">
        <v>5</v>
      </c>
      <c r="D21572" s="1" t="s">
        <v>18274</v>
      </c>
      <c r="E21572" s="1" t="s">
        <v>11</v>
      </c>
    </row>
    <row r="21573">
      <c r="A21573" s="1">
        <v>4.90835716E8</v>
      </c>
      <c r="B21573" s="2">
        <v>17451.0</v>
      </c>
      <c r="C21573" s="1" t="s">
        <v>5</v>
      </c>
      <c r="D21573" s="1" t="s">
        <v>11</v>
      </c>
      <c r="E21573" s="1" t="s">
        <v>7</v>
      </c>
    </row>
    <row r="21574">
      <c r="A21574" s="1">
        <v>4.90835764E8</v>
      </c>
      <c r="B21574" s="2">
        <v>17487.0</v>
      </c>
      <c r="C21574" s="1" t="s">
        <v>5</v>
      </c>
      <c r="D21574" s="1" t="s">
        <v>11</v>
      </c>
      <c r="E21574" s="1" t="s">
        <v>7</v>
      </c>
    </row>
    <row r="21575">
      <c r="A21575" s="1">
        <v>4.90835777E8</v>
      </c>
      <c r="B21575" s="2">
        <v>17492.0</v>
      </c>
      <c r="C21575" s="1" t="s">
        <v>5</v>
      </c>
      <c r="D21575" s="1" t="s">
        <v>18275</v>
      </c>
      <c r="E21575" s="1" t="s">
        <v>18276</v>
      </c>
    </row>
    <row r="21576">
      <c r="A21576" s="1">
        <v>4.9083578E8</v>
      </c>
      <c r="B21576" s="2">
        <v>17451.0</v>
      </c>
      <c r="C21576" s="1" t="s">
        <v>5</v>
      </c>
      <c r="D21576" s="1" t="s">
        <v>11</v>
      </c>
      <c r="E21576" s="1" t="s">
        <v>7</v>
      </c>
    </row>
    <row r="21577">
      <c r="A21577" s="1">
        <v>4.90835791E8</v>
      </c>
      <c r="B21577" s="2">
        <v>17500.0</v>
      </c>
      <c r="C21577" s="1" t="s">
        <v>5</v>
      </c>
      <c r="D21577" s="1" t="s">
        <v>18277</v>
      </c>
      <c r="E21577" s="1" t="s">
        <v>7</v>
      </c>
    </row>
    <row r="21578">
      <c r="A21578" s="1">
        <v>4.90835831E8</v>
      </c>
      <c r="B21578" s="2">
        <v>17428.0</v>
      </c>
      <c r="C21578" s="1" t="s">
        <v>5</v>
      </c>
      <c r="D21578" s="1" t="s">
        <v>11</v>
      </c>
      <c r="E21578" s="1" t="s">
        <v>7</v>
      </c>
    </row>
    <row r="21579">
      <c r="A21579" s="1">
        <v>4.90835841E8</v>
      </c>
      <c r="B21579" s="2">
        <v>17429.0</v>
      </c>
      <c r="C21579" s="1" t="s">
        <v>5</v>
      </c>
      <c r="D21579" s="1" t="s">
        <v>11</v>
      </c>
      <c r="E21579" s="1" t="s">
        <v>7</v>
      </c>
    </row>
    <row r="21580">
      <c r="A21580" s="1">
        <v>4.90835856E8</v>
      </c>
      <c r="B21580" s="2">
        <v>17414.0</v>
      </c>
      <c r="C21580" s="1" t="s">
        <v>5</v>
      </c>
      <c r="D21580" s="1" t="s">
        <v>11</v>
      </c>
      <c r="E21580" s="1" t="s">
        <v>7</v>
      </c>
    </row>
    <row r="21581">
      <c r="A21581" s="1">
        <v>4.90835859E8</v>
      </c>
      <c r="B21581" s="2">
        <v>17500.0</v>
      </c>
      <c r="C21581" s="1" t="s">
        <v>5</v>
      </c>
      <c r="D21581" s="1" t="s">
        <v>18278</v>
      </c>
      <c r="E21581" s="1" t="s">
        <v>18279</v>
      </c>
    </row>
    <row r="21582">
      <c r="A21582" s="1">
        <v>4.90835876E8</v>
      </c>
      <c r="B21582" s="2">
        <v>17413.0</v>
      </c>
      <c r="C21582" s="1" t="s">
        <v>5</v>
      </c>
      <c r="D21582" s="1" t="s">
        <v>11</v>
      </c>
      <c r="E21582" s="1" t="s">
        <v>7</v>
      </c>
    </row>
    <row r="21583">
      <c r="A21583" s="1">
        <v>4.90835911E8</v>
      </c>
      <c r="B21583" s="2">
        <v>17496.0</v>
      </c>
      <c r="C21583" s="1" t="s">
        <v>5</v>
      </c>
      <c r="D21583" s="1" t="s">
        <v>18280</v>
      </c>
      <c r="E21583" s="1" t="s">
        <v>7</v>
      </c>
    </row>
    <row r="21584">
      <c r="A21584" s="1">
        <v>4.90835991E8</v>
      </c>
      <c r="B21584" s="2">
        <v>17501.0</v>
      </c>
      <c r="C21584" s="1" t="s">
        <v>5</v>
      </c>
      <c r="D21584" s="1" t="s">
        <v>11</v>
      </c>
      <c r="E21584" s="1" t="s">
        <v>7</v>
      </c>
    </row>
    <row r="21585">
      <c r="A21585" s="1">
        <v>4.90836012E8</v>
      </c>
      <c r="B21585" s="2">
        <v>17427.0</v>
      </c>
      <c r="C21585" s="1" t="s">
        <v>5</v>
      </c>
      <c r="D21585" s="1" t="s">
        <v>18281</v>
      </c>
      <c r="E21585" s="1" t="s">
        <v>11</v>
      </c>
    </row>
    <row r="21586">
      <c r="A21586" s="1">
        <v>4.90836061E8</v>
      </c>
      <c r="B21586" s="2">
        <v>17422.0</v>
      </c>
      <c r="C21586" s="1" t="s">
        <v>5</v>
      </c>
      <c r="D21586" s="1" t="s">
        <v>18282</v>
      </c>
      <c r="E21586" s="1" t="s">
        <v>11</v>
      </c>
    </row>
    <row r="21587">
      <c r="A21587" s="1">
        <v>4.908361E8</v>
      </c>
      <c r="B21587" s="2">
        <v>17498.0</v>
      </c>
      <c r="C21587" s="1" t="s">
        <v>5</v>
      </c>
      <c r="D21587" s="1" t="s">
        <v>18283</v>
      </c>
      <c r="E21587" s="1" t="s">
        <v>18284</v>
      </c>
    </row>
    <row r="21588">
      <c r="A21588" s="1">
        <v>4.90836116E8</v>
      </c>
      <c r="B21588" s="2">
        <v>17429.0</v>
      </c>
      <c r="C21588" s="1" t="s">
        <v>5</v>
      </c>
      <c r="D21588" s="1" t="s">
        <v>11</v>
      </c>
      <c r="E21588" s="1" t="s">
        <v>7</v>
      </c>
    </row>
    <row r="21589">
      <c r="A21589" s="1">
        <v>4.90836129E8</v>
      </c>
      <c r="B21589" s="2">
        <v>17421.0</v>
      </c>
      <c r="C21589" s="1" t="s">
        <v>5</v>
      </c>
      <c r="D21589" s="1" t="s">
        <v>18285</v>
      </c>
      <c r="E21589" s="1" t="s">
        <v>18286</v>
      </c>
    </row>
    <row r="21590">
      <c r="A21590" s="1">
        <v>4.90836141E8</v>
      </c>
      <c r="B21590" s="2">
        <v>17413.0</v>
      </c>
      <c r="C21590" s="1" t="s">
        <v>5</v>
      </c>
      <c r="D21590" s="1" t="s">
        <v>11</v>
      </c>
      <c r="E21590" s="1" t="s">
        <v>7</v>
      </c>
    </row>
    <row r="21591">
      <c r="A21591" s="1">
        <v>4.90836151E8</v>
      </c>
      <c r="B21591" s="2">
        <v>17437.0</v>
      </c>
      <c r="C21591" s="1" t="s">
        <v>5</v>
      </c>
      <c r="D21591" s="1" t="s">
        <v>18287</v>
      </c>
      <c r="E21591" s="1" t="s">
        <v>7</v>
      </c>
    </row>
    <row r="21592">
      <c r="A21592" s="1">
        <v>4.90836186E8</v>
      </c>
      <c r="B21592" s="2">
        <v>17459.0</v>
      </c>
      <c r="C21592" s="1" t="s">
        <v>5</v>
      </c>
      <c r="D21592" s="1" t="s">
        <v>18288</v>
      </c>
      <c r="E21592" s="1" t="s">
        <v>7</v>
      </c>
    </row>
    <row r="21593">
      <c r="A21593" s="1">
        <v>4.90836212E8</v>
      </c>
      <c r="B21593" s="2">
        <v>17459.0</v>
      </c>
      <c r="C21593" s="1" t="s">
        <v>5</v>
      </c>
      <c r="D21593" s="1" t="s">
        <v>18289</v>
      </c>
      <c r="E21593" s="1" t="s">
        <v>7</v>
      </c>
    </row>
    <row r="21594">
      <c r="A21594" s="1">
        <v>4.9083623E8</v>
      </c>
      <c r="B21594" s="2">
        <v>17484.0</v>
      </c>
      <c r="C21594" s="1" t="s">
        <v>5</v>
      </c>
      <c r="D21594" s="1" t="s">
        <v>18290</v>
      </c>
      <c r="E21594" s="1" t="s">
        <v>7</v>
      </c>
    </row>
    <row r="21595">
      <c r="A21595" s="1">
        <v>4.90836233E8</v>
      </c>
      <c r="B21595" s="2">
        <v>17499.0</v>
      </c>
      <c r="C21595" s="1" t="s">
        <v>5</v>
      </c>
      <c r="D21595" s="1" t="s">
        <v>18291</v>
      </c>
      <c r="E21595" s="1" t="s">
        <v>7</v>
      </c>
    </row>
    <row r="21596">
      <c r="A21596" s="1">
        <v>4.90836236E8</v>
      </c>
      <c r="B21596" s="2">
        <v>17496.0</v>
      </c>
      <c r="C21596" s="1" t="s">
        <v>5</v>
      </c>
      <c r="D21596" s="1" t="s">
        <v>11</v>
      </c>
      <c r="E21596" s="1" t="s">
        <v>7</v>
      </c>
    </row>
    <row r="21597">
      <c r="A21597" s="1">
        <v>4.90836241E8</v>
      </c>
      <c r="B21597" s="2">
        <v>17420.0</v>
      </c>
      <c r="C21597" s="1" t="s">
        <v>5</v>
      </c>
      <c r="D21597" s="1" t="s">
        <v>18292</v>
      </c>
      <c r="E21597" s="1" t="s">
        <v>11</v>
      </c>
    </row>
    <row r="21598">
      <c r="A21598" s="1">
        <v>4.90836244E8</v>
      </c>
      <c r="B21598" s="2">
        <v>17426.0</v>
      </c>
      <c r="C21598" s="1" t="s">
        <v>5</v>
      </c>
      <c r="D21598" s="1" t="s">
        <v>11</v>
      </c>
      <c r="E21598" s="1" t="s">
        <v>7</v>
      </c>
    </row>
    <row r="21599">
      <c r="A21599" s="1">
        <v>4.90836261E8</v>
      </c>
      <c r="B21599" s="2">
        <v>17496.0</v>
      </c>
      <c r="C21599" s="1" t="s">
        <v>5</v>
      </c>
      <c r="D21599" s="1" t="s">
        <v>18293</v>
      </c>
      <c r="E21599" s="1" t="s">
        <v>7</v>
      </c>
    </row>
    <row r="21600">
      <c r="A21600" s="1">
        <v>4.90836276E8</v>
      </c>
      <c r="B21600" s="2">
        <v>17447.0</v>
      </c>
      <c r="C21600" s="1" t="s">
        <v>5</v>
      </c>
      <c r="D21600" s="1" t="s">
        <v>11</v>
      </c>
      <c r="E21600" s="1" t="s">
        <v>7</v>
      </c>
    </row>
    <row r="21601">
      <c r="A21601" s="1">
        <v>4.9083634E8</v>
      </c>
      <c r="B21601" s="2">
        <v>17489.0</v>
      </c>
      <c r="C21601" s="1" t="s">
        <v>5</v>
      </c>
      <c r="D21601" s="1" t="s">
        <v>18294</v>
      </c>
      <c r="E21601" s="1" t="s">
        <v>7</v>
      </c>
    </row>
    <row r="21602">
      <c r="A21602" s="1">
        <v>4.90836349E8</v>
      </c>
      <c r="B21602" s="2">
        <v>17494.0</v>
      </c>
      <c r="C21602" s="1" t="s">
        <v>5</v>
      </c>
      <c r="D21602" s="1" t="s">
        <v>18295</v>
      </c>
      <c r="E21602" s="1" t="s">
        <v>7</v>
      </c>
    </row>
    <row r="21603">
      <c r="A21603" s="1">
        <v>4.90836371E8</v>
      </c>
      <c r="B21603" s="2">
        <v>17428.0</v>
      </c>
      <c r="C21603" s="1" t="s">
        <v>5</v>
      </c>
      <c r="D21603" s="1" t="s">
        <v>18296</v>
      </c>
      <c r="E21603" s="1" t="s">
        <v>11</v>
      </c>
    </row>
    <row r="21604">
      <c r="A21604" s="1">
        <v>4.90836387E8</v>
      </c>
      <c r="B21604" s="2">
        <v>17438.0</v>
      </c>
      <c r="C21604" s="1" t="s">
        <v>5</v>
      </c>
      <c r="D21604" s="1" t="s">
        <v>18297</v>
      </c>
      <c r="E21604" s="1" t="s">
        <v>7</v>
      </c>
    </row>
    <row r="21605">
      <c r="A21605" s="1">
        <v>4.90836396E8</v>
      </c>
      <c r="B21605" s="2">
        <v>17424.0</v>
      </c>
      <c r="C21605" s="1" t="s">
        <v>5</v>
      </c>
      <c r="D21605" s="1" t="s">
        <v>18298</v>
      </c>
      <c r="E21605" s="1" t="s">
        <v>7</v>
      </c>
    </row>
    <row r="21606">
      <c r="A21606" s="1">
        <v>4.90836407E8</v>
      </c>
      <c r="B21606" s="2">
        <v>17494.0</v>
      </c>
      <c r="C21606" s="1" t="s">
        <v>5</v>
      </c>
      <c r="D21606" s="1" t="s">
        <v>11</v>
      </c>
      <c r="E21606" s="1" t="s">
        <v>7</v>
      </c>
    </row>
    <row r="21607">
      <c r="A21607" s="1">
        <v>4.90836436E8</v>
      </c>
      <c r="B21607" s="2">
        <v>17483.0</v>
      </c>
      <c r="C21607" s="1" t="s">
        <v>5</v>
      </c>
      <c r="D21607" s="1" t="s">
        <v>18299</v>
      </c>
      <c r="E21607" s="1" t="s">
        <v>18300</v>
      </c>
    </row>
    <row r="21608">
      <c r="A21608" s="1">
        <v>4.90836444E8</v>
      </c>
      <c r="B21608" s="2">
        <v>17441.0</v>
      </c>
      <c r="C21608" s="1" t="s">
        <v>5</v>
      </c>
      <c r="D21608" s="1" t="s">
        <v>11</v>
      </c>
      <c r="E21608" s="1" t="s">
        <v>7</v>
      </c>
    </row>
    <row r="21609">
      <c r="A21609" s="1">
        <v>4.90836476E8</v>
      </c>
      <c r="B21609" s="2">
        <v>17427.0</v>
      </c>
      <c r="C21609" s="1" t="s">
        <v>5</v>
      </c>
      <c r="D21609" s="1" t="s">
        <v>18301</v>
      </c>
      <c r="E21609" s="1" t="s">
        <v>7</v>
      </c>
    </row>
    <row r="21610">
      <c r="A21610" s="1">
        <v>4.90836489E8</v>
      </c>
      <c r="B21610" s="2">
        <v>17442.0</v>
      </c>
      <c r="C21610" s="1" t="s">
        <v>5</v>
      </c>
      <c r="D21610" s="1" t="s">
        <v>11</v>
      </c>
      <c r="E21610" s="1" t="s">
        <v>7</v>
      </c>
    </row>
    <row r="21611">
      <c r="A21611" s="1">
        <v>4.90836492E8</v>
      </c>
      <c r="B21611" s="2">
        <v>17493.0</v>
      </c>
      <c r="C21611" s="1" t="s">
        <v>5</v>
      </c>
      <c r="D21611" s="1" t="s">
        <v>18302</v>
      </c>
      <c r="E21611" s="1" t="s">
        <v>11</v>
      </c>
    </row>
    <row r="21612">
      <c r="A21612" s="1">
        <v>4.90836514E8</v>
      </c>
      <c r="B21612" s="2">
        <v>17414.0</v>
      </c>
      <c r="C21612" s="1" t="s">
        <v>5</v>
      </c>
      <c r="D21612" s="1" t="s">
        <v>18303</v>
      </c>
      <c r="E21612" s="1" t="s">
        <v>7</v>
      </c>
    </row>
    <row r="21613">
      <c r="A21613" s="1">
        <v>4.90836569E8</v>
      </c>
      <c r="B21613" s="2">
        <v>17443.0</v>
      </c>
      <c r="C21613" s="1" t="s">
        <v>5</v>
      </c>
      <c r="D21613" s="1" t="s">
        <v>18304</v>
      </c>
      <c r="E21613" s="1" t="s">
        <v>11</v>
      </c>
    </row>
    <row r="21614">
      <c r="A21614" s="1">
        <v>4.90836586E8</v>
      </c>
      <c r="B21614" s="2">
        <v>17435.0</v>
      </c>
      <c r="C21614" s="1" t="s">
        <v>5</v>
      </c>
      <c r="D21614" s="1" t="s">
        <v>18305</v>
      </c>
      <c r="E21614" s="1" t="s">
        <v>7</v>
      </c>
    </row>
    <row r="21615">
      <c r="A21615" s="1">
        <v>4.90836591E8</v>
      </c>
      <c r="B21615" s="2">
        <v>17497.0</v>
      </c>
      <c r="C21615" s="1" t="s">
        <v>5</v>
      </c>
      <c r="D21615" s="1" t="s">
        <v>18306</v>
      </c>
      <c r="E21615" s="1" t="s">
        <v>7</v>
      </c>
    </row>
    <row r="21616">
      <c r="A21616" s="1">
        <v>4.9083665E8</v>
      </c>
      <c r="B21616" s="2">
        <v>17496.0</v>
      </c>
      <c r="C21616" s="1" t="s">
        <v>5</v>
      </c>
      <c r="D21616" s="1" t="s">
        <v>18307</v>
      </c>
      <c r="E21616" s="1" t="s">
        <v>7</v>
      </c>
    </row>
    <row r="21617">
      <c r="A21617" s="1">
        <v>4.90836705E8</v>
      </c>
      <c r="B21617" s="2">
        <v>17486.0</v>
      </c>
      <c r="C21617" s="1" t="s">
        <v>5</v>
      </c>
      <c r="D21617" s="1" t="s">
        <v>18308</v>
      </c>
      <c r="E21617" s="1" t="s">
        <v>7</v>
      </c>
    </row>
    <row r="21618">
      <c r="A21618" s="1">
        <v>4.90836716E8</v>
      </c>
      <c r="B21618" s="2">
        <v>17424.0</v>
      </c>
      <c r="C21618" s="1" t="s">
        <v>5</v>
      </c>
      <c r="D21618" s="1" t="s">
        <v>18309</v>
      </c>
      <c r="E21618" s="1" t="s">
        <v>7</v>
      </c>
    </row>
    <row r="21619">
      <c r="A21619" s="1">
        <v>4.9083673E8</v>
      </c>
      <c r="B21619" s="2">
        <v>17441.0</v>
      </c>
      <c r="C21619" s="1" t="s">
        <v>5</v>
      </c>
      <c r="D21619" s="1" t="s">
        <v>18310</v>
      </c>
      <c r="E21619" s="1" t="s">
        <v>7</v>
      </c>
    </row>
    <row r="21620">
      <c r="A21620" s="1">
        <v>4.90836754E8</v>
      </c>
      <c r="B21620" s="2">
        <v>17424.0</v>
      </c>
      <c r="C21620" s="1" t="s">
        <v>5</v>
      </c>
      <c r="D21620" s="1" t="s">
        <v>18311</v>
      </c>
      <c r="E21620" s="1" t="s">
        <v>11</v>
      </c>
    </row>
    <row r="21621">
      <c r="A21621" s="1">
        <v>4.90836756E8</v>
      </c>
      <c r="B21621" s="2">
        <v>17500.0</v>
      </c>
      <c r="C21621" s="1" t="s">
        <v>5</v>
      </c>
      <c r="D21621" s="1" t="s">
        <v>18312</v>
      </c>
      <c r="E21621" s="1" t="s">
        <v>7</v>
      </c>
    </row>
    <row r="21622">
      <c r="A21622" s="1">
        <v>4.90836763E8</v>
      </c>
      <c r="B21622" s="2">
        <v>17486.0</v>
      </c>
      <c r="C21622" s="1" t="s">
        <v>5</v>
      </c>
      <c r="D21622" s="1" t="s">
        <v>18313</v>
      </c>
      <c r="E21622" s="1" t="s">
        <v>7</v>
      </c>
    </row>
    <row r="21623">
      <c r="A21623" s="1">
        <v>4.90836826E8</v>
      </c>
      <c r="B21623" s="2">
        <v>17412.0</v>
      </c>
      <c r="C21623" s="1" t="s">
        <v>5</v>
      </c>
      <c r="D21623" s="1" t="s">
        <v>11</v>
      </c>
      <c r="E21623" s="1" t="s">
        <v>7</v>
      </c>
    </row>
    <row r="21624">
      <c r="A21624" s="1">
        <v>4.90836853E8</v>
      </c>
      <c r="B21624" s="2">
        <v>17441.0</v>
      </c>
      <c r="C21624" s="1" t="s">
        <v>5</v>
      </c>
      <c r="D21624" s="1" t="s">
        <v>18314</v>
      </c>
      <c r="E21624" s="1" t="s">
        <v>7</v>
      </c>
    </row>
    <row r="21625">
      <c r="A21625" s="1">
        <v>4.90836886E8</v>
      </c>
      <c r="B21625" s="2">
        <v>17470.0</v>
      </c>
      <c r="C21625" s="1" t="s">
        <v>5</v>
      </c>
      <c r="D21625" s="1" t="s">
        <v>18315</v>
      </c>
      <c r="E21625" s="1" t="s">
        <v>11</v>
      </c>
    </row>
    <row r="21626">
      <c r="A21626" s="1">
        <v>4.90836926E8</v>
      </c>
      <c r="B21626" s="2">
        <v>17434.0</v>
      </c>
      <c r="C21626" s="1" t="s">
        <v>5</v>
      </c>
      <c r="D21626" s="1" t="s">
        <v>18316</v>
      </c>
      <c r="E21626" s="1" t="s">
        <v>7</v>
      </c>
    </row>
    <row r="21627">
      <c r="A21627" s="1">
        <v>4.9083698E8</v>
      </c>
      <c r="B21627" s="2">
        <v>17501.0</v>
      </c>
      <c r="C21627" s="1" t="s">
        <v>5</v>
      </c>
      <c r="D21627" s="1" t="s">
        <v>18317</v>
      </c>
      <c r="E21627" s="1" t="s">
        <v>7</v>
      </c>
    </row>
    <row r="21628">
      <c r="A21628" s="1">
        <v>4.90837026E8</v>
      </c>
      <c r="B21628" s="2">
        <v>17484.0</v>
      </c>
      <c r="C21628" s="1" t="s">
        <v>5</v>
      </c>
      <c r="D21628" s="1" t="s">
        <v>18318</v>
      </c>
      <c r="E21628" s="1" t="s">
        <v>7</v>
      </c>
    </row>
    <row r="21629">
      <c r="A21629" s="1">
        <v>4.90837031E8</v>
      </c>
      <c r="B21629" s="2">
        <v>17424.0</v>
      </c>
      <c r="C21629" s="1" t="s">
        <v>5</v>
      </c>
      <c r="D21629" s="1" t="s">
        <v>18319</v>
      </c>
      <c r="E21629" s="1" t="s">
        <v>7</v>
      </c>
    </row>
    <row r="21630">
      <c r="A21630" s="1">
        <v>4.90837032E8</v>
      </c>
      <c r="B21630" s="2">
        <v>17489.0</v>
      </c>
      <c r="C21630" s="1" t="s">
        <v>5</v>
      </c>
      <c r="D21630" s="1" t="s">
        <v>18320</v>
      </c>
      <c r="E21630" s="1" t="s">
        <v>7</v>
      </c>
    </row>
    <row r="21631">
      <c r="A21631" s="1">
        <v>4.90837048E8</v>
      </c>
      <c r="B21631" s="2">
        <v>17469.0</v>
      </c>
      <c r="C21631" s="1" t="s">
        <v>5</v>
      </c>
      <c r="D21631" s="1" t="s">
        <v>18321</v>
      </c>
      <c r="E21631" s="1" t="s">
        <v>7</v>
      </c>
    </row>
    <row r="21632">
      <c r="A21632" s="1">
        <v>4.90837092E8</v>
      </c>
      <c r="B21632" s="2">
        <v>17494.0</v>
      </c>
      <c r="C21632" s="1" t="s">
        <v>5</v>
      </c>
      <c r="D21632" s="1" t="s">
        <v>18322</v>
      </c>
      <c r="E21632" s="1" t="s">
        <v>11</v>
      </c>
    </row>
    <row r="21633">
      <c r="A21633" s="1">
        <v>4.9083712E8</v>
      </c>
      <c r="B21633" s="2">
        <v>17468.0</v>
      </c>
      <c r="C21633" s="1" t="s">
        <v>5</v>
      </c>
      <c r="D21633" s="1" t="s">
        <v>18323</v>
      </c>
      <c r="E21633" s="1" t="s">
        <v>18324</v>
      </c>
    </row>
    <row r="21634">
      <c r="A21634" s="1">
        <v>4.90837146E8</v>
      </c>
      <c r="B21634" s="2">
        <v>17491.0</v>
      </c>
      <c r="C21634" s="1" t="s">
        <v>5</v>
      </c>
      <c r="D21634" s="1" t="s">
        <v>18325</v>
      </c>
      <c r="E21634" s="1" t="s">
        <v>18326</v>
      </c>
    </row>
    <row r="21635">
      <c r="A21635" s="1">
        <v>4.90837151E8</v>
      </c>
      <c r="B21635" s="2">
        <v>17461.0</v>
      </c>
      <c r="C21635" s="1" t="s">
        <v>5</v>
      </c>
      <c r="D21635" s="1" t="s">
        <v>18327</v>
      </c>
      <c r="E21635" s="1" t="s">
        <v>7</v>
      </c>
    </row>
    <row r="21636">
      <c r="A21636" s="1">
        <v>4.90837185E8</v>
      </c>
      <c r="B21636" s="2">
        <v>17423.0</v>
      </c>
      <c r="C21636" s="1" t="s">
        <v>5</v>
      </c>
      <c r="D21636" s="1" t="s">
        <v>18328</v>
      </c>
      <c r="E21636" s="1" t="s">
        <v>7</v>
      </c>
    </row>
    <row r="21637">
      <c r="A21637" s="1">
        <v>4.90837186E8</v>
      </c>
      <c r="B21637" s="2">
        <v>17500.0</v>
      </c>
      <c r="C21637" s="1" t="s">
        <v>5</v>
      </c>
      <c r="D21637" s="1" t="s">
        <v>11</v>
      </c>
      <c r="E21637" s="1" t="s">
        <v>7</v>
      </c>
    </row>
    <row r="21638">
      <c r="A21638" s="1">
        <v>4.90837197E8</v>
      </c>
      <c r="B21638" s="2">
        <v>17468.0</v>
      </c>
      <c r="C21638" s="1" t="s">
        <v>5</v>
      </c>
      <c r="D21638" s="1" t="s">
        <v>18329</v>
      </c>
      <c r="E21638" s="1" t="s">
        <v>11</v>
      </c>
    </row>
    <row r="21639">
      <c r="A21639" s="1">
        <v>4.90837215E8</v>
      </c>
      <c r="B21639" s="2">
        <v>17415.0</v>
      </c>
      <c r="C21639" s="1" t="s">
        <v>5</v>
      </c>
      <c r="D21639" s="1" t="s">
        <v>18330</v>
      </c>
      <c r="E21639" s="1" t="s">
        <v>7</v>
      </c>
    </row>
    <row r="21640">
      <c r="A21640" s="1">
        <v>4.90837234E8</v>
      </c>
      <c r="B21640" s="2">
        <v>17497.0</v>
      </c>
      <c r="C21640" s="1" t="s">
        <v>5</v>
      </c>
      <c r="D21640" s="1" t="s">
        <v>11</v>
      </c>
      <c r="E21640" s="1" t="s">
        <v>7</v>
      </c>
    </row>
    <row r="21641">
      <c r="A21641" s="1">
        <v>4.90837271E8</v>
      </c>
      <c r="B21641" s="2">
        <v>17430.0</v>
      </c>
      <c r="C21641" s="1" t="s">
        <v>5</v>
      </c>
      <c r="D21641" s="1" t="s">
        <v>18331</v>
      </c>
      <c r="E21641" s="1" t="s">
        <v>18332</v>
      </c>
    </row>
    <row r="21642">
      <c r="A21642" s="1">
        <v>4.90837284E8</v>
      </c>
      <c r="B21642" s="2">
        <v>17419.0</v>
      </c>
      <c r="C21642" s="1" t="s">
        <v>5</v>
      </c>
      <c r="D21642" s="1" t="s">
        <v>18333</v>
      </c>
      <c r="E21642" s="1" t="s">
        <v>11</v>
      </c>
    </row>
    <row r="21643">
      <c r="A21643" s="1">
        <v>4.90837329E8</v>
      </c>
      <c r="B21643" s="2">
        <v>17498.0</v>
      </c>
      <c r="C21643" s="1" t="s">
        <v>5</v>
      </c>
      <c r="D21643" s="1" t="s">
        <v>18334</v>
      </c>
      <c r="E21643" s="1" t="s">
        <v>7</v>
      </c>
    </row>
    <row r="21644">
      <c r="A21644" s="1">
        <v>4.90837349E8</v>
      </c>
      <c r="B21644" s="2">
        <v>17414.0</v>
      </c>
      <c r="C21644" s="1" t="s">
        <v>5</v>
      </c>
      <c r="D21644" s="1" t="s">
        <v>11</v>
      </c>
      <c r="E21644" s="1" t="s">
        <v>7</v>
      </c>
    </row>
    <row r="21645">
      <c r="A21645" s="1">
        <v>4.9083736E8</v>
      </c>
      <c r="B21645" s="2">
        <v>17434.0</v>
      </c>
      <c r="C21645" s="1" t="s">
        <v>5</v>
      </c>
      <c r="D21645" s="1" t="s">
        <v>11</v>
      </c>
      <c r="E21645" s="1" t="s">
        <v>7</v>
      </c>
    </row>
    <row r="21646">
      <c r="A21646" s="1">
        <v>4.90837364E8</v>
      </c>
      <c r="B21646" s="2">
        <v>17412.0</v>
      </c>
      <c r="C21646" s="1" t="s">
        <v>5</v>
      </c>
      <c r="D21646" s="1" t="s">
        <v>18335</v>
      </c>
      <c r="E21646" s="1" t="s">
        <v>7</v>
      </c>
    </row>
    <row r="21647">
      <c r="A21647" s="1">
        <v>4.90837369E8</v>
      </c>
      <c r="B21647" s="2">
        <v>17478.0</v>
      </c>
      <c r="C21647" s="1" t="s">
        <v>5</v>
      </c>
      <c r="D21647" s="1" t="s">
        <v>18336</v>
      </c>
      <c r="E21647" s="1" t="s">
        <v>18337</v>
      </c>
    </row>
    <row r="21648">
      <c r="A21648" s="1">
        <v>4.9083739E8</v>
      </c>
      <c r="B21648" s="2">
        <v>17459.0</v>
      </c>
      <c r="C21648" s="1" t="s">
        <v>5</v>
      </c>
      <c r="D21648" s="1" t="s">
        <v>11</v>
      </c>
      <c r="E21648" s="1" t="s">
        <v>7</v>
      </c>
    </row>
    <row r="21649">
      <c r="A21649" s="1">
        <v>4.908374E8</v>
      </c>
      <c r="B21649" s="2">
        <v>17499.0</v>
      </c>
      <c r="C21649" s="1" t="s">
        <v>5</v>
      </c>
      <c r="D21649" s="1" t="s">
        <v>11</v>
      </c>
      <c r="E21649" s="1" t="s">
        <v>7</v>
      </c>
    </row>
    <row r="21650">
      <c r="A21650" s="1">
        <v>4.90837401E8</v>
      </c>
      <c r="B21650" s="2">
        <v>17433.0</v>
      </c>
      <c r="C21650" s="1" t="s">
        <v>5</v>
      </c>
      <c r="D21650" s="1" t="s">
        <v>18338</v>
      </c>
      <c r="E21650" s="1" t="s">
        <v>18339</v>
      </c>
    </row>
    <row r="21651">
      <c r="A21651" s="1">
        <v>4.90837411E8</v>
      </c>
      <c r="B21651" s="2">
        <v>17486.0</v>
      </c>
      <c r="C21651" s="1" t="s">
        <v>5</v>
      </c>
      <c r="D21651" s="1" t="s">
        <v>18340</v>
      </c>
      <c r="E21651" s="1" t="s">
        <v>7</v>
      </c>
    </row>
    <row r="21652">
      <c r="A21652" s="1">
        <v>4.90837434E8</v>
      </c>
      <c r="B21652" s="2">
        <v>17468.0</v>
      </c>
      <c r="C21652" s="1" t="s">
        <v>5</v>
      </c>
      <c r="D21652" s="1" t="s">
        <v>18341</v>
      </c>
      <c r="E21652" s="1" t="s">
        <v>11</v>
      </c>
    </row>
    <row r="21653">
      <c r="A21653" s="1">
        <v>4.90837481E8</v>
      </c>
      <c r="B21653" s="2">
        <v>17485.0</v>
      </c>
      <c r="C21653" s="1" t="s">
        <v>5</v>
      </c>
      <c r="D21653" s="1" t="s">
        <v>11</v>
      </c>
      <c r="E21653" s="1" t="s">
        <v>7</v>
      </c>
    </row>
    <row r="21654">
      <c r="A21654" s="1">
        <v>4.90837527E8</v>
      </c>
      <c r="B21654" s="2">
        <v>17485.0</v>
      </c>
      <c r="C21654" s="1" t="s">
        <v>5</v>
      </c>
      <c r="D21654" s="1" t="s">
        <v>18342</v>
      </c>
      <c r="E21654" s="1" t="s">
        <v>18343</v>
      </c>
    </row>
    <row r="21655">
      <c r="A21655" s="1">
        <v>4.9083753E8</v>
      </c>
      <c r="B21655" s="2">
        <v>17490.0</v>
      </c>
      <c r="C21655" s="1" t="s">
        <v>5</v>
      </c>
      <c r="D21655" s="1" t="s">
        <v>18344</v>
      </c>
      <c r="E21655" s="1" t="s">
        <v>11</v>
      </c>
    </row>
    <row r="21656">
      <c r="A21656" s="1">
        <v>4.9083756E8</v>
      </c>
      <c r="B21656" s="2">
        <v>17458.0</v>
      </c>
      <c r="C21656" s="1" t="s">
        <v>5</v>
      </c>
      <c r="D21656" s="1" t="s">
        <v>18345</v>
      </c>
      <c r="E21656" s="1" t="s">
        <v>7</v>
      </c>
    </row>
    <row r="21657">
      <c r="A21657" s="1">
        <v>4.90837596E8</v>
      </c>
      <c r="B21657" s="2">
        <v>17478.0</v>
      </c>
      <c r="C21657" s="1" t="s">
        <v>5</v>
      </c>
      <c r="D21657" s="1" t="s">
        <v>11</v>
      </c>
      <c r="E21657" s="1" t="s">
        <v>7</v>
      </c>
    </row>
    <row r="21658">
      <c r="A21658" s="1">
        <v>4.90837636E8</v>
      </c>
      <c r="B21658" s="2">
        <v>17428.0</v>
      </c>
      <c r="C21658" s="1" t="s">
        <v>5</v>
      </c>
      <c r="D21658" s="1" t="s">
        <v>11</v>
      </c>
      <c r="E21658" s="1" t="s">
        <v>7</v>
      </c>
    </row>
    <row r="21659">
      <c r="A21659" s="1">
        <v>4.90837647E8</v>
      </c>
      <c r="B21659" s="2">
        <v>17477.0</v>
      </c>
      <c r="C21659" s="1" t="s">
        <v>5</v>
      </c>
      <c r="D21659" s="1" t="s">
        <v>18346</v>
      </c>
      <c r="E21659" s="1" t="s">
        <v>11</v>
      </c>
    </row>
    <row r="21660">
      <c r="A21660" s="1">
        <v>4.90837648E8</v>
      </c>
      <c r="B21660" s="2">
        <v>17413.0</v>
      </c>
      <c r="C21660" s="1" t="s">
        <v>5</v>
      </c>
      <c r="D21660" s="1" t="s">
        <v>18347</v>
      </c>
      <c r="E21660" s="1" t="s">
        <v>11</v>
      </c>
    </row>
    <row r="21661">
      <c r="A21661" s="1">
        <v>4.90837743E8</v>
      </c>
      <c r="B21661" s="2">
        <v>17477.0</v>
      </c>
      <c r="C21661" s="1" t="s">
        <v>5</v>
      </c>
      <c r="D21661" s="1" t="s">
        <v>18348</v>
      </c>
      <c r="E21661" s="1" t="s">
        <v>11</v>
      </c>
    </row>
    <row r="21662">
      <c r="A21662" s="1">
        <v>4.90837785E8</v>
      </c>
      <c r="B21662" s="2">
        <v>17413.0</v>
      </c>
      <c r="C21662" s="1" t="s">
        <v>5</v>
      </c>
      <c r="D21662" s="1" t="s">
        <v>18110</v>
      </c>
      <c r="E21662" s="1" t="s">
        <v>7</v>
      </c>
    </row>
    <row r="21663">
      <c r="A21663" s="1">
        <v>4.90837815E8</v>
      </c>
      <c r="B21663" s="2">
        <v>17479.0</v>
      </c>
      <c r="C21663" s="1" t="s">
        <v>5</v>
      </c>
      <c r="D21663" s="1" t="s">
        <v>18349</v>
      </c>
      <c r="E21663" s="1" t="s">
        <v>7</v>
      </c>
    </row>
    <row r="21664">
      <c r="A21664" s="1">
        <v>4.9083784E8</v>
      </c>
      <c r="B21664" s="2">
        <v>17497.0</v>
      </c>
      <c r="C21664" s="1" t="s">
        <v>5</v>
      </c>
      <c r="D21664" s="1" t="s">
        <v>18350</v>
      </c>
      <c r="E21664" s="1" t="s">
        <v>7</v>
      </c>
    </row>
    <row r="21665">
      <c r="A21665" s="1">
        <v>4.90837876E8</v>
      </c>
      <c r="B21665" s="2">
        <v>17482.0</v>
      </c>
      <c r="C21665" s="1" t="s">
        <v>5</v>
      </c>
      <c r="D21665" s="1" t="s">
        <v>11</v>
      </c>
      <c r="E21665" s="1" t="s">
        <v>7</v>
      </c>
    </row>
    <row r="21666">
      <c r="A21666" s="1">
        <v>4.90837886E8</v>
      </c>
      <c r="B21666" s="2">
        <v>17459.0</v>
      </c>
      <c r="C21666" s="1" t="s">
        <v>5</v>
      </c>
      <c r="D21666" s="1" t="s">
        <v>18351</v>
      </c>
      <c r="E21666" s="1" t="s">
        <v>18352</v>
      </c>
    </row>
    <row r="21667">
      <c r="A21667" s="1">
        <v>4.9083791E8</v>
      </c>
      <c r="B21667" s="2">
        <v>17497.0</v>
      </c>
      <c r="C21667" s="1" t="s">
        <v>5</v>
      </c>
      <c r="D21667" s="1" t="s">
        <v>11</v>
      </c>
      <c r="E21667" s="1" t="s">
        <v>7</v>
      </c>
    </row>
    <row r="21668">
      <c r="A21668" s="1">
        <v>4.90837935E8</v>
      </c>
      <c r="B21668" s="2">
        <v>17482.0</v>
      </c>
      <c r="C21668" s="1" t="s">
        <v>5</v>
      </c>
      <c r="D21668" s="1" t="s">
        <v>18353</v>
      </c>
      <c r="E21668" s="1" t="s">
        <v>11</v>
      </c>
    </row>
    <row r="21669">
      <c r="A21669" s="1">
        <v>4.90837947E8</v>
      </c>
      <c r="B21669" s="2">
        <v>17494.0</v>
      </c>
      <c r="C21669" s="1" t="s">
        <v>5</v>
      </c>
      <c r="D21669" s="1" t="s">
        <v>18354</v>
      </c>
      <c r="E21669" s="1" t="s">
        <v>7</v>
      </c>
    </row>
    <row r="21670">
      <c r="A21670" s="1">
        <v>4.90837951E8</v>
      </c>
      <c r="B21670" s="2">
        <v>17413.0</v>
      </c>
      <c r="C21670" s="1" t="s">
        <v>5</v>
      </c>
      <c r="D21670" s="1" t="s">
        <v>18355</v>
      </c>
      <c r="E21670" s="1" t="s">
        <v>7</v>
      </c>
    </row>
    <row r="21671">
      <c r="A21671" s="1">
        <v>4.90837989E8</v>
      </c>
      <c r="B21671" s="2">
        <v>17427.0</v>
      </c>
      <c r="C21671" s="1" t="s">
        <v>5</v>
      </c>
      <c r="D21671" s="1" t="s">
        <v>11</v>
      </c>
      <c r="E21671" s="1" t="s">
        <v>7</v>
      </c>
    </row>
    <row r="21672">
      <c r="A21672" s="1">
        <v>4.90838031E8</v>
      </c>
      <c r="B21672" s="2">
        <v>17427.0</v>
      </c>
      <c r="C21672" s="1" t="s">
        <v>5</v>
      </c>
      <c r="D21672" s="1" t="s">
        <v>18356</v>
      </c>
      <c r="E21672" s="1" t="s">
        <v>11</v>
      </c>
    </row>
    <row r="21673">
      <c r="A21673" s="1">
        <v>4.90838034E8</v>
      </c>
      <c r="B21673" s="2">
        <v>17468.0</v>
      </c>
      <c r="C21673" s="1" t="s">
        <v>5</v>
      </c>
      <c r="D21673" s="1" t="s">
        <v>18357</v>
      </c>
      <c r="E21673" s="1" t="s">
        <v>11</v>
      </c>
    </row>
    <row r="21674">
      <c r="A21674" s="1">
        <v>4.90838041E8</v>
      </c>
      <c r="B21674" s="2">
        <v>17485.0</v>
      </c>
      <c r="C21674" s="1" t="s">
        <v>5</v>
      </c>
      <c r="D21674" s="1" t="s">
        <v>18358</v>
      </c>
      <c r="E21674" s="1" t="s">
        <v>7</v>
      </c>
    </row>
    <row r="21675">
      <c r="A21675" s="1">
        <v>4.90838074E8</v>
      </c>
      <c r="B21675" s="2">
        <v>17491.0</v>
      </c>
      <c r="C21675" s="1" t="s">
        <v>5</v>
      </c>
      <c r="D21675" s="1" t="s">
        <v>18359</v>
      </c>
      <c r="E21675" s="1" t="s">
        <v>7</v>
      </c>
    </row>
    <row r="21676">
      <c r="A21676" s="1">
        <v>4.90838088E8</v>
      </c>
      <c r="B21676" s="2">
        <v>17445.0</v>
      </c>
      <c r="C21676" s="1" t="s">
        <v>5</v>
      </c>
      <c r="D21676" s="1" t="s">
        <v>18360</v>
      </c>
      <c r="E21676" s="1" t="s">
        <v>18361</v>
      </c>
    </row>
    <row r="21677">
      <c r="A21677" s="1">
        <v>4.90838101E8</v>
      </c>
      <c r="B21677" s="2">
        <v>17477.0</v>
      </c>
      <c r="C21677" s="1" t="s">
        <v>5</v>
      </c>
      <c r="D21677" s="1" t="s">
        <v>11</v>
      </c>
      <c r="E21677" s="1" t="s">
        <v>7</v>
      </c>
    </row>
    <row r="21678">
      <c r="A21678" s="1">
        <v>4.90838114E8</v>
      </c>
      <c r="B21678" s="2">
        <v>17480.0</v>
      </c>
      <c r="C21678" s="1" t="s">
        <v>5</v>
      </c>
      <c r="D21678" s="1" t="s">
        <v>11</v>
      </c>
      <c r="E21678" s="1" t="s">
        <v>7</v>
      </c>
    </row>
    <row r="21679">
      <c r="A21679" s="1">
        <v>4.90838161E8</v>
      </c>
      <c r="B21679" s="2">
        <v>17428.0</v>
      </c>
      <c r="C21679" s="1" t="s">
        <v>5</v>
      </c>
      <c r="D21679" s="1" t="s">
        <v>18362</v>
      </c>
      <c r="E21679" s="1" t="s">
        <v>7</v>
      </c>
    </row>
    <row r="21680">
      <c r="A21680" s="1">
        <v>4.90838186E8</v>
      </c>
      <c r="B21680" s="2">
        <v>17470.0</v>
      </c>
      <c r="C21680" s="1" t="s">
        <v>5</v>
      </c>
      <c r="D21680" s="1" t="s">
        <v>18363</v>
      </c>
      <c r="E21680" s="1" t="s">
        <v>11</v>
      </c>
    </row>
    <row r="21681">
      <c r="A21681" s="1">
        <v>4.90838226E8</v>
      </c>
      <c r="B21681" s="2">
        <v>17426.0</v>
      </c>
      <c r="C21681" s="1" t="s">
        <v>5</v>
      </c>
      <c r="D21681" s="1" t="s">
        <v>18364</v>
      </c>
      <c r="E21681" s="1" t="s">
        <v>7</v>
      </c>
    </row>
    <row r="21682">
      <c r="A21682" s="1">
        <v>4.90838229E8</v>
      </c>
      <c r="B21682" s="2">
        <v>17412.0</v>
      </c>
      <c r="C21682" s="1" t="s">
        <v>5</v>
      </c>
      <c r="D21682" s="1" t="s">
        <v>18365</v>
      </c>
      <c r="E21682" s="1" t="s">
        <v>7</v>
      </c>
    </row>
    <row r="21683">
      <c r="A21683" s="1">
        <v>4.90838244E8</v>
      </c>
      <c r="B21683" s="2">
        <v>17487.0</v>
      </c>
      <c r="C21683" s="1" t="s">
        <v>5</v>
      </c>
      <c r="D21683" s="1" t="s">
        <v>18366</v>
      </c>
      <c r="E21683" s="1" t="s">
        <v>11</v>
      </c>
    </row>
    <row r="21684">
      <c r="A21684" s="1">
        <v>4.90838266E8</v>
      </c>
      <c r="B21684" s="2">
        <v>17476.0</v>
      </c>
      <c r="C21684" s="1" t="s">
        <v>5</v>
      </c>
      <c r="D21684" s="1" t="s">
        <v>18367</v>
      </c>
      <c r="E21684" s="1" t="s">
        <v>7</v>
      </c>
    </row>
    <row r="21685">
      <c r="A21685" s="1">
        <v>4.90838271E8</v>
      </c>
      <c r="B21685" s="2">
        <v>17492.0</v>
      </c>
      <c r="C21685" s="1" t="s">
        <v>5</v>
      </c>
      <c r="D21685" s="1" t="s">
        <v>18368</v>
      </c>
      <c r="E21685" s="1" t="s">
        <v>7</v>
      </c>
    </row>
    <row r="21686">
      <c r="A21686" s="1">
        <v>4.90838289E8</v>
      </c>
      <c r="B21686" s="2">
        <v>17458.0</v>
      </c>
      <c r="C21686" s="1" t="s">
        <v>5</v>
      </c>
      <c r="D21686" s="1" t="s">
        <v>11</v>
      </c>
      <c r="E21686" s="1" t="s">
        <v>7</v>
      </c>
    </row>
    <row r="21687">
      <c r="A21687" s="1">
        <v>4.9083829E8</v>
      </c>
      <c r="B21687" s="2">
        <v>17459.0</v>
      </c>
      <c r="C21687" s="1" t="s">
        <v>5</v>
      </c>
      <c r="D21687" s="1" t="s">
        <v>18369</v>
      </c>
      <c r="E21687" s="1" t="s">
        <v>7</v>
      </c>
    </row>
    <row r="21688">
      <c r="A21688" s="1">
        <v>4.90838329E8</v>
      </c>
      <c r="B21688" s="2">
        <v>17492.0</v>
      </c>
      <c r="C21688" s="1" t="s">
        <v>5</v>
      </c>
      <c r="D21688" s="1" t="s">
        <v>18370</v>
      </c>
      <c r="E21688" s="1" t="s">
        <v>7</v>
      </c>
    </row>
    <row r="21689">
      <c r="A21689" s="1">
        <v>4.90838354E8</v>
      </c>
      <c r="B21689" s="2">
        <v>17536.0</v>
      </c>
      <c r="C21689" s="1" t="s">
        <v>5</v>
      </c>
      <c r="D21689" s="1" t="s">
        <v>11</v>
      </c>
      <c r="E21689" s="1" t="s">
        <v>7</v>
      </c>
    </row>
    <row r="21690">
      <c r="A21690" s="1">
        <v>4.90838404E8</v>
      </c>
      <c r="B21690" s="2">
        <v>17475.0</v>
      </c>
      <c r="C21690" s="1" t="s">
        <v>5</v>
      </c>
      <c r="D21690" s="1" t="s">
        <v>18371</v>
      </c>
      <c r="E21690" s="1" t="s">
        <v>7</v>
      </c>
    </row>
    <row r="21691">
      <c r="A21691" s="1">
        <v>4.90838422E8</v>
      </c>
      <c r="B21691" s="2">
        <v>17424.0</v>
      </c>
      <c r="C21691" s="1" t="s">
        <v>5</v>
      </c>
      <c r="D21691" s="1" t="s">
        <v>18372</v>
      </c>
      <c r="E21691" s="1" t="s">
        <v>7</v>
      </c>
    </row>
    <row r="21692">
      <c r="A21692" s="1">
        <v>4.90838432E8</v>
      </c>
      <c r="B21692" s="2">
        <v>17445.0</v>
      </c>
      <c r="C21692" s="1" t="s">
        <v>5</v>
      </c>
      <c r="D21692" s="1" t="s">
        <v>18373</v>
      </c>
      <c r="E21692" s="1" t="s">
        <v>7</v>
      </c>
    </row>
    <row r="21693">
      <c r="A21693" s="1">
        <v>4.90838436E8</v>
      </c>
      <c r="B21693" s="2">
        <v>17518.0</v>
      </c>
      <c r="C21693" s="1" t="s">
        <v>5</v>
      </c>
      <c r="D21693" s="1" t="s">
        <v>18374</v>
      </c>
      <c r="E21693" s="1" t="s">
        <v>7</v>
      </c>
    </row>
    <row r="21694">
      <c r="A21694" s="1">
        <v>4.90838466E8</v>
      </c>
      <c r="B21694" s="2">
        <v>17456.0</v>
      </c>
      <c r="C21694" s="1" t="s">
        <v>5</v>
      </c>
      <c r="D21694" s="1" t="s">
        <v>18375</v>
      </c>
      <c r="E21694" s="1" t="s">
        <v>7</v>
      </c>
    </row>
    <row r="21695">
      <c r="A21695" s="1">
        <v>4.9083847E8</v>
      </c>
      <c r="B21695" s="2">
        <v>17426.0</v>
      </c>
      <c r="C21695" s="1" t="s">
        <v>5</v>
      </c>
      <c r="D21695" s="1" t="s">
        <v>18376</v>
      </c>
      <c r="E21695" s="1" t="s">
        <v>7</v>
      </c>
    </row>
    <row r="21696">
      <c r="A21696" s="1">
        <v>4.90838471E8</v>
      </c>
      <c r="B21696" s="2">
        <v>17475.0</v>
      </c>
      <c r="C21696" s="1" t="s">
        <v>5</v>
      </c>
      <c r="D21696" s="1" t="s">
        <v>18377</v>
      </c>
      <c r="E21696" s="1" t="s">
        <v>18378</v>
      </c>
    </row>
    <row r="21697">
      <c r="A21697" s="1">
        <v>4.90838662E8</v>
      </c>
      <c r="B21697" s="2">
        <v>17493.0</v>
      </c>
      <c r="C21697" s="1" t="s">
        <v>5</v>
      </c>
      <c r="D21697" s="1" t="s">
        <v>18379</v>
      </c>
      <c r="E21697" s="1" t="s">
        <v>11</v>
      </c>
    </row>
    <row r="21698">
      <c r="A21698" s="1">
        <v>4.90838752E8</v>
      </c>
      <c r="B21698" s="2">
        <v>17589.0</v>
      </c>
      <c r="C21698" s="1" t="s">
        <v>5</v>
      </c>
      <c r="D21698" s="1" t="s">
        <v>18380</v>
      </c>
      <c r="E21698" s="1" t="s">
        <v>7</v>
      </c>
    </row>
    <row r="21699">
      <c r="A21699" s="1">
        <v>4.90838769E8</v>
      </c>
      <c r="B21699" s="2">
        <v>17506.0</v>
      </c>
      <c r="C21699" s="1" t="s">
        <v>5</v>
      </c>
      <c r="D21699" s="1" t="s">
        <v>18381</v>
      </c>
      <c r="E21699" s="1" t="s">
        <v>7</v>
      </c>
    </row>
    <row r="21700">
      <c r="A21700" s="1">
        <v>4.90838786E8</v>
      </c>
      <c r="B21700" s="2">
        <v>17515.0</v>
      </c>
      <c r="C21700" s="1" t="s">
        <v>5</v>
      </c>
      <c r="D21700" s="1" t="s">
        <v>11</v>
      </c>
      <c r="E21700" s="1" t="s">
        <v>7</v>
      </c>
    </row>
    <row r="21701">
      <c r="A21701" s="1">
        <v>4.90838789E8</v>
      </c>
      <c r="B21701" s="2">
        <v>17589.0</v>
      </c>
      <c r="C21701" s="1" t="s">
        <v>5</v>
      </c>
      <c r="D21701" s="1" t="s">
        <v>18382</v>
      </c>
      <c r="E21701" s="1" t="s">
        <v>11</v>
      </c>
    </row>
    <row r="21702">
      <c r="A21702" s="1">
        <v>4.90838812E8</v>
      </c>
      <c r="B21702" s="2">
        <v>17470.0</v>
      </c>
      <c r="C21702" s="1" t="s">
        <v>5</v>
      </c>
      <c r="D21702" s="1" t="s">
        <v>18383</v>
      </c>
      <c r="E21702" s="1" t="s">
        <v>11</v>
      </c>
    </row>
    <row r="21703">
      <c r="A21703" s="1">
        <v>4.90838826E8</v>
      </c>
      <c r="B21703" s="2">
        <v>17472.0</v>
      </c>
      <c r="C21703" s="1" t="s">
        <v>5</v>
      </c>
      <c r="D21703" s="1" t="s">
        <v>11</v>
      </c>
      <c r="E21703" s="1" t="s">
        <v>7</v>
      </c>
    </row>
    <row r="21704">
      <c r="A21704" s="1">
        <v>4.90838836E8</v>
      </c>
      <c r="B21704" s="2">
        <v>17461.0</v>
      </c>
      <c r="C21704" s="1" t="s">
        <v>5</v>
      </c>
      <c r="D21704" s="1" t="s">
        <v>18384</v>
      </c>
      <c r="E21704" s="1" t="s">
        <v>7</v>
      </c>
    </row>
    <row r="21705">
      <c r="A21705" s="1">
        <v>4.90838872E8</v>
      </c>
      <c r="B21705" s="2">
        <v>17585.0</v>
      </c>
      <c r="C21705" s="1" t="s">
        <v>5</v>
      </c>
      <c r="D21705" s="1" t="s">
        <v>18385</v>
      </c>
      <c r="E21705" s="1" t="s">
        <v>7</v>
      </c>
    </row>
    <row r="21706">
      <c r="A21706" s="1">
        <v>4.90838876E8</v>
      </c>
      <c r="B21706" s="2">
        <v>17590.0</v>
      </c>
      <c r="C21706" s="1" t="s">
        <v>5</v>
      </c>
      <c r="D21706" s="1" t="s">
        <v>18386</v>
      </c>
      <c r="E21706" s="1" t="s">
        <v>7</v>
      </c>
    </row>
    <row r="21707">
      <c r="A21707" s="1">
        <v>4.90838884E8</v>
      </c>
      <c r="B21707" s="2">
        <v>17492.0</v>
      </c>
      <c r="C21707" s="1" t="s">
        <v>5</v>
      </c>
      <c r="D21707" s="1" t="s">
        <v>11</v>
      </c>
      <c r="E21707" s="1" t="s">
        <v>7</v>
      </c>
    </row>
    <row r="21708">
      <c r="A21708" s="1">
        <v>4.90838956E8</v>
      </c>
      <c r="B21708" s="2">
        <v>17420.0</v>
      </c>
      <c r="C21708" s="1" t="s">
        <v>5</v>
      </c>
      <c r="D21708" s="1" t="s">
        <v>18387</v>
      </c>
      <c r="E21708" s="1" t="s">
        <v>7</v>
      </c>
    </row>
    <row r="21709">
      <c r="A21709" s="1">
        <v>4.90838973E8</v>
      </c>
      <c r="B21709" s="2">
        <v>17480.0</v>
      </c>
      <c r="C21709" s="1" t="s">
        <v>5</v>
      </c>
      <c r="D21709" s="1" t="s">
        <v>18388</v>
      </c>
      <c r="E21709" s="1" t="s">
        <v>7</v>
      </c>
    </row>
    <row r="21710">
      <c r="A21710" s="1">
        <v>4.9083907E8</v>
      </c>
      <c r="B21710" s="2">
        <v>17582.0</v>
      </c>
      <c r="C21710" s="1" t="s">
        <v>5</v>
      </c>
      <c r="D21710" s="1" t="s">
        <v>18389</v>
      </c>
      <c r="E21710" s="1" t="s">
        <v>11</v>
      </c>
    </row>
    <row r="21711">
      <c r="A21711" s="1">
        <v>4.90839114E8</v>
      </c>
      <c r="B21711" s="2">
        <v>17583.0</v>
      </c>
      <c r="C21711" s="1" t="s">
        <v>5</v>
      </c>
      <c r="D21711" s="1" t="s">
        <v>18390</v>
      </c>
      <c r="E21711" s="1" t="s">
        <v>7</v>
      </c>
    </row>
    <row r="21712">
      <c r="A21712" s="1">
        <v>4.90839129E8</v>
      </c>
      <c r="B21712" s="2">
        <v>17456.0</v>
      </c>
      <c r="C21712" s="1" t="s">
        <v>5</v>
      </c>
      <c r="D21712" s="1" t="s">
        <v>18391</v>
      </c>
      <c r="E21712" s="1" t="s">
        <v>11</v>
      </c>
    </row>
    <row r="21713">
      <c r="A21713" s="1">
        <v>4.90839143E8</v>
      </c>
      <c r="B21713" s="2">
        <v>17482.0</v>
      </c>
      <c r="C21713" s="1" t="s">
        <v>5</v>
      </c>
      <c r="D21713" s="1" t="s">
        <v>18392</v>
      </c>
      <c r="E21713" s="1" t="s">
        <v>18393</v>
      </c>
    </row>
    <row r="21714">
      <c r="A21714" s="1">
        <v>4.90839172E8</v>
      </c>
      <c r="B21714" s="2">
        <v>17475.0</v>
      </c>
      <c r="C21714" s="1" t="s">
        <v>5</v>
      </c>
      <c r="D21714" s="1" t="s">
        <v>11</v>
      </c>
      <c r="E21714" s="1" t="s">
        <v>7</v>
      </c>
    </row>
    <row r="21715">
      <c r="A21715" s="1">
        <v>4.90839192E8</v>
      </c>
      <c r="B21715" s="2">
        <v>17531.0</v>
      </c>
      <c r="C21715" s="1" t="s">
        <v>5</v>
      </c>
      <c r="D21715" s="1" t="s">
        <v>18394</v>
      </c>
      <c r="E21715" s="1" t="s">
        <v>11</v>
      </c>
    </row>
    <row r="21716">
      <c r="A21716" s="1">
        <v>4.90839194E8</v>
      </c>
      <c r="B21716" s="2">
        <v>17482.0</v>
      </c>
      <c r="C21716" s="1" t="s">
        <v>5</v>
      </c>
      <c r="D21716" s="1" t="s">
        <v>18395</v>
      </c>
      <c r="E21716" s="1" t="s">
        <v>11</v>
      </c>
    </row>
    <row r="21717">
      <c r="A21717" s="1">
        <v>4.90839234E8</v>
      </c>
      <c r="B21717" s="2">
        <v>17484.0</v>
      </c>
      <c r="C21717" s="1" t="s">
        <v>5</v>
      </c>
      <c r="D21717" s="1" t="s">
        <v>18396</v>
      </c>
      <c r="E21717" s="1" t="s">
        <v>11</v>
      </c>
    </row>
    <row r="21718">
      <c r="A21718" s="1">
        <v>4.90839246E8</v>
      </c>
      <c r="B21718" s="2">
        <v>17473.0</v>
      </c>
      <c r="C21718" s="1" t="s">
        <v>5</v>
      </c>
      <c r="D21718" s="1" t="s">
        <v>18397</v>
      </c>
      <c r="E21718" s="1" t="s">
        <v>11</v>
      </c>
    </row>
    <row r="21719">
      <c r="A21719" s="1">
        <v>4.90839267E8</v>
      </c>
      <c r="B21719" s="2">
        <v>17515.0</v>
      </c>
      <c r="C21719" s="1" t="s">
        <v>5</v>
      </c>
      <c r="D21719" s="1" t="s">
        <v>18398</v>
      </c>
      <c r="E21719" s="1" t="s">
        <v>7</v>
      </c>
    </row>
    <row r="21720">
      <c r="A21720" s="1">
        <v>4.90839276E8</v>
      </c>
      <c r="B21720" s="2">
        <v>17584.0</v>
      </c>
      <c r="C21720" s="1" t="s">
        <v>5</v>
      </c>
      <c r="D21720" s="1" t="s">
        <v>11</v>
      </c>
      <c r="E21720" s="1" t="s">
        <v>7</v>
      </c>
    </row>
    <row r="21721">
      <c r="A21721" s="1">
        <v>4.9083928E8</v>
      </c>
      <c r="B21721" s="2">
        <v>17515.0</v>
      </c>
      <c r="C21721" s="1" t="s">
        <v>5</v>
      </c>
      <c r="D21721" s="1" t="s">
        <v>11</v>
      </c>
      <c r="E21721" s="1" t="s">
        <v>7</v>
      </c>
    </row>
    <row r="21722">
      <c r="A21722" s="1">
        <v>4.90839292E8</v>
      </c>
      <c r="B21722" s="2">
        <v>17480.0</v>
      </c>
      <c r="C21722" s="1" t="s">
        <v>5</v>
      </c>
      <c r="D21722" s="1" t="s">
        <v>11</v>
      </c>
      <c r="E21722" s="1" t="s">
        <v>7</v>
      </c>
    </row>
    <row r="21723">
      <c r="A21723" s="1">
        <v>4.9083931E8</v>
      </c>
      <c r="B21723" s="2">
        <v>17580.0</v>
      </c>
      <c r="C21723" s="1" t="s">
        <v>5</v>
      </c>
      <c r="D21723" s="1" t="s">
        <v>11</v>
      </c>
      <c r="E21723" s="1" t="s">
        <v>7</v>
      </c>
    </row>
    <row r="21724">
      <c r="A21724" s="1">
        <v>4.9083933E8</v>
      </c>
      <c r="B21724" s="2">
        <v>17479.0</v>
      </c>
      <c r="C21724" s="1" t="s">
        <v>5</v>
      </c>
      <c r="D21724" s="1" t="s">
        <v>18399</v>
      </c>
      <c r="E21724" s="1" t="s">
        <v>7</v>
      </c>
    </row>
    <row r="21725">
      <c r="A21725" s="1">
        <v>4.90839354E8</v>
      </c>
      <c r="B21725" s="2">
        <v>17458.0</v>
      </c>
      <c r="C21725" s="1" t="s">
        <v>5</v>
      </c>
      <c r="D21725" s="1" t="s">
        <v>18400</v>
      </c>
      <c r="E21725" s="1" t="s">
        <v>7</v>
      </c>
    </row>
    <row r="21726">
      <c r="A21726" s="1">
        <v>4.90839389E8</v>
      </c>
      <c r="B21726" s="2">
        <v>17483.0</v>
      </c>
      <c r="C21726" s="1" t="s">
        <v>5</v>
      </c>
      <c r="D21726" s="1" t="s">
        <v>11</v>
      </c>
      <c r="E21726" s="1" t="s">
        <v>7</v>
      </c>
    </row>
    <row r="21727">
      <c r="A21727" s="1">
        <v>4.90839394E8</v>
      </c>
      <c r="B21727" s="2">
        <v>17422.0</v>
      </c>
      <c r="C21727" s="1" t="s">
        <v>5</v>
      </c>
      <c r="D21727" s="1" t="s">
        <v>18401</v>
      </c>
      <c r="E21727" s="1" t="s">
        <v>7</v>
      </c>
    </row>
    <row r="21728">
      <c r="A21728" s="1">
        <v>4.90839396E8</v>
      </c>
      <c r="B21728" s="2">
        <v>17475.0</v>
      </c>
      <c r="C21728" s="1" t="s">
        <v>5</v>
      </c>
      <c r="D21728" s="1" t="s">
        <v>18402</v>
      </c>
      <c r="E21728" s="1" t="s">
        <v>7</v>
      </c>
    </row>
    <row r="21729">
      <c r="A21729" s="1">
        <v>4.90839452E8</v>
      </c>
      <c r="B21729" s="2">
        <v>17415.0</v>
      </c>
      <c r="C21729" s="1" t="s">
        <v>5</v>
      </c>
      <c r="D21729" s="1" t="s">
        <v>18403</v>
      </c>
      <c r="E21729" s="1" t="s">
        <v>7</v>
      </c>
    </row>
    <row r="21730">
      <c r="A21730" s="1">
        <v>4.90839476E8</v>
      </c>
      <c r="B21730" s="2">
        <v>17580.0</v>
      </c>
      <c r="C21730" s="1" t="s">
        <v>5</v>
      </c>
      <c r="D21730" s="1" t="s">
        <v>18404</v>
      </c>
      <c r="E21730" s="1" t="s">
        <v>18405</v>
      </c>
    </row>
    <row r="21731">
      <c r="A21731" s="1">
        <v>4.9083954E8</v>
      </c>
      <c r="B21731" s="2">
        <v>17457.0</v>
      </c>
      <c r="C21731" s="1" t="s">
        <v>5</v>
      </c>
      <c r="D21731" s="1" t="s">
        <v>18406</v>
      </c>
      <c r="E21731" s="1" t="s">
        <v>7</v>
      </c>
    </row>
    <row r="21732">
      <c r="A21732" s="1">
        <v>4.90839599E8</v>
      </c>
      <c r="B21732" s="2">
        <v>17412.0</v>
      </c>
      <c r="C21732" s="1" t="s">
        <v>5</v>
      </c>
      <c r="D21732" s="1" t="s">
        <v>11</v>
      </c>
      <c r="E21732" s="1" t="s">
        <v>7</v>
      </c>
    </row>
    <row r="21733">
      <c r="A21733" s="1">
        <v>4.908396E8</v>
      </c>
      <c r="B21733" s="2">
        <v>17472.0</v>
      </c>
      <c r="C21733" s="1" t="s">
        <v>5</v>
      </c>
      <c r="D21733" s="1" t="s">
        <v>11</v>
      </c>
      <c r="E21733" s="1" t="s">
        <v>7</v>
      </c>
    </row>
    <row r="21734">
      <c r="A21734" s="1">
        <v>4.90839606E8</v>
      </c>
      <c r="B21734" s="2">
        <v>17585.0</v>
      </c>
      <c r="C21734" s="1" t="s">
        <v>5</v>
      </c>
      <c r="D21734" s="1" t="s">
        <v>18407</v>
      </c>
      <c r="E21734" s="1" t="s">
        <v>7</v>
      </c>
    </row>
    <row r="21735">
      <c r="A21735" s="1">
        <v>4.90839626E8</v>
      </c>
      <c r="B21735" s="2">
        <v>17575.0</v>
      </c>
      <c r="C21735" s="1" t="s">
        <v>5</v>
      </c>
      <c r="D21735" s="1" t="s">
        <v>18408</v>
      </c>
      <c r="E21735" s="1" t="s">
        <v>11</v>
      </c>
    </row>
    <row r="21736">
      <c r="A21736" s="1">
        <v>4.90839631E8</v>
      </c>
      <c r="B21736" s="2">
        <v>17479.0</v>
      </c>
      <c r="C21736" s="1" t="s">
        <v>5</v>
      </c>
      <c r="D21736" s="1" t="s">
        <v>18409</v>
      </c>
      <c r="E21736" s="1" t="s">
        <v>11</v>
      </c>
    </row>
    <row r="21737">
      <c r="A21737" s="1">
        <v>4.90839663E8</v>
      </c>
      <c r="B21737" s="2">
        <v>17484.0</v>
      </c>
      <c r="C21737" s="1" t="s">
        <v>5</v>
      </c>
      <c r="D21737" s="1" t="s">
        <v>11</v>
      </c>
      <c r="E21737" s="1" t="s">
        <v>7</v>
      </c>
    </row>
    <row r="21738">
      <c r="A21738" s="1">
        <v>4.90839695E8</v>
      </c>
      <c r="B21738" s="2">
        <v>17577.0</v>
      </c>
      <c r="C21738" s="1" t="s">
        <v>5</v>
      </c>
      <c r="D21738" s="1" t="s">
        <v>18410</v>
      </c>
      <c r="E21738" s="1" t="s">
        <v>11</v>
      </c>
    </row>
    <row r="21739">
      <c r="A21739" s="1">
        <v>4.9083972E8</v>
      </c>
      <c r="B21739" s="2">
        <v>17578.0</v>
      </c>
      <c r="C21739" s="1" t="s">
        <v>5</v>
      </c>
      <c r="D21739" s="1" t="s">
        <v>18411</v>
      </c>
      <c r="E21739" s="1" t="s">
        <v>11</v>
      </c>
    </row>
    <row r="21740">
      <c r="A21740" s="1">
        <v>4.90839749E8</v>
      </c>
      <c r="B21740" s="2">
        <v>17532.0</v>
      </c>
      <c r="C21740" s="1" t="s">
        <v>5</v>
      </c>
      <c r="D21740" s="1" t="s">
        <v>18412</v>
      </c>
      <c r="E21740" s="1" t="s">
        <v>7</v>
      </c>
    </row>
    <row r="21741">
      <c r="A21741" s="1">
        <v>4.90839804E8</v>
      </c>
      <c r="B21741" s="2">
        <v>17528.0</v>
      </c>
      <c r="C21741" s="1" t="s">
        <v>5</v>
      </c>
      <c r="D21741" s="1" t="s">
        <v>11</v>
      </c>
      <c r="E21741" s="1" t="s">
        <v>7</v>
      </c>
    </row>
    <row r="21742">
      <c r="A21742" s="1">
        <v>4.90839909E8</v>
      </c>
      <c r="B21742" s="2">
        <v>17515.0</v>
      </c>
      <c r="C21742" s="1" t="s">
        <v>5</v>
      </c>
      <c r="D21742" s="1" t="s">
        <v>18413</v>
      </c>
      <c r="E21742" s="1" t="s">
        <v>18414</v>
      </c>
    </row>
    <row r="21743">
      <c r="A21743" s="1">
        <v>4.90839912E8</v>
      </c>
      <c r="B21743" s="2">
        <v>17575.0</v>
      </c>
      <c r="C21743" s="1" t="s">
        <v>5</v>
      </c>
      <c r="D21743" s="1" t="s">
        <v>18415</v>
      </c>
      <c r="E21743" s="1" t="s">
        <v>7</v>
      </c>
    </row>
    <row r="21744">
      <c r="A21744" s="1">
        <v>4.90839926E8</v>
      </c>
      <c r="B21744" s="2">
        <v>17485.0</v>
      </c>
      <c r="C21744" s="1" t="s">
        <v>5</v>
      </c>
      <c r="D21744" s="1" t="s">
        <v>18416</v>
      </c>
      <c r="E21744" s="1" t="s">
        <v>11</v>
      </c>
    </row>
    <row r="21745">
      <c r="A21745" s="1">
        <v>4.9083994E8</v>
      </c>
      <c r="B21745" s="2">
        <v>17575.0</v>
      </c>
      <c r="C21745" s="1" t="s">
        <v>5</v>
      </c>
      <c r="D21745" s="1" t="s">
        <v>18417</v>
      </c>
      <c r="E21745" s="1" t="s">
        <v>7</v>
      </c>
    </row>
    <row r="21746">
      <c r="A21746" s="1">
        <v>4.9083996E8</v>
      </c>
      <c r="B21746" s="2">
        <v>17574.0</v>
      </c>
      <c r="C21746" s="1" t="s">
        <v>5</v>
      </c>
      <c r="D21746" s="1" t="s">
        <v>11</v>
      </c>
      <c r="E21746" s="1" t="s">
        <v>7</v>
      </c>
    </row>
    <row r="21747">
      <c r="A21747" s="1">
        <v>4.90839964E8</v>
      </c>
      <c r="B21747" s="2">
        <v>17482.0</v>
      </c>
      <c r="C21747" s="1" t="s">
        <v>5</v>
      </c>
      <c r="D21747" s="1" t="s">
        <v>11</v>
      </c>
      <c r="E21747" s="1" t="s">
        <v>7</v>
      </c>
    </row>
    <row r="21748">
      <c r="A21748" s="1">
        <v>4.90839983E8</v>
      </c>
      <c r="B21748" s="2">
        <v>17485.0</v>
      </c>
      <c r="C21748" s="1" t="s">
        <v>5</v>
      </c>
      <c r="D21748" s="1" t="s">
        <v>18418</v>
      </c>
      <c r="E21748" s="1" t="s">
        <v>11</v>
      </c>
    </row>
    <row r="21749">
      <c r="A21749" s="1">
        <v>4.90839989E8</v>
      </c>
      <c r="B21749" s="2">
        <v>17529.0</v>
      </c>
      <c r="C21749" s="1" t="s">
        <v>5</v>
      </c>
      <c r="D21749" s="1" t="s">
        <v>11</v>
      </c>
      <c r="E21749" s="1" t="s">
        <v>7</v>
      </c>
    </row>
    <row r="21750">
      <c r="A21750" s="1">
        <v>4.90839992E8</v>
      </c>
      <c r="B21750" s="2">
        <v>17482.0</v>
      </c>
      <c r="C21750" s="1" t="s">
        <v>5</v>
      </c>
      <c r="D21750" s="1" t="s">
        <v>18419</v>
      </c>
      <c r="E21750" s="1" t="s">
        <v>18420</v>
      </c>
    </row>
    <row r="21751">
      <c r="A21751" s="1">
        <v>4.90840031E8</v>
      </c>
      <c r="B21751" s="2">
        <v>17575.0</v>
      </c>
      <c r="C21751" s="1" t="s">
        <v>5</v>
      </c>
      <c r="D21751" s="1" t="s">
        <v>18421</v>
      </c>
      <c r="E21751" s="1" t="s">
        <v>7</v>
      </c>
    </row>
    <row r="21752">
      <c r="A21752" s="1">
        <v>4.90840095E8</v>
      </c>
      <c r="B21752" s="2">
        <v>17526.0</v>
      </c>
      <c r="C21752" s="1" t="s">
        <v>5</v>
      </c>
      <c r="D21752" s="1" t="s">
        <v>18422</v>
      </c>
      <c r="E21752" s="1" t="s">
        <v>18423</v>
      </c>
    </row>
    <row r="21753">
      <c r="A21753" s="1">
        <v>4.90840107E8</v>
      </c>
      <c r="B21753" s="2">
        <v>17445.0</v>
      </c>
      <c r="C21753" s="1" t="s">
        <v>5</v>
      </c>
      <c r="D21753" s="1" t="s">
        <v>18424</v>
      </c>
      <c r="E21753" s="1" t="s">
        <v>7</v>
      </c>
    </row>
    <row r="21754">
      <c r="A21754" s="1">
        <v>4.9084012E8</v>
      </c>
      <c r="B21754" s="2">
        <v>17574.0</v>
      </c>
      <c r="C21754" s="1" t="s">
        <v>5</v>
      </c>
      <c r="D21754" s="1" t="s">
        <v>18425</v>
      </c>
      <c r="E21754" s="1" t="s">
        <v>11</v>
      </c>
    </row>
    <row r="21755">
      <c r="A21755" s="1">
        <v>4.90840126E8</v>
      </c>
      <c r="B21755" s="2">
        <v>17515.0</v>
      </c>
      <c r="C21755" s="1" t="s">
        <v>5</v>
      </c>
      <c r="D21755" s="1" t="s">
        <v>18426</v>
      </c>
      <c r="E21755" s="1" t="s">
        <v>7</v>
      </c>
    </row>
    <row r="21756">
      <c r="A21756" s="1">
        <v>4.90840159E8</v>
      </c>
      <c r="B21756" s="2">
        <v>17573.0</v>
      </c>
      <c r="C21756" s="1" t="s">
        <v>5</v>
      </c>
      <c r="D21756" s="1" t="s">
        <v>18427</v>
      </c>
      <c r="E21756" s="1" t="s">
        <v>7</v>
      </c>
    </row>
    <row r="21757">
      <c r="A21757" s="1">
        <v>4.9084017E8</v>
      </c>
      <c r="B21757" s="2">
        <v>17531.0</v>
      </c>
      <c r="C21757" s="1" t="s">
        <v>5</v>
      </c>
      <c r="D21757" s="1" t="s">
        <v>11</v>
      </c>
      <c r="E21757" s="1" t="s">
        <v>7</v>
      </c>
    </row>
    <row r="21758">
      <c r="A21758" s="1">
        <v>4.90840173E8</v>
      </c>
      <c r="B21758" s="2">
        <v>17506.0</v>
      </c>
      <c r="C21758" s="1" t="s">
        <v>5</v>
      </c>
      <c r="D21758" s="1" t="s">
        <v>11</v>
      </c>
      <c r="E21758" s="1" t="s">
        <v>7</v>
      </c>
    </row>
    <row r="21759">
      <c r="A21759" s="1">
        <v>4.90840196E8</v>
      </c>
      <c r="B21759" s="2">
        <v>17531.0</v>
      </c>
      <c r="C21759" s="1" t="s">
        <v>5</v>
      </c>
      <c r="D21759" s="1" t="s">
        <v>18428</v>
      </c>
      <c r="E21759" s="1" t="s">
        <v>7</v>
      </c>
    </row>
    <row r="21760">
      <c r="A21760" s="1">
        <v>4.90840226E8</v>
      </c>
      <c r="B21760" s="2">
        <v>17479.0</v>
      </c>
      <c r="C21760" s="1" t="s">
        <v>5</v>
      </c>
      <c r="D21760" s="1" t="s">
        <v>11</v>
      </c>
      <c r="E21760" s="1" t="s">
        <v>7</v>
      </c>
    </row>
    <row r="21761">
      <c r="A21761" s="1">
        <v>4.9084023E8</v>
      </c>
      <c r="B21761" s="2">
        <v>17477.0</v>
      </c>
      <c r="C21761" s="1" t="s">
        <v>5</v>
      </c>
      <c r="D21761" s="1" t="s">
        <v>11</v>
      </c>
      <c r="E21761" s="1" t="s">
        <v>7</v>
      </c>
    </row>
    <row r="21762">
      <c r="A21762" s="1">
        <v>4.9084024E8</v>
      </c>
      <c r="B21762" s="2">
        <v>17578.0</v>
      </c>
      <c r="C21762" s="1" t="s">
        <v>5</v>
      </c>
      <c r="D21762" s="1" t="s">
        <v>18429</v>
      </c>
      <c r="E21762" s="1" t="s">
        <v>7</v>
      </c>
    </row>
    <row r="21763">
      <c r="A21763" s="1">
        <v>4.90840244E8</v>
      </c>
      <c r="B21763" s="2">
        <v>17445.0</v>
      </c>
      <c r="C21763" s="1" t="s">
        <v>5</v>
      </c>
      <c r="D21763" s="1" t="s">
        <v>11</v>
      </c>
      <c r="E21763" s="1" t="s">
        <v>7</v>
      </c>
    </row>
    <row r="21764">
      <c r="A21764" s="1">
        <v>4.9084025E8</v>
      </c>
      <c r="B21764" s="2">
        <v>17480.0</v>
      </c>
      <c r="C21764" s="1" t="s">
        <v>5</v>
      </c>
      <c r="D21764" s="1" t="s">
        <v>11</v>
      </c>
      <c r="E21764" s="1" t="s">
        <v>7</v>
      </c>
    </row>
    <row r="21765">
      <c r="A21765" s="1">
        <v>4.90840335E8</v>
      </c>
      <c r="B21765" s="2">
        <v>17573.0</v>
      </c>
      <c r="C21765" s="1" t="s">
        <v>5</v>
      </c>
      <c r="D21765" s="1" t="s">
        <v>11</v>
      </c>
      <c r="E21765" s="1" t="s">
        <v>7</v>
      </c>
    </row>
    <row r="21766">
      <c r="A21766" s="1">
        <v>4.9084036E8</v>
      </c>
      <c r="B21766" s="2">
        <v>17573.0</v>
      </c>
      <c r="C21766" s="1" t="s">
        <v>5</v>
      </c>
      <c r="D21766" s="1" t="s">
        <v>18430</v>
      </c>
      <c r="E21766" s="1" t="s">
        <v>7</v>
      </c>
    </row>
    <row r="21767">
      <c r="A21767" s="1">
        <v>4.90840376E8</v>
      </c>
      <c r="B21767" s="2">
        <v>17573.0</v>
      </c>
      <c r="C21767" s="1" t="s">
        <v>5</v>
      </c>
      <c r="D21767" s="1" t="s">
        <v>18431</v>
      </c>
      <c r="E21767" s="1" t="s">
        <v>7</v>
      </c>
    </row>
    <row r="21768">
      <c r="A21768" s="1">
        <v>4.90840387E8</v>
      </c>
      <c r="B21768" s="2">
        <v>17503.0</v>
      </c>
      <c r="C21768" s="1" t="s">
        <v>5</v>
      </c>
      <c r="D21768" s="1" t="s">
        <v>18432</v>
      </c>
      <c r="E21768" s="1" t="s">
        <v>7</v>
      </c>
    </row>
    <row r="21769">
      <c r="A21769" s="1">
        <v>4.90840426E8</v>
      </c>
      <c r="B21769" s="2">
        <v>17590.0</v>
      </c>
      <c r="C21769" s="1" t="s">
        <v>5</v>
      </c>
      <c r="D21769" s="1" t="s">
        <v>18433</v>
      </c>
      <c r="E21769" s="1" t="s">
        <v>7</v>
      </c>
    </row>
    <row r="21770">
      <c r="A21770" s="1">
        <v>4.90840446E8</v>
      </c>
      <c r="B21770" s="2">
        <v>17478.0</v>
      </c>
      <c r="C21770" s="1" t="s">
        <v>5</v>
      </c>
      <c r="D21770" s="1" t="s">
        <v>18434</v>
      </c>
      <c r="E21770" s="1" t="s">
        <v>11</v>
      </c>
    </row>
    <row r="21771">
      <c r="A21771" s="1">
        <v>4.90840449E8</v>
      </c>
      <c r="B21771" s="2">
        <v>17569.0</v>
      </c>
      <c r="C21771" s="1" t="s">
        <v>5</v>
      </c>
      <c r="D21771" s="1" t="s">
        <v>18435</v>
      </c>
      <c r="E21771" s="1" t="s">
        <v>7</v>
      </c>
    </row>
    <row r="21772">
      <c r="A21772" s="1">
        <v>4.9084057E8</v>
      </c>
      <c r="B21772" s="2">
        <v>17568.0</v>
      </c>
      <c r="C21772" s="1" t="s">
        <v>5</v>
      </c>
      <c r="D21772" s="1" t="s">
        <v>18436</v>
      </c>
      <c r="E21772" s="1" t="s">
        <v>7</v>
      </c>
    </row>
    <row r="21773">
      <c r="A21773" s="1">
        <v>4.90840604E8</v>
      </c>
      <c r="B21773" s="2">
        <v>17532.0</v>
      </c>
      <c r="C21773" s="1" t="s">
        <v>5</v>
      </c>
      <c r="D21773" s="1" t="s">
        <v>18437</v>
      </c>
      <c r="E21773" s="1" t="s">
        <v>7</v>
      </c>
    </row>
    <row r="21774">
      <c r="A21774" s="1">
        <v>4.90840667E8</v>
      </c>
      <c r="B21774" s="2">
        <v>17526.0</v>
      </c>
      <c r="C21774" s="1" t="s">
        <v>5</v>
      </c>
      <c r="D21774" s="1" t="s">
        <v>18438</v>
      </c>
      <c r="E21774" s="1" t="s">
        <v>7</v>
      </c>
    </row>
    <row r="21775">
      <c r="A21775" s="1">
        <v>4.90840749E8</v>
      </c>
      <c r="B21775" s="2">
        <v>17570.0</v>
      </c>
      <c r="C21775" s="1" t="s">
        <v>5</v>
      </c>
      <c r="D21775" s="1" t="s">
        <v>18439</v>
      </c>
      <c r="E21775" s="1" t="s">
        <v>18440</v>
      </c>
    </row>
    <row r="21776">
      <c r="A21776" s="1">
        <v>4.90840754E8</v>
      </c>
      <c r="B21776" s="2">
        <v>17524.0</v>
      </c>
      <c r="C21776" s="1" t="s">
        <v>5</v>
      </c>
      <c r="D21776" s="1" t="s">
        <v>11</v>
      </c>
      <c r="E21776" s="1" t="s">
        <v>7</v>
      </c>
    </row>
    <row r="21777">
      <c r="A21777" s="1">
        <v>4.90840759E8</v>
      </c>
      <c r="B21777" s="2">
        <v>17519.0</v>
      </c>
      <c r="C21777" s="1" t="s">
        <v>5</v>
      </c>
      <c r="D21777" s="1" t="s">
        <v>18441</v>
      </c>
      <c r="E21777" s="1" t="s">
        <v>7</v>
      </c>
    </row>
    <row r="21778">
      <c r="A21778" s="1">
        <v>4.9084076E8</v>
      </c>
      <c r="B21778" s="2">
        <v>17531.0</v>
      </c>
      <c r="C21778" s="1" t="s">
        <v>5</v>
      </c>
      <c r="D21778" s="1" t="s">
        <v>18442</v>
      </c>
      <c r="E21778" s="1" t="s">
        <v>11</v>
      </c>
    </row>
    <row r="21779">
      <c r="A21779" s="1">
        <v>4.90840825E8</v>
      </c>
      <c r="B21779" s="2">
        <v>17531.0</v>
      </c>
      <c r="C21779" s="1" t="s">
        <v>5</v>
      </c>
      <c r="D21779" s="1" t="s">
        <v>11</v>
      </c>
      <c r="E21779" s="1" t="s">
        <v>7</v>
      </c>
    </row>
    <row r="21780">
      <c r="A21780" s="1">
        <v>4.90840844E8</v>
      </c>
      <c r="B21780" s="2">
        <v>17571.0</v>
      </c>
      <c r="C21780" s="1" t="s">
        <v>5</v>
      </c>
      <c r="D21780" s="1" t="s">
        <v>18443</v>
      </c>
      <c r="E21780" s="1" t="s">
        <v>11</v>
      </c>
    </row>
    <row r="21781">
      <c r="A21781" s="1">
        <v>4.90840898E8</v>
      </c>
      <c r="B21781" s="2">
        <v>17459.0</v>
      </c>
      <c r="C21781" s="1" t="s">
        <v>5</v>
      </c>
      <c r="D21781" s="1" t="s">
        <v>18444</v>
      </c>
      <c r="E21781" s="1" t="s">
        <v>11</v>
      </c>
    </row>
    <row r="21782">
      <c r="A21782" s="1">
        <v>4.90840905E8</v>
      </c>
      <c r="B21782" s="2">
        <v>17573.0</v>
      </c>
      <c r="C21782" s="1" t="s">
        <v>5</v>
      </c>
      <c r="D21782" s="1" t="s">
        <v>18445</v>
      </c>
      <c r="E21782" s="1" t="s">
        <v>7</v>
      </c>
    </row>
    <row r="21783">
      <c r="A21783" s="1">
        <v>4.9084091E8</v>
      </c>
      <c r="B21783" s="2">
        <v>17568.0</v>
      </c>
      <c r="C21783" s="1" t="s">
        <v>5</v>
      </c>
      <c r="D21783" s="1" t="s">
        <v>11</v>
      </c>
      <c r="E21783" s="1" t="s">
        <v>7</v>
      </c>
    </row>
    <row r="21784">
      <c r="A21784" s="1">
        <v>4.90841E8</v>
      </c>
      <c r="B21784" s="2">
        <v>17475.0</v>
      </c>
      <c r="C21784" s="1" t="s">
        <v>5</v>
      </c>
      <c r="D21784" s="1" t="s">
        <v>18446</v>
      </c>
      <c r="E21784" s="1" t="s">
        <v>7</v>
      </c>
    </row>
    <row r="21785">
      <c r="A21785" s="1">
        <v>4.90841095E8</v>
      </c>
      <c r="B21785" s="2">
        <v>17521.0</v>
      </c>
      <c r="C21785" s="1" t="s">
        <v>5</v>
      </c>
      <c r="D21785" s="1" t="s">
        <v>18447</v>
      </c>
      <c r="E21785" s="1" t="s">
        <v>7</v>
      </c>
    </row>
    <row r="21786">
      <c r="A21786" s="1">
        <v>4.90841119E8</v>
      </c>
      <c r="B21786" s="2">
        <v>17529.0</v>
      </c>
      <c r="C21786" s="1" t="s">
        <v>5</v>
      </c>
      <c r="D21786" s="1" t="s">
        <v>18448</v>
      </c>
      <c r="E21786" s="1" t="s">
        <v>7</v>
      </c>
    </row>
    <row r="21787">
      <c r="A21787" s="1">
        <v>4.90841151E8</v>
      </c>
      <c r="B21787" s="2">
        <v>17566.0</v>
      </c>
      <c r="C21787" s="1" t="s">
        <v>5</v>
      </c>
      <c r="D21787" s="1" t="s">
        <v>18449</v>
      </c>
      <c r="E21787" s="1" t="s">
        <v>11</v>
      </c>
    </row>
    <row r="21788">
      <c r="A21788" s="1">
        <v>4.90841152E8</v>
      </c>
      <c r="B21788" s="2">
        <v>17513.0</v>
      </c>
      <c r="C21788" s="1" t="s">
        <v>5</v>
      </c>
      <c r="D21788" s="1" t="s">
        <v>18450</v>
      </c>
      <c r="E21788" s="1" t="s">
        <v>7</v>
      </c>
    </row>
    <row r="21789">
      <c r="A21789" s="1">
        <v>4.90841175E8</v>
      </c>
      <c r="B21789" s="2">
        <v>17473.0</v>
      </c>
      <c r="C21789" s="1" t="s">
        <v>5</v>
      </c>
      <c r="D21789" s="1" t="s">
        <v>18451</v>
      </c>
      <c r="E21789" s="1" t="s">
        <v>7</v>
      </c>
    </row>
    <row r="21790">
      <c r="A21790" s="1">
        <v>4.908412E8</v>
      </c>
      <c r="B21790" s="2">
        <v>17524.0</v>
      </c>
      <c r="C21790" s="1" t="s">
        <v>5</v>
      </c>
      <c r="D21790" s="1" t="s">
        <v>18452</v>
      </c>
      <c r="E21790" s="1" t="s">
        <v>7</v>
      </c>
    </row>
    <row r="21791">
      <c r="A21791" s="1">
        <v>4.90841236E8</v>
      </c>
      <c r="B21791" s="2">
        <v>17526.0</v>
      </c>
      <c r="C21791" s="1" t="s">
        <v>5</v>
      </c>
      <c r="D21791" s="1" t="s">
        <v>18453</v>
      </c>
      <c r="E21791" s="1" t="s">
        <v>7</v>
      </c>
    </row>
    <row r="21792">
      <c r="A21792" s="1">
        <v>4.90841248E8</v>
      </c>
      <c r="B21792" s="2">
        <v>17512.0</v>
      </c>
      <c r="C21792" s="1" t="s">
        <v>5</v>
      </c>
      <c r="D21792" s="1" t="s">
        <v>11</v>
      </c>
      <c r="E21792" s="1" t="s">
        <v>7</v>
      </c>
    </row>
    <row r="21793">
      <c r="A21793" s="1">
        <v>4.9084125E8</v>
      </c>
      <c r="B21793" s="2">
        <v>17520.0</v>
      </c>
      <c r="C21793" s="1" t="s">
        <v>5</v>
      </c>
      <c r="D21793" s="1" t="s">
        <v>18454</v>
      </c>
      <c r="E21793" s="1" t="s">
        <v>7</v>
      </c>
    </row>
    <row r="21794">
      <c r="A21794" s="1">
        <v>4.90841289E8</v>
      </c>
      <c r="B21794" s="2">
        <v>17568.0</v>
      </c>
      <c r="C21794" s="1" t="s">
        <v>5</v>
      </c>
      <c r="D21794" s="1" t="s">
        <v>18455</v>
      </c>
      <c r="E21794" s="1" t="s">
        <v>11</v>
      </c>
    </row>
    <row r="21795">
      <c r="A21795" s="1">
        <v>4.90841319E8</v>
      </c>
      <c r="B21795" s="2">
        <v>17564.0</v>
      </c>
      <c r="C21795" s="1" t="s">
        <v>5</v>
      </c>
      <c r="D21795" s="1" t="s">
        <v>18456</v>
      </c>
      <c r="E21795" s="1" t="s">
        <v>7</v>
      </c>
    </row>
    <row r="21796">
      <c r="A21796" s="1">
        <v>4.90841321E8</v>
      </c>
      <c r="B21796" s="2">
        <v>17564.0</v>
      </c>
      <c r="C21796" s="1" t="s">
        <v>5</v>
      </c>
      <c r="D21796" s="1" t="s">
        <v>18457</v>
      </c>
      <c r="E21796" s="1" t="s">
        <v>7</v>
      </c>
    </row>
    <row r="21797">
      <c r="A21797" s="1">
        <v>4.90841328E8</v>
      </c>
      <c r="B21797" s="2">
        <v>17512.0</v>
      </c>
      <c r="C21797" s="1" t="s">
        <v>5</v>
      </c>
      <c r="D21797" s="1" t="s">
        <v>18458</v>
      </c>
      <c r="E21797" s="1" t="s">
        <v>11</v>
      </c>
    </row>
    <row r="21798">
      <c r="A21798" s="1">
        <v>4.90841362E8</v>
      </c>
      <c r="B21798" s="2">
        <v>17506.0</v>
      </c>
      <c r="C21798" s="1" t="s">
        <v>5</v>
      </c>
      <c r="D21798" s="1" t="s">
        <v>11</v>
      </c>
      <c r="E21798" s="1" t="s">
        <v>7</v>
      </c>
    </row>
    <row r="21799">
      <c r="A21799" s="1">
        <v>4.90841471E8</v>
      </c>
      <c r="B21799" s="2">
        <v>17525.0</v>
      </c>
      <c r="C21799" s="1" t="s">
        <v>5</v>
      </c>
      <c r="D21799" s="1" t="s">
        <v>18459</v>
      </c>
      <c r="E21799" s="1" t="s">
        <v>18460</v>
      </c>
    </row>
    <row r="21800">
      <c r="A21800" s="1">
        <v>4.90841479E8</v>
      </c>
      <c r="B21800" s="2">
        <v>17564.0</v>
      </c>
      <c r="C21800" s="1" t="s">
        <v>5</v>
      </c>
      <c r="D21800" s="1" t="s">
        <v>18461</v>
      </c>
      <c r="E21800" s="1" t="s">
        <v>18462</v>
      </c>
    </row>
    <row r="21801">
      <c r="A21801" s="1">
        <v>4.90841492E8</v>
      </c>
      <c r="B21801" s="2">
        <v>17518.0</v>
      </c>
      <c r="C21801" s="1" t="s">
        <v>5</v>
      </c>
      <c r="D21801" s="1" t="s">
        <v>18463</v>
      </c>
      <c r="E21801" s="1" t="s">
        <v>7</v>
      </c>
    </row>
    <row r="21802">
      <c r="A21802" s="1">
        <v>4.90841496E8</v>
      </c>
      <c r="B21802" s="2">
        <v>17567.0</v>
      </c>
      <c r="C21802" s="1" t="s">
        <v>5</v>
      </c>
      <c r="D21802" s="1" t="s">
        <v>18464</v>
      </c>
      <c r="E21802" s="1" t="s">
        <v>11</v>
      </c>
    </row>
    <row r="21803">
      <c r="A21803" s="1">
        <v>4.90841546E8</v>
      </c>
      <c r="B21803" s="2">
        <v>17564.0</v>
      </c>
      <c r="C21803" s="1" t="s">
        <v>5</v>
      </c>
      <c r="D21803" s="1" t="s">
        <v>11</v>
      </c>
      <c r="E21803" s="1" t="s">
        <v>7</v>
      </c>
    </row>
    <row r="21804">
      <c r="A21804" s="1">
        <v>4.90841554E8</v>
      </c>
      <c r="B21804" s="2">
        <v>17510.0</v>
      </c>
      <c r="C21804" s="1" t="s">
        <v>5</v>
      </c>
      <c r="D21804" s="1" t="s">
        <v>18465</v>
      </c>
      <c r="E21804" s="1" t="s">
        <v>18466</v>
      </c>
    </row>
    <row r="21805">
      <c r="A21805" s="1">
        <v>4.90841556E8</v>
      </c>
      <c r="B21805" s="2">
        <v>17623.0</v>
      </c>
      <c r="C21805" s="1" t="s">
        <v>5</v>
      </c>
      <c r="D21805" s="1" t="s">
        <v>18467</v>
      </c>
      <c r="E21805" s="1" t="s">
        <v>7</v>
      </c>
    </row>
    <row r="21806">
      <c r="A21806" s="1">
        <v>4.90841609E8</v>
      </c>
      <c r="B21806" s="2">
        <v>17568.0</v>
      </c>
      <c r="C21806" s="1" t="s">
        <v>5</v>
      </c>
      <c r="D21806" s="1" t="s">
        <v>11</v>
      </c>
      <c r="E21806" s="1" t="s">
        <v>7</v>
      </c>
    </row>
    <row r="21807">
      <c r="A21807" s="1">
        <v>4.90841621E8</v>
      </c>
      <c r="B21807" s="2">
        <v>17528.0</v>
      </c>
      <c r="C21807" s="1" t="s">
        <v>5</v>
      </c>
      <c r="D21807" s="1" t="s">
        <v>11</v>
      </c>
      <c r="E21807" s="1" t="s">
        <v>7</v>
      </c>
    </row>
    <row r="21808">
      <c r="A21808" s="1">
        <v>4.908417E8</v>
      </c>
      <c r="B21808" s="2">
        <v>17519.0</v>
      </c>
      <c r="C21808" s="1" t="s">
        <v>5</v>
      </c>
      <c r="D21808" s="1" t="s">
        <v>18468</v>
      </c>
      <c r="E21808" s="1" t="s">
        <v>7</v>
      </c>
    </row>
    <row r="21809">
      <c r="A21809" s="1">
        <v>4.90841727E8</v>
      </c>
      <c r="B21809" s="2">
        <v>17513.0</v>
      </c>
      <c r="C21809" s="1" t="s">
        <v>5</v>
      </c>
      <c r="D21809" s="1" t="s">
        <v>11</v>
      </c>
      <c r="E21809" s="1" t="s">
        <v>7</v>
      </c>
    </row>
    <row r="21810">
      <c r="A21810" s="1">
        <v>4.90841742E8</v>
      </c>
      <c r="B21810" s="2">
        <v>17524.0</v>
      </c>
      <c r="C21810" s="1" t="s">
        <v>5</v>
      </c>
      <c r="D21810" s="1" t="s">
        <v>18469</v>
      </c>
      <c r="E21810" s="1" t="s">
        <v>7</v>
      </c>
    </row>
    <row r="21811">
      <c r="A21811" s="1">
        <v>4.90841793E8</v>
      </c>
      <c r="B21811" s="2">
        <v>17623.0</v>
      </c>
      <c r="C21811" s="1" t="s">
        <v>5</v>
      </c>
      <c r="D21811" s="1" t="s">
        <v>18470</v>
      </c>
      <c r="E21811" s="1" t="s">
        <v>11</v>
      </c>
    </row>
    <row r="21812">
      <c r="A21812" s="1">
        <v>4.90841819E8</v>
      </c>
      <c r="B21812" s="2">
        <v>17506.0</v>
      </c>
      <c r="C21812" s="1" t="s">
        <v>5</v>
      </c>
      <c r="D21812" s="1" t="s">
        <v>18471</v>
      </c>
      <c r="E21812" s="1" t="s">
        <v>18472</v>
      </c>
    </row>
    <row r="21813">
      <c r="A21813" s="1">
        <v>4.90841834E8</v>
      </c>
      <c r="B21813" s="2">
        <v>17623.0</v>
      </c>
      <c r="C21813" s="1" t="s">
        <v>5</v>
      </c>
      <c r="D21813" s="1" t="s">
        <v>18473</v>
      </c>
      <c r="E21813" s="1" t="s">
        <v>18474</v>
      </c>
    </row>
    <row r="21814">
      <c r="A21814" s="1">
        <v>4.90841849E8</v>
      </c>
      <c r="B21814" s="2">
        <v>17526.0</v>
      </c>
      <c r="C21814" s="1" t="s">
        <v>5</v>
      </c>
      <c r="D21814" s="1" t="s">
        <v>18475</v>
      </c>
      <c r="E21814" s="1" t="s">
        <v>11</v>
      </c>
    </row>
    <row r="21815">
      <c r="A21815" s="1">
        <v>4.90841869E8</v>
      </c>
      <c r="B21815" s="2">
        <v>17529.0</v>
      </c>
      <c r="C21815" s="1" t="s">
        <v>5</v>
      </c>
      <c r="D21815" s="1" t="s">
        <v>18476</v>
      </c>
      <c r="E21815" s="1" t="s">
        <v>11</v>
      </c>
    </row>
    <row r="21816">
      <c r="A21816" s="1">
        <v>4.90841932E8</v>
      </c>
      <c r="B21816" s="2">
        <v>17461.0</v>
      </c>
      <c r="C21816" s="1" t="s">
        <v>5</v>
      </c>
      <c r="D21816" s="1" t="s">
        <v>18477</v>
      </c>
      <c r="E21816" s="1" t="s">
        <v>7</v>
      </c>
    </row>
    <row r="21817">
      <c r="A21817" s="1">
        <v>4.9084195E8</v>
      </c>
      <c r="B21817" s="2">
        <v>17508.0</v>
      </c>
      <c r="C21817" s="1" t="s">
        <v>5</v>
      </c>
      <c r="D21817" s="1" t="s">
        <v>18478</v>
      </c>
      <c r="E21817" s="1" t="s">
        <v>11</v>
      </c>
    </row>
    <row r="21818">
      <c r="A21818" s="1">
        <v>4.90841961E8</v>
      </c>
      <c r="B21818" s="2">
        <v>17514.0</v>
      </c>
      <c r="C21818" s="1" t="s">
        <v>5</v>
      </c>
      <c r="D21818" s="1" t="s">
        <v>11</v>
      </c>
      <c r="E21818" s="1" t="s">
        <v>7</v>
      </c>
    </row>
    <row r="21819">
      <c r="A21819" s="1">
        <v>4.90841994E8</v>
      </c>
      <c r="B21819" s="2">
        <v>17623.0</v>
      </c>
      <c r="C21819" s="1" t="s">
        <v>5</v>
      </c>
      <c r="D21819" s="1" t="s">
        <v>18479</v>
      </c>
      <c r="E21819" s="1" t="s">
        <v>7</v>
      </c>
    </row>
    <row r="21820">
      <c r="A21820" s="1">
        <v>4.90842009E8</v>
      </c>
      <c r="B21820" s="2">
        <v>17618.0</v>
      </c>
      <c r="C21820" s="1" t="s">
        <v>5</v>
      </c>
      <c r="D21820" s="1" t="s">
        <v>18480</v>
      </c>
      <c r="E21820" s="1" t="s">
        <v>11</v>
      </c>
    </row>
    <row r="21821">
      <c r="A21821" s="1">
        <v>4.9084204E8</v>
      </c>
      <c r="B21821" s="2">
        <v>17573.0</v>
      </c>
      <c r="C21821" s="1" t="s">
        <v>5</v>
      </c>
      <c r="D21821" s="1" t="s">
        <v>18481</v>
      </c>
      <c r="E21821" s="1" t="s">
        <v>11</v>
      </c>
    </row>
    <row r="21822">
      <c r="A21822" s="1">
        <v>4.90842062E8</v>
      </c>
      <c r="B21822" s="2">
        <v>17518.0</v>
      </c>
      <c r="C21822" s="1" t="s">
        <v>5</v>
      </c>
      <c r="D21822" s="1" t="s">
        <v>18482</v>
      </c>
      <c r="E21822" s="1" t="s">
        <v>11</v>
      </c>
    </row>
    <row r="21823">
      <c r="A21823" s="1">
        <v>4.90842111E8</v>
      </c>
      <c r="B21823" s="2">
        <v>17513.0</v>
      </c>
      <c r="C21823" s="1" t="s">
        <v>5</v>
      </c>
      <c r="D21823" s="1" t="s">
        <v>11</v>
      </c>
      <c r="E21823" s="1" t="s">
        <v>7</v>
      </c>
    </row>
    <row r="21824">
      <c r="A21824" s="1">
        <v>4.90842129E8</v>
      </c>
      <c r="B21824" s="2">
        <v>17528.0</v>
      </c>
      <c r="C21824" s="1" t="s">
        <v>5</v>
      </c>
      <c r="D21824" s="1" t="s">
        <v>11</v>
      </c>
      <c r="E21824" s="1" t="s">
        <v>7</v>
      </c>
    </row>
    <row r="21825">
      <c r="A21825" s="1">
        <v>4.90842132E8</v>
      </c>
      <c r="B21825" s="2">
        <v>17507.0</v>
      </c>
      <c r="C21825" s="1" t="s">
        <v>5</v>
      </c>
      <c r="D21825" s="1" t="s">
        <v>18483</v>
      </c>
      <c r="E21825" s="1" t="s">
        <v>7</v>
      </c>
    </row>
    <row r="21826">
      <c r="A21826" s="1">
        <v>4.90842169E8</v>
      </c>
      <c r="B21826" s="2">
        <v>17620.0</v>
      </c>
      <c r="C21826" s="1" t="s">
        <v>5</v>
      </c>
      <c r="D21826" s="1" t="s">
        <v>11</v>
      </c>
      <c r="E21826" s="1" t="s">
        <v>7</v>
      </c>
    </row>
    <row r="21827">
      <c r="A21827" s="1">
        <v>4.90842182E8</v>
      </c>
      <c r="B21827" s="2">
        <v>17617.0</v>
      </c>
      <c r="C21827" s="1" t="s">
        <v>5</v>
      </c>
      <c r="D21827" s="1" t="s">
        <v>11</v>
      </c>
      <c r="E21827" s="1" t="s">
        <v>7</v>
      </c>
    </row>
    <row r="21828">
      <c r="A21828" s="1">
        <v>4.90842196E8</v>
      </c>
      <c r="B21828" s="2">
        <v>17619.0</v>
      </c>
      <c r="C21828" s="1" t="s">
        <v>5</v>
      </c>
      <c r="D21828" s="1" t="s">
        <v>18484</v>
      </c>
      <c r="E21828" s="1" t="s">
        <v>7</v>
      </c>
    </row>
    <row r="21829">
      <c r="A21829" s="1">
        <v>4.90842311E8</v>
      </c>
      <c r="B21829" s="2">
        <v>17505.0</v>
      </c>
      <c r="C21829" s="1" t="s">
        <v>5</v>
      </c>
      <c r="D21829" s="1" t="s">
        <v>18485</v>
      </c>
      <c r="E21829" s="1" t="s">
        <v>7</v>
      </c>
    </row>
    <row r="21830">
      <c r="A21830" s="1">
        <v>4.90842324E8</v>
      </c>
      <c r="B21830" s="2">
        <v>17504.0</v>
      </c>
      <c r="C21830" s="1" t="s">
        <v>5</v>
      </c>
      <c r="D21830" s="1" t="s">
        <v>18486</v>
      </c>
      <c r="E21830" s="1" t="s">
        <v>7</v>
      </c>
    </row>
    <row r="21831">
      <c r="A21831" s="1">
        <v>4.90842456E8</v>
      </c>
      <c r="B21831" s="2">
        <v>17529.0</v>
      </c>
      <c r="C21831" s="1" t="s">
        <v>5</v>
      </c>
      <c r="D21831" s="1" t="s">
        <v>18487</v>
      </c>
      <c r="E21831" s="1" t="s">
        <v>11</v>
      </c>
    </row>
    <row r="21832">
      <c r="A21832" s="1">
        <v>4.90842462E8</v>
      </c>
      <c r="B21832" s="2">
        <v>17617.0</v>
      </c>
      <c r="C21832" s="1" t="s">
        <v>5</v>
      </c>
      <c r="D21832" s="1" t="s">
        <v>18488</v>
      </c>
      <c r="E21832" s="1" t="s">
        <v>18489</v>
      </c>
    </row>
    <row r="21833">
      <c r="A21833" s="1">
        <v>4.90842466E8</v>
      </c>
      <c r="B21833" s="2">
        <v>17613.0</v>
      </c>
      <c r="C21833" s="1" t="s">
        <v>5</v>
      </c>
      <c r="D21833" s="1" t="s">
        <v>11</v>
      </c>
      <c r="E21833" s="1" t="s">
        <v>7</v>
      </c>
    </row>
    <row r="21834">
      <c r="A21834" s="1">
        <v>4.90842501E8</v>
      </c>
      <c r="B21834" s="2">
        <v>17519.0</v>
      </c>
      <c r="C21834" s="1" t="s">
        <v>5</v>
      </c>
      <c r="D21834" s="1" t="s">
        <v>18490</v>
      </c>
      <c r="E21834" s="1" t="s">
        <v>7</v>
      </c>
    </row>
    <row r="21835">
      <c r="A21835" s="1">
        <v>4.90842508E8</v>
      </c>
      <c r="B21835" s="2">
        <v>17528.0</v>
      </c>
      <c r="C21835" s="1" t="s">
        <v>5</v>
      </c>
      <c r="D21835" s="1" t="s">
        <v>11</v>
      </c>
      <c r="E21835" s="1" t="s">
        <v>7</v>
      </c>
    </row>
    <row r="21836">
      <c r="A21836" s="1">
        <v>4.90842512E8</v>
      </c>
      <c r="B21836" s="2">
        <v>17521.0</v>
      </c>
      <c r="C21836" s="1" t="s">
        <v>5</v>
      </c>
      <c r="D21836" s="1" t="s">
        <v>11</v>
      </c>
      <c r="E21836" s="1" t="s">
        <v>7</v>
      </c>
    </row>
    <row r="21837">
      <c r="A21837" s="1">
        <v>4.90842514E8</v>
      </c>
      <c r="B21837" s="2">
        <v>17564.0</v>
      </c>
      <c r="C21837" s="1" t="s">
        <v>5</v>
      </c>
      <c r="D21837" s="1" t="s">
        <v>18491</v>
      </c>
      <c r="E21837" s="1" t="s">
        <v>11</v>
      </c>
    </row>
    <row r="21838">
      <c r="A21838" s="1">
        <v>4.90842551E8</v>
      </c>
      <c r="B21838" s="2">
        <v>17519.0</v>
      </c>
      <c r="C21838" s="1" t="s">
        <v>5</v>
      </c>
      <c r="D21838" s="1" t="s">
        <v>18492</v>
      </c>
      <c r="E21838" s="1" t="s">
        <v>11</v>
      </c>
    </row>
    <row r="21839">
      <c r="A21839" s="1">
        <v>4.90842585E8</v>
      </c>
      <c r="B21839" s="2">
        <v>17619.0</v>
      </c>
      <c r="C21839" s="1" t="s">
        <v>5</v>
      </c>
      <c r="D21839" s="1" t="s">
        <v>18493</v>
      </c>
      <c r="E21839" s="1" t="s">
        <v>7</v>
      </c>
    </row>
    <row r="21840">
      <c r="A21840" s="1">
        <v>4.90842601E8</v>
      </c>
      <c r="B21840" s="2">
        <v>17543.0</v>
      </c>
      <c r="C21840" s="1" t="s">
        <v>5</v>
      </c>
      <c r="D21840" s="1" t="s">
        <v>18494</v>
      </c>
      <c r="E21840" s="1" t="s">
        <v>11</v>
      </c>
    </row>
    <row r="21841">
      <c r="A21841" s="1">
        <v>4.9084267E8</v>
      </c>
      <c r="B21841" s="2">
        <v>17520.0</v>
      </c>
      <c r="C21841" s="1" t="s">
        <v>5</v>
      </c>
      <c r="D21841" s="1" t="s">
        <v>18495</v>
      </c>
      <c r="E21841" s="1" t="s">
        <v>11</v>
      </c>
    </row>
    <row r="21842">
      <c r="A21842" s="1">
        <v>4.9084271E8</v>
      </c>
      <c r="B21842" s="2">
        <v>17570.0</v>
      </c>
      <c r="C21842" s="1" t="s">
        <v>5</v>
      </c>
      <c r="D21842" s="1" t="s">
        <v>18496</v>
      </c>
      <c r="E21842" s="1" t="s">
        <v>7</v>
      </c>
    </row>
    <row r="21843">
      <c r="A21843" s="1">
        <v>4.90842711E8</v>
      </c>
      <c r="B21843" s="2">
        <v>17532.0</v>
      </c>
      <c r="C21843" s="1" t="s">
        <v>5</v>
      </c>
      <c r="D21843" s="1" t="s">
        <v>11</v>
      </c>
      <c r="E21843" s="1" t="s">
        <v>7</v>
      </c>
    </row>
    <row r="21844">
      <c r="A21844" s="1">
        <v>4.90842716E8</v>
      </c>
      <c r="B21844" s="2">
        <v>17517.0</v>
      </c>
      <c r="C21844" s="1" t="s">
        <v>5</v>
      </c>
      <c r="D21844" s="1" t="s">
        <v>11</v>
      </c>
      <c r="E21844" s="1" t="s">
        <v>7</v>
      </c>
    </row>
    <row r="21845">
      <c r="A21845" s="1">
        <v>4.90842756E8</v>
      </c>
      <c r="B21845" s="2">
        <v>17620.0</v>
      </c>
      <c r="C21845" s="1" t="s">
        <v>5</v>
      </c>
      <c r="D21845" s="1" t="s">
        <v>11</v>
      </c>
      <c r="E21845" s="1" t="s">
        <v>7</v>
      </c>
    </row>
    <row r="21846">
      <c r="A21846" s="1">
        <v>4.90842806E8</v>
      </c>
      <c r="B21846" s="2">
        <v>17526.0</v>
      </c>
      <c r="C21846" s="1" t="s">
        <v>5</v>
      </c>
      <c r="D21846" s="1" t="s">
        <v>18497</v>
      </c>
      <c r="E21846" s="1" t="s">
        <v>7</v>
      </c>
    </row>
    <row r="21847">
      <c r="A21847" s="1">
        <v>4.90842808E8</v>
      </c>
      <c r="B21847" s="2">
        <v>17526.0</v>
      </c>
      <c r="C21847" s="1" t="s">
        <v>5</v>
      </c>
      <c r="D21847" s="1" t="s">
        <v>18498</v>
      </c>
      <c r="E21847" s="1" t="s">
        <v>11</v>
      </c>
    </row>
    <row r="21848">
      <c r="A21848" s="1">
        <v>4.90842815E8</v>
      </c>
      <c r="B21848" s="2">
        <v>17609.0</v>
      </c>
      <c r="C21848" s="1" t="s">
        <v>5</v>
      </c>
      <c r="D21848" s="1" t="s">
        <v>18499</v>
      </c>
      <c r="E21848" s="1" t="s">
        <v>7</v>
      </c>
    </row>
    <row r="21849">
      <c r="A21849" s="1">
        <v>4.90842841E8</v>
      </c>
      <c r="B21849" s="2">
        <v>17563.0</v>
      </c>
      <c r="C21849" s="1" t="s">
        <v>5</v>
      </c>
      <c r="D21849" s="1" t="s">
        <v>18500</v>
      </c>
      <c r="E21849" s="1" t="s">
        <v>7</v>
      </c>
    </row>
    <row r="21850">
      <c r="A21850" s="1">
        <v>4.90842876E8</v>
      </c>
      <c r="B21850" s="2">
        <v>17514.0</v>
      </c>
      <c r="C21850" s="1" t="s">
        <v>5</v>
      </c>
      <c r="D21850" s="1" t="s">
        <v>18501</v>
      </c>
      <c r="E21850" s="1" t="s">
        <v>11</v>
      </c>
    </row>
    <row r="21851">
      <c r="A21851" s="1">
        <v>4.9084291E8</v>
      </c>
      <c r="B21851" s="2">
        <v>17610.0</v>
      </c>
      <c r="C21851" s="1" t="s">
        <v>5</v>
      </c>
      <c r="D21851" s="1" t="s">
        <v>11</v>
      </c>
      <c r="E21851" s="1" t="s">
        <v>7</v>
      </c>
    </row>
    <row r="21852">
      <c r="A21852" s="1">
        <v>4.9084292E8</v>
      </c>
      <c r="B21852" s="2">
        <v>17524.0</v>
      </c>
      <c r="C21852" s="1" t="s">
        <v>5</v>
      </c>
      <c r="D21852" s="1" t="s">
        <v>7</v>
      </c>
      <c r="E21852" s="1" t="s">
        <v>7</v>
      </c>
    </row>
    <row r="21853">
      <c r="A21853" s="1">
        <v>4.90842939E8</v>
      </c>
      <c r="B21853" s="2">
        <v>17526.0</v>
      </c>
      <c r="C21853" s="1" t="s">
        <v>5</v>
      </c>
      <c r="D21853" s="1" t="s">
        <v>11</v>
      </c>
      <c r="E21853" s="1" t="s">
        <v>7</v>
      </c>
    </row>
    <row r="21854">
      <c r="A21854" s="1">
        <v>4.9084298E8</v>
      </c>
      <c r="B21854" s="2">
        <v>17524.0</v>
      </c>
      <c r="C21854" s="1" t="s">
        <v>5</v>
      </c>
      <c r="D21854" s="1" t="s">
        <v>18502</v>
      </c>
      <c r="E21854" s="1" t="s">
        <v>7</v>
      </c>
    </row>
    <row r="21855">
      <c r="A21855" s="1">
        <v>4.90843009E8</v>
      </c>
      <c r="B21855" s="2">
        <v>17543.0</v>
      </c>
      <c r="C21855" s="1" t="s">
        <v>5</v>
      </c>
      <c r="D21855" s="1" t="s">
        <v>18503</v>
      </c>
      <c r="E21855" s="1" t="s">
        <v>7</v>
      </c>
    </row>
    <row r="21856">
      <c r="A21856" s="1">
        <v>4.9084302E8</v>
      </c>
      <c r="B21856" s="2">
        <v>17606.0</v>
      </c>
      <c r="C21856" s="1" t="s">
        <v>5</v>
      </c>
      <c r="D21856" s="1" t="s">
        <v>11</v>
      </c>
      <c r="E21856" s="1" t="s">
        <v>7</v>
      </c>
    </row>
    <row r="21857">
      <c r="A21857" s="1">
        <v>4.9084303E8</v>
      </c>
      <c r="B21857" s="2">
        <v>17584.0</v>
      </c>
      <c r="C21857" s="1" t="s">
        <v>5</v>
      </c>
      <c r="D21857" s="1" t="s">
        <v>18504</v>
      </c>
      <c r="E21857" s="1" t="s">
        <v>7</v>
      </c>
    </row>
    <row r="21858">
      <c r="A21858" s="1">
        <v>4.9084305E8</v>
      </c>
      <c r="B21858" s="2">
        <v>17508.0</v>
      </c>
      <c r="C21858" s="1" t="s">
        <v>5</v>
      </c>
      <c r="D21858" s="1" t="s">
        <v>18505</v>
      </c>
      <c r="E21858" s="1" t="s">
        <v>7</v>
      </c>
    </row>
    <row r="21859">
      <c r="A21859" s="1">
        <v>4.90843096E8</v>
      </c>
      <c r="B21859" s="2">
        <v>17534.0</v>
      </c>
      <c r="C21859" s="1" t="s">
        <v>5</v>
      </c>
      <c r="D21859" s="1" t="s">
        <v>18506</v>
      </c>
      <c r="E21859" s="1" t="s">
        <v>7</v>
      </c>
    </row>
    <row r="21860">
      <c r="A21860" s="1">
        <v>4.90843114E8</v>
      </c>
      <c r="B21860" s="2">
        <v>17606.0</v>
      </c>
      <c r="C21860" s="1" t="s">
        <v>5</v>
      </c>
      <c r="D21860" s="1" t="s">
        <v>18507</v>
      </c>
      <c r="E21860" s="1" t="s">
        <v>7</v>
      </c>
    </row>
    <row r="21861">
      <c r="A21861" s="1">
        <v>4.90843126E8</v>
      </c>
      <c r="B21861" s="2">
        <v>17567.0</v>
      </c>
      <c r="C21861" s="1" t="s">
        <v>5</v>
      </c>
      <c r="D21861" s="1" t="s">
        <v>18508</v>
      </c>
      <c r="E21861" s="1" t="s">
        <v>7</v>
      </c>
    </row>
    <row r="21862">
      <c r="A21862" s="1">
        <v>4.90843135E8</v>
      </c>
      <c r="B21862" s="2">
        <v>17604.0</v>
      </c>
      <c r="C21862" s="1" t="s">
        <v>5</v>
      </c>
      <c r="D21862" s="1" t="s">
        <v>11</v>
      </c>
      <c r="E21862" s="1" t="s">
        <v>7</v>
      </c>
    </row>
    <row r="21863">
      <c r="A21863" s="1">
        <v>4.9084316E8</v>
      </c>
      <c r="B21863" s="2">
        <v>17583.0</v>
      </c>
      <c r="C21863" s="1" t="s">
        <v>5</v>
      </c>
      <c r="D21863" s="1" t="s">
        <v>11</v>
      </c>
      <c r="E21863" s="1" t="s">
        <v>7</v>
      </c>
    </row>
    <row r="21864">
      <c r="A21864" s="1">
        <v>4.90843192E8</v>
      </c>
      <c r="B21864" s="2">
        <v>17603.0</v>
      </c>
      <c r="C21864" s="1" t="s">
        <v>5</v>
      </c>
      <c r="D21864" s="1" t="s">
        <v>18509</v>
      </c>
      <c r="E21864" s="1" t="s">
        <v>11</v>
      </c>
    </row>
    <row r="21865">
      <c r="A21865" s="1">
        <v>4.90843199E8</v>
      </c>
      <c r="B21865" s="2">
        <v>17617.0</v>
      </c>
      <c r="C21865" s="1" t="s">
        <v>5</v>
      </c>
      <c r="D21865" s="1" t="s">
        <v>18510</v>
      </c>
      <c r="E21865" s="1" t="s">
        <v>11</v>
      </c>
    </row>
    <row r="21866">
      <c r="A21866" s="1">
        <v>4.9084321E8</v>
      </c>
      <c r="B21866" s="2">
        <v>17522.0</v>
      </c>
      <c r="C21866" s="1" t="s">
        <v>5</v>
      </c>
      <c r="D21866" s="1" t="s">
        <v>11</v>
      </c>
      <c r="E21866" s="1" t="s">
        <v>7</v>
      </c>
    </row>
    <row r="21867">
      <c r="A21867" s="1">
        <v>4.9084322E8</v>
      </c>
      <c r="B21867" s="2">
        <v>17525.0</v>
      </c>
      <c r="C21867" s="1" t="s">
        <v>5</v>
      </c>
      <c r="D21867" s="1" t="s">
        <v>18511</v>
      </c>
      <c r="E21867" s="1" t="s">
        <v>7</v>
      </c>
    </row>
    <row r="21868">
      <c r="A21868" s="1">
        <v>4.90843284E8</v>
      </c>
      <c r="B21868" s="2">
        <v>17617.0</v>
      </c>
      <c r="C21868" s="1" t="s">
        <v>5</v>
      </c>
      <c r="D21868" s="1" t="s">
        <v>18512</v>
      </c>
      <c r="E21868" s="1" t="s">
        <v>7</v>
      </c>
    </row>
    <row r="21869">
      <c r="A21869" s="1">
        <v>4.90843316E8</v>
      </c>
      <c r="B21869" s="2">
        <v>17622.0</v>
      </c>
      <c r="C21869" s="1" t="s">
        <v>5</v>
      </c>
      <c r="D21869" s="1" t="s">
        <v>18513</v>
      </c>
      <c r="E21869" s="1" t="s">
        <v>11</v>
      </c>
    </row>
    <row r="21870">
      <c r="A21870" s="1">
        <v>4.90843319E8</v>
      </c>
      <c r="B21870" s="2">
        <v>17581.0</v>
      </c>
      <c r="C21870" s="1" t="s">
        <v>5</v>
      </c>
      <c r="D21870" s="1" t="s">
        <v>18514</v>
      </c>
      <c r="E21870" s="1" t="s">
        <v>18515</v>
      </c>
    </row>
    <row r="21871">
      <c r="A21871" s="1">
        <v>4.90843359E8</v>
      </c>
      <c r="B21871" s="2">
        <v>17524.0</v>
      </c>
      <c r="C21871" s="1" t="s">
        <v>5</v>
      </c>
      <c r="D21871" s="1" t="s">
        <v>18516</v>
      </c>
      <c r="E21871" s="1" t="s">
        <v>18517</v>
      </c>
    </row>
    <row r="21872">
      <c r="A21872" s="1">
        <v>4.90843397E8</v>
      </c>
      <c r="B21872" s="2">
        <v>17512.0</v>
      </c>
      <c r="C21872" s="1" t="s">
        <v>5</v>
      </c>
      <c r="D21872" s="1" t="s">
        <v>11</v>
      </c>
      <c r="E21872" s="1" t="s">
        <v>7</v>
      </c>
    </row>
    <row r="21873">
      <c r="A21873" s="1">
        <v>4.908434E8</v>
      </c>
      <c r="B21873" s="2">
        <v>17521.0</v>
      </c>
      <c r="C21873" s="1" t="s">
        <v>5</v>
      </c>
      <c r="D21873" s="1" t="s">
        <v>18518</v>
      </c>
      <c r="E21873" s="1" t="s">
        <v>7</v>
      </c>
    </row>
    <row r="21874">
      <c r="A21874" s="1">
        <v>4.90843407E8</v>
      </c>
      <c r="B21874" s="2">
        <v>17581.0</v>
      </c>
      <c r="C21874" s="1" t="s">
        <v>5</v>
      </c>
      <c r="D21874" s="1" t="s">
        <v>18519</v>
      </c>
      <c r="E21874" s="1" t="s">
        <v>11</v>
      </c>
    </row>
    <row r="21875">
      <c r="A21875" s="1">
        <v>4.90843427E8</v>
      </c>
      <c r="B21875" s="2">
        <v>17520.0</v>
      </c>
      <c r="C21875" s="1" t="s">
        <v>5</v>
      </c>
      <c r="D21875" s="1" t="s">
        <v>18520</v>
      </c>
      <c r="E21875" s="1" t="s">
        <v>18521</v>
      </c>
    </row>
    <row r="21876">
      <c r="A21876" s="1">
        <v>4.90843489E8</v>
      </c>
      <c r="B21876" s="2">
        <v>17512.0</v>
      </c>
      <c r="C21876" s="1" t="s">
        <v>5</v>
      </c>
      <c r="D21876" s="1" t="s">
        <v>18522</v>
      </c>
      <c r="E21876" s="1" t="s">
        <v>11</v>
      </c>
    </row>
    <row r="21877">
      <c r="A21877" s="1">
        <v>4.90843517E8</v>
      </c>
      <c r="B21877" s="2">
        <v>17601.0</v>
      </c>
      <c r="C21877" s="1" t="s">
        <v>5</v>
      </c>
      <c r="D21877" s="1" t="s">
        <v>11</v>
      </c>
      <c r="E21877" s="1" t="s">
        <v>7</v>
      </c>
    </row>
    <row r="21878">
      <c r="A21878" s="1">
        <v>4.90843535E8</v>
      </c>
      <c r="B21878" s="2">
        <v>17601.0</v>
      </c>
      <c r="C21878" s="1" t="s">
        <v>5</v>
      </c>
      <c r="D21878" s="1" t="s">
        <v>18523</v>
      </c>
      <c r="E21878" s="1" t="s">
        <v>7</v>
      </c>
    </row>
    <row r="21879">
      <c r="A21879" s="1">
        <v>4.90843551E8</v>
      </c>
      <c r="B21879" s="2">
        <v>17511.0</v>
      </c>
      <c r="C21879" s="1" t="s">
        <v>5</v>
      </c>
      <c r="D21879" s="1" t="s">
        <v>18524</v>
      </c>
      <c r="E21879" s="1" t="s">
        <v>7</v>
      </c>
    </row>
    <row r="21880">
      <c r="A21880" s="1">
        <v>4.90843554E8</v>
      </c>
      <c r="B21880" s="2">
        <v>17581.0</v>
      </c>
      <c r="C21880" s="1" t="s">
        <v>5</v>
      </c>
      <c r="D21880" s="1" t="s">
        <v>11</v>
      </c>
      <c r="E21880" s="1" t="s">
        <v>7</v>
      </c>
    </row>
    <row r="21881">
      <c r="A21881" s="1">
        <v>4.9084358E8</v>
      </c>
      <c r="B21881" s="2">
        <v>17615.0</v>
      </c>
      <c r="C21881" s="1" t="s">
        <v>5</v>
      </c>
      <c r="D21881" s="1" t="s">
        <v>18525</v>
      </c>
      <c r="E21881" s="1" t="s">
        <v>7</v>
      </c>
    </row>
    <row r="21882">
      <c r="A21882" s="1">
        <v>4.90843615E8</v>
      </c>
      <c r="B21882" s="2">
        <v>17511.0</v>
      </c>
      <c r="C21882" s="1" t="s">
        <v>5</v>
      </c>
      <c r="D21882" s="1" t="s">
        <v>18526</v>
      </c>
      <c r="E21882" s="1" t="s">
        <v>7</v>
      </c>
    </row>
    <row r="21883">
      <c r="A21883" s="1">
        <v>4.90843621E8</v>
      </c>
      <c r="B21883" s="2">
        <v>17599.0</v>
      </c>
      <c r="C21883" s="1" t="s">
        <v>5</v>
      </c>
      <c r="D21883" s="1" t="s">
        <v>18527</v>
      </c>
      <c r="E21883" s="1" t="s">
        <v>7</v>
      </c>
    </row>
    <row r="21884">
      <c r="A21884" s="1">
        <v>4.90843665E8</v>
      </c>
      <c r="B21884" s="2">
        <v>17521.0</v>
      </c>
      <c r="C21884" s="1" t="s">
        <v>5</v>
      </c>
      <c r="D21884" s="1" t="s">
        <v>11</v>
      </c>
      <c r="E21884" s="1" t="s">
        <v>7</v>
      </c>
    </row>
    <row r="21885">
      <c r="A21885" s="1">
        <v>4.90843716E8</v>
      </c>
      <c r="B21885" s="2">
        <v>17623.0</v>
      </c>
      <c r="C21885" s="1" t="s">
        <v>5</v>
      </c>
      <c r="D21885" s="1" t="s">
        <v>18528</v>
      </c>
      <c r="E21885" s="1" t="s">
        <v>7</v>
      </c>
    </row>
    <row r="21886">
      <c r="A21886" s="1">
        <v>4.90843742E8</v>
      </c>
      <c r="B21886" s="2">
        <v>17519.0</v>
      </c>
      <c r="C21886" s="1" t="s">
        <v>5</v>
      </c>
      <c r="D21886" s="1" t="s">
        <v>7</v>
      </c>
      <c r="E21886" s="1" t="s">
        <v>7</v>
      </c>
    </row>
    <row r="21887">
      <c r="A21887" s="1">
        <v>4.9084375E8</v>
      </c>
      <c r="B21887" s="2">
        <v>17511.0</v>
      </c>
      <c r="C21887" s="1" t="s">
        <v>5</v>
      </c>
      <c r="D21887" s="1" t="s">
        <v>18529</v>
      </c>
      <c r="E21887" s="1" t="s">
        <v>11</v>
      </c>
    </row>
    <row r="21888">
      <c r="A21888" s="1">
        <v>4.90843796E8</v>
      </c>
      <c r="B21888" s="2">
        <v>17619.0</v>
      </c>
      <c r="C21888" s="1" t="s">
        <v>5</v>
      </c>
      <c r="D21888" s="1" t="s">
        <v>11</v>
      </c>
      <c r="E21888" s="1" t="s">
        <v>7</v>
      </c>
    </row>
    <row r="21889">
      <c r="A21889" s="1">
        <v>4.90843809E8</v>
      </c>
      <c r="B21889" s="2">
        <v>17534.0</v>
      </c>
      <c r="C21889" s="1" t="s">
        <v>5</v>
      </c>
      <c r="D21889" s="1" t="s">
        <v>18530</v>
      </c>
      <c r="E21889" s="1" t="s">
        <v>7</v>
      </c>
    </row>
    <row r="21890">
      <c r="A21890" s="1">
        <v>4.9084381E8</v>
      </c>
      <c r="B21890" s="2">
        <v>17559.0</v>
      </c>
      <c r="C21890" s="1" t="s">
        <v>5</v>
      </c>
      <c r="D21890" s="1" t="s">
        <v>11</v>
      </c>
      <c r="E21890" s="1" t="s">
        <v>7</v>
      </c>
    </row>
    <row r="21891">
      <c r="A21891" s="1">
        <v>4.90843829E8</v>
      </c>
      <c r="B21891" s="2">
        <v>17611.0</v>
      </c>
      <c r="C21891" s="1" t="s">
        <v>5</v>
      </c>
      <c r="D21891" s="1" t="s">
        <v>18531</v>
      </c>
      <c r="E21891" s="1" t="s">
        <v>7</v>
      </c>
    </row>
    <row r="21892">
      <c r="A21892" s="1">
        <v>4.90843862E8</v>
      </c>
      <c r="B21892" s="2">
        <v>17574.0</v>
      </c>
      <c r="C21892" s="1" t="s">
        <v>5</v>
      </c>
      <c r="D21892" s="1" t="s">
        <v>18532</v>
      </c>
      <c r="E21892" s="1" t="s">
        <v>7</v>
      </c>
    </row>
    <row r="21893">
      <c r="A21893" s="1">
        <v>4.9084389E8</v>
      </c>
      <c r="B21893" s="2">
        <v>17519.0</v>
      </c>
      <c r="C21893" s="1" t="s">
        <v>5</v>
      </c>
      <c r="D21893" s="1" t="s">
        <v>18533</v>
      </c>
      <c r="E21893" s="1" t="s">
        <v>7</v>
      </c>
    </row>
    <row r="21894">
      <c r="A21894" s="1">
        <v>4.90843899E8</v>
      </c>
      <c r="B21894" s="2">
        <v>17578.0</v>
      </c>
      <c r="C21894" s="1" t="s">
        <v>5</v>
      </c>
      <c r="D21894" s="1" t="s">
        <v>18534</v>
      </c>
      <c r="E21894" s="1" t="s">
        <v>7</v>
      </c>
    </row>
    <row r="21895">
      <c r="A21895" s="1">
        <v>4.90843932E8</v>
      </c>
      <c r="B21895" s="2">
        <v>17596.0</v>
      </c>
      <c r="C21895" s="1" t="s">
        <v>5</v>
      </c>
      <c r="D21895" s="1" t="s">
        <v>11</v>
      </c>
      <c r="E21895" s="1" t="s">
        <v>7</v>
      </c>
    </row>
    <row r="21896">
      <c r="A21896" s="1">
        <v>4.90844034E8</v>
      </c>
      <c r="B21896" s="2">
        <v>17517.0</v>
      </c>
      <c r="C21896" s="1" t="s">
        <v>5</v>
      </c>
      <c r="D21896" s="1" t="s">
        <v>18535</v>
      </c>
      <c r="E21896" s="1" t="s">
        <v>7</v>
      </c>
    </row>
    <row r="21897">
      <c r="A21897" s="1">
        <v>4.90844175E8</v>
      </c>
      <c r="B21897" s="2">
        <v>17603.0</v>
      </c>
      <c r="C21897" s="1" t="s">
        <v>5</v>
      </c>
      <c r="D21897" s="1" t="s">
        <v>18536</v>
      </c>
      <c r="E21897" s="1" t="s">
        <v>7</v>
      </c>
    </row>
    <row r="21898">
      <c r="A21898" s="1">
        <v>4.90844234E8</v>
      </c>
      <c r="B21898" s="2">
        <v>17596.0</v>
      </c>
      <c r="C21898" s="1" t="s">
        <v>5</v>
      </c>
      <c r="D21898" s="1" t="s">
        <v>18537</v>
      </c>
      <c r="E21898" s="1" t="s">
        <v>7</v>
      </c>
    </row>
    <row r="21899">
      <c r="A21899" s="1">
        <v>4.9084424E8</v>
      </c>
      <c r="B21899" s="2">
        <v>17653.0</v>
      </c>
      <c r="C21899" s="1" t="s">
        <v>5</v>
      </c>
      <c r="D21899" s="1" t="s">
        <v>18538</v>
      </c>
      <c r="E21899" s="1" t="s">
        <v>11</v>
      </c>
    </row>
    <row r="21900">
      <c r="A21900" s="1">
        <v>4.90844252E8</v>
      </c>
      <c r="B21900" s="2">
        <v>17524.0</v>
      </c>
      <c r="C21900" s="1" t="s">
        <v>5</v>
      </c>
      <c r="D21900" s="1" t="s">
        <v>18539</v>
      </c>
      <c r="E21900" s="1" t="s">
        <v>7</v>
      </c>
    </row>
    <row r="21901">
      <c r="A21901" s="1">
        <v>4.90844292E8</v>
      </c>
      <c r="B21901" s="2">
        <v>17534.0</v>
      </c>
      <c r="C21901" s="1" t="s">
        <v>5</v>
      </c>
      <c r="D21901" s="1" t="s">
        <v>18540</v>
      </c>
      <c r="E21901" s="1" t="s">
        <v>11</v>
      </c>
    </row>
    <row r="21902">
      <c r="A21902" s="1">
        <v>4.90844329E8</v>
      </c>
      <c r="B21902" s="2">
        <v>17574.0</v>
      </c>
      <c r="C21902" s="1" t="s">
        <v>5</v>
      </c>
      <c r="D21902" s="1" t="s">
        <v>18541</v>
      </c>
      <c r="E21902" s="1" t="s">
        <v>11</v>
      </c>
    </row>
    <row r="21903">
      <c r="A21903" s="1">
        <v>4.90844396E8</v>
      </c>
      <c r="B21903" s="2">
        <v>17571.0</v>
      </c>
      <c r="C21903" s="1" t="s">
        <v>5</v>
      </c>
      <c r="D21903" s="1" t="s">
        <v>18542</v>
      </c>
      <c r="E21903" s="1" t="s">
        <v>7</v>
      </c>
    </row>
    <row r="21904">
      <c r="A21904" s="1">
        <v>4.90844431E8</v>
      </c>
      <c r="B21904" s="2">
        <v>17507.0</v>
      </c>
      <c r="C21904" s="1" t="s">
        <v>5</v>
      </c>
      <c r="D21904" s="1" t="s">
        <v>11</v>
      </c>
      <c r="E21904" s="1" t="s">
        <v>7</v>
      </c>
    </row>
    <row r="21905">
      <c r="A21905" s="1">
        <v>4.90844452E8</v>
      </c>
      <c r="B21905" s="2">
        <v>17610.0</v>
      </c>
      <c r="C21905" s="1" t="s">
        <v>5</v>
      </c>
      <c r="D21905" s="1" t="s">
        <v>18543</v>
      </c>
      <c r="E21905" s="1" t="s">
        <v>7</v>
      </c>
    </row>
    <row r="21906">
      <c r="A21906" s="1">
        <v>4.90844459E8</v>
      </c>
      <c r="B21906" s="2">
        <v>17571.0</v>
      </c>
      <c r="C21906" s="1" t="s">
        <v>5</v>
      </c>
      <c r="D21906" s="1" t="s">
        <v>18544</v>
      </c>
      <c r="E21906" s="1" t="s">
        <v>7</v>
      </c>
    </row>
    <row r="21907">
      <c r="A21907" s="1">
        <v>4.90844484E8</v>
      </c>
      <c r="B21907" s="2">
        <v>17570.0</v>
      </c>
      <c r="C21907" s="1" t="s">
        <v>5</v>
      </c>
      <c r="D21907" s="1" t="s">
        <v>18545</v>
      </c>
      <c r="E21907" s="1" t="s">
        <v>7</v>
      </c>
    </row>
    <row r="21908">
      <c r="A21908" s="1">
        <v>4.90844564E8</v>
      </c>
      <c r="B21908" s="2">
        <v>17613.0</v>
      </c>
      <c r="C21908" s="1" t="s">
        <v>5</v>
      </c>
      <c r="D21908" s="1" t="s">
        <v>18546</v>
      </c>
      <c r="E21908" s="1" t="s">
        <v>11</v>
      </c>
    </row>
    <row r="21909">
      <c r="A21909" s="1">
        <v>4.9084459E8</v>
      </c>
      <c r="B21909" s="2">
        <v>17568.0</v>
      </c>
      <c r="C21909" s="1" t="s">
        <v>5</v>
      </c>
      <c r="D21909" s="1" t="s">
        <v>11</v>
      </c>
      <c r="E21909" s="1" t="s">
        <v>7</v>
      </c>
    </row>
    <row r="21910">
      <c r="A21910" s="1">
        <v>4.90844648E8</v>
      </c>
      <c r="B21910" s="2">
        <v>17606.0</v>
      </c>
      <c r="C21910" s="1" t="s">
        <v>5</v>
      </c>
      <c r="D21910" s="1" t="s">
        <v>11</v>
      </c>
      <c r="E21910" s="1" t="s">
        <v>7</v>
      </c>
    </row>
    <row r="21911">
      <c r="A21911" s="1">
        <v>4.90844684E8</v>
      </c>
      <c r="B21911" s="2">
        <v>17613.0</v>
      </c>
      <c r="C21911" s="1" t="s">
        <v>5</v>
      </c>
      <c r="D21911" s="1" t="s">
        <v>18547</v>
      </c>
      <c r="E21911" s="1" t="s">
        <v>7</v>
      </c>
    </row>
    <row r="21912">
      <c r="A21912" s="1">
        <v>4.90844686E8</v>
      </c>
      <c r="B21912" s="2">
        <v>17571.0</v>
      </c>
      <c r="C21912" s="1" t="s">
        <v>5</v>
      </c>
      <c r="D21912" s="1" t="s">
        <v>18548</v>
      </c>
      <c r="E21912" s="1" t="s">
        <v>11</v>
      </c>
    </row>
    <row r="21913">
      <c r="A21913" s="1">
        <v>4.90844695E8</v>
      </c>
      <c r="B21913" s="2">
        <v>17507.0</v>
      </c>
      <c r="C21913" s="1" t="s">
        <v>5</v>
      </c>
      <c r="D21913" s="1" t="s">
        <v>18549</v>
      </c>
      <c r="E21913" s="1" t="s">
        <v>7</v>
      </c>
    </row>
    <row r="21914">
      <c r="A21914" s="1">
        <v>4.90844705E8</v>
      </c>
      <c r="B21914" s="2">
        <v>17511.0</v>
      </c>
      <c r="C21914" s="1" t="s">
        <v>5</v>
      </c>
      <c r="D21914" s="1" t="s">
        <v>18550</v>
      </c>
      <c r="E21914" s="1" t="s">
        <v>7</v>
      </c>
    </row>
    <row r="21915">
      <c r="A21915" s="1">
        <v>4.90844716E8</v>
      </c>
      <c r="B21915" s="2">
        <v>17606.0</v>
      </c>
      <c r="C21915" s="1" t="s">
        <v>5</v>
      </c>
      <c r="D21915" s="1" t="s">
        <v>18551</v>
      </c>
      <c r="E21915" s="1" t="s">
        <v>7</v>
      </c>
    </row>
    <row r="21916">
      <c r="A21916" s="1">
        <v>4.90844718E8</v>
      </c>
      <c r="B21916" s="2">
        <v>17567.0</v>
      </c>
      <c r="C21916" s="1" t="s">
        <v>5</v>
      </c>
      <c r="D21916" s="1" t="s">
        <v>18552</v>
      </c>
      <c r="E21916" s="1" t="s">
        <v>11</v>
      </c>
    </row>
    <row r="21917">
      <c r="A21917" s="1">
        <v>4.90844728E8</v>
      </c>
      <c r="B21917" s="2">
        <v>17510.0</v>
      </c>
      <c r="C21917" s="1" t="s">
        <v>5</v>
      </c>
      <c r="D21917" s="1" t="s">
        <v>18553</v>
      </c>
      <c r="E21917" s="1" t="s">
        <v>7</v>
      </c>
    </row>
    <row r="21918">
      <c r="A21918" s="1">
        <v>4.90844763E8</v>
      </c>
      <c r="B21918" s="2">
        <v>17604.0</v>
      </c>
      <c r="C21918" s="1" t="s">
        <v>5</v>
      </c>
      <c r="D21918" s="1" t="s">
        <v>11</v>
      </c>
      <c r="E21918" s="1" t="s">
        <v>7</v>
      </c>
    </row>
    <row r="21919">
      <c r="A21919" s="1">
        <v>4.9084485E8</v>
      </c>
      <c r="B21919" s="2">
        <v>17568.0</v>
      </c>
      <c r="C21919" s="1" t="s">
        <v>5</v>
      </c>
      <c r="D21919" s="1" t="s">
        <v>18554</v>
      </c>
      <c r="E21919" s="1" t="s">
        <v>7</v>
      </c>
    </row>
    <row r="21920">
      <c r="A21920" s="1">
        <v>4.90844862E8</v>
      </c>
      <c r="B21920" s="2">
        <v>17571.0</v>
      </c>
      <c r="C21920" s="1" t="s">
        <v>5</v>
      </c>
      <c r="D21920" s="1" t="s">
        <v>18555</v>
      </c>
      <c r="E21920" s="1" t="s">
        <v>7</v>
      </c>
    </row>
    <row r="21921">
      <c r="A21921" s="1">
        <v>4.90845026E8</v>
      </c>
      <c r="B21921" s="2">
        <v>17508.0</v>
      </c>
      <c r="C21921" s="1" t="s">
        <v>5</v>
      </c>
      <c r="D21921" s="1" t="s">
        <v>11</v>
      </c>
      <c r="E21921" s="1" t="s">
        <v>7</v>
      </c>
    </row>
    <row r="21922">
      <c r="A21922" s="1">
        <v>4.9084508E8</v>
      </c>
      <c r="B21922" s="2">
        <v>17508.0</v>
      </c>
      <c r="C21922" s="1" t="s">
        <v>5</v>
      </c>
      <c r="D21922" s="1" t="s">
        <v>18556</v>
      </c>
      <c r="E21922" s="1" t="s">
        <v>7</v>
      </c>
    </row>
    <row r="21923">
      <c r="A21923" s="1">
        <v>4.90845082E8</v>
      </c>
      <c r="B21923" s="2">
        <v>17534.0</v>
      </c>
      <c r="C21923" s="1" t="s">
        <v>5</v>
      </c>
      <c r="D21923" s="1" t="s">
        <v>18557</v>
      </c>
      <c r="E21923" s="1" t="s">
        <v>18558</v>
      </c>
    </row>
    <row r="21924">
      <c r="A21924" s="1">
        <v>4.9084512E8</v>
      </c>
      <c r="B21924" s="2">
        <v>17595.0</v>
      </c>
      <c r="C21924" s="1" t="s">
        <v>5</v>
      </c>
      <c r="D21924" s="1" t="s">
        <v>17901</v>
      </c>
      <c r="E21924" s="1" t="s">
        <v>7</v>
      </c>
    </row>
    <row r="21925">
      <c r="A21925" s="1">
        <v>4.90845181E8</v>
      </c>
      <c r="B21925" s="2">
        <v>17507.0</v>
      </c>
      <c r="C21925" s="1" t="s">
        <v>5</v>
      </c>
      <c r="D21925" s="1" t="s">
        <v>18559</v>
      </c>
      <c r="E21925" s="1" t="s">
        <v>7</v>
      </c>
    </row>
    <row r="21926">
      <c r="A21926" s="1">
        <v>4.90845192E8</v>
      </c>
      <c r="B21926" s="2">
        <v>17601.0</v>
      </c>
      <c r="C21926" s="1" t="s">
        <v>5</v>
      </c>
      <c r="D21926" s="1" t="s">
        <v>18560</v>
      </c>
      <c r="E21926" s="1" t="s">
        <v>7</v>
      </c>
    </row>
    <row r="21927">
      <c r="A21927" s="1">
        <v>4.90845235E8</v>
      </c>
      <c r="B21927" s="2">
        <v>17555.0</v>
      </c>
      <c r="C21927" s="1" t="s">
        <v>5</v>
      </c>
      <c r="D21927" s="1" t="s">
        <v>11</v>
      </c>
      <c r="E21927" s="1" t="s">
        <v>7</v>
      </c>
    </row>
    <row r="21928">
      <c r="A21928" s="1">
        <v>4.90845239E8</v>
      </c>
      <c r="B21928" s="2">
        <v>17570.0</v>
      </c>
      <c r="C21928" s="1" t="s">
        <v>5</v>
      </c>
      <c r="D21928" s="1" t="s">
        <v>18561</v>
      </c>
      <c r="E21928" s="1" t="s">
        <v>11</v>
      </c>
    </row>
    <row r="21929">
      <c r="A21929" s="1">
        <v>4.90845252E8</v>
      </c>
      <c r="B21929" s="2">
        <v>17599.0</v>
      </c>
      <c r="C21929" s="1" t="s">
        <v>5</v>
      </c>
      <c r="D21929" s="1" t="s">
        <v>18562</v>
      </c>
      <c r="E21929" s="1" t="s">
        <v>18563</v>
      </c>
    </row>
    <row r="21930">
      <c r="A21930" s="1">
        <v>4.90845262E8</v>
      </c>
      <c r="B21930" s="2">
        <v>17549.0</v>
      </c>
      <c r="C21930" s="1" t="s">
        <v>5</v>
      </c>
      <c r="D21930" s="1" t="s">
        <v>11</v>
      </c>
      <c r="E21930" s="1" t="s">
        <v>7</v>
      </c>
    </row>
    <row r="21931">
      <c r="A21931" s="1">
        <v>4.90845266E8</v>
      </c>
      <c r="B21931" s="2">
        <v>17555.0</v>
      </c>
      <c r="C21931" s="1" t="s">
        <v>5</v>
      </c>
      <c r="D21931" s="1" t="s">
        <v>11</v>
      </c>
      <c r="E21931" s="1" t="s">
        <v>7</v>
      </c>
    </row>
    <row r="21932">
      <c r="A21932" s="1">
        <v>4.90845354E8</v>
      </c>
      <c r="B21932" s="2">
        <v>17546.0</v>
      </c>
      <c r="C21932" s="1" t="s">
        <v>5</v>
      </c>
      <c r="D21932" s="1" t="s">
        <v>18564</v>
      </c>
      <c r="E21932" s="1" t="s">
        <v>7</v>
      </c>
    </row>
    <row r="21933">
      <c r="A21933" s="1">
        <v>4.90845431E8</v>
      </c>
      <c r="B21933" s="2">
        <v>17505.0</v>
      </c>
      <c r="C21933" s="1" t="s">
        <v>5</v>
      </c>
      <c r="D21933" s="1" t="s">
        <v>11</v>
      </c>
      <c r="E21933" s="1" t="s">
        <v>7</v>
      </c>
    </row>
    <row r="21934">
      <c r="A21934" s="1">
        <v>4.9084549E8</v>
      </c>
      <c r="B21934" s="2">
        <v>17505.0</v>
      </c>
      <c r="C21934" s="1" t="s">
        <v>5</v>
      </c>
      <c r="D21934" s="1" t="s">
        <v>18565</v>
      </c>
      <c r="E21934" s="1" t="s">
        <v>7</v>
      </c>
    </row>
    <row r="21935">
      <c r="A21935" s="1">
        <v>4.90845532E8</v>
      </c>
      <c r="B21935" s="2">
        <v>17559.0</v>
      </c>
      <c r="C21935" s="1" t="s">
        <v>5</v>
      </c>
      <c r="D21935" s="1" t="s">
        <v>11</v>
      </c>
      <c r="E21935" s="1" t="s">
        <v>7</v>
      </c>
    </row>
    <row r="21936">
      <c r="A21936" s="1">
        <v>4.90845585E8</v>
      </c>
      <c r="B21936" s="2">
        <v>17513.0</v>
      </c>
      <c r="C21936" s="1" t="s">
        <v>5</v>
      </c>
      <c r="D21936" s="1" t="s">
        <v>18566</v>
      </c>
      <c r="E21936" s="1" t="s">
        <v>7</v>
      </c>
    </row>
    <row r="21937">
      <c r="A21937" s="1">
        <v>4.90845669E8</v>
      </c>
      <c r="B21937" s="2">
        <v>17604.0</v>
      </c>
      <c r="C21937" s="1" t="s">
        <v>5</v>
      </c>
      <c r="D21937" s="1" t="s">
        <v>11</v>
      </c>
      <c r="E21937" s="1" t="s">
        <v>7</v>
      </c>
    </row>
    <row r="21938">
      <c r="A21938" s="1">
        <v>4.90845679E8</v>
      </c>
      <c r="B21938" s="2">
        <v>17557.0</v>
      </c>
      <c r="C21938" s="1" t="s">
        <v>5</v>
      </c>
      <c r="D21938" s="1" t="s">
        <v>11</v>
      </c>
      <c r="E21938" s="1" t="s">
        <v>7</v>
      </c>
    </row>
    <row r="21939">
      <c r="A21939" s="1">
        <v>4.90845695E8</v>
      </c>
      <c r="B21939" s="2">
        <v>17561.0</v>
      </c>
      <c r="C21939" s="1" t="s">
        <v>5</v>
      </c>
      <c r="D21939" s="1" t="s">
        <v>18567</v>
      </c>
      <c r="E21939" s="1" t="s">
        <v>11</v>
      </c>
    </row>
    <row r="21940">
      <c r="A21940" s="1">
        <v>4.90845718E8</v>
      </c>
      <c r="B21940" s="2">
        <v>17545.0</v>
      </c>
      <c r="C21940" s="1" t="s">
        <v>5</v>
      </c>
      <c r="D21940" s="1" t="s">
        <v>18568</v>
      </c>
      <c r="E21940" s="1" t="s">
        <v>11</v>
      </c>
    </row>
    <row r="21941">
      <c r="A21941" s="1">
        <v>4.90845777E8</v>
      </c>
      <c r="B21941" s="2">
        <v>17611.0</v>
      </c>
      <c r="C21941" s="1" t="s">
        <v>5</v>
      </c>
      <c r="D21941" s="1" t="s">
        <v>11</v>
      </c>
      <c r="E21941" s="1" t="s">
        <v>7</v>
      </c>
    </row>
    <row r="21942">
      <c r="A21942" s="1">
        <v>4.9084585E8</v>
      </c>
      <c r="B21942" s="2">
        <v>17566.0</v>
      </c>
      <c r="C21942" s="1" t="s">
        <v>5</v>
      </c>
      <c r="D21942" s="1" t="s">
        <v>11</v>
      </c>
      <c r="E21942" s="1" t="s">
        <v>7</v>
      </c>
    </row>
    <row r="21943">
      <c r="A21943" s="1">
        <v>4.90845879E8</v>
      </c>
      <c r="B21943" s="2">
        <v>17596.0</v>
      </c>
      <c r="C21943" s="1" t="s">
        <v>5</v>
      </c>
      <c r="D21943" s="1" t="s">
        <v>18569</v>
      </c>
      <c r="E21943" s="1" t="s">
        <v>7</v>
      </c>
    </row>
    <row r="21944">
      <c r="A21944" s="1">
        <v>4.90845899E8</v>
      </c>
      <c r="B21944" s="2">
        <v>17611.0</v>
      </c>
      <c r="C21944" s="1" t="s">
        <v>5</v>
      </c>
      <c r="D21944" s="1" t="s">
        <v>11</v>
      </c>
      <c r="E21944" s="1" t="s">
        <v>7</v>
      </c>
    </row>
    <row r="21945">
      <c r="A21945" s="1">
        <v>4.9084591E8</v>
      </c>
      <c r="B21945" s="2">
        <v>17534.0</v>
      </c>
      <c r="C21945" s="1" t="s">
        <v>5</v>
      </c>
      <c r="D21945" s="1" t="s">
        <v>11</v>
      </c>
      <c r="E21945" s="1" t="s">
        <v>7</v>
      </c>
    </row>
    <row r="21946">
      <c r="A21946" s="1">
        <v>4.90845919E8</v>
      </c>
      <c r="B21946" s="2">
        <v>17618.0</v>
      </c>
      <c r="C21946" s="1" t="s">
        <v>5</v>
      </c>
      <c r="D21946" s="1" t="s">
        <v>18570</v>
      </c>
      <c r="E21946" s="1" t="s">
        <v>7</v>
      </c>
    </row>
    <row r="21947">
      <c r="A21947" s="1">
        <v>4.9084599E8</v>
      </c>
      <c r="B21947" s="2">
        <v>17563.0</v>
      </c>
      <c r="C21947" s="1" t="s">
        <v>5</v>
      </c>
      <c r="D21947" s="1" t="s">
        <v>11</v>
      </c>
      <c r="E21947" s="1" t="s">
        <v>7</v>
      </c>
    </row>
    <row r="21948">
      <c r="A21948" s="1">
        <v>4.90846076E8</v>
      </c>
      <c r="B21948" s="2">
        <v>17563.0</v>
      </c>
      <c r="C21948" s="1" t="s">
        <v>5</v>
      </c>
      <c r="D21948" s="1" t="s">
        <v>18571</v>
      </c>
      <c r="E21948" s="1" t="s">
        <v>11</v>
      </c>
    </row>
    <row r="21949">
      <c r="A21949" s="1">
        <v>4.90846079E8</v>
      </c>
      <c r="B21949" s="2">
        <v>17647.0</v>
      </c>
      <c r="C21949" s="1" t="s">
        <v>5</v>
      </c>
      <c r="D21949" s="1" t="s">
        <v>11</v>
      </c>
      <c r="E21949" s="1" t="s">
        <v>7</v>
      </c>
    </row>
    <row r="21950">
      <c r="A21950" s="1">
        <v>4.9084611E8</v>
      </c>
      <c r="B21950" s="2">
        <v>17643.0</v>
      </c>
      <c r="C21950" s="1" t="s">
        <v>5</v>
      </c>
      <c r="D21950" s="1" t="s">
        <v>18572</v>
      </c>
      <c r="E21950" s="1" t="s">
        <v>11</v>
      </c>
    </row>
    <row r="21951">
      <c r="A21951" s="1">
        <v>4.90846163E8</v>
      </c>
      <c r="B21951" s="2">
        <v>17562.0</v>
      </c>
      <c r="C21951" s="1" t="s">
        <v>5</v>
      </c>
      <c r="D21951" s="1" t="s">
        <v>11</v>
      </c>
      <c r="E21951" s="1" t="s">
        <v>7</v>
      </c>
    </row>
    <row r="21952">
      <c r="A21952" s="1">
        <v>4.90846182E8</v>
      </c>
      <c r="B21952" s="2">
        <v>17560.0</v>
      </c>
      <c r="C21952" s="1" t="s">
        <v>5</v>
      </c>
      <c r="D21952" s="1" t="s">
        <v>11</v>
      </c>
      <c r="E21952" s="1" t="s">
        <v>7</v>
      </c>
    </row>
    <row r="21953">
      <c r="A21953" s="1">
        <v>4.90846204E8</v>
      </c>
      <c r="B21953" s="2">
        <v>17646.0</v>
      </c>
      <c r="C21953" s="1" t="s">
        <v>5</v>
      </c>
      <c r="D21953" s="1" t="s">
        <v>18573</v>
      </c>
      <c r="E21953" s="1" t="s">
        <v>7</v>
      </c>
    </row>
    <row r="21954">
      <c r="A21954" s="1">
        <v>4.90846292E8</v>
      </c>
      <c r="B21954" s="2">
        <v>17557.0</v>
      </c>
      <c r="C21954" s="1" t="s">
        <v>5</v>
      </c>
      <c r="D21954" s="1" t="s">
        <v>18574</v>
      </c>
      <c r="E21954" s="1" t="s">
        <v>7</v>
      </c>
    </row>
    <row r="21955">
      <c r="A21955" s="1">
        <v>4.90846346E8</v>
      </c>
      <c r="B21955" s="2">
        <v>17599.0</v>
      </c>
      <c r="C21955" s="1" t="s">
        <v>5</v>
      </c>
      <c r="D21955" s="1" t="s">
        <v>18575</v>
      </c>
      <c r="E21955" s="1" t="s">
        <v>11</v>
      </c>
    </row>
    <row r="21956">
      <c r="A21956" s="1">
        <v>4.90846405E8</v>
      </c>
      <c r="B21956" s="2">
        <v>17641.0</v>
      </c>
      <c r="C21956" s="1" t="s">
        <v>5</v>
      </c>
      <c r="D21956" s="1" t="s">
        <v>18576</v>
      </c>
      <c r="E21956" s="1" t="s">
        <v>7</v>
      </c>
    </row>
    <row r="21957">
      <c r="A21957" s="1">
        <v>4.9084641E8</v>
      </c>
      <c r="B21957" s="2">
        <v>17546.0</v>
      </c>
      <c r="C21957" s="1" t="s">
        <v>5</v>
      </c>
      <c r="D21957" s="1" t="s">
        <v>18577</v>
      </c>
      <c r="E21957" s="1" t="s">
        <v>11</v>
      </c>
    </row>
    <row r="21958">
      <c r="A21958" s="1">
        <v>4.9084645E8</v>
      </c>
      <c r="B21958" s="2">
        <v>17508.0</v>
      </c>
      <c r="C21958" s="1" t="s">
        <v>5</v>
      </c>
      <c r="D21958" s="1" t="s">
        <v>18578</v>
      </c>
      <c r="E21958" s="1" t="s">
        <v>7</v>
      </c>
    </row>
    <row r="21959">
      <c r="A21959" s="1">
        <v>4.90846462E8</v>
      </c>
      <c r="B21959" s="2">
        <v>17546.0</v>
      </c>
      <c r="C21959" s="1" t="s">
        <v>5</v>
      </c>
      <c r="D21959" s="1" t="s">
        <v>11</v>
      </c>
      <c r="E21959" s="1" t="s">
        <v>7</v>
      </c>
    </row>
    <row r="21960">
      <c r="A21960" s="1">
        <v>4.90846466E8</v>
      </c>
      <c r="B21960" s="2">
        <v>17652.0</v>
      </c>
      <c r="C21960" s="1" t="s">
        <v>5</v>
      </c>
      <c r="D21960" s="1" t="s">
        <v>11</v>
      </c>
      <c r="E21960" s="1" t="s">
        <v>7</v>
      </c>
    </row>
    <row r="21961">
      <c r="A21961" s="1">
        <v>4.90846529E8</v>
      </c>
      <c r="B21961" s="2">
        <v>17605.0</v>
      </c>
      <c r="C21961" s="1" t="s">
        <v>5</v>
      </c>
      <c r="D21961" s="1" t="s">
        <v>18579</v>
      </c>
      <c r="E21961" s="1" t="s">
        <v>7</v>
      </c>
    </row>
    <row r="21962">
      <c r="A21962" s="1">
        <v>4.90846575E8</v>
      </c>
      <c r="B21962" s="2">
        <v>17640.0</v>
      </c>
      <c r="C21962" s="1" t="s">
        <v>5</v>
      </c>
      <c r="D21962" s="1" t="s">
        <v>11</v>
      </c>
      <c r="E21962" s="1" t="s">
        <v>7</v>
      </c>
    </row>
    <row r="21963">
      <c r="A21963" s="1">
        <v>4.90846607E8</v>
      </c>
      <c r="B21963" s="2">
        <v>17640.0</v>
      </c>
      <c r="C21963" s="1" t="s">
        <v>5</v>
      </c>
      <c r="D21963" s="1" t="s">
        <v>18580</v>
      </c>
      <c r="E21963" s="1" t="s">
        <v>11</v>
      </c>
    </row>
    <row r="21964">
      <c r="A21964" s="1">
        <v>4.90846719E8</v>
      </c>
      <c r="B21964" s="2">
        <v>17650.0</v>
      </c>
      <c r="C21964" s="1" t="s">
        <v>5</v>
      </c>
      <c r="D21964" s="1" t="s">
        <v>18581</v>
      </c>
      <c r="E21964" s="1" t="s">
        <v>7</v>
      </c>
    </row>
    <row r="21965">
      <c r="A21965" s="1">
        <v>4.90846754E8</v>
      </c>
      <c r="B21965" s="2">
        <v>17542.0</v>
      </c>
      <c r="C21965" s="1" t="s">
        <v>5</v>
      </c>
      <c r="D21965" s="1" t="s">
        <v>18582</v>
      </c>
      <c r="E21965" s="1" t="s">
        <v>18583</v>
      </c>
    </row>
    <row r="21966">
      <c r="A21966" s="1">
        <v>4.90846769E8</v>
      </c>
      <c r="B21966" s="2">
        <v>17507.0</v>
      </c>
      <c r="C21966" s="1" t="s">
        <v>5</v>
      </c>
      <c r="D21966" s="1" t="s">
        <v>18584</v>
      </c>
      <c r="E21966" s="1" t="s">
        <v>11</v>
      </c>
    </row>
    <row r="21967">
      <c r="A21967" s="1">
        <v>4.9084679E8</v>
      </c>
      <c r="B21967" s="2">
        <v>17604.0</v>
      </c>
      <c r="C21967" s="1" t="s">
        <v>5</v>
      </c>
      <c r="D21967" s="1" t="s">
        <v>18585</v>
      </c>
      <c r="E21967" s="1" t="s">
        <v>11</v>
      </c>
    </row>
    <row r="21968">
      <c r="A21968" s="1">
        <v>4.90846807E8</v>
      </c>
      <c r="B21968" s="2">
        <v>17552.0</v>
      </c>
      <c r="C21968" s="1" t="s">
        <v>5</v>
      </c>
      <c r="D21968" s="1" t="s">
        <v>18586</v>
      </c>
      <c r="E21968" s="1" t="s">
        <v>7</v>
      </c>
    </row>
    <row r="21969">
      <c r="A21969" s="1">
        <v>4.90846809E8</v>
      </c>
      <c r="B21969" s="2">
        <v>17638.0</v>
      </c>
      <c r="C21969" s="1" t="s">
        <v>5</v>
      </c>
      <c r="D21969" s="1" t="s">
        <v>18587</v>
      </c>
      <c r="E21969" s="1" t="s">
        <v>7</v>
      </c>
    </row>
    <row r="21970">
      <c r="A21970" s="1">
        <v>4.90846871E8</v>
      </c>
      <c r="B21970" s="2">
        <v>17637.0</v>
      </c>
      <c r="C21970" s="1" t="s">
        <v>5</v>
      </c>
      <c r="D21970" s="1" t="s">
        <v>18588</v>
      </c>
      <c r="E21970" s="1" t="s">
        <v>11</v>
      </c>
    </row>
    <row r="21971">
      <c r="A21971" s="1">
        <v>4.90846881E8</v>
      </c>
      <c r="B21971" s="2">
        <v>17617.0</v>
      </c>
      <c r="C21971" s="1" t="s">
        <v>5</v>
      </c>
      <c r="D21971" s="1" t="s">
        <v>18589</v>
      </c>
      <c r="E21971" s="1" t="s">
        <v>18590</v>
      </c>
    </row>
    <row r="21972">
      <c r="A21972" s="1">
        <v>4.90846945E8</v>
      </c>
      <c r="B21972" s="2">
        <v>17615.0</v>
      </c>
      <c r="C21972" s="1" t="s">
        <v>5</v>
      </c>
      <c r="D21972" s="1" t="s">
        <v>18591</v>
      </c>
      <c r="E21972" s="1" t="s">
        <v>7</v>
      </c>
    </row>
    <row r="21973">
      <c r="A21973" s="1">
        <v>4.90846969E8</v>
      </c>
      <c r="B21973" s="2">
        <v>17633.0</v>
      </c>
      <c r="C21973" s="1" t="s">
        <v>5</v>
      </c>
      <c r="D21973" s="1" t="s">
        <v>18592</v>
      </c>
      <c r="E21973" s="1" t="s">
        <v>7</v>
      </c>
    </row>
    <row r="21974">
      <c r="A21974" s="1">
        <v>4.90846999E8</v>
      </c>
      <c r="B21974" s="2">
        <v>17640.0</v>
      </c>
      <c r="C21974" s="1" t="s">
        <v>5</v>
      </c>
      <c r="D21974" s="1" t="s">
        <v>11</v>
      </c>
      <c r="E21974" s="1" t="s">
        <v>7</v>
      </c>
    </row>
    <row r="21975">
      <c r="A21975" s="1">
        <v>4.90847041E8</v>
      </c>
      <c r="B21975" s="2">
        <v>17541.0</v>
      </c>
      <c r="C21975" s="1" t="s">
        <v>5</v>
      </c>
      <c r="D21975" s="1" t="s">
        <v>11</v>
      </c>
      <c r="E21975" s="1" t="s">
        <v>7</v>
      </c>
    </row>
    <row r="21976">
      <c r="A21976" s="1">
        <v>4.90847052E8</v>
      </c>
      <c r="B21976" s="2">
        <v>17555.0</v>
      </c>
      <c r="C21976" s="1" t="s">
        <v>5</v>
      </c>
      <c r="D21976" s="1" t="s">
        <v>11</v>
      </c>
      <c r="E21976" s="1" t="s">
        <v>7</v>
      </c>
    </row>
    <row r="21977">
      <c r="A21977" s="1">
        <v>4.90847066E8</v>
      </c>
      <c r="B21977" s="2">
        <v>17615.0</v>
      </c>
      <c r="C21977" s="1" t="s">
        <v>5</v>
      </c>
      <c r="D21977" s="1" t="s">
        <v>18593</v>
      </c>
      <c r="E21977" s="1" t="s">
        <v>11</v>
      </c>
    </row>
    <row r="21978">
      <c r="A21978" s="1">
        <v>4.90847079E8</v>
      </c>
      <c r="B21978" s="2">
        <v>17609.0</v>
      </c>
      <c r="C21978" s="1" t="s">
        <v>5</v>
      </c>
      <c r="D21978" s="1" t="s">
        <v>18594</v>
      </c>
      <c r="E21978" s="1" t="s">
        <v>7</v>
      </c>
    </row>
    <row r="21979">
      <c r="A21979" s="1">
        <v>4.90847088E8</v>
      </c>
      <c r="B21979" s="2">
        <v>17639.0</v>
      </c>
      <c r="C21979" s="1" t="s">
        <v>5</v>
      </c>
      <c r="D21979" s="1" t="s">
        <v>11</v>
      </c>
      <c r="E21979" s="1" t="s">
        <v>7</v>
      </c>
    </row>
    <row r="21980">
      <c r="A21980" s="1">
        <v>4.90847129E8</v>
      </c>
      <c r="B21980" s="2">
        <v>17555.0</v>
      </c>
      <c r="C21980" s="1" t="s">
        <v>5</v>
      </c>
      <c r="D21980" s="1" t="s">
        <v>18595</v>
      </c>
      <c r="E21980" s="1" t="s">
        <v>7</v>
      </c>
    </row>
    <row r="21981">
      <c r="A21981" s="1">
        <v>4.90847142E8</v>
      </c>
      <c r="B21981" s="2">
        <v>17504.0</v>
      </c>
      <c r="C21981" s="1" t="s">
        <v>5</v>
      </c>
      <c r="D21981" s="1" t="s">
        <v>18596</v>
      </c>
      <c r="E21981" s="1" t="s">
        <v>7</v>
      </c>
    </row>
    <row r="21982">
      <c r="A21982" s="1">
        <v>4.90847238E8</v>
      </c>
      <c r="B21982" s="2">
        <v>17653.0</v>
      </c>
      <c r="C21982" s="1" t="s">
        <v>5</v>
      </c>
      <c r="D21982" s="1" t="s">
        <v>18597</v>
      </c>
      <c r="E21982" s="1" t="s">
        <v>11</v>
      </c>
    </row>
    <row r="21983">
      <c r="A21983" s="1">
        <v>4.90847239E8</v>
      </c>
      <c r="B21983" s="2">
        <v>17636.0</v>
      </c>
      <c r="C21983" s="1" t="s">
        <v>5</v>
      </c>
      <c r="D21983" s="1" t="s">
        <v>18598</v>
      </c>
      <c r="E21983" s="1" t="s">
        <v>7</v>
      </c>
    </row>
    <row r="21984">
      <c r="A21984" s="1">
        <v>4.90847329E8</v>
      </c>
      <c r="B21984" s="2">
        <v>17634.0</v>
      </c>
      <c r="C21984" s="1" t="s">
        <v>5</v>
      </c>
      <c r="D21984" s="1" t="s">
        <v>11</v>
      </c>
      <c r="E21984" s="1" t="s">
        <v>7</v>
      </c>
    </row>
    <row r="21985">
      <c r="A21985" s="1">
        <v>4.90847386E8</v>
      </c>
      <c r="B21985" s="2">
        <v>17554.0</v>
      </c>
      <c r="C21985" s="1" t="s">
        <v>5</v>
      </c>
      <c r="D21985" s="1" t="s">
        <v>18599</v>
      </c>
      <c r="E21985" s="1" t="s">
        <v>7</v>
      </c>
    </row>
    <row r="21986">
      <c r="A21986" s="1">
        <v>4.90847404E8</v>
      </c>
      <c r="B21986" s="2">
        <v>17543.0</v>
      </c>
      <c r="C21986" s="1" t="s">
        <v>5</v>
      </c>
      <c r="D21986" s="1" t="s">
        <v>11</v>
      </c>
      <c r="E21986" s="1" t="s">
        <v>7</v>
      </c>
    </row>
    <row r="21987">
      <c r="A21987" s="1">
        <v>4.90847503E8</v>
      </c>
      <c r="B21987" s="2">
        <v>17644.0</v>
      </c>
      <c r="C21987" s="1" t="s">
        <v>5</v>
      </c>
      <c r="D21987" s="1" t="s">
        <v>18600</v>
      </c>
      <c r="E21987" s="1" t="s">
        <v>11</v>
      </c>
    </row>
    <row r="21988">
      <c r="A21988" s="1">
        <v>4.90847504E8</v>
      </c>
      <c r="B21988" s="2">
        <v>17591.0</v>
      </c>
      <c r="C21988" s="1" t="s">
        <v>5</v>
      </c>
      <c r="D21988" s="1" t="s">
        <v>11</v>
      </c>
      <c r="E21988" s="1" t="s">
        <v>7</v>
      </c>
    </row>
    <row r="21989">
      <c r="A21989" s="1">
        <v>4.90847622E8</v>
      </c>
      <c r="B21989" s="2">
        <v>17636.0</v>
      </c>
      <c r="C21989" s="1" t="s">
        <v>5</v>
      </c>
      <c r="D21989" s="1" t="s">
        <v>18601</v>
      </c>
      <c r="E21989" s="1" t="s">
        <v>11</v>
      </c>
    </row>
    <row r="21990">
      <c r="A21990" s="1">
        <v>4.90847666E8</v>
      </c>
      <c r="B21990" s="2">
        <v>17602.0</v>
      </c>
      <c r="C21990" s="1" t="s">
        <v>5</v>
      </c>
      <c r="D21990" s="1" t="s">
        <v>18602</v>
      </c>
      <c r="E21990" s="1" t="s">
        <v>7</v>
      </c>
    </row>
    <row r="21991">
      <c r="A21991" s="1">
        <v>4.90847688E8</v>
      </c>
      <c r="B21991" s="2">
        <v>17542.0</v>
      </c>
      <c r="C21991" s="1" t="s">
        <v>5</v>
      </c>
      <c r="D21991" s="1" t="s">
        <v>18603</v>
      </c>
      <c r="E21991" s="1" t="s">
        <v>7</v>
      </c>
    </row>
    <row r="21992">
      <c r="A21992" s="1">
        <v>4.90847714E8</v>
      </c>
      <c r="B21992" s="2">
        <v>17590.0</v>
      </c>
      <c r="C21992" s="1" t="s">
        <v>5</v>
      </c>
      <c r="D21992" s="1" t="s">
        <v>18604</v>
      </c>
      <c r="E21992" s="1" t="s">
        <v>18605</v>
      </c>
    </row>
    <row r="21993">
      <c r="A21993" s="1">
        <v>4.90847769E8</v>
      </c>
      <c r="B21993" s="2">
        <v>17613.0</v>
      </c>
      <c r="C21993" s="1" t="s">
        <v>5</v>
      </c>
      <c r="D21993" s="1" t="s">
        <v>18606</v>
      </c>
      <c r="E21993" s="1" t="s">
        <v>7</v>
      </c>
    </row>
    <row r="21994">
      <c r="A21994" s="1">
        <v>4.90847866E8</v>
      </c>
      <c r="B21994" s="2">
        <v>17536.0</v>
      </c>
      <c r="C21994" s="1" t="s">
        <v>5</v>
      </c>
      <c r="D21994" s="1" t="s">
        <v>11</v>
      </c>
      <c r="E21994" s="1" t="s">
        <v>7</v>
      </c>
    </row>
    <row r="21995">
      <c r="A21995" s="1">
        <v>4.90847905E8</v>
      </c>
      <c r="B21995" s="2">
        <v>17541.0</v>
      </c>
      <c r="C21995" s="1" t="s">
        <v>5</v>
      </c>
      <c r="D21995" s="1" t="s">
        <v>18607</v>
      </c>
      <c r="E21995" s="1" t="s">
        <v>11</v>
      </c>
    </row>
    <row r="21996">
      <c r="A21996" s="1">
        <v>4.90847982E8</v>
      </c>
      <c r="B21996" s="2">
        <v>17648.0</v>
      </c>
      <c r="C21996" s="1" t="s">
        <v>5</v>
      </c>
      <c r="D21996" s="1" t="s">
        <v>18608</v>
      </c>
      <c r="E21996" s="1" t="s">
        <v>7</v>
      </c>
    </row>
    <row r="21997">
      <c r="A21997" s="1">
        <v>4.90848008E8</v>
      </c>
      <c r="B21997" s="2">
        <v>17633.0</v>
      </c>
      <c r="C21997" s="1" t="s">
        <v>5</v>
      </c>
      <c r="D21997" s="1" t="s">
        <v>18609</v>
      </c>
      <c r="E21997" s="1" t="s">
        <v>18610</v>
      </c>
    </row>
    <row r="21998">
      <c r="A21998" s="1">
        <v>4.90848084E8</v>
      </c>
      <c r="B21998" s="2">
        <v>17599.0</v>
      </c>
      <c r="C21998" s="1" t="s">
        <v>5</v>
      </c>
      <c r="D21998" s="1" t="s">
        <v>18611</v>
      </c>
      <c r="E21998" s="1" t="s">
        <v>7</v>
      </c>
    </row>
    <row r="21999">
      <c r="A21999" s="1">
        <v>4.90848169E8</v>
      </c>
      <c r="B21999" s="2">
        <v>17629.0</v>
      </c>
      <c r="C21999" s="1" t="s">
        <v>5</v>
      </c>
      <c r="D21999" s="1" t="s">
        <v>18612</v>
      </c>
      <c r="E21999" s="1" t="s">
        <v>11</v>
      </c>
    </row>
    <row r="22000">
      <c r="A22000" s="1">
        <v>4.90848247E8</v>
      </c>
      <c r="B22000" s="2">
        <v>17596.0</v>
      </c>
      <c r="C22000" s="1" t="s">
        <v>5</v>
      </c>
      <c r="D22000" s="1" t="s">
        <v>11</v>
      </c>
      <c r="E22000" s="1" t="s">
        <v>7</v>
      </c>
    </row>
    <row r="22001">
      <c r="A22001" s="1">
        <v>4.90848461E8</v>
      </c>
      <c r="B22001" s="2">
        <v>17540.0</v>
      </c>
      <c r="C22001" s="1" t="s">
        <v>5</v>
      </c>
      <c r="D22001" s="1" t="s">
        <v>18613</v>
      </c>
      <c r="E22001" s="1" t="s">
        <v>7</v>
      </c>
    </row>
    <row r="22002">
      <c r="A22002" s="1">
        <v>4.90848567E8</v>
      </c>
      <c r="B22002" s="2">
        <v>17645.0</v>
      </c>
      <c r="C22002" s="1" t="s">
        <v>5</v>
      </c>
      <c r="D22002" s="1" t="s">
        <v>18614</v>
      </c>
      <c r="E22002" s="1" t="s">
        <v>7</v>
      </c>
    </row>
    <row r="22003">
      <c r="A22003" s="1">
        <v>4.90848659E8</v>
      </c>
      <c r="B22003" s="2">
        <v>17624.0</v>
      </c>
      <c r="C22003" s="1" t="s">
        <v>5</v>
      </c>
      <c r="D22003" s="1" t="s">
        <v>18615</v>
      </c>
      <c r="E22003" s="1" t="s">
        <v>11</v>
      </c>
    </row>
    <row r="22004">
      <c r="A22004" s="1">
        <v>4.90848706E8</v>
      </c>
      <c r="B22004" s="2">
        <v>17594.0</v>
      </c>
      <c r="C22004" s="1" t="s">
        <v>5</v>
      </c>
      <c r="D22004" s="1" t="s">
        <v>18616</v>
      </c>
      <c r="E22004" s="1" t="s">
        <v>7</v>
      </c>
    </row>
    <row r="22005">
      <c r="A22005" s="1">
        <v>4.90848747E8</v>
      </c>
      <c r="B22005" s="2">
        <v>17552.0</v>
      </c>
      <c r="C22005" s="1" t="s">
        <v>5</v>
      </c>
      <c r="D22005" s="1" t="s">
        <v>18617</v>
      </c>
      <c r="E22005" s="1" t="s">
        <v>11</v>
      </c>
    </row>
    <row r="22006">
      <c r="A22006" s="1">
        <v>4.90848919E8</v>
      </c>
      <c r="B22006" s="2">
        <v>17552.0</v>
      </c>
      <c r="C22006" s="1" t="s">
        <v>5</v>
      </c>
      <c r="D22006" s="1" t="s">
        <v>18618</v>
      </c>
      <c r="E22006" s="1" t="s">
        <v>11</v>
      </c>
    </row>
    <row r="22007">
      <c r="A22007" s="1">
        <v>4.90849095E8</v>
      </c>
      <c r="B22007" s="3">
        <v>17655.0</v>
      </c>
      <c r="C22007" s="1" t="s">
        <v>5</v>
      </c>
      <c r="D22007" s="1" t="s">
        <v>18619</v>
      </c>
      <c r="E22007" s="1" t="s">
        <v>18620</v>
      </c>
    </row>
    <row r="22008">
      <c r="A22008" s="1">
        <v>4.90849123E8</v>
      </c>
      <c r="B22008" s="2">
        <v>17538.0</v>
      </c>
      <c r="C22008" s="1" t="s">
        <v>5</v>
      </c>
      <c r="D22008" s="1" t="s">
        <v>11</v>
      </c>
      <c r="E22008" s="1" t="s">
        <v>7</v>
      </c>
    </row>
    <row r="22009">
      <c r="A22009" s="1">
        <v>4.90849175E8</v>
      </c>
      <c r="B22009" s="2">
        <v>17598.0</v>
      </c>
      <c r="C22009" s="1" t="s">
        <v>5</v>
      </c>
      <c r="D22009" s="1" t="s">
        <v>18621</v>
      </c>
      <c r="E22009" s="1" t="s">
        <v>7</v>
      </c>
    </row>
    <row r="22010">
      <c r="A22010" s="1">
        <v>4.90849186E8</v>
      </c>
      <c r="B22010" s="2">
        <v>17624.0</v>
      </c>
      <c r="C22010" s="1" t="s">
        <v>5</v>
      </c>
      <c r="D22010" s="1" t="s">
        <v>18622</v>
      </c>
      <c r="E22010" s="1" t="s">
        <v>7</v>
      </c>
    </row>
    <row r="22011">
      <c r="A22011" s="1">
        <v>4.90849196E8</v>
      </c>
      <c r="B22011" s="2">
        <v>17591.0</v>
      </c>
      <c r="C22011" s="1" t="s">
        <v>5</v>
      </c>
      <c r="D22011" s="1" t="s">
        <v>18623</v>
      </c>
      <c r="E22011" s="1" t="s">
        <v>7</v>
      </c>
    </row>
    <row r="22012">
      <c r="A22012" s="1">
        <v>4.90849198E8</v>
      </c>
      <c r="B22012" s="2">
        <v>17652.0</v>
      </c>
      <c r="C22012" s="1" t="s">
        <v>5</v>
      </c>
      <c r="D22012" s="1" t="s">
        <v>18624</v>
      </c>
      <c r="E22012" s="1" t="s">
        <v>11</v>
      </c>
    </row>
    <row r="22013">
      <c r="A22013" s="1">
        <v>4.90849217E8</v>
      </c>
      <c r="B22013" s="3">
        <v>17668.0</v>
      </c>
      <c r="C22013" s="1" t="s">
        <v>5</v>
      </c>
      <c r="D22013" s="1" t="s">
        <v>11</v>
      </c>
      <c r="E22013" s="1" t="s">
        <v>7</v>
      </c>
    </row>
    <row r="22014">
      <c r="A22014" s="1">
        <v>4.90849253E8</v>
      </c>
      <c r="B22014" s="2">
        <v>17626.0</v>
      </c>
      <c r="C22014" s="1" t="s">
        <v>5</v>
      </c>
      <c r="D22014" s="1" t="s">
        <v>18625</v>
      </c>
      <c r="E22014" s="1" t="s">
        <v>11</v>
      </c>
    </row>
    <row r="22015">
      <c r="A22015" s="1">
        <v>4.90849257E8</v>
      </c>
      <c r="B22015" s="2">
        <v>17539.0</v>
      </c>
      <c r="C22015" s="1" t="s">
        <v>5</v>
      </c>
      <c r="D22015" s="1" t="s">
        <v>18626</v>
      </c>
      <c r="E22015" s="1" t="s">
        <v>18627</v>
      </c>
    </row>
    <row r="22016">
      <c r="A22016" s="1">
        <v>4.90849259E8</v>
      </c>
      <c r="B22016" s="3">
        <v>17668.0</v>
      </c>
      <c r="C22016" s="1" t="s">
        <v>5</v>
      </c>
      <c r="D22016" s="1" t="s">
        <v>18628</v>
      </c>
      <c r="E22016" s="1" t="s">
        <v>7</v>
      </c>
    </row>
    <row r="22017">
      <c r="A22017" s="1">
        <v>4.90849299E8</v>
      </c>
      <c r="B22017" s="2">
        <v>17713.0</v>
      </c>
      <c r="C22017" s="1" t="s">
        <v>5</v>
      </c>
      <c r="D22017" s="1" t="s">
        <v>18629</v>
      </c>
      <c r="E22017" s="1" t="s">
        <v>7</v>
      </c>
    </row>
    <row r="22018">
      <c r="A22018" s="1">
        <v>4.90849372E8</v>
      </c>
      <c r="B22018" s="2">
        <v>17648.0</v>
      </c>
      <c r="C22018" s="1" t="s">
        <v>5</v>
      </c>
      <c r="D22018" s="1" t="s">
        <v>18630</v>
      </c>
      <c r="E22018" s="1" t="s">
        <v>7</v>
      </c>
    </row>
    <row r="22019">
      <c r="A22019" s="1">
        <v>4.90849424E8</v>
      </c>
      <c r="B22019" s="2">
        <v>17605.0</v>
      </c>
      <c r="C22019" s="1" t="s">
        <v>5</v>
      </c>
      <c r="D22019" s="1" t="s">
        <v>18631</v>
      </c>
      <c r="E22019" s="1" t="s">
        <v>7</v>
      </c>
    </row>
    <row r="22020">
      <c r="A22020" s="1">
        <v>4.90849499E8</v>
      </c>
      <c r="B22020" s="2">
        <v>17555.0</v>
      </c>
      <c r="C22020" s="1" t="s">
        <v>5</v>
      </c>
      <c r="D22020" s="1" t="s">
        <v>18632</v>
      </c>
      <c r="E22020" s="1" t="s">
        <v>7</v>
      </c>
    </row>
    <row r="22021">
      <c r="A22021" s="1">
        <v>4.90849504E8</v>
      </c>
      <c r="B22021" s="2">
        <v>17645.0</v>
      </c>
      <c r="C22021" s="1" t="s">
        <v>5</v>
      </c>
      <c r="D22021" s="1" t="s">
        <v>18633</v>
      </c>
      <c r="E22021" s="1" t="s">
        <v>11</v>
      </c>
    </row>
    <row r="22022">
      <c r="A22022" s="1">
        <v>4.90849544E8</v>
      </c>
      <c r="B22022" s="2">
        <v>17632.0</v>
      </c>
      <c r="C22022" s="1" t="s">
        <v>5</v>
      </c>
      <c r="D22022" s="1" t="s">
        <v>11</v>
      </c>
      <c r="E22022" s="1" t="s">
        <v>7</v>
      </c>
    </row>
    <row r="22023">
      <c r="A22023" s="1">
        <v>4.90849586E8</v>
      </c>
      <c r="B22023" s="2">
        <v>17647.0</v>
      </c>
      <c r="C22023" s="1" t="s">
        <v>5</v>
      </c>
      <c r="D22023" s="1" t="s">
        <v>18634</v>
      </c>
      <c r="E22023" s="1" t="s">
        <v>11</v>
      </c>
    </row>
    <row r="22024">
      <c r="A22024" s="1">
        <v>4.90849636E8</v>
      </c>
      <c r="B22024" s="2">
        <v>17545.0</v>
      </c>
      <c r="C22024" s="1" t="s">
        <v>5</v>
      </c>
      <c r="D22024" s="1" t="s">
        <v>18635</v>
      </c>
      <c r="E22024" s="1" t="s">
        <v>7</v>
      </c>
    </row>
    <row r="22025">
      <c r="A22025" s="1">
        <v>4.90849692E8</v>
      </c>
      <c r="B22025" s="2">
        <v>17624.0</v>
      </c>
      <c r="C22025" s="1" t="s">
        <v>5</v>
      </c>
      <c r="D22025" s="1" t="s">
        <v>18636</v>
      </c>
      <c r="E22025" s="1" t="s">
        <v>7</v>
      </c>
    </row>
    <row r="22026">
      <c r="A22026" s="1">
        <v>4.90849714E8</v>
      </c>
      <c r="B22026" s="2">
        <v>17554.0</v>
      </c>
      <c r="C22026" s="1" t="s">
        <v>5</v>
      </c>
      <c r="D22026" s="1" t="s">
        <v>18637</v>
      </c>
      <c r="E22026" s="1" t="s">
        <v>7</v>
      </c>
    </row>
    <row r="22027">
      <c r="A22027" s="1">
        <v>4.90849745E8</v>
      </c>
      <c r="B22027" s="2">
        <v>17554.0</v>
      </c>
      <c r="C22027" s="1" t="s">
        <v>5</v>
      </c>
      <c r="D22027" s="1" t="s">
        <v>18638</v>
      </c>
      <c r="E22027" s="1" t="s">
        <v>11</v>
      </c>
    </row>
    <row r="22028">
      <c r="A22028" s="1">
        <v>4.90849799E8</v>
      </c>
      <c r="B22028" s="2">
        <v>17710.0</v>
      </c>
      <c r="C22028" s="1" t="s">
        <v>5</v>
      </c>
      <c r="D22028" s="1" t="s">
        <v>18639</v>
      </c>
      <c r="E22028" s="1" t="s">
        <v>11</v>
      </c>
    </row>
    <row r="22029">
      <c r="A22029" s="1">
        <v>4.90849827E8</v>
      </c>
      <c r="B22029" s="2">
        <v>17700.0</v>
      </c>
      <c r="C22029" s="1" t="s">
        <v>5</v>
      </c>
      <c r="D22029" s="1" t="s">
        <v>18640</v>
      </c>
      <c r="E22029" s="1" t="s">
        <v>7</v>
      </c>
    </row>
    <row r="22030">
      <c r="A22030" s="1">
        <v>4.90849899E8</v>
      </c>
      <c r="B22030" s="2">
        <v>17590.0</v>
      </c>
      <c r="C22030" s="1" t="s">
        <v>5</v>
      </c>
      <c r="D22030" s="1" t="s">
        <v>18641</v>
      </c>
      <c r="E22030" s="1" t="s">
        <v>18642</v>
      </c>
    </row>
    <row r="22031">
      <c r="A22031" s="1">
        <v>4.90849916E8</v>
      </c>
      <c r="B22031" s="3">
        <v>17682.0</v>
      </c>
      <c r="C22031" s="1" t="s">
        <v>5</v>
      </c>
      <c r="D22031" s="1" t="s">
        <v>11</v>
      </c>
      <c r="E22031" s="1" t="s">
        <v>7</v>
      </c>
    </row>
    <row r="22032">
      <c r="A22032" s="1">
        <v>4.90849918E8</v>
      </c>
      <c r="B22032" s="2">
        <v>17713.0</v>
      </c>
      <c r="C22032" s="1" t="s">
        <v>5</v>
      </c>
      <c r="D22032" s="1" t="s">
        <v>18643</v>
      </c>
      <c r="E22032" s="1" t="s">
        <v>7</v>
      </c>
    </row>
    <row r="22033">
      <c r="A22033" s="1">
        <v>4.90850015E8</v>
      </c>
      <c r="B22033" s="2">
        <v>17591.0</v>
      </c>
      <c r="C22033" s="1" t="s">
        <v>5</v>
      </c>
      <c r="D22033" s="1" t="s">
        <v>18644</v>
      </c>
      <c r="E22033" s="1" t="s">
        <v>7</v>
      </c>
    </row>
    <row r="22034">
      <c r="A22034" s="1">
        <v>4.90850019E8</v>
      </c>
      <c r="B22034" s="3">
        <v>17681.0</v>
      </c>
      <c r="C22034" s="1" t="s">
        <v>5</v>
      </c>
      <c r="D22034" s="1" t="s">
        <v>18645</v>
      </c>
      <c r="E22034" s="1" t="s">
        <v>7</v>
      </c>
    </row>
    <row r="22035">
      <c r="A22035" s="1">
        <v>4.9085005E8</v>
      </c>
      <c r="B22035" s="2">
        <v>17604.0</v>
      </c>
      <c r="C22035" s="1" t="s">
        <v>5</v>
      </c>
      <c r="D22035" s="1" t="s">
        <v>18646</v>
      </c>
      <c r="E22035" s="1" t="s">
        <v>7</v>
      </c>
    </row>
    <row r="22036">
      <c r="A22036" s="1">
        <v>4.90850076E8</v>
      </c>
      <c r="B22036" s="2">
        <v>17588.0</v>
      </c>
      <c r="C22036" s="1" t="s">
        <v>5</v>
      </c>
      <c r="D22036" s="1" t="s">
        <v>18647</v>
      </c>
      <c r="E22036" s="1" t="s">
        <v>7</v>
      </c>
    </row>
    <row r="22037">
      <c r="A22037" s="1">
        <v>4.90850119E8</v>
      </c>
      <c r="B22037" s="2">
        <v>17584.0</v>
      </c>
      <c r="C22037" s="1" t="s">
        <v>5</v>
      </c>
      <c r="D22037" s="1" t="s">
        <v>11</v>
      </c>
      <c r="E22037" s="1" t="s">
        <v>7</v>
      </c>
    </row>
    <row r="22038">
      <c r="A22038" s="1">
        <v>4.90850155E8</v>
      </c>
      <c r="B22038" s="2">
        <v>17624.0</v>
      </c>
      <c r="C22038" s="1" t="s">
        <v>5</v>
      </c>
      <c r="D22038" s="1" t="s">
        <v>18648</v>
      </c>
      <c r="E22038" s="1" t="s">
        <v>7</v>
      </c>
    </row>
    <row r="22039">
      <c r="A22039" s="1">
        <v>4.90850199E8</v>
      </c>
      <c r="B22039" s="2">
        <v>17539.0</v>
      </c>
      <c r="C22039" s="1" t="s">
        <v>5</v>
      </c>
      <c r="D22039" s="1" t="s">
        <v>18649</v>
      </c>
      <c r="E22039" s="1" t="s">
        <v>7</v>
      </c>
    </row>
    <row r="22040">
      <c r="A22040" s="1">
        <v>4.90850253E8</v>
      </c>
      <c r="B22040" s="3">
        <v>17664.0</v>
      </c>
      <c r="C22040" s="1" t="s">
        <v>5</v>
      </c>
      <c r="D22040" s="1" t="s">
        <v>11</v>
      </c>
      <c r="E22040" s="1" t="s">
        <v>7</v>
      </c>
    </row>
    <row r="22041">
      <c r="A22041" s="1">
        <v>4.90850266E8</v>
      </c>
      <c r="B22041" s="2">
        <v>17604.0</v>
      </c>
      <c r="C22041" s="1" t="s">
        <v>5</v>
      </c>
      <c r="D22041" s="1" t="s">
        <v>11</v>
      </c>
      <c r="E22041" s="1" t="s">
        <v>7</v>
      </c>
    </row>
    <row r="22042">
      <c r="A22042" s="1">
        <v>4.90850274E8</v>
      </c>
      <c r="B22042" s="2">
        <v>17708.0</v>
      </c>
      <c r="C22042" s="1" t="s">
        <v>5</v>
      </c>
      <c r="D22042" s="1" t="s">
        <v>11</v>
      </c>
      <c r="E22042" s="1" t="s">
        <v>7</v>
      </c>
    </row>
    <row r="22043">
      <c r="A22043" s="1">
        <v>4.9085028E8</v>
      </c>
      <c r="B22043" s="2">
        <v>17587.0</v>
      </c>
      <c r="C22043" s="1" t="s">
        <v>5</v>
      </c>
      <c r="D22043" s="1" t="s">
        <v>11</v>
      </c>
      <c r="E22043" s="1" t="s">
        <v>7</v>
      </c>
    </row>
    <row r="22044">
      <c r="A22044" s="1">
        <v>4.90850348E8</v>
      </c>
      <c r="B22044" s="2">
        <v>17641.0</v>
      </c>
      <c r="C22044" s="1" t="s">
        <v>5</v>
      </c>
      <c r="D22044" s="1" t="s">
        <v>18650</v>
      </c>
      <c r="E22044" s="1" t="s">
        <v>7</v>
      </c>
    </row>
    <row r="22045">
      <c r="A22045" s="1">
        <v>4.90850367E8</v>
      </c>
      <c r="B22045" s="2">
        <v>17704.0</v>
      </c>
      <c r="C22045" s="1" t="s">
        <v>5</v>
      </c>
      <c r="D22045" s="1" t="s">
        <v>18651</v>
      </c>
      <c r="E22045" s="1" t="s">
        <v>7</v>
      </c>
    </row>
    <row r="22046">
      <c r="A22046" s="1">
        <v>4.90850379E8</v>
      </c>
      <c r="B22046" s="2">
        <v>17533.0</v>
      </c>
      <c r="C22046" s="1" t="s">
        <v>5</v>
      </c>
      <c r="D22046" s="1" t="s">
        <v>18652</v>
      </c>
      <c r="E22046" s="1" t="s">
        <v>11</v>
      </c>
    </row>
    <row r="22047">
      <c r="A22047" s="1">
        <v>4.90850386E8</v>
      </c>
      <c r="B22047" s="2">
        <v>17585.0</v>
      </c>
      <c r="C22047" s="1" t="s">
        <v>5</v>
      </c>
      <c r="D22047" s="1" t="s">
        <v>18653</v>
      </c>
      <c r="E22047" s="1" t="s">
        <v>7</v>
      </c>
    </row>
    <row r="22048">
      <c r="A22048" s="1">
        <v>4.90850559E8</v>
      </c>
      <c r="B22048" s="3">
        <v>17679.0</v>
      </c>
      <c r="C22048" s="1" t="s">
        <v>5</v>
      </c>
      <c r="D22048" s="1" t="s">
        <v>18654</v>
      </c>
      <c r="E22048" s="1" t="s">
        <v>7</v>
      </c>
    </row>
    <row r="22049">
      <c r="A22049" s="1">
        <v>4.90850655E8</v>
      </c>
      <c r="B22049" s="2">
        <v>17708.0</v>
      </c>
      <c r="C22049" s="1" t="s">
        <v>5</v>
      </c>
      <c r="D22049" s="1" t="s">
        <v>18655</v>
      </c>
      <c r="E22049" s="1" t="s">
        <v>7</v>
      </c>
    </row>
    <row r="22050">
      <c r="A22050" s="1">
        <v>4.90850657E8</v>
      </c>
      <c r="B22050" s="2">
        <v>17713.0</v>
      </c>
      <c r="C22050" s="1" t="s">
        <v>5</v>
      </c>
      <c r="D22050" s="1" t="s">
        <v>18656</v>
      </c>
      <c r="E22050" s="1" t="s">
        <v>7</v>
      </c>
    </row>
    <row r="22051">
      <c r="A22051" s="1">
        <v>4.90850666E8</v>
      </c>
      <c r="B22051" s="2">
        <v>17589.0</v>
      </c>
      <c r="C22051" s="1" t="s">
        <v>5</v>
      </c>
      <c r="D22051" s="1" t="s">
        <v>11</v>
      </c>
      <c r="E22051" s="1" t="s">
        <v>7</v>
      </c>
    </row>
    <row r="22052">
      <c r="A22052" s="1">
        <v>4.90850709E8</v>
      </c>
      <c r="B22052" s="2">
        <v>17713.0</v>
      </c>
      <c r="C22052" s="1" t="s">
        <v>5</v>
      </c>
      <c r="D22052" s="1" t="s">
        <v>18657</v>
      </c>
      <c r="E22052" s="1" t="s">
        <v>11</v>
      </c>
    </row>
    <row r="22053">
      <c r="A22053" s="1">
        <v>4.90850718E8</v>
      </c>
      <c r="B22053" s="2">
        <v>17535.0</v>
      </c>
      <c r="C22053" s="1" t="s">
        <v>5</v>
      </c>
      <c r="D22053" s="1" t="s">
        <v>18658</v>
      </c>
      <c r="E22053" s="1" t="s">
        <v>7</v>
      </c>
    </row>
    <row r="22054">
      <c r="A22054" s="1">
        <v>4.90850891E8</v>
      </c>
      <c r="B22054" s="2">
        <v>17576.0</v>
      </c>
      <c r="C22054" s="1" t="s">
        <v>5</v>
      </c>
      <c r="D22054" s="1" t="s">
        <v>18659</v>
      </c>
      <c r="E22054" s="1" t="s">
        <v>7</v>
      </c>
    </row>
    <row r="22055">
      <c r="A22055" s="1">
        <v>4.90850944E8</v>
      </c>
      <c r="B22055" s="2">
        <v>17701.0</v>
      </c>
      <c r="C22055" s="1" t="s">
        <v>5</v>
      </c>
      <c r="D22055" s="1" t="s">
        <v>11</v>
      </c>
      <c r="E22055" s="1" t="s">
        <v>7</v>
      </c>
    </row>
    <row r="22056">
      <c r="A22056" s="1">
        <v>4.90850986E8</v>
      </c>
      <c r="B22056" s="2">
        <v>17533.0</v>
      </c>
      <c r="C22056" s="1" t="s">
        <v>5</v>
      </c>
      <c r="D22056" s="1" t="s">
        <v>11</v>
      </c>
      <c r="E22056" s="1" t="s">
        <v>7</v>
      </c>
    </row>
    <row r="22057">
      <c r="A22057" s="1">
        <v>4.90851141E8</v>
      </c>
      <c r="B22057" s="2">
        <v>17694.0</v>
      </c>
      <c r="C22057" s="1" t="s">
        <v>5</v>
      </c>
      <c r="D22057" s="1" t="s">
        <v>18660</v>
      </c>
      <c r="E22057" s="1" t="s">
        <v>7</v>
      </c>
    </row>
    <row r="22058">
      <c r="A22058" s="1">
        <v>4.90851154E8</v>
      </c>
      <c r="B22058" s="2">
        <v>17624.0</v>
      </c>
      <c r="C22058" s="1" t="s">
        <v>5</v>
      </c>
      <c r="D22058" s="1" t="s">
        <v>18661</v>
      </c>
      <c r="E22058" s="1" t="s">
        <v>7</v>
      </c>
    </row>
    <row r="22059">
      <c r="A22059" s="1">
        <v>4.90851172E8</v>
      </c>
      <c r="B22059" s="2">
        <v>17602.0</v>
      </c>
      <c r="C22059" s="1" t="s">
        <v>5</v>
      </c>
      <c r="D22059" s="1" t="s">
        <v>11</v>
      </c>
      <c r="E22059" s="1" t="s">
        <v>7</v>
      </c>
    </row>
    <row r="22060">
      <c r="A22060" s="1">
        <v>4.90851263E8</v>
      </c>
      <c r="B22060" s="2">
        <v>17699.0</v>
      </c>
      <c r="C22060" s="1" t="s">
        <v>5</v>
      </c>
      <c r="D22060" s="1" t="s">
        <v>18662</v>
      </c>
      <c r="E22060" s="1" t="s">
        <v>7</v>
      </c>
    </row>
    <row r="22061">
      <c r="A22061" s="1">
        <v>4.90851283E8</v>
      </c>
      <c r="B22061" s="2">
        <v>17583.0</v>
      </c>
      <c r="C22061" s="1" t="s">
        <v>5</v>
      </c>
      <c r="D22061" s="1" t="s">
        <v>11</v>
      </c>
      <c r="E22061" s="1" t="s">
        <v>7</v>
      </c>
    </row>
    <row r="22062">
      <c r="A22062" s="1">
        <v>4.90851386E8</v>
      </c>
      <c r="B22062" s="2">
        <v>17711.0</v>
      </c>
      <c r="C22062" s="1" t="s">
        <v>5</v>
      </c>
      <c r="D22062" s="1" t="s">
        <v>11</v>
      </c>
      <c r="E22062" s="1" t="s">
        <v>7</v>
      </c>
    </row>
    <row r="22063">
      <c r="A22063" s="1">
        <v>4.90851518E8</v>
      </c>
      <c r="B22063" s="3">
        <v>17671.0</v>
      </c>
      <c r="C22063" s="1" t="s">
        <v>5</v>
      </c>
      <c r="D22063" s="1" t="s">
        <v>18663</v>
      </c>
      <c r="E22063" s="1" t="s">
        <v>11</v>
      </c>
    </row>
    <row r="22064">
      <c r="A22064" s="1">
        <v>4.90851544E8</v>
      </c>
      <c r="B22064" s="2">
        <v>17709.0</v>
      </c>
      <c r="C22064" s="1" t="s">
        <v>5</v>
      </c>
      <c r="D22064" s="1" t="s">
        <v>18664</v>
      </c>
      <c r="E22064" s="1" t="s">
        <v>7</v>
      </c>
    </row>
    <row r="22065">
      <c r="A22065" s="1">
        <v>4.90851613E8</v>
      </c>
      <c r="B22065" s="2">
        <v>17704.0</v>
      </c>
      <c r="C22065" s="1" t="s">
        <v>5</v>
      </c>
      <c r="D22065" s="1" t="s">
        <v>18665</v>
      </c>
      <c r="E22065" s="1" t="s">
        <v>18666</v>
      </c>
    </row>
    <row r="22066">
      <c r="A22066" s="1">
        <v>4.90851679E8</v>
      </c>
      <c r="B22066" s="2">
        <v>17693.0</v>
      </c>
      <c r="C22066" s="1" t="s">
        <v>5</v>
      </c>
      <c r="D22066" s="1" t="s">
        <v>18667</v>
      </c>
      <c r="E22066" s="1" t="s">
        <v>7</v>
      </c>
    </row>
    <row r="22067">
      <c r="A22067" s="1">
        <v>4.9085168E8</v>
      </c>
      <c r="B22067" s="3">
        <v>17680.0</v>
      </c>
      <c r="C22067" s="1" t="s">
        <v>5</v>
      </c>
      <c r="D22067" s="1" t="s">
        <v>18668</v>
      </c>
      <c r="E22067" s="1" t="s">
        <v>11</v>
      </c>
    </row>
    <row r="22068">
      <c r="A22068" s="1">
        <v>4.90851702E8</v>
      </c>
      <c r="B22068" s="2">
        <v>17693.0</v>
      </c>
      <c r="C22068" s="1" t="s">
        <v>5</v>
      </c>
      <c r="D22068" s="1" t="s">
        <v>11</v>
      </c>
      <c r="E22068" s="1" t="s">
        <v>7</v>
      </c>
    </row>
    <row r="22069">
      <c r="A22069" s="1">
        <v>4.90851776E8</v>
      </c>
      <c r="B22069" s="3">
        <v>17666.0</v>
      </c>
      <c r="C22069" s="1" t="s">
        <v>5</v>
      </c>
      <c r="D22069" s="1" t="s">
        <v>11</v>
      </c>
      <c r="E22069" s="1" t="s">
        <v>7</v>
      </c>
    </row>
    <row r="22070">
      <c r="A22070" s="1">
        <v>4.90851785E8</v>
      </c>
      <c r="B22070" s="3">
        <v>17669.0</v>
      </c>
      <c r="C22070" s="1" t="s">
        <v>5</v>
      </c>
      <c r="D22070" s="1" t="s">
        <v>18669</v>
      </c>
      <c r="E22070" s="1" t="s">
        <v>7</v>
      </c>
    </row>
    <row r="22071">
      <c r="A22071" s="1">
        <v>4.90851787E8</v>
      </c>
      <c r="B22071" s="2">
        <v>17693.0</v>
      </c>
      <c r="C22071" s="1" t="s">
        <v>5</v>
      </c>
      <c r="D22071" s="1" t="s">
        <v>18670</v>
      </c>
      <c r="E22071" s="1" t="s">
        <v>7</v>
      </c>
    </row>
    <row r="22072">
      <c r="A22072" s="1">
        <v>4.908518E8</v>
      </c>
      <c r="B22072" s="2">
        <v>17601.0</v>
      </c>
      <c r="C22072" s="1" t="s">
        <v>5</v>
      </c>
      <c r="D22072" s="1" t="s">
        <v>11</v>
      </c>
      <c r="E22072" s="1" t="s">
        <v>7</v>
      </c>
    </row>
    <row r="22073">
      <c r="A22073" s="1">
        <v>4.90851907E8</v>
      </c>
      <c r="B22073" s="2">
        <v>17690.0</v>
      </c>
      <c r="C22073" s="1" t="s">
        <v>5</v>
      </c>
      <c r="D22073" s="1" t="s">
        <v>11</v>
      </c>
      <c r="E22073" s="1" t="s">
        <v>7</v>
      </c>
    </row>
    <row r="22074">
      <c r="A22074" s="1">
        <v>4.90852003E8</v>
      </c>
      <c r="B22074" s="2">
        <v>17632.0</v>
      </c>
      <c r="C22074" s="1" t="s">
        <v>5</v>
      </c>
      <c r="D22074" s="1" t="s">
        <v>18671</v>
      </c>
      <c r="E22074" s="1" t="s">
        <v>7</v>
      </c>
    </row>
    <row r="22075">
      <c r="A22075" s="1">
        <v>4.90852104E8</v>
      </c>
      <c r="B22075" s="3">
        <v>17669.0</v>
      </c>
      <c r="C22075" s="1" t="s">
        <v>5</v>
      </c>
      <c r="D22075" s="1" t="s">
        <v>18672</v>
      </c>
      <c r="E22075" s="1" t="s">
        <v>11</v>
      </c>
    </row>
    <row r="22076">
      <c r="A22076" s="1">
        <v>4.90852224E8</v>
      </c>
      <c r="B22076" s="3">
        <v>17666.0</v>
      </c>
      <c r="C22076" s="1" t="s">
        <v>5</v>
      </c>
      <c r="D22076" s="1" t="s">
        <v>18673</v>
      </c>
      <c r="E22076" s="1" t="s">
        <v>18674</v>
      </c>
    </row>
    <row r="22077">
      <c r="A22077" s="1">
        <v>4.90852257E8</v>
      </c>
      <c r="B22077" s="2">
        <v>17697.0</v>
      </c>
      <c r="C22077" s="1" t="s">
        <v>5</v>
      </c>
      <c r="D22077" s="1" t="s">
        <v>18675</v>
      </c>
      <c r="E22077" s="1" t="s">
        <v>7</v>
      </c>
    </row>
    <row r="22078">
      <c r="A22078" s="1">
        <v>4.90852279E8</v>
      </c>
      <c r="B22078" s="2">
        <v>17696.0</v>
      </c>
      <c r="C22078" s="1" t="s">
        <v>5</v>
      </c>
      <c r="D22078" s="1" t="s">
        <v>18676</v>
      </c>
      <c r="E22078" s="1" t="s">
        <v>18677</v>
      </c>
    </row>
    <row r="22079">
      <c r="A22079" s="1">
        <v>4.9085229E8</v>
      </c>
      <c r="B22079" s="3">
        <v>17667.0</v>
      </c>
      <c r="C22079" s="1" t="s">
        <v>5</v>
      </c>
      <c r="D22079" s="1" t="s">
        <v>11</v>
      </c>
      <c r="E22079" s="1" t="s">
        <v>7</v>
      </c>
    </row>
    <row r="22080">
      <c r="A22080" s="1">
        <v>4.9085238E8</v>
      </c>
      <c r="B22080" s="2">
        <v>17629.0</v>
      </c>
      <c r="C22080" s="1" t="s">
        <v>5</v>
      </c>
      <c r="D22080" s="1" t="s">
        <v>11</v>
      </c>
      <c r="E22080" s="1" t="s">
        <v>7</v>
      </c>
    </row>
    <row r="22081">
      <c r="A22081" s="1">
        <v>4.90852429E8</v>
      </c>
      <c r="B22081" s="2">
        <v>17625.0</v>
      </c>
      <c r="C22081" s="1" t="s">
        <v>5</v>
      </c>
      <c r="D22081" s="1" t="s">
        <v>18678</v>
      </c>
      <c r="E22081" s="1" t="s">
        <v>7</v>
      </c>
    </row>
    <row r="22082">
      <c r="A22082" s="1">
        <v>4.9085247E8</v>
      </c>
      <c r="B22082" s="2">
        <v>17704.0</v>
      </c>
      <c r="C22082" s="1" t="s">
        <v>5</v>
      </c>
      <c r="D22082" s="1" t="s">
        <v>18679</v>
      </c>
      <c r="E22082" s="1" t="s">
        <v>7</v>
      </c>
    </row>
    <row r="22083">
      <c r="A22083" s="1">
        <v>4.90852484E8</v>
      </c>
      <c r="B22083" s="2">
        <v>17697.0</v>
      </c>
      <c r="C22083" s="1" t="s">
        <v>5</v>
      </c>
      <c r="D22083" s="1" t="s">
        <v>18680</v>
      </c>
      <c r="E22083" s="1" t="s">
        <v>18681</v>
      </c>
    </row>
    <row r="22084">
      <c r="A22084" s="1">
        <v>4.90852507E8</v>
      </c>
      <c r="B22084" s="2">
        <v>17597.0</v>
      </c>
      <c r="C22084" s="1" t="s">
        <v>5</v>
      </c>
      <c r="D22084" s="1" t="s">
        <v>11</v>
      </c>
      <c r="E22084" s="1" t="s">
        <v>7</v>
      </c>
    </row>
    <row r="22085">
      <c r="A22085" s="1">
        <v>4.90852523E8</v>
      </c>
      <c r="B22085" s="2">
        <v>17693.0</v>
      </c>
      <c r="C22085" s="1" t="s">
        <v>5</v>
      </c>
      <c r="D22085" s="1" t="s">
        <v>18682</v>
      </c>
      <c r="E22085" s="1" t="s">
        <v>11</v>
      </c>
    </row>
    <row r="22086">
      <c r="A22086" s="1">
        <v>4.90852544E8</v>
      </c>
      <c r="B22086" s="3">
        <v>17666.0</v>
      </c>
      <c r="C22086" s="1" t="s">
        <v>5</v>
      </c>
      <c r="D22086" s="1" t="s">
        <v>18683</v>
      </c>
      <c r="E22086" s="1" t="s">
        <v>7</v>
      </c>
    </row>
    <row r="22087">
      <c r="A22087" s="1">
        <v>4.90852594E8</v>
      </c>
      <c r="B22087" s="2">
        <v>17536.0</v>
      </c>
      <c r="C22087" s="1" t="s">
        <v>5</v>
      </c>
      <c r="D22087" s="1" t="s">
        <v>11</v>
      </c>
      <c r="E22087" s="1" t="s">
        <v>7</v>
      </c>
    </row>
    <row r="22088">
      <c r="A22088" s="1">
        <v>4.90852615E8</v>
      </c>
      <c r="B22088" s="2">
        <v>17647.0</v>
      </c>
      <c r="C22088" s="1" t="s">
        <v>5</v>
      </c>
      <c r="D22088" s="1" t="s">
        <v>18684</v>
      </c>
      <c r="E22088" s="1" t="s">
        <v>18685</v>
      </c>
    </row>
    <row r="22089">
      <c r="A22089" s="1">
        <v>4.90852628E8</v>
      </c>
      <c r="B22089" s="2">
        <v>17629.0</v>
      </c>
      <c r="C22089" s="1" t="s">
        <v>5</v>
      </c>
      <c r="D22089" s="1" t="s">
        <v>18686</v>
      </c>
      <c r="E22089" s="1" t="s">
        <v>11</v>
      </c>
    </row>
    <row r="22090">
      <c r="A22090" s="1">
        <v>4.90852638E8</v>
      </c>
      <c r="B22090" s="2">
        <v>17598.0</v>
      </c>
      <c r="C22090" s="1" t="s">
        <v>5</v>
      </c>
      <c r="D22090" s="1" t="s">
        <v>18687</v>
      </c>
      <c r="E22090" s="1" t="s">
        <v>7</v>
      </c>
    </row>
    <row r="22091">
      <c r="A22091" s="1">
        <v>4.9085267E8</v>
      </c>
      <c r="B22091" s="3">
        <v>17668.0</v>
      </c>
      <c r="C22091" s="1" t="s">
        <v>5</v>
      </c>
      <c r="D22091" s="1" t="s">
        <v>18688</v>
      </c>
      <c r="E22091" s="1" t="s">
        <v>7</v>
      </c>
    </row>
    <row r="22092">
      <c r="A22092" s="1">
        <v>4.90852672E8</v>
      </c>
      <c r="B22092" s="2">
        <v>17713.0</v>
      </c>
      <c r="C22092" s="1" t="s">
        <v>5</v>
      </c>
      <c r="D22092" s="1" t="s">
        <v>18689</v>
      </c>
      <c r="E22092" s="1" t="s">
        <v>11</v>
      </c>
    </row>
    <row r="22093">
      <c r="A22093" s="1">
        <v>4.90852758E8</v>
      </c>
      <c r="B22093" s="2">
        <v>17703.0</v>
      </c>
      <c r="C22093" s="1" t="s">
        <v>5</v>
      </c>
      <c r="D22093" s="1" t="s">
        <v>11</v>
      </c>
      <c r="E22093" s="1" t="s">
        <v>7</v>
      </c>
    </row>
    <row r="22094">
      <c r="A22094" s="1">
        <v>4.90852878E8</v>
      </c>
      <c r="B22094" s="2">
        <v>17627.0</v>
      </c>
      <c r="C22094" s="1" t="s">
        <v>5</v>
      </c>
      <c r="D22094" s="1" t="s">
        <v>18690</v>
      </c>
      <c r="E22094" s="1" t="s">
        <v>7</v>
      </c>
    </row>
    <row r="22095">
      <c r="A22095" s="1">
        <v>4.90852905E8</v>
      </c>
      <c r="B22095" s="2">
        <v>17711.0</v>
      </c>
      <c r="C22095" s="1" t="s">
        <v>5</v>
      </c>
      <c r="D22095" s="1" t="s">
        <v>18691</v>
      </c>
      <c r="E22095" s="1" t="s">
        <v>11</v>
      </c>
    </row>
    <row r="22096">
      <c r="A22096" s="1">
        <v>4.90852914E8</v>
      </c>
      <c r="B22096" s="2">
        <v>17706.0</v>
      </c>
      <c r="C22096" s="1" t="s">
        <v>5</v>
      </c>
      <c r="D22096" s="1" t="s">
        <v>18692</v>
      </c>
      <c r="E22096" s="1" t="s">
        <v>18693</v>
      </c>
    </row>
    <row r="22097">
      <c r="A22097" s="1">
        <v>4.90852987E8</v>
      </c>
      <c r="B22097" s="3">
        <v>17667.0</v>
      </c>
      <c r="C22097" s="1" t="s">
        <v>5</v>
      </c>
      <c r="D22097" s="1" t="s">
        <v>11</v>
      </c>
      <c r="E22097" s="1" t="s">
        <v>7</v>
      </c>
    </row>
    <row r="22098">
      <c r="A22098" s="1">
        <v>4.90853035E8</v>
      </c>
      <c r="B22098" s="2">
        <v>17625.0</v>
      </c>
      <c r="C22098" s="1" t="s">
        <v>5</v>
      </c>
      <c r="D22098" s="1" t="s">
        <v>18694</v>
      </c>
      <c r="E22098" s="1" t="s">
        <v>7</v>
      </c>
    </row>
    <row r="22099">
      <c r="A22099" s="1">
        <v>4.90853198E8</v>
      </c>
      <c r="B22099" s="3">
        <v>17679.0</v>
      </c>
      <c r="C22099" s="1" t="s">
        <v>5</v>
      </c>
      <c r="D22099" s="1" t="s">
        <v>18695</v>
      </c>
      <c r="E22099" s="1" t="s">
        <v>7</v>
      </c>
    </row>
    <row r="22100">
      <c r="A22100" s="1">
        <v>4.90853226E8</v>
      </c>
      <c r="B22100" s="2">
        <v>17687.0</v>
      </c>
      <c r="C22100" s="1" t="s">
        <v>5</v>
      </c>
      <c r="D22100" s="1" t="s">
        <v>18696</v>
      </c>
      <c r="E22100" s="1" t="s">
        <v>7</v>
      </c>
    </row>
    <row r="22101">
      <c r="A22101" s="1">
        <v>4.90853314E8</v>
      </c>
      <c r="B22101" s="2">
        <v>17701.0</v>
      </c>
      <c r="C22101" s="1" t="s">
        <v>5</v>
      </c>
      <c r="D22101" s="1" t="s">
        <v>18697</v>
      </c>
      <c r="E22101" s="1" t="s">
        <v>7</v>
      </c>
    </row>
    <row r="22102">
      <c r="A22102" s="1">
        <v>4.90853532E8</v>
      </c>
      <c r="B22102" s="2">
        <v>17596.0</v>
      </c>
      <c r="C22102" s="1" t="s">
        <v>5</v>
      </c>
      <c r="D22102" s="1" t="s">
        <v>18698</v>
      </c>
      <c r="E22102" s="1" t="s">
        <v>7</v>
      </c>
    </row>
    <row r="22103">
      <c r="A22103" s="1">
        <v>4.90853535E8</v>
      </c>
      <c r="B22103" s="2">
        <v>17641.0</v>
      </c>
      <c r="C22103" s="1" t="s">
        <v>5</v>
      </c>
      <c r="D22103" s="1" t="s">
        <v>18699</v>
      </c>
      <c r="E22103" s="1" t="s">
        <v>7</v>
      </c>
    </row>
    <row r="22104">
      <c r="A22104" s="1">
        <v>4.90853545E8</v>
      </c>
      <c r="B22104" s="2">
        <v>17704.0</v>
      </c>
      <c r="C22104" s="1" t="s">
        <v>5</v>
      </c>
      <c r="D22104" s="1" t="s">
        <v>18700</v>
      </c>
      <c r="E22104" s="1" t="s">
        <v>7</v>
      </c>
    </row>
    <row r="22105">
      <c r="A22105" s="1">
        <v>4.9085355E8</v>
      </c>
      <c r="B22105" s="2">
        <v>17707.0</v>
      </c>
      <c r="C22105" s="1" t="s">
        <v>5</v>
      </c>
      <c r="D22105" s="1" t="s">
        <v>18701</v>
      </c>
      <c r="E22105" s="1" t="s">
        <v>7</v>
      </c>
    </row>
    <row r="22106">
      <c r="A22106" s="1">
        <v>4.90853578E8</v>
      </c>
      <c r="B22106" s="2">
        <v>17707.0</v>
      </c>
      <c r="C22106" s="1" t="s">
        <v>5</v>
      </c>
      <c r="D22106" s="1" t="s">
        <v>18702</v>
      </c>
      <c r="E22106" s="1" t="s">
        <v>11</v>
      </c>
    </row>
    <row r="22107">
      <c r="A22107" s="1">
        <v>4.9085366E8</v>
      </c>
      <c r="B22107" s="2">
        <v>17696.0</v>
      </c>
      <c r="C22107" s="1" t="s">
        <v>5</v>
      </c>
      <c r="D22107" s="1" t="s">
        <v>11</v>
      </c>
      <c r="E22107" s="1" t="s">
        <v>7</v>
      </c>
    </row>
    <row r="22108">
      <c r="A22108" s="1">
        <v>4.90853706E8</v>
      </c>
      <c r="B22108" s="2">
        <v>17708.0</v>
      </c>
      <c r="C22108" s="1" t="s">
        <v>5</v>
      </c>
      <c r="D22108" s="1" t="s">
        <v>18703</v>
      </c>
      <c r="E22108" s="1" t="s">
        <v>18704</v>
      </c>
    </row>
    <row r="22109">
      <c r="A22109" s="1">
        <v>4.9085399E8</v>
      </c>
      <c r="B22109" s="2">
        <v>17639.0</v>
      </c>
      <c r="C22109" s="1" t="s">
        <v>5</v>
      </c>
      <c r="D22109" s="1" t="s">
        <v>18705</v>
      </c>
      <c r="E22109" s="1" t="s">
        <v>7</v>
      </c>
    </row>
    <row r="22110">
      <c r="A22110" s="1">
        <v>4.90854046E8</v>
      </c>
      <c r="B22110" s="2">
        <v>17722.0</v>
      </c>
      <c r="C22110" s="1" t="s">
        <v>5</v>
      </c>
      <c r="D22110" s="1" t="s">
        <v>18706</v>
      </c>
      <c r="E22110" s="1" t="s">
        <v>18707</v>
      </c>
    </row>
    <row r="22111">
      <c r="A22111" s="1">
        <v>4.90854052E8</v>
      </c>
      <c r="B22111" s="3">
        <v>17680.0</v>
      </c>
      <c r="C22111" s="1" t="s">
        <v>5</v>
      </c>
      <c r="D22111" s="1" t="s">
        <v>18708</v>
      </c>
      <c r="E22111" s="1" t="s">
        <v>11</v>
      </c>
    </row>
    <row r="22112">
      <c r="A22112" s="1">
        <v>4.90854095E8</v>
      </c>
      <c r="B22112" s="3">
        <v>17665.0</v>
      </c>
      <c r="C22112" s="1" t="s">
        <v>5</v>
      </c>
      <c r="D22112" s="1" t="s">
        <v>18709</v>
      </c>
      <c r="E22112" s="1" t="s">
        <v>7</v>
      </c>
    </row>
    <row r="22113">
      <c r="A22113" s="1">
        <v>4.9085411E8</v>
      </c>
      <c r="B22113" s="2">
        <v>17626.0</v>
      </c>
      <c r="C22113" s="1" t="s">
        <v>5</v>
      </c>
      <c r="D22113" s="1" t="s">
        <v>18710</v>
      </c>
      <c r="E22113" s="1" t="s">
        <v>7</v>
      </c>
    </row>
    <row r="22114">
      <c r="A22114" s="1">
        <v>4.90854245E8</v>
      </c>
      <c r="B22114" s="3">
        <v>17660.0</v>
      </c>
      <c r="C22114" s="1" t="s">
        <v>5</v>
      </c>
      <c r="D22114" s="1" t="s">
        <v>18711</v>
      </c>
      <c r="E22114" s="1" t="s">
        <v>7</v>
      </c>
    </row>
    <row r="22115">
      <c r="A22115" s="1">
        <v>4.90854274E8</v>
      </c>
      <c r="B22115" s="2">
        <v>17689.0</v>
      </c>
      <c r="C22115" s="1" t="s">
        <v>5</v>
      </c>
      <c r="D22115" s="1" t="s">
        <v>18712</v>
      </c>
      <c r="E22115" s="1" t="s">
        <v>11</v>
      </c>
    </row>
    <row r="22116">
      <c r="A22116" s="1">
        <v>4.90854281E8</v>
      </c>
      <c r="B22116" s="2">
        <v>17696.0</v>
      </c>
      <c r="C22116" s="1" t="s">
        <v>5</v>
      </c>
      <c r="D22116" s="1" t="s">
        <v>11</v>
      </c>
      <c r="E22116" s="1" t="s">
        <v>7</v>
      </c>
    </row>
    <row r="22117">
      <c r="A22117" s="1">
        <v>4.90854286E8</v>
      </c>
      <c r="B22117" s="2">
        <v>17738.0</v>
      </c>
      <c r="C22117" s="1" t="s">
        <v>5</v>
      </c>
      <c r="D22117" s="1" t="s">
        <v>18713</v>
      </c>
      <c r="E22117" s="1" t="s">
        <v>7</v>
      </c>
    </row>
    <row r="22118">
      <c r="A22118" s="1">
        <v>4.90854334E8</v>
      </c>
      <c r="B22118" s="3">
        <v>17657.0</v>
      </c>
      <c r="C22118" s="1" t="s">
        <v>5</v>
      </c>
      <c r="D22118" s="1" t="s">
        <v>18714</v>
      </c>
      <c r="E22118" s="1" t="s">
        <v>11</v>
      </c>
    </row>
    <row r="22119">
      <c r="A22119" s="1">
        <v>4.90854452E8</v>
      </c>
      <c r="B22119" s="3">
        <v>17675.0</v>
      </c>
      <c r="C22119" s="1" t="s">
        <v>5</v>
      </c>
      <c r="D22119" s="1" t="s">
        <v>18715</v>
      </c>
      <c r="E22119" s="1" t="s">
        <v>11</v>
      </c>
    </row>
    <row r="22120">
      <c r="A22120" s="1">
        <v>4.90854594E8</v>
      </c>
      <c r="B22120" s="2">
        <v>17685.0</v>
      </c>
      <c r="C22120" s="1" t="s">
        <v>5</v>
      </c>
      <c r="D22120" s="1" t="s">
        <v>18716</v>
      </c>
      <c r="E22120" s="1" t="s">
        <v>18717</v>
      </c>
    </row>
    <row r="22121">
      <c r="A22121" s="1">
        <v>4.90854604E8</v>
      </c>
      <c r="B22121" s="2">
        <v>17735.0</v>
      </c>
      <c r="C22121" s="1" t="s">
        <v>5</v>
      </c>
      <c r="D22121" s="1" t="s">
        <v>18718</v>
      </c>
      <c r="E22121" s="1" t="s">
        <v>7</v>
      </c>
    </row>
    <row r="22122">
      <c r="A22122" s="1">
        <v>4.90854608E8</v>
      </c>
      <c r="B22122" s="2">
        <v>17720.0</v>
      </c>
      <c r="C22122" s="1" t="s">
        <v>5</v>
      </c>
      <c r="D22122" s="1" t="s">
        <v>18719</v>
      </c>
      <c r="E22122" s="1" t="s">
        <v>7</v>
      </c>
    </row>
    <row r="22123">
      <c r="A22123" s="1">
        <v>4.90854687E8</v>
      </c>
      <c r="B22123" s="2">
        <v>17594.0</v>
      </c>
      <c r="C22123" s="1" t="s">
        <v>5</v>
      </c>
      <c r="D22123" s="1" t="s">
        <v>18720</v>
      </c>
      <c r="E22123" s="1" t="s">
        <v>11</v>
      </c>
    </row>
    <row r="22124">
      <c r="A22124" s="1">
        <v>4.90854704E8</v>
      </c>
      <c r="B22124" s="2">
        <v>17722.0</v>
      </c>
      <c r="C22124" s="1" t="s">
        <v>5</v>
      </c>
      <c r="D22124" s="1" t="s">
        <v>11</v>
      </c>
      <c r="E22124" s="1" t="s">
        <v>7</v>
      </c>
    </row>
    <row r="22125">
      <c r="A22125" s="1">
        <v>4.90854714E8</v>
      </c>
      <c r="B22125" s="3">
        <v>17654.0</v>
      </c>
      <c r="C22125" s="1" t="s">
        <v>5</v>
      </c>
      <c r="D22125" s="1" t="s">
        <v>11</v>
      </c>
      <c r="E22125" s="1" t="s">
        <v>7</v>
      </c>
    </row>
    <row r="22126">
      <c r="A22126" s="1">
        <v>4.9085476E8</v>
      </c>
      <c r="B22126" s="2">
        <v>17645.0</v>
      </c>
      <c r="C22126" s="1" t="s">
        <v>5</v>
      </c>
      <c r="D22126" s="1" t="s">
        <v>18721</v>
      </c>
      <c r="E22126" s="1" t="s">
        <v>7</v>
      </c>
    </row>
    <row r="22127">
      <c r="A22127" s="1">
        <v>4.90854804E8</v>
      </c>
      <c r="B22127" s="3">
        <v>17673.0</v>
      </c>
      <c r="C22127" s="1" t="s">
        <v>5</v>
      </c>
      <c r="D22127" s="1" t="s">
        <v>18722</v>
      </c>
      <c r="E22127" s="1" t="s">
        <v>7</v>
      </c>
    </row>
    <row r="22128">
      <c r="A22128" s="1">
        <v>4.90854835E8</v>
      </c>
      <c r="B22128" s="2">
        <v>17734.0</v>
      </c>
      <c r="C22128" s="1" t="s">
        <v>5</v>
      </c>
      <c r="D22128" s="1" t="s">
        <v>18723</v>
      </c>
      <c r="E22128" s="1" t="s">
        <v>11</v>
      </c>
    </row>
    <row r="22129">
      <c r="A22129" s="1">
        <v>4.90854836E8</v>
      </c>
      <c r="B22129" s="2">
        <v>17686.0</v>
      </c>
      <c r="C22129" s="1" t="s">
        <v>5</v>
      </c>
      <c r="D22129" s="1" t="s">
        <v>18724</v>
      </c>
      <c r="E22129" s="1" t="s">
        <v>18725</v>
      </c>
    </row>
    <row r="22130">
      <c r="A22130" s="1">
        <v>4.90854879E8</v>
      </c>
      <c r="B22130" s="2">
        <v>17745.0</v>
      </c>
      <c r="C22130" s="1" t="s">
        <v>5</v>
      </c>
      <c r="D22130" s="1" t="s">
        <v>18726</v>
      </c>
      <c r="E22130" s="1" t="s">
        <v>7</v>
      </c>
    </row>
    <row r="22131">
      <c r="A22131" s="1">
        <v>4.90854907E8</v>
      </c>
      <c r="B22131" s="2">
        <v>17732.0</v>
      </c>
      <c r="C22131" s="1" t="s">
        <v>5</v>
      </c>
      <c r="D22131" s="1" t="s">
        <v>11</v>
      </c>
      <c r="E22131" s="1" t="s">
        <v>7</v>
      </c>
    </row>
    <row r="22132">
      <c r="A22132" s="1">
        <v>4.90854937E8</v>
      </c>
      <c r="B22132" s="2">
        <v>17643.0</v>
      </c>
      <c r="C22132" s="1" t="s">
        <v>5</v>
      </c>
      <c r="D22132" s="1" t="s">
        <v>18727</v>
      </c>
      <c r="E22132" s="1" t="s">
        <v>18728</v>
      </c>
    </row>
    <row r="22133">
      <c r="A22133" s="1">
        <v>4.90855002E8</v>
      </c>
      <c r="B22133" s="2">
        <v>17653.0</v>
      </c>
      <c r="C22133" s="1" t="s">
        <v>5</v>
      </c>
      <c r="D22133" s="1" t="s">
        <v>11</v>
      </c>
      <c r="E22133" s="1" t="s">
        <v>7</v>
      </c>
    </row>
    <row r="22134">
      <c r="A22134" s="1">
        <v>4.90855036E8</v>
      </c>
      <c r="B22134" s="2">
        <v>17731.0</v>
      </c>
      <c r="C22134" s="1" t="s">
        <v>5</v>
      </c>
      <c r="D22134" s="1" t="s">
        <v>18729</v>
      </c>
      <c r="E22134" s="1" t="s">
        <v>11</v>
      </c>
    </row>
    <row r="22135">
      <c r="A22135" s="1">
        <v>4.90855076E8</v>
      </c>
      <c r="B22135" s="2">
        <v>17744.0</v>
      </c>
      <c r="C22135" s="1" t="s">
        <v>5</v>
      </c>
      <c r="D22135" s="1" t="s">
        <v>18730</v>
      </c>
      <c r="E22135" s="1" t="s">
        <v>11</v>
      </c>
    </row>
    <row r="22136">
      <c r="A22136" s="1">
        <v>4.90855215E8</v>
      </c>
      <c r="B22136" s="2">
        <v>17652.0</v>
      </c>
      <c r="C22136" s="1" t="s">
        <v>5</v>
      </c>
      <c r="D22136" s="1" t="s">
        <v>18731</v>
      </c>
      <c r="E22136" s="1" t="s">
        <v>7</v>
      </c>
    </row>
    <row r="22137">
      <c r="A22137" s="1">
        <v>4.90855295E8</v>
      </c>
      <c r="B22137" s="2">
        <v>17742.0</v>
      </c>
      <c r="C22137" s="1" t="s">
        <v>5</v>
      </c>
      <c r="D22137" s="1" t="s">
        <v>11</v>
      </c>
      <c r="E22137" s="1" t="s">
        <v>7</v>
      </c>
    </row>
    <row r="22138">
      <c r="A22138" s="1">
        <v>4.90855359E8</v>
      </c>
      <c r="B22138" s="3">
        <v>17667.0</v>
      </c>
      <c r="C22138" s="1" t="s">
        <v>5</v>
      </c>
      <c r="D22138" s="1" t="s">
        <v>18732</v>
      </c>
      <c r="E22138" s="1" t="s">
        <v>7</v>
      </c>
    </row>
    <row r="22139">
      <c r="A22139" s="1">
        <v>4.90855494E8</v>
      </c>
      <c r="B22139" s="2">
        <v>17744.0</v>
      </c>
      <c r="C22139" s="1" t="s">
        <v>5</v>
      </c>
      <c r="D22139" s="1" t="s">
        <v>18733</v>
      </c>
      <c r="E22139" s="1" t="s">
        <v>7</v>
      </c>
    </row>
    <row r="22140">
      <c r="A22140" s="1">
        <v>4.90855514E8</v>
      </c>
      <c r="B22140" s="2">
        <v>17720.0</v>
      </c>
      <c r="C22140" s="1" t="s">
        <v>5</v>
      </c>
      <c r="D22140" s="1" t="s">
        <v>18734</v>
      </c>
      <c r="E22140" s="1" t="s">
        <v>7</v>
      </c>
    </row>
    <row r="22141">
      <c r="A22141" s="1">
        <v>4.90855524E8</v>
      </c>
      <c r="B22141" s="3">
        <v>17666.0</v>
      </c>
      <c r="C22141" s="1" t="s">
        <v>5</v>
      </c>
      <c r="D22141" s="1" t="s">
        <v>18735</v>
      </c>
      <c r="E22141" s="1" t="s">
        <v>7</v>
      </c>
    </row>
    <row r="22142">
      <c r="A22142" s="1">
        <v>4.90855605E8</v>
      </c>
      <c r="B22142" s="2">
        <v>17742.0</v>
      </c>
      <c r="C22142" s="1" t="s">
        <v>5</v>
      </c>
      <c r="D22142" s="1" t="s">
        <v>18736</v>
      </c>
      <c r="E22142" s="1" t="s">
        <v>11</v>
      </c>
    </row>
    <row r="22143">
      <c r="A22143" s="1">
        <v>4.90855655E8</v>
      </c>
      <c r="B22143" s="2">
        <v>17738.0</v>
      </c>
      <c r="C22143" s="1" t="s">
        <v>5</v>
      </c>
      <c r="D22143" s="1" t="s">
        <v>18737</v>
      </c>
      <c r="E22143" s="1" t="s">
        <v>18738</v>
      </c>
    </row>
    <row r="22144">
      <c r="A22144" s="1">
        <v>4.90855696E8</v>
      </c>
      <c r="B22144" s="2">
        <v>17648.0</v>
      </c>
      <c r="C22144" s="1" t="s">
        <v>5</v>
      </c>
      <c r="D22144" s="1" t="s">
        <v>18739</v>
      </c>
      <c r="E22144" s="1" t="s">
        <v>7</v>
      </c>
    </row>
    <row r="22145">
      <c r="A22145" s="1">
        <v>4.90855709E8</v>
      </c>
      <c r="B22145" s="2">
        <v>17739.0</v>
      </c>
      <c r="C22145" s="1" t="s">
        <v>5</v>
      </c>
      <c r="D22145" s="1" t="s">
        <v>11</v>
      </c>
      <c r="E22145" s="1" t="s">
        <v>7</v>
      </c>
    </row>
    <row r="22146">
      <c r="A22146" s="1">
        <v>4.90855796E8</v>
      </c>
      <c r="B22146" s="2">
        <v>17690.0</v>
      </c>
      <c r="C22146" s="1" t="s">
        <v>5</v>
      </c>
      <c r="D22146" s="1" t="s">
        <v>11</v>
      </c>
      <c r="E22146" s="1" t="s">
        <v>7</v>
      </c>
    </row>
    <row r="22147">
      <c r="A22147" s="1">
        <v>4.90855847E8</v>
      </c>
      <c r="B22147" s="2">
        <v>17743.0</v>
      </c>
      <c r="C22147" s="1" t="s">
        <v>5</v>
      </c>
      <c r="D22147" s="1" t="s">
        <v>18740</v>
      </c>
      <c r="E22147" s="1" t="s">
        <v>11</v>
      </c>
    </row>
    <row r="22148">
      <c r="A22148" s="1">
        <v>4.90855852E8</v>
      </c>
      <c r="B22148" s="2">
        <v>17730.0</v>
      </c>
      <c r="C22148" s="1" t="s">
        <v>5</v>
      </c>
      <c r="D22148" s="1" t="s">
        <v>18741</v>
      </c>
      <c r="E22148" s="1" t="s">
        <v>11</v>
      </c>
    </row>
    <row r="22149">
      <c r="A22149" s="1">
        <v>4.90855884E8</v>
      </c>
      <c r="B22149" s="2">
        <v>17725.0</v>
      </c>
      <c r="C22149" s="1" t="s">
        <v>5</v>
      </c>
      <c r="D22149" s="1" t="s">
        <v>18742</v>
      </c>
      <c r="E22149" s="1" t="s">
        <v>11</v>
      </c>
    </row>
    <row r="22150">
      <c r="A22150" s="1">
        <v>4.90855958E8</v>
      </c>
      <c r="B22150" s="2">
        <v>17625.0</v>
      </c>
      <c r="C22150" s="1" t="s">
        <v>5</v>
      </c>
      <c r="D22150" s="1" t="s">
        <v>11</v>
      </c>
      <c r="E22150" s="1" t="s">
        <v>7</v>
      </c>
    </row>
    <row r="22151">
      <c r="A22151" s="1">
        <v>4.90856E8</v>
      </c>
      <c r="B22151" s="2">
        <v>17724.0</v>
      </c>
      <c r="C22151" s="1" t="s">
        <v>5</v>
      </c>
      <c r="D22151" s="1" t="s">
        <v>18743</v>
      </c>
      <c r="E22151" s="1" t="s">
        <v>7</v>
      </c>
    </row>
    <row r="22152">
      <c r="A22152" s="1">
        <v>4.90856038E8</v>
      </c>
      <c r="B22152" s="2">
        <v>17736.0</v>
      </c>
      <c r="C22152" s="1" t="s">
        <v>5</v>
      </c>
      <c r="D22152" s="1" t="s">
        <v>18744</v>
      </c>
      <c r="E22152" s="1" t="s">
        <v>7</v>
      </c>
    </row>
    <row r="22153">
      <c r="A22153" s="1">
        <v>4.90856125E8</v>
      </c>
      <c r="B22153" s="2">
        <v>17685.0</v>
      </c>
      <c r="C22153" s="1" t="s">
        <v>5</v>
      </c>
      <c r="D22153" s="1" t="s">
        <v>18745</v>
      </c>
      <c r="E22153" s="1" t="s">
        <v>11</v>
      </c>
    </row>
    <row r="22154">
      <c r="A22154" s="1">
        <v>4.90856219E8</v>
      </c>
      <c r="B22154" s="2">
        <v>17735.0</v>
      </c>
      <c r="C22154" s="1" t="s">
        <v>5</v>
      </c>
      <c r="D22154" s="1" t="s">
        <v>18746</v>
      </c>
      <c r="E22154" s="1" t="s">
        <v>7</v>
      </c>
    </row>
    <row r="22155">
      <c r="A22155" s="1">
        <v>4.90856223E8</v>
      </c>
      <c r="B22155" s="2">
        <v>17734.0</v>
      </c>
      <c r="C22155" s="1" t="s">
        <v>5</v>
      </c>
      <c r="D22155" s="1" t="s">
        <v>18747</v>
      </c>
      <c r="E22155" s="1" t="s">
        <v>7</v>
      </c>
    </row>
    <row r="22156">
      <c r="A22156" s="1">
        <v>4.90856256E8</v>
      </c>
      <c r="B22156" s="2">
        <v>17718.0</v>
      </c>
      <c r="C22156" s="1" t="s">
        <v>5</v>
      </c>
      <c r="D22156" s="1" t="s">
        <v>18748</v>
      </c>
      <c r="E22156" s="1" t="s">
        <v>7</v>
      </c>
    </row>
    <row r="22157">
      <c r="A22157" s="1">
        <v>4.90856496E8</v>
      </c>
      <c r="B22157" s="2">
        <v>17641.0</v>
      </c>
      <c r="C22157" s="1" t="s">
        <v>5</v>
      </c>
      <c r="D22157" s="1" t="s">
        <v>11</v>
      </c>
      <c r="E22157" s="1" t="s">
        <v>7</v>
      </c>
    </row>
    <row r="22158">
      <c r="A22158" s="1">
        <v>4.90856507E8</v>
      </c>
      <c r="B22158" s="2">
        <v>17738.0</v>
      </c>
      <c r="C22158" s="1" t="s">
        <v>5</v>
      </c>
      <c r="D22158" s="1" t="s">
        <v>18749</v>
      </c>
      <c r="E22158" s="1" t="s">
        <v>7</v>
      </c>
    </row>
    <row r="22159">
      <c r="A22159" s="1">
        <v>4.90856676E8</v>
      </c>
      <c r="B22159" s="3">
        <v>17682.0</v>
      </c>
      <c r="C22159" s="1" t="s">
        <v>5</v>
      </c>
      <c r="D22159" s="1" t="s">
        <v>18750</v>
      </c>
      <c r="E22159" s="1" t="s">
        <v>11</v>
      </c>
    </row>
    <row r="22160">
      <c r="A22160" s="1">
        <v>4.90856719E8</v>
      </c>
      <c r="B22160" s="2">
        <v>17730.0</v>
      </c>
      <c r="C22160" s="1" t="s">
        <v>5</v>
      </c>
      <c r="D22160" s="1" t="s">
        <v>18751</v>
      </c>
      <c r="E22160" s="1" t="s">
        <v>11</v>
      </c>
    </row>
    <row r="22161">
      <c r="A22161" s="1">
        <v>4.90856794E8</v>
      </c>
      <c r="B22161" s="2">
        <v>17723.0</v>
      </c>
      <c r="C22161" s="1" t="s">
        <v>5</v>
      </c>
      <c r="D22161" s="1" t="s">
        <v>11</v>
      </c>
      <c r="E22161" s="1" t="s">
        <v>7</v>
      </c>
    </row>
    <row r="22162">
      <c r="A22162" s="1">
        <v>4.90856804E8</v>
      </c>
      <c r="B22162" s="3">
        <v>17665.0</v>
      </c>
      <c r="C22162" s="1" t="s">
        <v>5</v>
      </c>
      <c r="D22162" s="1" t="s">
        <v>18752</v>
      </c>
      <c r="E22162" s="1" t="s">
        <v>7</v>
      </c>
    </row>
    <row r="22163">
      <c r="A22163" s="1">
        <v>4.90856839E8</v>
      </c>
      <c r="B22163" s="2">
        <v>17721.0</v>
      </c>
      <c r="C22163" s="1" t="s">
        <v>5</v>
      </c>
      <c r="D22163" s="1" t="s">
        <v>11</v>
      </c>
      <c r="E22163" s="1" t="s">
        <v>7</v>
      </c>
    </row>
    <row r="22164">
      <c r="A22164" s="1">
        <v>4.90856921E8</v>
      </c>
      <c r="B22164" s="3">
        <v>17664.0</v>
      </c>
      <c r="C22164" s="1" t="s">
        <v>5</v>
      </c>
      <c r="D22164" s="1" t="s">
        <v>18753</v>
      </c>
      <c r="E22164" s="1" t="s">
        <v>11</v>
      </c>
    </row>
    <row r="22165">
      <c r="A22165" s="1">
        <v>4.90856942E8</v>
      </c>
      <c r="B22165" s="2">
        <v>17773.0</v>
      </c>
      <c r="C22165" s="1" t="s">
        <v>5</v>
      </c>
      <c r="D22165" s="1" t="s">
        <v>18754</v>
      </c>
      <c r="E22165" s="1" t="s">
        <v>7</v>
      </c>
    </row>
    <row r="22166">
      <c r="A22166" s="1">
        <v>4.90857041E8</v>
      </c>
      <c r="B22166" s="3">
        <v>17662.0</v>
      </c>
      <c r="C22166" s="1" t="s">
        <v>5</v>
      </c>
      <c r="D22166" s="1" t="s">
        <v>18755</v>
      </c>
      <c r="E22166" s="1" t="s">
        <v>11</v>
      </c>
    </row>
    <row r="22167">
      <c r="A22167" s="1">
        <v>4.90857125E8</v>
      </c>
      <c r="B22167" s="2">
        <v>17636.0</v>
      </c>
      <c r="C22167" s="1" t="s">
        <v>5</v>
      </c>
      <c r="D22167" s="1" t="s">
        <v>18756</v>
      </c>
      <c r="E22167" s="1" t="s">
        <v>7</v>
      </c>
    </row>
    <row r="22168">
      <c r="A22168" s="1">
        <v>4.90857156E8</v>
      </c>
      <c r="B22168" s="2">
        <v>17772.0</v>
      </c>
      <c r="C22168" s="1" t="s">
        <v>5</v>
      </c>
      <c r="D22168" s="1" t="s">
        <v>18757</v>
      </c>
      <c r="E22168" s="1" t="s">
        <v>11</v>
      </c>
    </row>
    <row r="22169">
      <c r="A22169" s="1">
        <v>4.90857167E8</v>
      </c>
      <c r="B22169" s="2">
        <v>17636.0</v>
      </c>
      <c r="C22169" s="1" t="s">
        <v>5</v>
      </c>
      <c r="D22169" s="1" t="s">
        <v>11</v>
      </c>
      <c r="E22169" s="1" t="s">
        <v>7</v>
      </c>
    </row>
    <row r="22170">
      <c r="A22170" s="1">
        <v>4.90857204E8</v>
      </c>
      <c r="B22170" s="2">
        <v>17716.0</v>
      </c>
      <c r="C22170" s="1" t="s">
        <v>5</v>
      </c>
      <c r="D22170" s="1" t="s">
        <v>18758</v>
      </c>
      <c r="E22170" s="1" t="s">
        <v>7</v>
      </c>
    </row>
    <row r="22171">
      <c r="A22171" s="1">
        <v>4.90857214E8</v>
      </c>
      <c r="B22171" s="2">
        <v>17730.0</v>
      </c>
      <c r="C22171" s="1" t="s">
        <v>5</v>
      </c>
      <c r="D22171" s="1" t="s">
        <v>18759</v>
      </c>
      <c r="E22171" s="1" t="s">
        <v>7</v>
      </c>
    </row>
    <row r="22172">
      <c r="A22172" s="1">
        <v>4.90857327E8</v>
      </c>
      <c r="B22172" s="2">
        <v>17633.0</v>
      </c>
      <c r="C22172" s="1" t="s">
        <v>5</v>
      </c>
      <c r="D22172" s="1" t="s">
        <v>18760</v>
      </c>
      <c r="E22172" s="1" t="s">
        <v>18761</v>
      </c>
    </row>
    <row r="22173">
      <c r="A22173" s="1">
        <v>4.9085741E8</v>
      </c>
      <c r="B22173" s="3">
        <v>17661.0</v>
      </c>
      <c r="C22173" s="1" t="s">
        <v>5</v>
      </c>
      <c r="D22173" s="1" t="s">
        <v>18762</v>
      </c>
      <c r="E22173" s="1" t="s">
        <v>18763</v>
      </c>
    </row>
    <row r="22174">
      <c r="A22174" s="1">
        <v>4.90857432E8</v>
      </c>
      <c r="B22174" s="2">
        <v>17725.0</v>
      </c>
      <c r="C22174" s="1" t="s">
        <v>5</v>
      </c>
      <c r="D22174" s="1" t="s">
        <v>18764</v>
      </c>
      <c r="E22174" s="1" t="s">
        <v>11</v>
      </c>
    </row>
    <row r="22175">
      <c r="A22175" s="1">
        <v>4.90857556E8</v>
      </c>
      <c r="B22175" s="2">
        <v>17625.0</v>
      </c>
      <c r="C22175" s="1" t="s">
        <v>5</v>
      </c>
      <c r="D22175" s="1" t="s">
        <v>18765</v>
      </c>
      <c r="E22175" s="1" t="s">
        <v>7</v>
      </c>
    </row>
    <row r="22176">
      <c r="A22176" s="1">
        <v>4.90857596E8</v>
      </c>
      <c r="B22176" s="2">
        <v>17728.0</v>
      </c>
      <c r="C22176" s="1" t="s">
        <v>5</v>
      </c>
      <c r="D22176" s="1" t="s">
        <v>18766</v>
      </c>
      <c r="E22176" s="1" t="s">
        <v>7</v>
      </c>
    </row>
    <row r="22177">
      <c r="A22177" s="1">
        <v>4.90857705E8</v>
      </c>
      <c r="B22177" s="3">
        <v>17661.0</v>
      </c>
      <c r="C22177" s="1" t="s">
        <v>5</v>
      </c>
      <c r="D22177" s="1" t="s">
        <v>18767</v>
      </c>
      <c r="E22177" s="1" t="s">
        <v>7</v>
      </c>
    </row>
    <row r="22178">
      <c r="A22178" s="1">
        <v>4.90857794E8</v>
      </c>
      <c r="B22178" s="2">
        <v>17724.0</v>
      </c>
      <c r="C22178" s="1" t="s">
        <v>5</v>
      </c>
      <c r="D22178" s="1" t="s">
        <v>18768</v>
      </c>
      <c r="E22178" s="1" t="s">
        <v>11</v>
      </c>
    </row>
    <row r="22179">
      <c r="A22179" s="1">
        <v>4.90857871E8</v>
      </c>
      <c r="B22179" s="2">
        <v>17717.0</v>
      </c>
      <c r="C22179" s="1" t="s">
        <v>5</v>
      </c>
      <c r="D22179" s="1" t="s">
        <v>18769</v>
      </c>
      <c r="E22179" s="1" t="s">
        <v>11</v>
      </c>
    </row>
    <row r="22180">
      <c r="A22180" s="1">
        <v>4.90857889E8</v>
      </c>
      <c r="B22180" s="2">
        <v>17767.0</v>
      </c>
      <c r="C22180" s="1" t="s">
        <v>5</v>
      </c>
      <c r="D22180" s="1" t="s">
        <v>18770</v>
      </c>
      <c r="E22180" s="1" t="s">
        <v>7</v>
      </c>
    </row>
    <row r="22181">
      <c r="A22181" s="1">
        <v>4.90857891E8</v>
      </c>
      <c r="B22181" s="3">
        <v>17657.0</v>
      </c>
      <c r="C22181" s="1" t="s">
        <v>5</v>
      </c>
      <c r="D22181" s="1" t="s">
        <v>18771</v>
      </c>
      <c r="E22181" s="1" t="s">
        <v>7</v>
      </c>
    </row>
    <row r="22182">
      <c r="A22182" s="1">
        <v>4.90857911E8</v>
      </c>
      <c r="B22182" s="2">
        <v>17730.0</v>
      </c>
      <c r="C22182" s="1" t="s">
        <v>5</v>
      </c>
      <c r="D22182" s="1" t="s">
        <v>18772</v>
      </c>
      <c r="E22182" s="1" t="s">
        <v>7</v>
      </c>
    </row>
    <row r="22183">
      <c r="A22183" s="1">
        <v>4.9085795E8</v>
      </c>
      <c r="B22183" s="2">
        <v>17792.0</v>
      </c>
      <c r="C22183" s="1" t="s">
        <v>5</v>
      </c>
      <c r="D22183" s="1" t="s">
        <v>18773</v>
      </c>
      <c r="E22183" s="1" t="s">
        <v>7</v>
      </c>
    </row>
    <row r="22184">
      <c r="A22184" s="1">
        <v>4.90857988E8</v>
      </c>
      <c r="B22184" s="2">
        <v>17721.0</v>
      </c>
      <c r="C22184" s="1" t="s">
        <v>5</v>
      </c>
      <c r="D22184" s="1" t="s">
        <v>18774</v>
      </c>
      <c r="E22184" s="1" t="s">
        <v>11</v>
      </c>
    </row>
    <row r="22185">
      <c r="A22185" s="1">
        <v>4.90857996E8</v>
      </c>
      <c r="B22185" s="2">
        <v>17716.0</v>
      </c>
      <c r="C22185" s="1" t="s">
        <v>5</v>
      </c>
      <c r="D22185" s="1" t="s">
        <v>18775</v>
      </c>
      <c r="E22185" s="1" t="s">
        <v>11</v>
      </c>
    </row>
    <row r="22186">
      <c r="A22186" s="1">
        <v>4.90858025E8</v>
      </c>
      <c r="B22186" s="2">
        <v>17798.0</v>
      </c>
      <c r="C22186" s="1" t="s">
        <v>5</v>
      </c>
      <c r="D22186" s="1" t="s">
        <v>18776</v>
      </c>
      <c r="E22186" s="1" t="s">
        <v>11</v>
      </c>
    </row>
    <row r="22187">
      <c r="A22187" s="1">
        <v>4.90858032E8</v>
      </c>
      <c r="B22187" s="2">
        <v>17763.0</v>
      </c>
      <c r="C22187" s="1" t="s">
        <v>5</v>
      </c>
      <c r="D22187" s="1" t="s">
        <v>18777</v>
      </c>
      <c r="E22187" s="1" t="s">
        <v>7</v>
      </c>
    </row>
    <row r="22188">
      <c r="A22188" s="1">
        <v>4.90858042E8</v>
      </c>
      <c r="B22188" s="2">
        <v>17723.0</v>
      </c>
      <c r="C22188" s="1" t="s">
        <v>5</v>
      </c>
      <c r="D22188" s="1" t="s">
        <v>18778</v>
      </c>
      <c r="E22188" s="1" t="s">
        <v>7</v>
      </c>
    </row>
    <row r="22189">
      <c r="A22189" s="1">
        <v>4.90858118E8</v>
      </c>
      <c r="B22189" s="2">
        <v>17762.0</v>
      </c>
      <c r="C22189" s="1" t="s">
        <v>5</v>
      </c>
      <c r="D22189" s="1" t="s">
        <v>18779</v>
      </c>
      <c r="E22189" s="1" t="s">
        <v>7</v>
      </c>
    </row>
    <row r="22190">
      <c r="A22190" s="1">
        <v>4.90858234E8</v>
      </c>
      <c r="B22190" s="2">
        <v>17795.0</v>
      </c>
      <c r="C22190" s="1" t="s">
        <v>5</v>
      </c>
      <c r="D22190" s="1" t="s">
        <v>11</v>
      </c>
      <c r="E22190" s="1" t="s">
        <v>7</v>
      </c>
    </row>
    <row r="22191">
      <c r="A22191" s="1">
        <v>4.90858435E8</v>
      </c>
      <c r="B22191" s="2">
        <v>17792.0</v>
      </c>
      <c r="C22191" s="1" t="s">
        <v>5</v>
      </c>
      <c r="D22191" s="1" t="s">
        <v>11</v>
      </c>
      <c r="E22191" s="1" t="s">
        <v>7</v>
      </c>
    </row>
    <row r="22192">
      <c r="A22192" s="1">
        <v>4.90858554E8</v>
      </c>
      <c r="B22192" s="2">
        <v>17786.0</v>
      </c>
      <c r="C22192" s="1" t="s">
        <v>5</v>
      </c>
      <c r="D22192" s="1" t="s">
        <v>18780</v>
      </c>
      <c r="E22192" s="1" t="s">
        <v>7</v>
      </c>
    </row>
    <row r="22193">
      <c r="A22193" s="1">
        <v>4.90858568E8</v>
      </c>
      <c r="B22193" s="2">
        <v>17774.0</v>
      </c>
      <c r="C22193" s="1" t="s">
        <v>5</v>
      </c>
      <c r="D22193" s="1" t="s">
        <v>11</v>
      </c>
      <c r="E22193" s="1" t="s">
        <v>7</v>
      </c>
    </row>
    <row r="22194">
      <c r="A22194" s="1">
        <v>4.90858627E8</v>
      </c>
      <c r="B22194" s="2">
        <v>17765.0</v>
      </c>
      <c r="C22194" s="1" t="s">
        <v>5</v>
      </c>
      <c r="D22194" s="1" t="s">
        <v>11</v>
      </c>
      <c r="E22194" s="1" t="s">
        <v>7</v>
      </c>
    </row>
    <row r="22195">
      <c r="A22195" s="1">
        <v>4.90858716E8</v>
      </c>
      <c r="B22195" s="3">
        <v>17662.0</v>
      </c>
      <c r="C22195" s="1" t="s">
        <v>5</v>
      </c>
      <c r="D22195" s="1" t="s">
        <v>18781</v>
      </c>
      <c r="E22195" s="1" t="s">
        <v>7</v>
      </c>
    </row>
    <row r="22196">
      <c r="A22196" s="1">
        <v>4.90858751E8</v>
      </c>
      <c r="B22196" s="2">
        <v>17776.0</v>
      </c>
      <c r="C22196" s="1" t="s">
        <v>5</v>
      </c>
      <c r="D22196" s="1" t="s">
        <v>18782</v>
      </c>
      <c r="E22196" s="1" t="s">
        <v>7</v>
      </c>
    </row>
    <row r="22197">
      <c r="A22197" s="1">
        <v>4.90858798E8</v>
      </c>
      <c r="B22197" s="2">
        <v>17798.0</v>
      </c>
      <c r="C22197" s="1" t="s">
        <v>5</v>
      </c>
      <c r="D22197" s="1" t="s">
        <v>18783</v>
      </c>
      <c r="E22197" s="1" t="s">
        <v>11</v>
      </c>
    </row>
    <row r="22198">
      <c r="A22198" s="1">
        <v>4.90858856E8</v>
      </c>
      <c r="B22198" s="2">
        <v>17757.0</v>
      </c>
      <c r="C22198" s="1" t="s">
        <v>5</v>
      </c>
      <c r="D22198" s="1" t="s">
        <v>18784</v>
      </c>
      <c r="E22198" s="1" t="s">
        <v>11</v>
      </c>
    </row>
    <row r="22199">
      <c r="A22199" s="1">
        <v>4.90858952E8</v>
      </c>
      <c r="B22199" s="2">
        <v>17756.0</v>
      </c>
      <c r="C22199" s="1" t="s">
        <v>5</v>
      </c>
      <c r="D22199" s="1" t="s">
        <v>18785</v>
      </c>
      <c r="E22199" s="1" t="s">
        <v>7</v>
      </c>
    </row>
    <row r="22200">
      <c r="A22200" s="1">
        <v>4.90858988E8</v>
      </c>
      <c r="B22200" s="2">
        <v>17734.0</v>
      </c>
      <c r="C22200" s="1" t="s">
        <v>5</v>
      </c>
      <c r="D22200" s="1" t="s">
        <v>11</v>
      </c>
      <c r="E22200" s="1" t="s">
        <v>7</v>
      </c>
    </row>
    <row r="22201">
      <c r="A22201" s="1">
        <v>4.90858994E8</v>
      </c>
      <c r="B22201" s="2">
        <v>17728.0</v>
      </c>
      <c r="C22201" s="1" t="s">
        <v>5</v>
      </c>
      <c r="D22201" s="1" t="s">
        <v>18786</v>
      </c>
      <c r="E22201" s="1" t="s">
        <v>7</v>
      </c>
    </row>
    <row r="22202">
      <c r="A22202" s="1">
        <v>4.90859074E8</v>
      </c>
      <c r="B22202" s="2">
        <v>17734.0</v>
      </c>
      <c r="C22202" s="1" t="s">
        <v>5</v>
      </c>
      <c r="D22202" s="1" t="s">
        <v>18787</v>
      </c>
      <c r="E22202" s="1" t="s">
        <v>7</v>
      </c>
    </row>
    <row r="22203">
      <c r="A22203" s="1">
        <v>4.90859078E8</v>
      </c>
      <c r="B22203" s="2">
        <v>17779.0</v>
      </c>
      <c r="C22203" s="1" t="s">
        <v>5</v>
      </c>
      <c r="D22203" s="1" t="s">
        <v>18788</v>
      </c>
      <c r="E22203" s="1" t="s">
        <v>7</v>
      </c>
    </row>
    <row r="22204">
      <c r="A22204" s="1">
        <v>4.90859235E8</v>
      </c>
      <c r="B22204" s="2">
        <v>17755.0</v>
      </c>
      <c r="C22204" s="1" t="s">
        <v>5</v>
      </c>
      <c r="D22204" s="1" t="s">
        <v>18789</v>
      </c>
      <c r="E22204" s="1" t="s">
        <v>11</v>
      </c>
    </row>
    <row r="22205">
      <c r="A22205" s="1">
        <v>4.90859267E8</v>
      </c>
      <c r="B22205" s="2">
        <v>17774.0</v>
      </c>
      <c r="C22205" s="1" t="s">
        <v>5</v>
      </c>
      <c r="D22205" s="1" t="s">
        <v>18790</v>
      </c>
      <c r="E22205" s="1" t="s">
        <v>18791</v>
      </c>
    </row>
    <row r="22206">
      <c r="A22206" s="1">
        <v>4.90859354E8</v>
      </c>
      <c r="B22206" s="2">
        <v>17758.0</v>
      </c>
      <c r="C22206" s="1" t="s">
        <v>5</v>
      </c>
      <c r="D22206" s="1" t="s">
        <v>11</v>
      </c>
      <c r="E22206" s="1" t="s">
        <v>7</v>
      </c>
    </row>
    <row r="22207">
      <c r="A22207" s="1">
        <v>4.90859434E8</v>
      </c>
      <c r="B22207" s="3">
        <v>17675.0</v>
      </c>
      <c r="C22207" s="1" t="s">
        <v>5</v>
      </c>
      <c r="D22207" s="1" t="s">
        <v>11</v>
      </c>
      <c r="E22207" s="1" t="s">
        <v>7</v>
      </c>
    </row>
    <row r="22208">
      <c r="A22208" s="1">
        <v>4.90859485E8</v>
      </c>
      <c r="B22208" s="2">
        <v>17837.0</v>
      </c>
      <c r="C22208" s="1" t="s">
        <v>5</v>
      </c>
      <c r="D22208" s="1" t="s">
        <v>18792</v>
      </c>
      <c r="E22208" s="1" t="s">
        <v>11</v>
      </c>
    </row>
    <row r="22209">
      <c r="A22209" s="1">
        <v>4.90859496E8</v>
      </c>
      <c r="B22209" s="2">
        <v>17779.0</v>
      </c>
      <c r="C22209" s="1" t="s">
        <v>5</v>
      </c>
      <c r="D22209" s="1" t="s">
        <v>18793</v>
      </c>
      <c r="E22209" s="1" t="s">
        <v>11</v>
      </c>
    </row>
    <row r="22210">
      <c r="A22210" s="1">
        <v>4.90859499E8</v>
      </c>
      <c r="B22210" s="2">
        <v>17769.0</v>
      </c>
      <c r="C22210" s="1" t="s">
        <v>5</v>
      </c>
      <c r="D22210" s="1" t="s">
        <v>18794</v>
      </c>
      <c r="E22210" s="1" t="s">
        <v>7</v>
      </c>
    </row>
    <row r="22211">
      <c r="A22211" s="1">
        <v>4.90859514E8</v>
      </c>
      <c r="B22211" s="2">
        <v>17779.0</v>
      </c>
      <c r="C22211" s="1" t="s">
        <v>5</v>
      </c>
      <c r="D22211" s="1" t="s">
        <v>18795</v>
      </c>
      <c r="E22211" s="1" t="s">
        <v>11</v>
      </c>
    </row>
    <row r="22212">
      <c r="A22212" s="1">
        <v>4.9085952E8</v>
      </c>
      <c r="B22212" s="2">
        <v>17790.0</v>
      </c>
      <c r="C22212" s="1" t="s">
        <v>5</v>
      </c>
      <c r="D22212" s="1" t="s">
        <v>18796</v>
      </c>
      <c r="E22212" s="1" t="s">
        <v>7</v>
      </c>
    </row>
    <row r="22213">
      <c r="A22213" s="1">
        <v>4.90859596E8</v>
      </c>
      <c r="B22213" s="2">
        <v>17790.0</v>
      </c>
      <c r="C22213" s="1" t="s">
        <v>5</v>
      </c>
      <c r="D22213" s="1" t="s">
        <v>11</v>
      </c>
      <c r="E22213" s="1" t="s">
        <v>7</v>
      </c>
    </row>
    <row r="22214">
      <c r="A22214" s="1">
        <v>4.90859648E8</v>
      </c>
      <c r="B22214" s="2">
        <v>17776.0</v>
      </c>
      <c r="C22214" s="1" t="s">
        <v>5</v>
      </c>
      <c r="D22214" s="1" t="s">
        <v>18797</v>
      </c>
      <c r="E22214" s="1" t="s">
        <v>7</v>
      </c>
    </row>
    <row r="22215">
      <c r="A22215" s="1">
        <v>4.90859728E8</v>
      </c>
      <c r="B22215" s="2">
        <v>17837.0</v>
      </c>
      <c r="C22215" s="1" t="s">
        <v>5</v>
      </c>
      <c r="D22215" s="1" t="s">
        <v>18798</v>
      </c>
      <c r="E22215" s="1" t="s">
        <v>7</v>
      </c>
    </row>
    <row r="22216">
      <c r="A22216" s="1">
        <v>4.90859805E8</v>
      </c>
      <c r="B22216" s="2">
        <v>17772.0</v>
      </c>
      <c r="C22216" s="1" t="s">
        <v>5</v>
      </c>
      <c r="D22216" s="1" t="s">
        <v>18799</v>
      </c>
      <c r="E22216" s="1" t="s">
        <v>7</v>
      </c>
    </row>
    <row r="22217">
      <c r="A22217" s="1">
        <v>4.90859831E8</v>
      </c>
      <c r="B22217" s="2">
        <v>17723.0</v>
      </c>
      <c r="C22217" s="1" t="s">
        <v>5</v>
      </c>
      <c r="D22217" s="1" t="s">
        <v>18800</v>
      </c>
      <c r="E22217" s="1" t="s">
        <v>18801</v>
      </c>
    </row>
    <row r="22218">
      <c r="A22218" s="1">
        <v>4.9085992E8</v>
      </c>
      <c r="B22218" s="2">
        <v>17787.0</v>
      </c>
      <c r="C22218" s="1" t="s">
        <v>5</v>
      </c>
      <c r="D22218" s="1" t="s">
        <v>18802</v>
      </c>
      <c r="E22218" s="1" t="s">
        <v>7</v>
      </c>
    </row>
    <row r="22219">
      <c r="A22219" s="1">
        <v>4.90859928E8</v>
      </c>
      <c r="B22219" s="2">
        <v>17764.0</v>
      </c>
      <c r="C22219" s="1" t="s">
        <v>5</v>
      </c>
      <c r="D22219" s="1" t="s">
        <v>18803</v>
      </c>
      <c r="E22219" s="1" t="s">
        <v>7</v>
      </c>
    </row>
    <row r="22220">
      <c r="A22220" s="1">
        <v>4.90859994E8</v>
      </c>
      <c r="B22220" s="2">
        <v>17784.0</v>
      </c>
      <c r="C22220" s="1" t="s">
        <v>5</v>
      </c>
      <c r="D22220" s="1" t="s">
        <v>18804</v>
      </c>
      <c r="E22220" s="1" t="s">
        <v>7</v>
      </c>
    </row>
    <row r="22221">
      <c r="A22221" s="1">
        <v>4.90859998E8</v>
      </c>
      <c r="B22221" s="2">
        <v>17764.0</v>
      </c>
      <c r="C22221" s="1" t="s">
        <v>5</v>
      </c>
      <c r="D22221" s="1" t="s">
        <v>18805</v>
      </c>
      <c r="E22221" s="1" t="s">
        <v>7</v>
      </c>
    </row>
    <row r="22222">
      <c r="A22222" s="1">
        <v>4.90860027E8</v>
      </c>
      <c r="B22222" s="2">
        <v>17766.0</v>
      </c>
      <c r="C22222" s="1" t="s">
        <v>5</v>
      </c>
      <c r="D22222" s="1" t="s">
        <v>18806</v>
      </c>
      <c r="E22222" s="1" t="s">
        <v>18807</v>
      </c>
    </row>
    <row r="22223">
      <c r="A22223" s="1">
        <v>4.90860034E8</v>
      </c>
      <c r="B22223" s="3">
        <v>17658.0</v>
      </c>
      <c r="C22223" s="1" t="s">
        <v>5</v>
      </c>
      <c r="D22223" s="1" t="s">
        <v>18808</v>
      </c>
      <c r="E22223" s="1" t="s">
        <v>7</v>
      </c>
    </row>
    <row r="22224">
      <c r="A22224" s="1">
        <v>4.90860119E8</v>
      </c>
      <c r="B22224" s="2">
        <v>17753.0</v>
      </c>
      <c r="C22224" s="1" t="s">
        <v>5</v>
      </c>
      <c r="D22224" s="1" t="s">
        <v>18809</v>
      </c>
      <c r="E22224" s="1" t="s">
        <v>7</v>
      </c>
    </row>
    <row r="22225">
      <c r="A22225" s="1">
        <v>4.90860147E8</v>
      </c>
      <c r="B22225" s="2">
        <v>17760.0</v>
      </c>
      <c r="C22225" s="1" t="s">
        <v>5</v>
      </c>
      <c r="D22225" s="1" t="s">
        <v>18810</v>
      </c>
      <c r="E22225" s="1" t="s">
        <v>11</v>
      </c>
    </row>
    <row r="22226">
      <c r="A22226" s="1">
        <v>4.90860173E8</v>
      </c>
      <c r="B22226" s="2">
        <v>17769.0</v>
      </c>
      <c r="C22226" s="1" t="s">
        <v>5</v>
      </c>
      <c r="D22226" s="1" t="s">
        <v>11</v>
      </c>
      <c r="E22226" s="1" t="s">
        <v>7</v>
      </c>
    </row>
    <row r="22227">
      <c r="A22227" s="1">
        <v>4.90860246E8</v>
      </c>
      <c r="B22227" s="3">
        <v>17658.0</v>
      </c>
      <c r="C22227" s="1" t="s">
        <v>5</v>
      </c>
      <c r="D22227" s="1" t="s">
        <v>18811</v>
      </c>
      <c r="E22227" s="1" t="s">
        <v>7</v>
      </c>
    </row>
    <row r="22228">
      <c r="A22228" s="1">
        <v>4.90860276E8</v>
      </c>
      <c r="B22228" s="2">
        <v>17748.0</v>
      </c>
      <c r="C22228" s="1" t="s">
        <v>5</v>
      </c>
      <c r="D22228" s="1" t="s">
        <v>11</v>
      </c>
      <c r="E22228" s="1" t="s">
        <v>7</v>
      </c>
    </row>
    <row r="22229">
      <c r="A22229" s="1">
        <v>4.90860299E8</v>
      </c>
      <c r="B22229" s="2">
        <v>17759.0</v>
      </c>
      <c r="C22229" s="1" t="s">
        <v>5</v>
      </c>
      <c r="D22229" s="1" t="s">
        <v>18812</v>
      </c>
      <c r="E22229" s="1" t="s">
        <v>11</v>
      </c>
    </row>
    <row r="22230">
      <c r="A22230" s="1">
        <v>4.9086033E8</v>
      </c>
      <c r="B22230" s="2">
        <v>17785.0</v>
      </c>
      <c r="C22230" s="1" t="s">
        <v>5</v>
      </c>
      <c r="D22230" s="1" t="s">
        <v>18813</v>
      </c>
      <c r="E22230" s="1" t="s">
        <v>11</v>
      </c>
    </row>
    <row r="22231">
      <c r="A22231" s="1">
        <v>4.90860357E8</v>
      </c>
      <c r="B22231" s="2">
        <v>17762.0</v>
      </c>
      <c r="C22231" s="1" t="s">
        <v>5</v>
      </c>
      <c r="D22231" s="1" t="s">
        <v>11</v>
      </c>
      <c r="E22231" s="1" t="s">
        <v>7</v>
      </c>
    </row>
    <row r="22232">
      <c r="A22232" s="1">
        <v>4.9086045E8</v>
      </c>
      <c r="B22232" s="2">
        <v>17798.0</v>
      </c>
      <c r="C22232" s="1" t="s">
        <v>5</v>
      </c>
      <c r="D22232" s="1" t="s">
        <v>18814</v>
      </c>
      <c r="E22232" s="1" t="s">
        <v>7</v>
      </c>
    </row>
    <row r="22233">
      <c r="A22233" s="1">
        <v>4.90860495E8</v>
      </c>
      <c r="B22233" s="2">
        <v>17760.0</v>
      </c>
      <c r="C22233" s="1" t="s">
        <v>5</v>
      </c>
      <c r="D22233" s="1" t="s">
        <v>18815</v>
      </c>
      <c r="E22233" s="1" t="s">
        <v>11</v>
      </c>
    </row>
    <row r="22234">
      <c r="A22234" s="1">
        <v>4.90860516E8</v>
      </c>
      <c r="B22234" s="2">
        <v>17752.0</v>
      </c>
      <c r="C22234" s="1" t="s">
        <v>5</v>
      </c>
      <c r="D22234" s="1" t="s">
        <v>11</v>
      </c>
      <c r="E22234" s="1" t="s">
        <v>7</v>
      </c>
    </row>
    <row r="22235">
      <c r="A22235" s="1">
        <v>4.90860587E8</v>
      </c>
      <c r="B22235" s="2">
        <v>17766.0</v>
      </c>
      <c r="C22235" s="1" t="s">
        <v>5</v>
      </c>
      <c r="D22235" s="1" t="s">
        <v>18816</v>
      </c>
      <c r="E22235" s="1" t="s">
        <v>7</v>
      </c>
    </row>
    <row r="22236">
      <c r="A22236" s="1">
        <v>4.90860594E8</v>
      </c>
      <c r="B22236" s="2">
        <v>17805.0</v>
      </c>
      <c r="C22236" s="1" t="s">
        <v>5</v>
      </c>
      <c r="D22236" s="1" t="s">
        <v>18817</v>
      </c>
      <c r="E22236" s="1" t="s">
        <v>7</v>
      </c>
    </row>
    <row r="22237">
      <c r="A22237" s="1">
        <v>4.9086061E8</v>
      </c>
      <c r="B22237" s="2">
        <v>17779.0</v>
      </c>
      <c r="C22237" s="1" t="s">
        <v>5</v>
      </c>
      <c r="D22237" s="1" t="s">
        <v>18818</v>
      </c>
      <c r="E22237" s="1" t="s">
        <v>7</v>
      </c>
    </row>
    <row r="22238">
      <c r="A22238" s="1">
        <v>4.90860647E8</v>
      </c>
      <c r="B22238" s="3">
        <v>17658.0</v>
      </c>
      <c r="C22238" s="1" t="s">
        <v>5</v>
      </c>
      <c r="D22238" s="1" t="s">
        <v>11</v>
      </c>
      <c r="E22238" s="1" t="s">
        <v>7</v>
      </c>
    </row>
    <row r="22239">
      <c r="A22239" s="1">
        <v>4.90860708E8</v>
      </c>
      <c r="B22239" s="3">
        <v>17667.0</v>
      </c>
      <c r="C22239" s="1" t="s">
        <v>5</v>
      </c>
      <c r="D22239" s="1" t="s">
        <v>18819</v>
      </c>
      <c r="E22239" s="1" t="s">
        <v>7</v>
      </c>
    </row>
    <row r="22240">
      <c r="A22240" s="1">
        <v>4.90860794E8</v>
      </c>
      <c r="B22240" s="2">
        <v>17763.0</v>
      </c>
      <c r="C22240" s="1" t="s">
        <v>5</v>
      </c>
      <c r="D22240" s="1" t="s">
        <v>7</v>
      </c>
      <c r="E22240" s="1" t="s">
        <v>7</v>
      </c>
    </row>
    <row r="22241">
      <c r="A22241" s="1">
        <v>4.90860796E8</v>
      </c>
      <c r="B22241" s="2">
        <v>17826.0</v>
      </c>
      <c r="C22241" s="1" t="s">
        <v>5</v>
      </c>
      <c r="D22241" s="1" t="s">
        <v>18820</v>
      </c>
      <c r="E22241" s="1" t="s">
        <v>18821</v>
      </c>
    </row>
    <row r="22242">
      <c r="A22242" s="1">
        <v>4.90860846E8</v>
      </c>
      <c r="B22242" s="2">
        <v>17763.0</v>
      </c>
      <c r="C22242" s="1" t="s">
        <v>5</v>
      </c>
      <c r="D22242" s="1" t="s">
        <v>11</v>
      </c>
      <c r="E22242" s="1" t="s">
        <v>7</v>
      </c>
    </row>
    <row r="22243">
      <c r="A22243" s="1">
        <v>4.90860907E8</v>
      </c>
      <c r="B22243" s="2">
        <v>17795.0</v>
      </c>
      <c r="C22243" s="1" t="s">
        <v>5</v>
      </c>
      <c r="D22243" s="1" t="s">
        <v>18822</v>
      </c>
      <c r="E22243" s="1" t="s">
        <v>7</v>
      </c>
    </row>
    <row r="22244">
      <c r="A22244" s="1">
        <v>4.90860956E8</v>
      </c>
      <c r="B22244" s="2">
        <v>17792.0</v>
      </c>
      <c r="C22244" s="1" t="s">
        <v>5</v>
      </c>
      <c r="D22244" s="1" t="s">
        <v>18823</v>
      </c>
      <c r="E22244" s="1" t="s">
        <v>7</v>
      </c>
    </row>
    <row r="22245">
      <c r="A22245" s="1">
        <v>4.90860959E8</v>
      </c>
      <c r="B22245" s="2">
        <v>17749.0</v>
      </c>
      <c r="C22245" s="1" t="s">
        <v>5</v>
      </c>
      <c r="D22245" s="1" t="s">
        <v>18824</v>
      </c>
      <c r="E22245" s="1" t="s">
        <v>7</v>
      </c>
    </row>
    <row r="22246">
      <c r="A22246" s="1">
        <v>4.90860971E8</v>
      </c>
      <c r="B22246" s="2">
        <v>17784.0</v>
      </c>
      <c r="C22246" s="1" t="s">
        <v>5</v>
      </c>
      <c r="D22246" s="1" t="s">
        <v>18825</v>
      </c>
      <c r="E22246" s="1" t="s">
        <v>7</v>
      </c>
    </row>
    <row r="22247">
      <c r="A22247" s="1">
        <v>4.90860991E8</v>
      </c>
      <c r="B22247" s="2">
        <v>17798.0</v>
      </c>
      <c r="C22247" s="1" t="s">
        <v>5</v>
      </c>
      <c r="D22247" s="1" t="s">
        <v>18826</v>
      </c>
      <c r="E22247" s="1" t="s">
        <v>7</v>
      </c>
    </row>
    <row r="22248">
      <c r="A22248" s="1">
        <v>4.90861002E8</v>
      </c>
      <c r="B22248" s="2">
        <v>17792.0</v>
      </c>
      <c r="C22248" s="1" t="s">
        <v>5</v>
      </c>
      <c r="D22248" s="1" t="s">
        <v>11</v>
      </c>
      <c r="E22248" s="1" t="s">
        <v>7</v>
      </c>
    </row>
    <row r="22249">
      <c r="A22249" s="1">
        <v>4.90861003E8</v>
      </c>
      <c r="B22249" s="2">
        <v>17758.0</v>
      </c>
      <c r="C22249" s="1" t="s">
        <v>5</v>
      </c>
      <c r="D22249" s="1" t="s">
        <v>18827</v>
      </c>
      <c r="E22249" s="1" t="s">
        <v>18828</v>
      </c>
    </row>
    <row r="22250">
      <c r="A22250" s="1">
        <v>4.9086104E8</v>
      </c>
      <c r="B22250" s="2">
        <v>17837.0</v>
      </c>
      <c r="C22250" s="1" t="s">
        <v>5</v>
      </c>
      <c r="D22250" s="1" t="s">
        <v>18829</v>
      </c>
      <c r="E22250" s="1" t="s">
        <v>7</v>
      </c>
    </row>
    <row r="22251">
      <c r="A22251" s="1">
        <v>4.90861059E8</v>
      </c>
      <c r="B22251" s="2">
        <v>17790.0</v>
      </c>
      <c r="C22251" s="1" t="s">
        <v>5</v>
      </c>
      <c r="D22251" s="1" t="s">
        <v>18830</v>
      </c>
      <c r="E22251" s="1" t="s">
        <v>7</v>
      </c>
    </row>
    <row r="22252">
      <c r="A22252" s="1">
        <v>4.90861074E8</v>
      </c>
      <c r="B22252" s="2">
        <v>17798.0</v>
      </c>
      <c r="C22252" s="1" t="s">
        <v>5</v>
      </c>
      <c r="D22252" s="1" t="s">
        <v>18831</v>
      </c>
      <c r="E22252" s="1" t="s">
        <v>11</v>
      </c>
    </row>
    <row r="22253">
      <c r="A22253" s="1">
        <v>4.90861115E8</v>
      </c>
      <c r="B22253" s="2">
        <v>17830.0</v>
      </c>
      <c r="C22253" s="1" t="s">
        <v>5</v>
      </c>
      <c r="D22253" s="1" t="s">
        <v>11</v>
      </c>
      <c r="E22253" s="1" t="s">
        <v>7</v>
      </c>
    </row>
    <row r="22254">
      <c r="A22254" s="1">
        <v>4.90861116E8</v>
      </c>
      <c r="B22254" s="2">
        <v>17718.0</v>
      </c>
      <c r="C22254" s="1" t="s">
        <v>5</v>
      </c>
      <c r="D22254" s="1" t="s">
        <v>18832</v>
      </c>
      <c r="E22254" s="1" t="s">
        <v>11</v>
      </c>
    </row>
    <row r="22255">
      <c r="A22255" s="1">
        <v>4.90861158E8</v>
      </c>
      <c r="B22255" s="2">
        <v>17760.0</v>
      </c>
      <c r="C22255" s="1" t="s">
        <v>5</v>
      </c>
      <c r="D22255" s="1" t="s">
        <v>11</v>
      </c>
      <c r="E22255" s="1" t="s">
        <v>7</v>
      </c>
    </row>
    <row r="22256">
      <c r="A22256" s="1">
        <v>4.90861175E8</v>
      </c>
      <c r="B22256" s="2">
        <v>17766.0</v>
      </c>
      <c r="C22256" s="1" t="s">
        <v>5</v>
      </c>
      <c r="D22256" s="1" t="s">
        <v>11</v>
      </c>
      <c r="E22256" s="1" t="s">
        <v>7</v>
      </c>
    </row>
    <row r="22257">
      <c r="A22257" s="1">
        <v>4.90861234E8</v>
      </c>
      <c r="B22257" s="2">
        <v>17753.0</v>
      </c>
      <c r="C22257" s="1" t="s">
        <v>5</v>
      </c>
      <c r="D22257" s="1" t="s">
        <v>18833</v>
      </c>
      <c r="E22257" s="1" t="s">
        <v>11</v>
      </c>
    </row>
    <row r="22258">
      <c r="A22258" s="1">
        <v>4.90861236E8</v>
      </c>
      <c r="B22258" s="2">
        <v>17779.0</v>
      </c>
      <c r="C22258" s="1" t="s">
        <v>5</v>
      </c>
      <c r="D22258" s="1" t="s">
        <v>18834</v>
      </c>
      <c r="E22258" s="1" t="s">
        <v>7</v>
      </c>
    </row>
    <row r="22259">
      <c r="A22259" s="1">
        <v>4.90861394E8</v>
      </c>
      <c r="B22259" s="2">
        <v>17763.0</v>
      </c>
      <c r="C22259" s="1" t="s">
        <v>5</v>
      </c>
      <c r="D22259" s="1" t="s">
        <v>18835</v>
      </c>
      <c r="E22259" s="1" t="s">
        <v>11</v>
      </c>
    </row>
    <row r="22260">
      <c r="A22260" s="1">
        <v>4.9086145E8</v>
      </c>
      <c r="B22260" s="2">
        <v>17769.0</v>
      </c>
      <c r="C22260" s="1" t="s">
        <v>5</v>
      </c>
      <c r="D22260" s="1" t="s">
        <v>18836</v>
      </c>
      <c r="E22260" s="1" t="s">
        <v>18837</v>
      </c>
    </row>
    <row r="22261">
      <c r="A22261" s="1">
        <v>4.90861479E8</v>
      </c>
      <c r="B22261" s="2">
        <v>17799.0</v>
      </c>
      <c r="C22261" s="1" t="s">
        <v>5</v>
      </c>
      <c r="D22261" s="1" t="s">
        <v>18838</v>
      </c>
      <c r="E22261" s="1" t="s">
        <v>7</v>
      </c>
    </row>
    <row r="22262">
      <c r="A22262" s="1">
        <v>4.90861499E8</v>
      </c>
      <c r="B22262" s="2">
        <v>17837.0</v>
      </c>
      <c r="C22262" s="1" t="s">
        <v>5</v>
      </c>
      <c r="D22262" s="1" t="s">
        <v>18839</v>
      </c>
      <c r="E22262" s="1" t="s">
        <v>7</v>
      </c>
    </row>
    <row r="22263">
      <c r="A22263" s="1">
        <v>4.908616E8</v>
      </c>
      <c r="B22263" s="2">
        <v>17794.0</v>
      </c>
      <c r="C22263" s="1" t="s">
        <v>5</v>
      </c>
      <c r="D22263" s="1" t="s">
        <v>18840</v>
      </c>
      <c r="E22263" s="1" t="s">
        <v>7</v>
      </c>
    </row>
    <row r="22264">
      <c r="A22264" s="1">
        <v>4.90861728E8</v>
      </c>
      <c r="B22264" s="2">
        <v>17804.0</v>
      </c>
      <c r="C22264" s="1" t="s">
        <v>5</v>
      </c>
      <c r="D22264" s="1" t="s">
        <v>18841</v>
      </c>
      <c r="E22264" s="1" t="s">
        <v>7</v>
      </c>
    </row>
    <row r="22265">
      <c r="A22265" s="1">
        <v>4.9086176E8</v>
      </c>
      <c r="B22265" s="2">
        <v>17794.0</v>
      </c>
      <c r="C22265" s="1" t="s">
        <v>5</v>
      </c>
      <c r="D22265" s="1" t="s">
        <v>18110</v>
      </c>
      <c r="E22265" s="1" t="s">
        <v>7</v>
      </c>
    </row>
    <row r="22266">
      <c r="A22266" s="1">
        <v>4.90861819E8</v>
      </c>
      <c r="B22266" s="2">
        <v>17835.0</v>
      </c>
      <c r="C22266" s="1" t="s">
        <v>5</v>
      </c>
      <c r="D22266" s="1" t="s">
        <v>18842</v>
      </c>
      <c r="E22266" s="1" t="s">
        <v>7</v>
      </c>
    </row>
    <row r="22267">
      <c r="A22267" s="1">
        <v>4.90861871E8</v>
      </c>
      <c r="B22267" s="2">
        <v>17804.0</v>
      </c>
      <c r="C22267" s="1" t="s">
        <v>5</v>
      </c>
      <c r="D22267" s="1" t="s">
        <v>18843</v>
      </c>
      <c r="E22267" s="1" t="s">
        <v>11</v>
      </c>
    </row>
    <row r="22268">
      <c r="A22268" s="1">
        <v>4.90861882E8</v>
      </c>
      <c r="B22268" s="2">
        <v>17716.0</v>
      </c>
      <c r="C22268" s="1" t="s">
        <v>5</v>
      </c>
      <c r="D22268" s="1" t="s">
        <v>18844</v>
      </c>
      <c r="E22268" s="1" t="s">
        <v>11</v>
      </c>
    </row>
    <row r="22269">
      <c r="A22269" s="1">
        <v>4.90861889E8</v>
      </c>
      <c r="B22269" s="3">
        <v>17665.0</v>
      </c>
      <c r="C22269" s="1" t="s">
        <v>5</v>
      </c>
      <c r="D22269" s="1" t="s">
        <v>18845</v>
      </c>
      <c r="E22269" s="1" t="s">
        <v>7</v>
      </c>
    </row>
    <row r="22270">
      <c r="A22270" s="1">
        <v>4.90861909E8</v>
      </c>
      <c r="B22270" s="3">
        <v>17655.0</v>
      </c>
      <c r="C22270" s="1" t="s">
        <v>5</v>
      </c>
      <c r="D22270" s="1" t="s">
        <v>11</v>
      </c>
      <c r="E22270" s="1" t="s">
        <v>7</v>
      </c>
    </row>
    <row r="22271">
      <c r="A22271" s="1">
        <v>4.90862042E8</v>
      </c>
      <c r="B22271" s="2">
        <v>17783.0</v>
      </c>
      <c r="C22271" s="1" t="s">
        <v>5</v>
      </c>
      <c r="D22271" s="1" t="s">
        <v>11</v>
      </c>
      <c r="E22271" s="1" t="s">
        <v>7</v>
      </c>
    </row>
    <row r="22272">
      <c r="A22272" s="1">
        <v>4.90862179E8</v>
      </c>
      <c r="B22272" s="2">
        <v>17788.0</v>
      </c>
      <c r="C22272" s="1" t="s">
        <v>5</v>
      </c>
      <c r="D22272" s="1" t="s">
        <v>18846</v>
      </c>
      <c r="E22272" s="1" t="s">
        <v>7</v>
      </c>
    </row>
    <row r="22273">
      <c r="A22273" s="1">
        <v>4.90862196E8</v>
      </c>
      <c r="B22273" s="2">
        <v>17751.0</v>
      </c>
      <c r="C22273" s="1" t="s">
        <v>5</v>
      </c>
      <c r="D22273" s="1" t="s">
        <v>18847</v>
      </c>
      <c r="E22273" s="1" t="s">
        <v>7</v>
      </c>
    </row>
    <row r="22274">
      <c r="A22274" s="1">
        <v>4.90862227E8</v>
      </c>
      <c r="B22274" s="2">
        <v>17830.0</v>
      </c>
      <c r="C22274" s="1" t="s">
        <v>5</v>
      </c>
      <c r="D22274" s="1" t="s">
        <v>18848</v>
      </c>
      <c r="E22274" s="1" t="s">
        <v>7</v>
      </c>
    </row>
    <row r="22275">
      <c r="A22275" s="1">
        <v>4.9086223E8</v>
      </c>
      <c r="B22275" s="2">
        <v>17821.0</v>
      </c>
      <c r="C22275" s="1" t="s">
        <v>5</v>
      </c>
      <c r="D22275" s="1" t="s">
        <v>18849</v>
      </c>
      <c r="E22275" s="1" t="s">
        <v>7</v>
      </c>
    </row>
    <row r="22276">
      <c r="A22276" s="1">
        <v>4.90862275E8</v>
      </c>
      <c r="B22276" s="2">
        <v>17759.0</v>
      </c>
      <c r="C22276" s="1" t="s">
        <v>5</v>
      </c>
      <c r="D22276" s="1" t="s">
        <v>18850</v>
      </c>
      <c r="E22276" s="1" t="s">
        <v>11</v>
      </c>
    </row>
    <row r="22277">
      <c r="A22277" s="1">
        <v>4.90862391E8</v>
      </c>
      <c r="B22277" s="2">
        <v>17759.0</v>
      </c>
      <c r="C22277" s="1" t="s">
        <v>5</v>
      </c>
      <c r="D22277" s="1" t="s">
        <v>18851</v>
      </c>
      <c r="E22277" s="1" t="s">
        <v>18852</v>
      </c>
    </row>
    <row r="22278">
      <c r="A22278" s="1">
        <v>4.90862394E8</v>
      </c>
      <c r="B22278" s="2">
        <v>17799.0</v>
      </c>
      <c r="C22278" s="1" t="s">
        <v>5</v>
      </c>
      <c r="D22278" s="1" t="s">
        <v>18853</v>
      </c>
      <c r="E22278" s="1" t="s">
        <v>7</v>
      </c>
    </row>
    <row r="22279">
      <c r="A22279" s="1">
        <v>4.90862416E8</v>
      </c>
      <c r="B22279" s="2">
        <v>17799.0</v>
      </c>
      <c r="C22279" s="1" t="s">
        <v>5</v>
      </c>
      <c r="D22279" s="1" t="s">
        <v>18854</v>
      </c>
      <c r="E22279" s="1" t="s">
        <v>11</v>
      </c>
    </row>
    <row r="22280">
      <c r="A22280" s="1">
        <v>4.90862429E8</v>
      </c>
      <c r="B22280" s="2">
        <v>17833.0</v>
      </c>
      <c r="C22280" s="1" t="s">
        <v>5</v>
      </c>
      <c r="D22280" s="1" t="s">
        <v>18855</v>
      </c>
      <c r="E22280" s="1" t="s">
        <v>18856</v>
      </c>
    </row>
    <row r="22281">
      <c r="A22281" s="1">
        <v>4.90862467E8</v>
      </c>
      <c r="B22281" s="2">
        <v>17759.0</v>
      </c>
      <c r="C22281" s="1" t="s">
        <v>5</v>
      </c>
      <c r="D22281" s="1" t="s">
        <v>18857</v>
      </c>
      <c r="E22281" s="1" t="s">
        <v>7</v>
      </c>
    </row>
    <row r="22282">
      <c r="A22282" s="1">
        <v>4.90862522E8</v>
      </c>
      <c r="B22282" s="2">
        <v>17760.0</v>
      </c>
      <c r="C22282" s="1" t="s">
        <v>5</v>
      </c>
      <c r="D22282" s="1" t="s">
        <v>11</v>
      </c>
      <c r="E22282" s="1" t="s">
        <v>7</v>
      </c>
    </row>
    <row r="22283">
      <c r="A22283" s="1">
        <v>4.9086255E8</v>
      </c>
      <c r="B22283" s="2">
        <v>17765.0</v>
      </c>
      <c r="C22283" s="1" t="s">
        <v>5</v>
      </c>
      <c r="D22283" s="1" t="s">
        <v>18858</v>
      </c>
      <c r="E22283" s="1" t="s">
        <v>18859</v>
      </c>
    </row>
    <row r="22284">
      <c r="A22284" s="1">
        <v>4.90862576E8</v>
      </c>
      <c r="B22284" s="2">
        <v>17815.0</v>
      </c>
      <c r="C22284" s="1" t="s">
        <v>5</v>
      </c>
      <c r="D22284" s="1" t="s">
        <v>18860</v>
      </c>
      <c r="E22284" s="1" t="s">
        <v>7</v>
      </c>
    </row>
    <row r="22285">
      <c r="A22285" s="1">
        <v>4.9086259E8</v>
      </c>
      <c r="B22285" s="2">
        <v>17788.0</v>
      </c>
      <c r="C22285" s="1" t="s">
        <v>5</v>
      </c>
      <c r="D22285" s="1" t="s">
        <v>18861</v>
      </c>
      <c r="E22285" s="1" t="s">
        <v>7</v>
      </c>
    </row>
    <row r="22286">
      <c r="A22286" s="1">
        <v>4.90862685E8</v>
      </c>
      <c r="B22286" s="2">
        <v>17830.0</v>
      </c>
      <c r="C22286" s="1" t="s">
        <v>5</v>
      </c>
      <c r="D22286" s="1" t="s">
        <v>18862</v>
      </c>
      <c r="E22286" s="1" t="s">
        <v>7</v>
      </c>
    </row>
    <row r="22287">
      <c r="A22287" s="1">
        <v>4.90862714E8</v>
      </c>
      <c r="B22287" s="2">
        <v>17787.0</v>
      </c>
      <c r="C22287" s="1" t="s">
        <v>5</v>
      </c>
      <c r="D22287" s="1" t="s">
        <v>18863</v>
      </c>
      <c r="E22287" s="1" t="s">
        <v>18864</v>
      </c>
    </row>
    <row r="22288">
      <c r="A22288" s="1">
        <v>4.90862762E8</v>
      </c>
      <c r="B22288" s="2">
        <v>17826.0</v>
      </c>
      <c r="C22288" s="1" t="s">
        <v>5</v>
      </c>
      <c r="D22288" s="1" t="s">
        <v>11</v>
      </c>
      <c r="E22288" s="1" t="s">
        <v>7</v>
      </c>
    </row>
    <row r="22289">
      <c r="A22289" s="1">
        <v>4.90862825E8</v>
      </c>
      <c r="B22289" s="2">
        <v>17800.0</v>
      </c>
      <c r="C22289" s="1" t="s">
        <v>5</v>
      </c>
      <c r="D22289" s="1" t="s">
        <v>18865</v>
      </c>
      <c r="E22289" s="1" t="s">
        <v>11</v>
      </c>
    </row>
    <row r="22290">
      <c r="A22290" s="1">
        <v>4.90862839E8</v>
      </c>
      <c r="B22290" s="2">
        <v>17787.0</v>
      </c>
      <c r="C22290" s="1" t="s">
        <v>5</v>
      </c>
      <c r="D22290" s="1" t="s">
        <v>11</v>
      </c>
      <c r="E22290" s="1" t="s">
        <v>7</v>
      </c>
    </row>
    <row r="22291">
      <c r="A22291" s="1">
        <v>4.90862845E8</v>
      </c>
      <c r="B22291" s="2">
        <v>17758.0</v>
      </c>
      <c r="C22291" s="1" t="s">
        <v>5</v>
      </c>
      <c r="D22291" s="1" t="s">
        <v>18866</v>
      </c>
      <c r="E22291" s="1" t="s">
        <v>7</v>
      </c>
    </row>
    <row r="22292">
      <c r="A22292" s="1">
        <v>4.9086296E8</v>
      </c>
      <c r="B22292" s="2">
        <v>17756.0</v>
      </c>
      <c r="C22292" s="1" t="s">
        <v>5</v>
      </c>
      <c r="D22292" s="1" t="s">
        <v>18867</v>
      </c>
      <c r="E22292" s="1" t="s">
        <v>7</v>
      </c>
    </row>
    <row r="22293">
      <c r="A22293" s="1">
        <v>4.9086305E8</v>
      </c>
      <c r="B22293" s="2">
        <v>17757.0</v>
      </c>
      <c r="C22293" s="1" t="s">
        <v>5</v>
      </c>
      <c r="D22293" s="1" t="s">
        <v>11</v>
      </c>
      <c r="E22293" s="1" t="s">
        <v>7</v>
      </c>
    </row>
    <row r="22294">
      <c r="A22294" s="1">
        <v>4.90863078E8</v>
      </c>
      <c r="B22294" s="2">
        <v>17826.0</v>
      </c>
      <c r="C22294" s="1" t="s">
        <v>5</v>
      </c>
      <c r="D22294" s="1" t="s">
        <v>18868</v>
      </c>
      <c r="E22294" s="1" t="s">
        <v>7</v>
      </c>
    </row>
    <row r="22295">
      <c r="A22295" s="1">
        <v>4.90863107E8</v>
      </c>
      <c r="B22295" s="2">
        <v>17816.0</v>
      </c>
      <c r="C22295" s="1" t="s">
        <v>5</v>
      </c>
      <c r="D22295" s="1" t="s">
        <v>11</v>
      </c>
      <c r="E22295" s="1" t="s">
        <v>7</v>
      </c>
    </row>
    <row r="22296">
      <c r="A22296" s="1">
        <v>4.90863116E8</v>
      </c>
      <c r="B22296" s="2">
        <v>17805.0</v>
      </c>
      <c r="C22296" s="1" t="s">
        <v>5</v>
      </c>
      <c r="D22296" s="1" t="s">
        <v>18869</v>
      </c>
      <c r="E22296" s="1" t="s">
        <v>7</v>
      </c>
    </row>
    <row r="22297">
      <c r="A22297" s="1">
        <v>4.90863124E8</v>
      </c>
      <c r="B22297" s="2">
        <v>17826.0</v>
      </c>
      <c r="C22297" s="1" t="s">
        <v>5</v>
      </c>
      <c r="D22297" s="1" t="s">
        <v>18870</v>
      </c>
      <c r="E22297" s="1" t="s">
        <v>7</v>
      </c>
    </row>
    <row r="22298">
      <c r="A22298" s="1">
        <v>4.90863254E8</v>
      </c>
      <c r="B22298" s="2">
        <v>17806.0</v>
      </c>
      <c r="C22298" s="1" t="s">
        <v>5</v>
      </c>
      <c r="D22298" s="1" t="s">
        <v>11</v>
      </c>
      <c r="E22298" s="1" t="s">
        <v>7</v>
      </c>
    </row>
    <row r="22299">
      <c r="A22299" s="1">
        <v>4.90863259E8</v>
      </c>
      <c r="B22299" s="2">
        <v>17812.0</v>
      </c>
      <c r="C22299" s="1" t="s">
        <v>5</v>
      </c>
      <c r="D22299" s="1" t="s">
        <v>18871</v>
      </c>
      <c r="E22299" s="1" t="s">
        <v>7</v>
      </c>
    </row>
    <row r="22300">
      <c r="A22300" s="1">
        <v>4.90863319E8</v>
      </c>
      <c r="B22300" s="2">
        <v>17763.0</v>
      </c>
      <c r="C22300" s="1" t="s">
        <v>5</v>
      </c>
      <c r="D22300" s="1" t="s">
        <v>18872</v>
      </c>
      <c r="E22300" s="1" t="s">
        <v>7</v>
      </c>
    </row>
    <row r="22301">
      <c r="A22301" s="1">
        <v>4.90863368E8</v>
      </c>
      <c r="B22301" s="2">
        <v>17763.0</v>
      </c>
      <c r="C22301" s="1" t="s">
        <v>5</v>
      </c>
      <c r="D22301" s="1" t="s">
        <v>18873</v>
      </c>
      <c r="E22301" s="1" t="s">
        <v>11</v>
      </c>
    </row>
    <row r="22302">
      <c r="A22302" s="1">
        <v>4.90863389E8</v>
      </c>
      <c r="B22302" s="2">
        <v>17779.0</v>
      </c>
      <c r="C22302" s="1" t="s">
        <v>5</v>
      </c>
      <c r="D22302" s="1" t="s">
        <v>18874</v>
      </c>
      <c r="E22302" s="1" t="s">
        <v>18875</v>
      </c>
    </row>
    <row r="22303">
      <c r="A22303" s="1">
        <v>4.90863459E8</v>
      </c>
      <c r="B22303" s="2">
        <v>17834.0</v>
      </c>
      <c r="C22303" s="1" t="s">
        <v>5</v>
      </c>
      <c r="D22303" s="1" t="s">
        <v>18876</v>
      </c>
      <c r="E22303" s="1" t="s">
        <v>18877</v>
      </c>
    </row>
    <row r="22304">
      <c r="A22304" s="1">
        <v>4.9086347E8</v>
      </c>
      <c r="B22304" s="2">
        <v>17801.0</v>
      </c>
      <c r="C22304" s="1" t="s">
        <v>5</v>
      </c>
      <c r="D22304" s="1" t="s">
        <v>11</v>
      </c>
      <c r="E22304" s="1" t="s">
        <v>7</v>
      </c>
    </row>
    <row r="22305">
      <c r="A22305" s="1">
        <v>4.90863514E8</v>
      </c>
      <c r="B22305" s="2">
        <v>17753.0</v>
      </c>
      <c r="C22305" s="1" t="s">
        <v>5</v>
      </c>
      <c r="D22305" s="1" t="s">
        <v>18878</v>
      </c>
      <c r="E22305" s="1" t="s">
        <v>7</v>
      </c>
    </row>
    <row r="22306">
      <c r="A22306" s="1">
        <v>4.90863539E8</v>
      </c>
      <c r="B22306" s="2">
        <v>17814.0</v>
      </c>
      <c r="C22306" s="1" t="s">
        <v>5</v>
      </c>
      <c r="D22306" s="1" t="s">
        <v>18879</v>
      </c>
      <c r="E22306" s="1" t="s">
        <v>11</v>
      </c>
    </row>
    <row r="22307">
      <c r="A22307" s="1">
        <v>4.90863671E8</v>
      </c>
      <c r="B22307" s="2">
        <v>17822.0</v>
      </c>
      <c r="C22307" s="1" t="s">
        <v>5</v>
      </c>
      <c r="D22307" s="1" t="s">
        <v>18880</v>
      </c>
      <c r="E22307" s="1" t="s">
        <v>11</v>
      </c>
    </row>
    <row r="22308">
      <c r="A22308" s="1">
        <v>4.90863692E8</v>
      </c>
      <c r="B22308" s="2">
        <v>17829.0</v>
      </c>
      <c r="C22308" s="1" t="s">
        <v>5</v>
      </c>
      <c r="D22308" s="1" t="s">
        <v>11</v>
      </c>
      <c r="E22308" s="1" t="s">
        <v>7</v>
      </c>
    </row>
    <row r="22309">
      <c r="A22309" s="1">
        <v>4.90863709E8</v>
      </c>
      <c r="B22309" s="2">
        <v>17778.0</v>
      </c>
      <c r="C22309" s="1" t="s">
        <v>5</v>
      </c>
      <c r="D22309" s="1" t="s">
        <v>11</v>
      </c>
      <c r="E22309" s="1" t="s">
        <v>7</v>
      </c>
    </row>
    <row r="22310">
      <c r="A22310" s="1">
        <v>4.9086371E8</v>
      </c>
      <c r="B22310" s="2">
        <v>17837.0</v>
      </c>
      <c r="C22310" s="1" t="s">
        <v>5</v>
      </c>
      <c r="D22310" s="1" t="s">
        <v>18881</v>
      </c>
      <c r="E22310" s="1" t="s">
        <v>7</v>
      </c>
    </row>
    <row r="22311">
      <c r="A22311" s="1">
        <v>4.90863712E8</v>
      </c>
      <c r="B22311" s="2">
        <v>17802.0</v>
      </c>
      <c r="C22311" s="1" t="s">
        <v>5</v>
      </c>
      <c r="D22311" s="1" t="s">
        <v>18882</v>
      </c>
      <c r="E22311" s="1" t="s">
        <v>7</v>
      </c>
    </row>
    <row r="22312">
      <c r="A22312" s="1">
        <v>4.90863715E8</v>
      </c>
      <c r="B22312" s="2">
        <v>17753.0</v>
      </c>
      <c r="C22312" s="1" t="s">
        <v>5</v>
      </c>
      <c r="D22312" s="1" t="s">
        <v>18883</v>
      </c>
      <c r="E22312" s="1" t="s">
        <v>7</v>
      </c>
    </row>
    <row r="22313">
      <c r="A22313" s="1">
        <v>4.90863816E8</v>
      </c>
      <c r="B22313" s="2">
        <v>17753.0</v>
      </c>
      <c r="C22313" s="1" t="s">
        <v>5</v>
      </c>
      <c r="D22313" s="1" t="s">
        <v>18884</v>
      </c>
      <c r="E22313" s="1" t="s">
        <v>7</v>
      </c>
    </row>
    <row r="22314">
      <c r="A22314" s="1">
        <v>4.90863836E8</v>
      </c>
      <c r="B22314" s="2">
        <v>17819.0</v>
      </c>
      <c r="C22314" s="1" t="s">
        <v>5</v>
      </c>
      <c r="D22314" s="1" t="s">
        <v>18885</v>
      </c>
      <c r="E22314" s="1" t="s">
        <v>7</v>
      </c>
    </row>
    <row r="22315">
      <c r="A22315" s="1">
        <v>4.9086384E8</v>
      </c>
      <c r="B22315" s="2">
        <v>17753.0</v>
      </c>
      <c r="C22315" s="1" t="s">
        <v>5</v>
      </c>
      <c r="D22315" s="1" t="s">
        <v>18886</v>
      </c>
      <c r="E22315" s="1" t="s">
        <v>7</v>
      </c>
    </row>
    <row r="22316">
      <c r="A22316" s="1">
        <v>4.90863843E8</v>
      </c>
      <c r="B22316" s="2">
        <v>17799.0</v>
      </c>
      <c r="C22316" s="1" t="s">
        <v>5</v>
      </c>
      <c r="D22316" s="1" t="s">
        <v>18887</v>
      </c>
      <c r="E22316" s="1" t="s">
        <v>11</v>
      </c>
    </row>
    <row r="22317">
      <c r="A22317" s="1">
        <v>4.90863907E8</v>
      </c>
      <c r="B22317" s="2">
        <v>17825.0</v>
      </c>
      <c r="C22317" s="1" t="s">
        <v>5</v>
      </c>
      <c r="D22317" s="1" t="s">
        <v>18888</v>
      </c>
      <c r="E22317" s="1" t="s">
        <v>7</v>
      </c>
    </row>
    <row r="22318">
      <c r="A22318" s="1">
        <v>4.90863952E8</v>
      </c>
      <c r="B22318" s="2">
        <v>17821.0</v>
      </c>
      <c r="C22318" s="1" t="s">
        <v>5</v>
      </c>
      <c r="D22318" s="1" t="s">
        <v>18889</v>
      </c>
      <c r="E22318" s="1" t="s">
        <v>7</v>
      </c>
    </row>
    <row r="22319">
      <c r="A22319" s="1">
        <v>4.90863987E8</v>
      </c>
      <c r="B22319" s="2">
        <v>17865.0</v>
      </c>
      <c r="C22319" s="1" t="s">
        <v>5</v>
      </c>
      <c r="D22319" s="1" t="s">
        <v>18890</v>
      </c>
      <c r="E22319" s="1" t="s">
        <v>7</v>
      </c>
    </row>
    <row r="22320">
      <c r="A22320" s="1">
        <v>4.90863993E8</v>
      </c>
      <c r="B22320" s="2">
        <v>17836.0</v>
      </c>
      <c r="C22320" s="1" t="s">
        <v>5</v>
      </c>
      <c r="D22320" s="1" t="s">
        <v>18891</v>
      </c>
      <c r="E22320" s="1" t="s">
        <v>7</v>
      </c>
    </row>
    <row r="22321">
      <c r="A22321" s="1">
        <v>4.90864051E8</v>
      </c>
      <c r="B22321" s="2">
        <v>17801.0</v>
      </c>
      <c r="C22321" s="1" t="s">
        <v>5</v>
      </c>
      <c r="D22321" s="1" t="s">
        <v>11</v>
      </c>
      <c r="E22321" s="1" t="s">
        <v>7</v>
      </c>
    </row>
    <row r="22322">
      <c r="A22322" s="1">
        <v>4.90864112E8</v>
      </c>
      <c r="B22322" s="2">
        <v>17749.0</v>
      </c>
      <c r="C22322" s="1" t="s">
        <v>5</v>
      </c>
      <c r="D22322" s="1" t="s">
        <v>18892</v>
      </c>
      <c r="E22322" s="1" t="s">
        <v>7</v>
      </c>
    </row>
    <row r="22323">
      <c r="A22323" s="1">
        <v>4.90864179E8</v>
      </c>
      <c r="B22323" s="2">
        <v>17750.0</v>
      </c>
      <c r="C22323" s="1" t="s">
        <v>5</v>
      </c>
      <c r="D22323" s="1" t="s">
        <v>11</v>
      </c>
      <c r="E22323" s="1" t="s">
        <v>7</v>
      </c>
    </row>
    <row r="22324">
      <c r="A22324" s="1">
        <v>4.90864191E8</v>
      </c>
      <c r="B22324" s="2">
        <v>17795.0</v>
      </c>
      <c r="C22324" s="1" t="s">
        <v>5</v>
      </c>
      <c r="D22324" s="1" t="s">
        <v>18893</v>
      </c>
      <c r="E22324" s="1" t="s">
        <v>7</v>
      </c>
    </row>
    <row r="22325">
      <c r="A22325" s="1">
        <v>4.90864193E8</v>
      </c>
      <c r="B22325" s="2">
        <v>17863.0</v>
      </c>
      <c r="C22325" s="1" t="s">
        <v>5</v>
      </c>
      <c r="D22325" s="1" t="s">
        <v>18894</v>
      </c>
      <c r="E22325" s="1" t="s">
        <v>11</v>
      </c>
    </row>
    <row r="22326">
      <c r="A22326" s="1">
        <v>4.90864227E8</v>
      </c>
      <c r="B22326" s="2">
        <v>17816.0</v>
      </c>
      <c r="C22326" s="1" t="s">
        <v>5</v>
      </c>
      <c r="D22326" s="1" t="s">
        <v>18895</v>
      </c>
      <c r="E22326" s="1" t="s">
        <v>7</v>
      </c>
    </row>
    <row r="22327">
      <c r="A22327" s="1">
        <v>4.90864291E8</v>
      </c>
      <c r="B22327" s="2">
        <v>17783.0</v>
      </c>
      <c r="C22327" s="1" t="s">
        <v>5</v>
      </c>
      <c r="D22327" s="1" t="s">
        <v>18896</v>
      </c>
      <c r="E22327" s="1" t="s">
        <v>11</v>
      </c>
    </row>
    <row r="22328">
      <c r="A22328" s="1">
        <v>4.90864346E8</v>
      </c>
      <c r="B22328" s="2">
        <v>17820.0</v>
      </c>
      <c r="C22328" s="1" t="s">
        <v>5</v>
      </c>
      <c r="D22328" s="1" t="s">
        <v>18897</v>
      </c>
      <c r="E22328" s="1" t="s">
        <v>18898</v>
      </c>
    </row>
    <row r="22329">
      <c r="A22329" s="1">
        <v>4.90864376E8</v>
      </c>
      <c r="B22329" s="2">
        <v>17794.0</v>
      </c>
      <c r="C22329" s="1" t="s">
        <v>5</v>
      </c>
      <c r="D22329" s="1" t="s">
        <v>11</v>
      </c>
      <c r="E22329" s="1" t="s">
        <v>7</v>
      </c>
    </row>
    <row r="22330">
      <c r="A22330" s="1">
        <v>4.90864419E8</v>
      </c>
      <c r="B22330" s="2">
        <v>17748.0</v>
      </c>
      <c r="C22330" s="1" t="s">
        <v>5</v>
      </c>
      <c r="D22330" s="1" t="s">
        <v>18899</v>
      </c>
      <c r="E22330" s="1" t="s">
        <v>7</v>
      </c>
    </row>
    <row r="22331">
      <c r="A22331" s="1">
        <v>4.90864491E8</v>
      </c>
      <c r="B22331" s="2">
        <v>17748.0</v>
      </c>
      <c r="C22331" s="1" t="s">
        <v>5</v>
      </c>
      <c r="D22331" s="1" t="s">
        <v>18900</v>
      </c>
      <c r="E22331" s="1" t="s">
        <v>7</v>
      </c>
    </row>
    <row r="22332">
      <c r="A22332" s="1">
        <v>4.90864558E8</v>
      </c>
      <c r="B22332" s="2">
        <v>17820.0</v>
      </c>
      <c r="C22332" s="1" t="s">
        <v>5</v>
      </c>
      <c r="D22332" s="1" t="s">
        <v>18901</v>
      </c>
      <c r="E22332" s="1" t="s">
        <v>7</v>
      </c>
    </row>
    <row r="22333">
      <c r="A22333" s="1">
        <v>4.90864576E8</v>
      </c>
      <c r="B22333" s="2">
        <v>17830.0</v>
      </c>
      <c r="C22333" s="1" t="s">
        <v>5</v>
      </c>
      <c r="D22333" s="1" t="s">
        <v>18902</v>
      </c>
      <c r="E22333" s="1" t="s">
        <v>7</v>
      </c>
    </row>
    <row r="22334">
      <c r="A22334" s="1">
        <v>4.90864579E8</v>
      </c>
      <c r="B22334" s="2">
        <v>17806.0</v>
      </c>
      <c r="C22334" s="1" t="s">
        <v>5</v>
      </c>
      <c r="D22334" s="1" t="s">
        <v>18903</v>
      </c>
      <c r="E22334" s="1" t="s">
        <v>18904</v>
      </c>
    </row>
    <row r="22335">
      <c r="A22335" s="1">
        <v>4.90864614E8</v>
      </c>
      <c r="B22335" s="2">
        <v>17829.0</v>
      </c>
      <c r="C22335" s="1" t="s">
        <v>5</v>
      </c>
      <c r="D22335" s="1" t="s">
        <v>18905</v>
      </c>
      <c r="E22335" s="1" t="s">
        <v>7</v>
      </c>
    </row>
    <row r="22336">
      <c r="A22336" s="1">
        <v>4.90864616E8</v>
      </c>
      <c r="B22336" s="2">
        <v>17814.0</v>
      </c>
      <c r="C22336" s="1" t="s">
        <v>5</v>
      </c>
      <c r="D22336" s="1" t="s">
        <v>11</v>
      </c>
      <c r="E22336" s="1" t="s">
        <v>7</v>
      </c>
    </row>
    <row r="22337">
      <c r="A22337" s="1">
        <v>4.90864706E8</v>
      </c>
      <c r="B22337" s="2">
        <v>17791.0</v>
      </c>
      <c r="C22337" s="1" t="s">
        <v>5</v>
      </c>
      <c r="D22337" s="1" t="s">
        <v>11</v>
      </c>
      <c r="E22337" s="1" t="s">
        <v>7</v>
      </c>
    </row>
    <row r="22338">
      <c r="A22338" s="1">
        <v>4.90864709E8</v>
      </c>
      <c r="B22338" s="2">
        <v>17806.0</v>
      </c>
      <c r="C22338" s="1" t="s">
        <v>5</v>
      </c>
      <c r="D22338" s="1" t="s">
        <v>11</v>
      </c>
      <c r="E22338" s="1" t="s">
        <v>7</v>
      </c>
    </row>
    <row r="22339">
      <c r="A22339" s="1">
        <v>4.90864713E8</v>
      </c>
      <c r="B22339" s="2">
        <v>17818.0</v>
      </c>
      <c r="C22339" s="1" t="s">
        <v>5</v>
      </c>
      <c r="D22339" s="1" t="s">
        <v>18906</v>
      </c>
      <c r="E22339" s="1" t="s">
        <v>7</v>
      </c>
    </row>
    <row r="22340">
      <c r="A22340" s="1">
        <v>4.90864751E8</v>
      </c>
      <c r="B22340" s="2">
        <v>17783.0</v>
      </c>
      <c r="C22340" s="1" t="s">
        <v>5</v>
      </c>
      <c r="D22340" s="1" t="s">
        <v>18907</v>
      </c>
      <c r="E22340" s="1" t="s">
        <v>11</v>
      </c>
    </row>
    <row r="22341">
      <c r="A22341" s="1">
        <v>4.90864811E8</v>
      </c>
      <c r="B22341" s="2">
        <v>17822.0</v>
      </c>
      <c r="C22341" s="1" t="s">
        <v>5</v>
      </c>
      <c r="D22341" s="1" t="s">
        <v>11</v>
      </c>
      <c r="E22341" s="1" t="s">
        <v>7</v>
      </c>
    </row>
    <row r="22342">
      <c r="A22342" s="1">
        <v>4.90864859E8</v>
      </c>
      <c r="B22342" s="2">
        <v>17823.0</v>
      </c>
      <c r="C22342" s="1" t="s">
        <v>5</v>
      </c>
      <c r="D22342" s="1" t="s">
        <v>18908</v>
      </c>
      <c r="E22342" s="1" t="s">
        <v>7</v>
      </c>
    </row>
    <row r="22343">
      <c r="A22343" s="1">
        <v>4.90864876E8</v>
      </c>
      <c r="B22343" s="2">
        <v>17816.0</v>
      </c>
      <c r="C22343" s="1" t="s">
        <v>5</v>
      </c>
      <c r="D22343" s="1" t="s">
        <v>18909</v>
      </c>
      <c r="E22343" s="1" t="s">
        <v>18910</v>
      </c>
    </row>
    <row r="22344">
      <c r="A22344" s="1">
        <v>4.90864954E8</v>
      </c>
      <c r="B22344" s="2">
        <v>17823.0</v>
      </c>
      <c r="C22344" s="1" t="s">
        <v>5</v>
      </c>
      <c r="D22344" s="1" t="s">
        <v>18911</v>
      </c>
      <c r="E22344" s="1" t="s">
        <v>7</v>
      </c>
    </row>
    <row r="22345">
      <c r="A22345" s="1">
        <v>4.90864968E8</v>
      </c>
      <c r="B22345" s="2">
        <v>17816.0</v>
      </c>
      <c r="C22345" s="1" t="s">
        <v>5</v>
      </c>
      <c r="D22345" s="1" t="s">
        <v>18912</v>
      </c>
      <c r="E22345" s="1" t="s">
        <v>7</v>
      </c>
    </row>
    <row r="22346">
      <c r="A22346" s="1">
        <v>4.90865043E8</v>
      </c>
      <c r="B22346" s="2">
        <v>17804.0</v>
      </c>
      <c r="C22346" s="1" t="s">
        <v>5</v>
      </c>
      <c r="D22346" s="1" t="s">
        <v>18913</v>
      </c>
      <c r="E22346" s="1" t="s">
        <v>7</v>
      </c>
    </row>
    <row r="22347">
      <c r="A22347" s="1">
        <v>4.90865096E8</v>
      </c>
      <c r="B22347" s="2">
        <v>17820.0</v>
      </c>
      <c r="C22347" s="1" t="s">
        <v>5</v>
      </c>
      <c r="D22347" s="1" t="s">
        <v>18914</v>
      </c>
      <c r="E22347" s="1" t="s">
        <v>7</v>
      </c>
    </row>
    <row r="22348">
      <c r="A22348" s="1">
        <v>4.90865205E8</v>
      </c>
      <c r="B22348" s="2">
        <v>17800.0</v>
      </c>
      <c r="C22348" s="1" t="s">
        <v>5</v>
      </c>
      <c r="D22348" s="1" t="s">
        <v>18915</v>
      </c>
      <c r="E22348" s="1" t="s">
        <v>7</v>
      </c>
    </row>
    <row r="22349">
      <c r="A22349" s="1">
        <v>4.9086523E8</v>
      </c>
      <c r="B22349" s="2">
        <v>17815.0</v>
      </c>
      <c r="C22349" s="1" t="s">
        <v>5</v>
      </c>
      <c r="D22349" s="1" t="s">
        <v>18916</v>
      </c>
      <c r="E22349" s="1" t="s">
        <v>7</v>
      </c>
    </row>
    <row r="22350">
      <c r="A22350" s="1">
        <v>4.90865248E8</v>
      </c>
      <c r="B22350" s="2">
        <v>17823.0</v>
      </c>
      <c r="C22350" s="1" t="s">
        <v>5</v>
      </c>
      <c r="D22350" s="1" t="s">
        <v>18917</v>
      </c>
      <c r="E22350" s="1" t="s">
        <v>18918</v>
      </c>
    </row>
    <row r="22351">
      <c r="A22351" s="1">
        <v>4.90865267E8</v>
      </c>
      <c r="B22351" s="2">
        <v>17860.0</v>
      </c>
      <c r="C22351" s="1" t="s">
        <v>5</v>
      </c>
      <c r="D22351" s="1" t="s">
        <v>18919</v>
      </c>
      <c r="E22351" s="1" t="s">
        <v>7</v>
      </c>
    </row>
    <row r="22352">
      <c r="A22352" s="1">
        <v>4.9086528E8</v>
      </c>
      <c r="B22352" s="2">
        <v>17823.0</v>
      </c>
      <c r="C22352" s="1" t="s">
        <v>5</v>
      </c>
      <c r="D22352" s="1" t="s">
        <v>18920</v>
      </c>
      <c r="E22352" s="1" t="s">
        <v>18921</v>
      </c>
    </row>
    <row r="22353">
      <c r="A22353" s="1">
        <v>4.90865339E8</v>
      </c>
      <c r="B22353" s="2">
        <v>17809.0</v>
      </c>
      <c r="C22353" s="1" t="s">
        <v>5</v>
      </c>
      <c r="D22353" s="1" t="s">
        <v>18922</v>
      </c>
      <c r="E22353" s="1" t="s">
        <v>11</v>
      </c>
    </row>
    <row r="22354">
      <c r="A22354" s="1">
        <v>4.908654E8</v>
      </c>
      <c r="B22354" s="2">
        <v>17823.0</v>
      </c>
      <c r="C22354" s="1" t="s">
        <v>5</v>
      </c>
      <c r="D22354" s="1" t="s">
        <v>11</v>
      </c>
      <c r="E22354" s="1" t="s">
        <v>7</v>
      </c>
    </row>
    <row r="22355">
      <c r="A22355" s="1">
        <v>4.90865414E8</v>
      </c>
      <c r="B22355" s="2">
        <v>17802.0</v>
      </c>
      <c r="C22355" s="1" t="s">
        <v>5</v>
      </c>
      <c r="D22355" s="1" t="s">
        <v>18923</v>
      </c>
      <c r="E22355" s="1" t="s">
        <v>7</v>
      </c>
    </row>
    <row r="22356">
      <c r="A22356" s="1">
        <v>4.90865448E8</v>
      </c>
      <c r="B22356" s="2">
        <v>17857.0</v>
      </c>
      <c r="C22356" s="1" t="s">
        <v>5</v>
      </c>
      <c r="D22356" s="1" t="s">
        <v>18924</v>
      </c>
      <c r="E22356" s="1" t="s">
        <v>7</v>
      </c>
    </row>
    <row r="22357">
      <c r="A22357" s="1">
        <v>4.90865471E8</v>
      </c>
      <c r="B22357" s="2">
        <v>17854.0</v>
      </c>
      <c r="C22357" s="1" t="s">
        <v>5</v>
      </c>
      <c r="D22357" s="1" t="s">
        <v>11</v>
      </c>
      <c r="E22357" s="1" t="s">
        <v>7</v>
      </c>
    </row>
    <row r="22358">
      <c r="A22358" s="1">
        <v>4.90865516E8</v>
      </c>
      <c r="B22358" s="2">
        <v>17812.0</v>
      </c>
      <c r="C22358" s="1" t="s">
        <v>5</v>
      </c>
      <c r="D22358" s="1" t="s">
        <v>18925</v>
      </c>
      <c r="E22358" s="1" t="s">
        <v>7</v>
      </c>
    </row>
    <row r="22359">
      <c r="A22359" s="1">
        <v>4.90865565E8</v>
      </c>
      <c r="B22359" s="2">
        <v>17801.0</v>
      </c>
      <c r="C22359" s="1" t="s">
        <v>5</v>
      </c>
      <c r="D22359" s="1" t="s">
        <v>11</v>
      </c>
      <c r="E22359" s="1" t="s">
        <v>7</v>
      </c>
    </row>
    <row r="22360">
      <c r="A22360" s="1">
        <v>4.90865603E8</v>
      </c>
      <c r="B22360" s="2">
        <v>17818.0</v>
      </c>
      <c r="C22360" s="1" t="s">
        <v>5</v>
      </c>
      <c r="D22360" s="1" t="s">
        <v>18926</v>
      </c>
      <c r="E22360" s="1" t="s">
        <v>7</v>
      </c>
    </row>
    <row r="22361">
      <c r="A22361" s="1">
        <v>4.90865684E8</v>
      </c>
      <c r="B22361" s="2">
        <v>17820.0</v>
      </c>
      <c r="C22361" s="1" t="s">
        <v>5</v>
      </c>
      <c r="D22361" s="1" t="s">
        <v>18927</v>
      </c>
      <c r="E22361" s="1" t="s">
        <v>18928</v>
      </c>
    </row>
    <row r="22362">
      <c r="A22362" s="1">
        <v>4.90865706E8</v>
      </c>
      <c r="B22362" s="2">
        <v>17816.0</v>
      </c>
      <c r="C22362" s="1" t="s">
        <v>5</v>
      </c>
      <c r="D22362" s="1" t="s">
        <v>18929</v>
      </c>
      <c r="E22362" s="1" t="s">
        <v>7</v>
      </c>
    </row>
    <row r="22363">
      <c r="A22363" s="1">
        <v>4.90865736E8</v>
      </c>
      <c r="B22363" s="2">
        <v>17820.0</v>
      </c>
      <c r="C22363" s="1" t="s">
        <v>5</v>
      </c>
      <c r="D22363" s="1" t="s">
        <v>18930</v>
      </c>
      <c r="E22363" s="1" t="s">
        <v>7</v>
      </c>
    </row>
    <row r="22364">
      <c r="A22364" s="1">
        <v>4.9086575E8</v>
      </c>
      <c r="B22364" s="2">
        <v>17746.0</v>
      </c>
      <c r="C22364" s="1" t="s">
        <v>5</v>
      </c>
      <c r="D22364" s="1" t="s">
        <v>18931</v>
      </c>
      <c r="E22364" s="1" t="s">
        <v>7</v>
      </c>
    </row>
    <row r="22365">
      <c r="A22365" s="1">
        <v>4.90865776E8</v>
      </c>
      <c r="B22365" s="2">
        <v>17809.0</v>
      </c>
      <c r="C22365" s="1" t="s">
        <v>5</v>
      </c>
      <c r="D22365" s="1" t="s">
        <v>18932</v>
      </c>
      <c r="E22365" s="1" t="s">
        <v>7</v>
      </c>
    </row>
    <row r="22366">
      <c r="A22366" s="1">
        <v>4.9086585E8</v>
      </c>
      <c r="B22366" s="2">
        <v>17757.0</v>
      </c>
      <c r="C22366" s="1" t="s">
        <v>5</v>
      </c>
      <c r="D22366" s="1" t="s">
        <v>18933</v>
      </c>
      <c r="E22366" s="1" t="s">
        <v>11</v>
      </c>
    </row>
    <row r="22367">
      <c r="A22367" s="1">
        <v>4.90865915E8</v>
      </c>
      <c r="B22367" s="2">
        <v>17864.0</v>
      </c>
      <c r="C22367" s="1" t="s">
        <v>5</v>
      </c>
      <c r="D22367" s="1" t="s">
        <v>18934</v>
      </c>
      <c r="E22367" s="1" t="s">
        <v>18935</v>
      </c>
    </row>
    <row r="22368">
      <c r="A22368" s="1">
        <v>4.9086597E8</v>
      </c>
      <c r="B22368" s="2">
        <v>17807.0</v>
      </c>
      <c r="C22368" s="1" t="s">
        <v>5</v>
      </c>
      <c r="D22368" s="1" t="s">
        <v>18936</v>
      </c>
      <c r="E22368" s="1" t="s">
        <v>18937</v>
      </c>
    </row>
    <row r="22369">
      <c r="A22369" s="1">
        <v>4.90865974E8</v>
      </c>
      <c r="B22369" s="2">
        <v>17815.0</v>
      </c>
      <c r="C22369" s="1" t="s">
        <v>5</v>
      </c>
      <c r="D22369" s="1" t="s">
        <v>18938</v>
      </c>
      <c r="E22369" s="1" t="s">
        <v>7</v>
      </c>
    </row>
    <row r="22370">
      <c r="A22370" s="1">
        <v>4.90866031E8</v>
      </c>
      <c r="B22370" s="2">
        <v>17756.0</v>
      </c>
      <c r="C22370" s="1" t="s">
        <v>5</v>
      </c>
      <c r="D22370" s="1" t="s">
        <v>11</v>
      </c>
      <c r="E22370" s="1" t="s">
        <v>7</v>
      </c>
    </row>
    <row r="22371">
      <c r="A22371" s="1">
        <v>4.90866045E8</v>
      </c>
      <c r="B22371" s="2">
        <v>17850.0</v>
      </c>
      <c r="C22371" s="1" t="s">
        <v>5</v>
      </c>
      <c r="D22371" s="1" t="s">
        <v>18939</v>
      </c>
      <c r="E22371" s="1" t="s">
        <v>7</v>
      </c>
    </row>
    <row r="22372">
      <c r="A22372" s="1">
        <v>4.90866048E8</v>
      </c>
      <c r="B22372" s="2">
        <v>17811.0</v>
      </c>
      <c r="C22372" s="1" t="s">
        <v>5</v>
      </c>
      <c r="D22372" s="1" t="s">
        <v>18940</v>
      </c>
      <c r="E22372" s="1" t="s">
        <v>7</v>
      </c>
    </row>
    <row r="22373">
      <c r="A22373" s="1">
        <v>4.90866081E8</v>
      </c>
      <c r="B22373" s="2">
        <v>17755.0</v>
      </c>
      <c r="C22373" s="1" t="s">
        <v>5</v>
      </c>
      <c r="D22373" s="1" t="s">
        <v>18941</v>
      </c>
      <c r="E22373" s="1" t="s">
        <v>18942</v>
      </c>
    </row>
    <row r="22374">
      <c r="A22374" s="1">
        <v>4.90866129E8</v>
      </c>
      <c r="B22374" s="2">
        <v>17793.0</v>
      </c>
      <c r="C22374" s="1" t="s">
        <v>5</v>
      </c>
      <c r="D22374" s="1" t="s">
        <v>11</v>
      </c>
      <c r="E22374" s="1" t="s">
        <v>7</v>
      </c>
    </row>
    <row r="22375">
      <c r="A22375" s="1">
        <v>4.90866176E8</v>
      </c>
      <c r="B22375" s="2">
        <v>17802.0</v>
      </c>
      <c r="C22375" s="1" t="s">
        <v>5</v>
      </c>
      <c r="D22375" s="1" t="s">
        <v>11</v>
      </c>
      <c r="E22375" s="1" t="s">
        <v>7</v>
      </c>
    </row>
    <row r="22376">
      <c r="A22376" s="1">
        <v>4.90866234E8</v>
      </c>
      <c r="B22376" s="2">
        <v>17801.0</v>
      </c>
      <c r="C22376" s="1" t="s">
        <v>5</v>
      </c>
      <c r="D22376" s="1" t="s">
        <v>18943</v>
      </c>
      <c r="E22376" s="1" t="s">
        <v>7</v>
      </c>
    </row>
    <row r="22377">
      <c r="A22377" s="1">
        <v>4.90866239E8</v>
      </c>
      <c r="B22377" s="2">
        <v>17839.0</v>
      </c>
      <c r="C22377" s="1" t="s">
        <v>5</v>
      </c>
      <c r="D22377" s="1" t="s">
        <v>18944</v>
      </c>
      <c r="E22377" s="1" t="s">
        <v>18945</v>
      </c>
    </row>
    <row r="22378">
      <c r="A22378" s="1">
        <v>4.90866319E8</v>
      </c>
      <c r="B22378" s="2">
        <v>17812.0</v>
      </c>
      <c r="C22378" s="1" t="s">
        <v>5</v>
      </c>
      <c r="D22378" s="1" t="s">
        <v>11</v>
      </c>
      <c r="E22378" s="1" t="s">
        <v>7</v>
      </c>
    </row>
    <row r="22379">
      <c r="A22379" s="1">
        <v>4.90866411E8</v>
      </c>
      <c r="B22379" s="2">
        <v>17861.0</v>
      </c>
      <c r="C22379" s="1" t="s">
        <v>5</v>
      </c>
      <c r="D22379" s="1" t="s">
        <v>18946</v>
      </c>
      <c r="E22379" s="1" t="s">
        <v>18947</v>
      </c>
    </row>
    <row r="22380">
      <c r="A22380" s="1">
        <v>4.9086643E8</v>
      </c>
      <c r="B22380" s="2">
        <v>17853.0</v>
      </c>
      <c r="C22380" s="1" t="s">
        <v>5</v>
      </c>
      <c r="D22380" s="1" t="s">
        <v>18948</v>
      </c>
      <c r="E22380" s="1" t="s">
        <v>7</v>
      </c>
    </row>
    <row r="22381">
      <c r="A22381" s="1">
        <v>4.90866438E8</v>
      </c>
      <c r="B22381" s="2">
        <v>17808.0</v>
      </c>
      <c r="C22381" s="1" t="s">
        <v>5</v>
      </c>
      <c r="D22381" s="1" t="s">
        <v>18949</v>
      </c>
      <c r="E22381" s="1" t="s">
        <v>18950</v>
      </c>
    </row>
    <row r="22382">
      <c r="A22382" s="1">
        <v>4.90866466E8</v>
      </c>
      <c r="B22382" s="2">
        <v>17815.0</v>
      </c>
      <c r="C22382" s="1" t="s">
        <v>5</v>
      </c>
      <c r="D22382" s="1" t="s">
        <v>18951</v>
      </c>
      <c r="E22382" s="1" t="s">
        <v>7</v>
      </c>
    </row>
    <row r="22383">
      <c r="A22383" s="1">
        <v>4.9086648E8</v>
      </c>
      <c r="B22383" s="2">
        <v>17815.0</v>
      </c>
      <c r="C22383" s="1" t="s">
        <v>5</v>
      </c>
      <c r="D22383" s="1" t="s">
        <v>11</v>
      </c>
      <c r="E22383" s="1" t="s">
        <v>7</v>
      </c>
    </row>
    <row r="22384">
      <c r="A22384" s="1">
        <v>4.90866545E8</v>
      </c>
      <c r="B22384" s="2">
        <v>17899.0</v>
      </c>
      <c r="C22384" s="1" t="s">
        <v>5</v>
      </c>
      <c r="D22384" s="1" t="s">
        <v>18952</v>
      </c>
      <c r="E22384" s="1" t="s">
        <v>11</v>
      </c>
    </row>
    <row r="22385">
      <c r="A22385" s="1">
        <v>4.90866555E8</v>
      </c>
      <c r="B22385" s="2">
        <v>17815.0</v>
      </c>
      <c r="C22385" s="1" t="s">
        <v>5</v>
      </c>
      <c r="D22385" s="1" t="s">
        <v>11</v>
      </c>
      <c r="E22385" s="1" t="s">
        <v>7</v>
      </c>
    </row>
    <row r="22386">
      <c r="A22386" s="1">
        <v>4.90866556E8</v>
      </c>
      <c r="B22386" s="2">
        <v>17751.0</v>
      </c>
      <c r="C22386" s="1" t="s">
        <v>5</v>
      </c>
      <c r="D22386" s="1" t="s">
        <v>18953</v>
      </c>
      <c r="E22386" s="1" t="s">
        <v>18954</v>
      </c>
    </row>
    <row r="22387">
      <c r="A22387" s="1">
        <v>4.90866598E8</v>
      </c>
      <c r="B22387" s="2">
        <v>17863.0</v>
      </c>
      <c r="C22387" s="1" t="s">
        <v>5</v>
      </c>
      <c r="D22387" s="1" t="s">
        <v>18955</v>
      </c>
      <c r="E22387" s="1" t="s">
        <v>7</v>
      </c>
    </row>
    <row r="22388">
      <c r="A22388" s="1">
        <v>4.90866608E8</v>
      </c>
      <c r="B22388" s="2">
        <v>17851.0</v>
      </c>
      <c r="C22388" s="1" t="s">
        <v>5</v>
      </c>
      <c r="D22388" s="1" t="s">
        <v>18956</v>
      </c>
      <c r="E22388" s="1" t="s">
        <v>11</v>
      </c>
    </row>
    <row r="22389">
      <c r="A22389" s="1">
        <v>4.90866614E8</v>
      </c>
      <c r="B22389" s="2">
        <v>17858.0</v>
      </c>
      <c r="C22389" s="1" t="s">
        <v>5</v>
      </c>
      <c r="D22389" s="1" t="s">
        <v>11</v>
      </c>
      <c r="E22389" s="1" t="s">
        <v>7</v>
      </c>
    </row>
    <row r="22390">
      <c r="A22390" s="1">
        <v>4.90866674E8</v>
      </c>
      <c r="B22390" s="2">
        <v>17807.0</v>
      </c>
      <c r="C22390" s="1" t="s">
        <v>5</v>
      </c>
      <c r="D22390" s="1" t="s">
        <v>18957</v>
      </c>
      <c r="E22390" s="1" t="s">
        <v>11</v>
      </c>
    </row>
    <row r="22391">
      <c r="A22391" s="1">
        <v>4.90866678E8</v>
      </c>
      <c r="B22391" s="2">
        <v>17865.0</v>
      </c>
      <c r="C22391" s="1" t="s">
        <v>5</v>
      </c>
      <c r="D22391" s="1" t="s">
        <v>18958</v>
      </c>
      <c r="E22391" s="1" t="s">
        <v>11</v>
      </c>
    </row>
    <row r="22392">
      <c r="A22392" s="1">
        <v>4.90866689E8</v>
      </c>
      <c r="B22392" s="2">
        <v>17750.0</v>
      </c>
      <c r="C22392" s="1" t="s">
        <v>5</v>
      </c>
      <c r="D22392" s="1" t="s">
        <v>18959</v>
      </c>
      <c r="E22392" s="1" t="s">
        <v>7</v>
      </c>
    </row>
    <row r="22393">
      <c r="A22393" s="1">
        <v>4.90866718E8</v>
      </c>
      <c r="B22393" s="2">
        <v>17912.0</v>
      </c>
      <c r="C22393" s="1" t="s">
        <v>5</v>
      </c>
      <c r="D22393" s="1" t="s">
        <v>18960</v>
      </c>
      <c r="E22393" s="1" t="s">
        <v>11</v>
      </c>
    </row>
    <row r="22394">
      <c r="A22394" s="1">
        <v>4.90866755E8</v>
      </c>
      <c r="B22394" s="2">
        <v>17813.0</v>
      </c>
      <c r="C22394" s="1" t="s">
        <v>5</v>
      </c>
      <c r="D22394" s="1" t="s">
        <v>18961</v>
      </c>
      <c r="E22394" s="1" t="s">
        <v>7</v>
      </c>
    </row>
    <row r="22395">
      <c r="A22395" s="1">
        <v>4.90866781E8</v>
      </c>
      <c r="B22395" s="2">
        <v>17865.0</v>
      </c>
      <c r="C22395" s="1" t="s">
        <v>5</v>
      </c>
      <c r="D22395" s="1" t="s">
        <v>18962</v>
      </c>
      <c r="E22395" s="1" t="s">
        <v>18963</v>
      </c>
    </row>
    <row r="22396">
      <c r="A22396" s="1">
        <v>4.90866852E8</v>
      </c>
      <c r="B22396" s="2">
        <v>17812.0</v>
      </c>
      <c r="C22396" s="1" t="s">
        <v>5</v>
      </c>
      <c r="D22396" s="1" t="s">
        <v>18964</v>
      </c>
      <c r="E22396" s="1" t="s">
        <v>11</v>
      </c>
    </row>
    <row r="22397">
      <c r="A22397" s="1">
        <v>4.90866866E8</v>
      </c>
      <c r="B22397" s="2">
        <v>17781.0</v>
      </c>
      <c r="C22397" s="1" t="s">
        <v>5</v>
      </c>
      <c r="D22397" s="1" t="s">
        <v>18965</v>
      </c>
      <c r="E22397" s="1" t="s">
        <v>7</v>
      </c>
    </row>
    <row r="22398">
      <c r="A22398" s="1">
        <v>4.90866896E8</v>
      </c>
      <c r="B22398" s="2">
        <v>17844.0</v>
      </c>
      <c r="C22398" s="1" t="s">
        <v>5</v>
      </c>
      <c r="D22398" s="1" t="s">
        <v>18966</v>
      </c>
      <c r="E22398" s="1" t="s">
        <v>7</v>
      </c>
    </row>
    <row r="22399">
      <c r="A22399" s="1">
        <v>4.90866915E8</v>
      </c>
      <c r="B22399" s="2">
        <v>17865.0</v>
      </c>
      <c r="C22399" s="1" t="s">
        <v>5</v>
      </c>
      <c r="D22399" s="1" t="s">
        <v>18967</v>
      </c>
      <c r="E22399" s="1" t="s">
        <v>11</v>
      </c>
    </row>
    <row r="22400">
      <c r="A22400" s="1">
        <v>4.90866958E8</v>
      </c>
      <c r="B22400" s="2">
        <v>17899.0</v>
      </c>
      <c r="C22400" s="1" t="s">
        <v>5</v>
      </c>
      <c r="D22400" s="1" t="s">
        <v>18968</v>
      </c>
      <c r="E22400" s="1" t="s">
        <v>7</v>
      </c>
    </row>
    <row r="22401">
      <c r="A22401" s="1">
        <v>4.90867026E8</v>
      </c>
      <c r="B22401" s="2">
        <v>17952.0</v>
      </c>
      <c r="C22401" s="1" t="s">
        <v>5</v>
      </c>
      <c r="D22401" s="1" t="s">
        <v>18969</v>
      </c>
      <c r="E22401" s="1" t="s">
        <v>18970</v>
      </c>
    </row>
    <row r="22402">
      <c r="A22402" s="1">
        <v>4.90867071E8</v>
      </c>
      <c r="B22402" s="2">
        <v>17867.0</v>
      </c>
      <c r="C22402" s="1" t="s">
        <v>5</v>
      </c>
      <c r="D22402" s="1" t="s">
        <v>18971</v>
      </c>
      <c r="E22402" s="1" t="s">
        <v>7</v>
      </c>
    </row>
    <row r="22403">
      <c r="A22403" s="1">
        <v>4.90867091E8</v>
      </c>
      <c r="B22403" s="2">
        <v>17843.0</v>
      </c>
      <c r="C22403" s="1" t="s">
        <v>5</v>
      </c>
      <c r="D22403" s="1" t="s">
        <v>18972</v>
      </c>
      <c r="E22403" s="1" t="s">
        <v>11</v>
      </c>
    </row>
    <row r="22404">
      <c r="A22404" s="1">
        <v>4.90867198E8</v>
      </c>
      <c r="B22404" s="2">
        <v>17867.0</v>
      </c>
      <c r="C22404" s="1" t="s">
        <v>5</v>
      </c>
      <c r="D22404" s="1" t="s">
        <v>18973</v>
      </c>
      <c r="E22404" s="1" t="s">
        <v>7</v>
      </c>
    </row>
    <row r="22405">
      <c r="A22405" s="1">
        <v>4.90867252E8</v>
      </c>
      <c r="B22405" s="2">
        <v>17851.0</v>
      </c>
      <c r="C22405" s="1" t="s">
        <v>5</v>
      </c>
      <c r="D22405" s="1" t="s">
        <v>18974</v>
      </c>
      <c r="E22405" s="1" t="s">
        <v>7</v>
      </c>
    </row>
    <row r="22406">
      <c r="A22406" s="1">
        <v>4.90867315E8</v>
      </c>
      <c r="B22406" s="2">
        <v>17850.0</v>
      </c>
      <c r="C22406" s="1" t="s">
        <v>5</v>
      </c>
      <c r="D22406" s="1" t="s">
        <v>11</v>
      </c>
      <c r="E22406" s="1" t="s">
        <v>7</v>
      </c>
    </row>
    <row r="22407">
      <c r="A22407" s="1">
        <v>4.9086734E8</v>
      </c>
      <c r="B22407" s="2">
        <v>17840.0</v>
      </c>
      <c r="C22407" s="1" t="s">
        <v>5</v>
      </c>
      <c r="D22407" s="1" t="s">
        <v>11</v>
      </c>
      <c r="E22407" s="1" t="s">
        <v>7</v>
      </c>
    </row>
    <row r="22408">
      <c r="A22408" s="1">
        <v>4.90867353E8</v>
      </c>
      <c r="B22408" s="2">
        <v>17953.0</v>
      </c>
      <c r="C22408" s="1" t="s">
        <v>5</v>
      </c>
      <c r="D22408" s="1" t="s">
        <v>18975</v>
      </c>
      <c r="E22408" s="1" t="s">
        <v>11</v>
      </c>
    </row>
    <row r="22409">
      <c r="A22409" s="1">
        <v>4.90867368E8</v>
      </c>
      <c r="B22409" s="2">
        <v>17861.0</v>
      </c>
      <c r="C22409" s="1" t="s">
        <v>5</v>
      </c>
      <c r="D22409" s="1" t="s">
        <v>18976</v>
      </c>
      <c r="E22409" s="1" t="s">
        <v>11</v>
      </c>
    </row>
    <row r="22410">
      <c r="A22410" s="1">
        <v>4.90867394E8</v>
      </c>
      <c r="B22410" s="2">
        <v>17867.0</v>
      </c>
      <c r="C22410" s="1" t="s">
        <v>5</v>
      </c>
      <c r="D22410" s="1" t="s">
        <v>18977</v>
      </c>
      <c r="E22410" s="1" t="s">
        <v>7</v>
      </c>
    </row>
    <row r="22411">
      <c r="A22411" s="1">
        <v>4.90867412E8</v>
      </c>
      <c r="B22411" s="2">
        <v>17854.0</v>
      </c>
      <c r="C22411" s="1" t="s">
        <v>5</v>
      </c>
      <c r="D22411" s="1" t="s">
        <v>18978</v>
      </c>
      <c r="E22411" s="1" t="s">
        <v>11</v>
      </c>
    </row>
    <row r="22412">
      <c r="A22412" s="1">
        <v>4.9086745E8</v>
      </c>
      <c r="B22412" s="2">
        <v>17854.0</v>
      </c>
      <c r="C22412" s="1" t="s">
        <v>5</v>
      </c>
      <c r="D22412" s="1" t="s">
        <v>18979</v>
      </c>
      <c r="E22412" s="1" t="s">
        <v>7</v>
      </c>
    </row>
    <row r="22413">
      <c r="A22413" s="1">
        <v>4.90867498E8</v>
      </c>
      <c r="B22413" s="2">
        <v>17841.0</v>
      </c>
      <c r="C22413" s="1" t="s">
        <v>5</v>
      </c>
      <c r="D22413" s="1" t="s">
        <v>18980</v>
      </c>
      <c r="E22413" s="1" t="s">
        <v>18981</v>
      </c>
    </row>
    <row r="22414">
      <c r="A22414" s="1">
        <v>4.90867519E8</v>
      </c>
      <c r="B22414" s="2">
        <v>17956.0</v>
      </c>
      <c r="C22414" s="1" t="s">
        <v>5</v>
      </c>
      <c r="D22414" s="1" t="s">
        <v>11</v>
      </c>
      <c r="E22414" s="1" t="s">
        <v>7</v>
      </c>
    </row>
    <row r="22415">
      <c r="A22415" s="1">
        <v>4.9086755E8</v>
      </c>
      <c r="B22415" s="2">
        <v>17865.0</v>
      </c>
      <c r="C22415" s="1" t="s">
        <v>5</v>
      </c>
      <c r="D22415" s="1" t="s">
        <v>18982</v>
      </c>
      <c r="E22415" s="1" t="s">
        <v>7</v>
      </c>
    </row>
    <row r="22416">
      <c r="A22416" s="1">
        <v>4.90867658E8</v>
      </c>
      <c r="B22416" s="2">
        <v>17869.0</v>
      </c>
      <c r="C22416" s="1" t="s">
        <v>5</v>
      </c>
      <c r="D22416" s="1" t="s">
        <v>11</v>
      </c>
      <c r="E22416" s="1" t="s">
        <v>7</v>
      </c>
    </row>
    <row r="22417">
      <c r="A22417" s="1">
        <v>4.90867714E8</v>
      </c>
      <c r="B22417" s="2">
        <v>17848.0</v>
      </c>
      <c r="C22417" s="1" t="s">
        <v>5</v>
      </c>
      <c r="D22417" s="1" t="s">
        <v>11</v>
      </c>
      <c r="E22417" s="1" t="s">
        <v>7</v>
      </c>
    </row>
    <row r="22418">
      <c r="A22418" s="1">
        <v>4.9086773E8</v>
      </c>
      <c r="B22418" s="2">
        <v>17841.0</v>
      </c>
      <c r="C22418" s="1" t="s">
        <v>5</v>
      </c>
      <c r="D22418" s="1" t="s">
        <v>18983</v>
      </c>
      <c r="E22418" s="1" t="s">
        <v>11</v>
      </c>
    </row>
    <row r="22419">
      <c r="A22419" s="1">
        <v>4.90867749E8</v>
      </c>
      <c r="B22419" s="2">
        <v>17793.0</v>
      </c>
      <c r="C22419" s="1" t="s">
        <v>5</v>
      </c>
      <c r="D22419" s="1" t="s">
        <v>18984</v>
      </c>
      <c r="E22419" s="1" t="s">
        <v>18985</v>
      </c>
    </row>
    <row r="22420">
      <c r="A22420" s="1">
        <v>4.90867769E8</v>
      </c>
      <c r="B22420" s="2">
        <v>17890.0</v>
      </c>
      <c r="C22420" s="1" t="s">
        <v>5</v>
      </c>
      <c r="D22420" s="1" t="s">
        <v>11</v>
      </c>
      <c r="E22420" s="1" t="s">
        <v>7</v>
      </c>
    </row>
    <row r="22421">
      <c r="A22421" s="1">
        <v>4.9086777E8</v>
      </c>
      <c r="B22421" s="2">
        <v>17781.0</v>
      </c>
      <c r="C22421" s="1" t="s">
        <v>5</v>
      </c>
      <c r="D22421" s="1" t="s">
        <v>18986</v>
      </c>
      <c r="E22421" s="1" t="s">
        <v>7</v>
      </c>
    </row>
    <row r="22422">
      <c r="A22422" s="1">
        <v>4.90867778E8</v>
      </c>
      <c r="B22422" s="2">
        <v>17863.0</v>
      </c>
      <c r="C22422" s="1" t="s">
        <v>5</v>
      </c>
      <c r="D22422" s="1" t="s">
        <v>11</v>
      </c>
      <c r="E22422" s="1" t="s">
        <v>7</v>
      </c>
    </row>
    <row r="22423">
      <c r="A22423" s="1">
        <v>4.90867928E8</v>
      </c>
      <c r="B22423" s="2">
        <v>17780.0</v>
      </c>
      <c r="C22423" s="1" t="s">
        <v>5</v>
      </c>
      <c r="D22423" s="1" t="s">
        <v>11</v>
      </c>
      <c r="E22423" s="1" t="s">
        <v>7</v>
      </c>
    </row>
    <row r="22424">
      <c r="A22424" s="1">
        <v>4.90868179E8</v>
      </c>
      <c r="B22424" s="2">
        <v>17853.0</v>
      </c>
      <c r="C22424" s="1" t="s">
        <v>5</v>
      </c>
      <c r="D22424" s="1" t="s">
        <v>18987</v>
      </c>
      <c r="E22424" s="1" t="s">
        <v>7</v>
      </c>
    </row>
    <row r="22425">
      <c r="A22425" s="1">
        <v>4.90868265E8</v>
      </c>
      <c r="B22425" s="2">
        <v>17948.0</v>
      </c>
      <c r="C22425" s="1" t="s">
        <v>5</v>
      </c>
      <c r="D22425" s="1" t="s">
        <v>18988</v>
      </c>
      <c r="E22425" s="1" t="s">
        <v>18989</v>
      </c>
    </row>
    <row r="22426">
      <c r="A22426" s="1">
        <v>4.90868273E8</v>
      </c>
      <c r="B22426" s="2">
        <v>17834.0</v>
      </c>
      <c r="C22426" s="1" t="s">
        <v>5</v>
      </c>
      <c r="D22426" s="1" t="s">
        <v>18990</v>
      </c>
      <c r="E22426" s="1" t="s">
        <v>7</v>
      </c>
    </row>
    <row r="22427">
      <c r="A22427" s="1">
        <v>4.90868277E8</v>
      </c>
      <c r="B22427" s="2">
        <v>17849.0</v>
      </c>
      <c r="C22427" s="1" t="s">
        <v>5</v>
      </c>
      <c r="D22427" s="1" t="s">
        <v>18991</v>
      </c>
      <c r="E22427" s="1" t="s">
        <v>7</v>
      </c>
    </row>
    <row r="22428">
      <c r="A22428" s="1">
        <v>4.90868459E8</v>
      </c>
      <c r="B22428" s="2">
        <v>17851.0</v>
      </c>
      <c r="C22428" s="1" t="s">
        <v>5</v>
      </c>
      <c r="D22428" s="1" t="s">
        <v>18992</v>
      </c>
      <c r="E22428" s="1" t="s">
        <v>7</v>
      </c>
    </row>
    <row r="22429">
      <c r="A22429" s="1">
        <v>4.9086847E8</v>
      </c>
      <c r="B22429" s="2">
        <v>17952.0</v>
      </c>
      <c r="C22429" s="1" t="s">
        <v>5</v>
      </c>
      <c r="D22429" s="1" t="s">
        <v>18993</v>
      </c>
      <c r="E22429" s="1" t="s">
        <v>7</v>
      </c>
    </row>
    <row r="22430">
      <c r="A22430" s="1">
        <v>4.90868485E8</v>
      </c>
      <c r="B22430" s="2">
        <v>17851.0</v>
      </c>
      <c r="C22430" s="1" t="s">
        <v>5</v>
      </c>
      <c r="D22430" s="1" t="s">
        <v>18994</v>
      </c>
      <c r="E22430" s="1" t="s">
        <v>11</v>
      </c>
    </row>
    <row r="22431">
      <c r="A22431" s="1">
        <v>4.9086849E8</v>
      </c>
      <c r="B22431" s="2">
        <v>17942.0</v>
      </c>
      <c r="C22431" s="1" t="s">
        <v>5</v>
      </c>
      <c r="D22431" s="1" t="s">
        <v>18995</v>
      </c>
      <c r="E22431" s="1" t="s">
        <v>7</v>
      </c>
    </row>
    <row r="22432">
      <c r="A22432" s="1">
        <v>4.90868532E8</v>
      </c>
      <c r="B22432" s="2">
        <v>17952.0</v>
      </c>
      <c r="C22432" s="1" t="s">
        <v>5</v>
      </c>
      <c r="D22432" s="1" t="s">
        <v>18996</v>
      </c>
      <c r="E22432" s="1" t="s">
        <v>7</v>
      </c>
    </row>
    <row r="22433">
      <c r="A22433" s="1">
        <v>4.9086857E8</v>
      </c>
      <c r="B22433" s="2">
        <v>17854.0</v>
      </c>
      <c r="C22433" s="1" t="s">
        <v>5</v>
      </c>
      <c r="D22433" s="1" t="s">
        <v>17901</v>
      </c>
      <c r="E22433" s="1" t="s">
        <v>7</v>
      </c>
    </row>
    <row r="22434">
      <c r="A22434" s="1">
        <v>4.90868683E8</v>
      </c>
      <c r="B22434" s="2">
        <v>17856.0</v>
      </c>
      <c r="C22434" s="1" t="s">
        <v>5</v>
      </c>
      <c r="D22434" s="1" t="s">
        <v>18997</v>
      </c>
      <c r="E22434" s="1" t="s">
        <v>7</v>
      </c>
    </row>
    <row r="22435">
      <c r="A22435" s="1">
        <v>4.90868718E8</v>
      </c>
      <c r="B22435" s="2">
        <v>17949.0</v>
      </c>
      <c r="C22435" s="1" t="s">
        <v>5</v>
      </c>
      <c r="D22435" s="1" t="s">
        <v>18998</v>
      </c>
      <c r="E22435" s="1" t="s">
        <v>7</v>
      </c>
    </row>
    <row r="22436">
      <c r="A22436" s="1">
        <v>4.9086873E8</v>
      </c>
      <c r="B22436" s="2">
        <v>17941.0</v>
      </c>
      <c r="C22436" s="1" t="s">
        <v>5</v>
      </c>
      <c r="D22436" s="1" t="s">
        <v>18999</v>
      </c>
      <c r="E22436" s="1" t="s">
        <v>7</v>
      </c>
    </row>
    <row r="22437">
      <c r="A22437" s="1">
        <v>4.90868768E8</v>
      </c>
      <c r="B22437" s="2">
        <v>17895.0</v>
      </c>
      <c r="C22437" s="1" t="s">
        <v>5</v>
      </c>
      <c r="D22437" s="1" t="s">
        <v>19000</v>
      </c>
      <c r="E22437" s="1" t="s">
        <v>19001</v>
      </c>
    </row>
    <row r="22438">
      <c r="A22438" s="1">
        <v>4.90868786E8</v>
      </c>
      <c r="B22438" s="2">
        <v>17946.0</v>
      </c>
      <c r="C22438" s="1" t="s">
        <v>5</v>
      </c>
      <c r="D22438" s="1" t="s">
        <v>19002</v>
      </c>
      <c r="E22438" s="1" t="s">
        <v>7</v>
      </c>
    </row>
    <row r="22439">
      <c r="A22439" s="1">
        <v>4.90868849E8</v>
      </c>
      <c r="B22439" s="2">
        <v>17949.0</v>
      </c>
      <c r="C22439" s="1" t="s">
        <v>5</v>
      </c>
      <c r="D22439" s="1" t="s">
        <v>11</v>
      </c>
      <c r="E22439" s="1" t="s">
        <v>7</v>
      </c>
    </row>
    <row r="22440">
      <c r="A22440" s="1">
        <v>4.90868888E8</v>
      </c>
      <c r="B22440" s="2">
        <v>17949.0</v>
      </c>
      <c r="C22440" s="1" t="s">
        <v>5</v>
      </c>
      <c r="D22440" s="1" t="s">
        <v>19003</v>
      </c>
      <c r="E22440" s="1" t="s">
        <v>7</v>
      </c>
    </row>
    <row r="22441">
      <c r="A22441" s="1">
        <v>4.90868936E8</v>
      </c>
      <c r="B22441" s="2">
        <v>17941.0</v>
      </c>
      <c r="C22441" s="1" t="s">
        <v>5</v>
      </c>
      <c r="D22441" s="1" t="s">
        <v>11</v>
      </c>
      <c r="E22441" s="1" t="s">
        <v>7</v>
      </c>
    </row>
    <row r="22442">
      <c r="A22442" s="1">
        <v>4.90869048E8</v>
      </c>
      <c r="B22442" s="2">
        <v>17853.0</v>
      </c>
      <c r="C22442" s="1" t="s">
        <v>5</v>
      </c>
      <c r="D22442" s="1" t="s">
        <v>19004</v>
      </c>
      <c r="E22442" s="1" t="s">
        <v>11</v>
      </c>
    </row>
    <row r="22443">
      <c r="A22443" s="1">
        <v>4.90869091E8</v>
      </c>
      <c r="B22443" s="2">
        <v>17851.0</v>
      </c>
      <c r="C22443" s="1" t="s">
        <v>5</v>
      </c>
      <c r="D22443" s="1" t="s">
        <v>11</v>
      </c>
      <c r="E22443" s="1" t="s">
        <v>7</v>
      </c>
    </row>
    <row r="22444">
      <c r="A22444" s="1">
        <v>4.90869139E8</v>
      </c>
      <c r="B22444" s="2">
        <v>17848.0</v>
      </c>
      <c r="C22444" s="1" t="s">
        <v>5</v>
      </c>
      <c r="D22444" s="1" t="s">
        <v>19005</v>
      </c>
      <c r="E22444" s="1" t="s">
        <v>11</v>
      </c>
    </row>
    <row r="22445">
      <c r="A22445" s="1">
        <v>4.90869155E8</v>
      </c>
      <c r="B22445" s="2">
        <v>17890.0</v>
      </c>
      <c r="C22445" s="1" t="s">
        <v>5</v>
      </c>
      <c r="D22445" s="1" t="s">
        <v>19006</v>
      </c>
      <c r="E22445" s="1" t="s">
        <v>7</v>
      </c>
    </row>
    <row r="22446">
      <c r="A22446" s="1">
        <v>4.90869181E8</v>
      </c>
      <c r="B22446" s="2">
        <v>17951.0</v>
      </c>
      <c r="C22446" s="1" t="s">
        <v>5</v>
      </c>
      <c r="D22446" s="1" t="s">
        <v>19007</v>
      </c>
      <c r="E22446" s="1" t="s">
        <v>7</v>
      </c>
    </row>
    <row r="22447">
      <c r="A22447" s="1">
        <v>4.90869222E8</v>
      </c>
      <c r="B22447" s="2">
        <v>17849.0</v>
      </c>
      <c r="C22447" s="1" t="s">
        <v>5</v>
      </c>
      <c r="D22447" s="1" t="s">
        <v>19008</v>
      </c>
      <c r="E22447" s="1" t="s">
        <v>7</v>
      </c>
    </row>
    <row r="22448">
      <c r="A22448" s="1">
        <v>4.90869257E8</v>
      </c>
      <c r="B22448" s="2">
        <v>17939.0</v>
      </c>
      <c r="C22448" s="1" t="s">
        <v>5</v>
      </c>
      <c r="D22448" s="1" t="s">
        <v>19009</v>
      </c>
      <c r="E22448" s="1" t="s">
        <v>7</v>
      </c>
    </row>
    <row r="22449">
      <c r="A22449" s="1">
        <v>4.90869331E8</v>
      </c>
      <c r="B22449" s="2">
        <v>17858.0</v>
      </c>
      <c r="C22449" s="1" t="s">
        <v>5</v>
      </c>
      <c r="D22449" s="1" t="s">
        <v>19010</v>
      </c>
      <c r="E22449" s="1" t="s">
        <v>7</v>
      </c>
    </row>
    <row r="22450">
      <c r="A22450" s="1">
        <v>4.90869368E8</v>
      </c>
      <c r="B22450" s="2">
        <v>17885.0</v>
      </c>
      <c r="C22450" s="1" t="s">
        <v>5</v>
      </c>
      <c r="D22450" s="1" t="s">
        <v>11</v>
      </c>
      <c r="E22450" s="1" t="s">
        <v>7</v>
      </c>
    </row>
    <row r="22451">
      <c r="A22451" s="1">
        <v>4.9086944E8</v>
      </c>
      <c r="B22451" s="2">
        <v>17945.0</v>
      </c>
      <c r="C22451" s="1" t="s">
        <v>5</v>
      </c>
      <c r="D22451" s="1" t="s">
        <v>19011</v>
      </c>
      <c r="E22451" s="1" t="s">
        <v>7</v>
      </c>
    </row>
    <row r="22452">
      <c r="A22452" s="1">
        <v>4.9086945E8</v>
      </c>
      <c r="B22452" s="2">
        <v>17884.0</v>
      </c>
      <c r="C22452" s="1" t="s">
        <v>5</v>
      </c>
      <c r="D22452" s="1" t="s">
        <v>19012</v>
      </c>
      <c r="E22452" s="1" t="s">
        <v>11</v>
      </c>
    </row>
    <row r="22453">
      <c r="A22453" s="1">
        <v>4.90869506E8</v>
      </c>
      <c r="B22453" s="2">
        <v>17945.0</v>
      </c>
      <c r="C22453" s="1" t="s">
        <v>5</v>
      </c>
      <c r="D22453" s="1" t="s">
        <v>19013</v>
      </c>
      <c r="E22453" s="1" t="s">
        <v>11</v>
      </c>
    </row>
    <row r="22454">
      <c r="A22454" s="1">
        <v>4.90869529E8</v>
      </c>
      <c r="B22454" s="2">
        <v>17847.0</v>
      </c>
      <c r="C22454" s="1" t="s">
        <v>5</v>
      </c>
      <c r="D22454" s="1" t="s">
        <v>19014</v>
      </c>
      <c r="E22454" s="1" t="s">
        <v>7</v>
      </c>
    </row>
    <row r="22455">
      <c r="A22455" s="1">
        <v>4.90869572E8</v>
      </c>
      <c r="B22455" s="2">
        <v>17944.0</v>
      </c>
      <c r="C22455" s="1" t="s">
        <v>5</v>
      </c>
      <c r="D22455" s="1" t="s">
        <v>19015</v>
      </c>
      <c r="E22455" s="1" t="s">
        <v>7</v>
      </c>
    </row>
    <row r="22456">
      <c r="A22456" s="1">
        <v>4.90869609E8</v>
      </c>
      <c r="B22456" s="2">
        <v>17903.0</v>
      </c>
      <c r="C22456" s="1" t="s">
        <v>5</v>
      </c>
      <c r="D22456" s="1" t="s">
        <v>19016</v>
      </c>
      <c r="E22456" s="1" t="s">
        <v>11</v>
      </c>
    </row>
    <row r="22457">
      <c r="A22457" s="1">
        <v>4.90869689E8</v>
      </c>
      <c r="B22457" s="2">
        <v>17935.0</v>
      </c>
      <c r="C22457" s="1" t="s">
        <v>5</v>
      </c>
      <c r="D22457" s="1" t="s">
        <v>19017</v>
      </c>
      <c r="E22457" s="1" t="s">
        <v>11</v>
      </c>
    </row>
    <row r="22458">
      <c r="A22458" s="1">
        <v>4.90869715E8</v>
      </c>
      <c r="B22458" s="2">
        <v>17941.0</v>
      </c>
      <c r="C22458" s="1" t="s">
        <v>5</v>
      </c>
      <c r="D22458" s="1" t="s">
        <v>19018</v>
      </c>
      <c r="E22458" s="1" t="s">
        <v>19019</v>
      </c>
    </row>
    <row r="22459">
      <c r="A22459" s="1">
        <v>4.9086975E8</v>
      </c>
      <c r="B22459" s="2">
        <v>17844.0</v>
      </c>
      <c r="C22459" s="1" t="s">
        <v>5</v>
      </c>
      <c r="D22459" s="1" t="s">
        <v>19020</v>
      </c>
      <c r="E22459" s="1" t="s">
        <v>11</v>
      </c>
    </row>
    <row r="22460">
      <c r="A22460" s="1">
        <v>4.90869758E8</v>
      </c>
      <c r="B22460" s="2">
        <v>17832.0</v>
      </c>
      <c r="C22460" s="1" t="s">
        <v>5</v>
      </c>
      <c r="D22460" s="1" t="s">
        <v>19021</v>
      </c>
      <c r="E22460" s="1" t="s">
        <v>7</v>
      </c>
    </row>
    <row r="22461">
      <c r="A22461" s="1">
        <v>4.90869759E8</v>
      </c>
      <c r="B22461" s="2">
        <v>17884.0</v>
      </c>
      <c r="C22461" s="1" t="s">
        <v>5</v>
      </c>
      <c r="D22461" s="1" t="s">
        <v>19022</v>
      </c>
      <c r="E22461" s="1" t="s">
        <v>7</v>
      </c>
    </row>
    <row r="22462">
      <c r="A22462" s="1">
        <v>4.9086977E8</v>
      </c>
      <c r="B22462" s="2">
        <v>17947.0</v>
      </c>
      <c r="C22462" s="1" t="s">
        <v>5</v>
      </c>
      <c r="D22462" s="1" t="s">
        <v>19023</v>
      </c>
      <c r="E22462" s="1" t="s">
        <v>7</v>
      </c>
    </row>
    <row r="22463">
      <c r="A22463" s="1">
        <v>4.90869798E8</v>
      </c>
      <c r="B22463" s="2">
        <v>17895.0</v>
      </c>
      <c r="C22463" s="1" t="s">
        <v>5</v>
      </c>
      <c r="D22463" s="1" t="s">
        <v>19024</v>
      </c>
      <c r="E22463" s="1" t="s">
        <v>11</v>
      </c>
    </row>
    <row r="22464">
      <c r="A22464" s="1">
        <v>4.90869812E8</v>
      </c>
      <c r="B22464" s="2">
        <v>17855.0</v>
      </c>
      <c r="C22464" s="1" t="s">
        <v>5</v>
      </c>
      <c r="D22464" s="1" t="s">
        <v>7</v>
      </c>
      <c r="E22464" s="1" t="s">
        <v>7</v>
      </c>
    </row>
    <row r="22465">
      <c r="A22465" s="1">
        <v>4.9086984E8</v>
      </c>
      <c r="B22465" s="2">
        <v>17857.0</v>
      </c>
      <c r="C22465" s="1" t="s">
        <v>5</v>
      </c>
      <c r="D22465" s="1" t="s">
        <v>19025</v>
      </c>
      <c r="E22465" s="1" t="s">
        <v>19026</v>
      </c>
    </row>
    <row r="22466">
      <c r="A22466" s="1">
        <v>4.90869896E8</v>
      </c>
      <c r="B22466" s="2">
        <v>17952.0</v>
      </c>
      <c r="C22466" s="1" t="s">
        <v>5</v>
      </c>
      <c r="D22466" s="1" t="s">
        <v>19027</v>
      </c>
      <c r="E22466" s="1" t="s">
        <v>19028</v>
      </c>
    </row>
    <row r="22467">
      <c r="A22467" s="1">
        <v>4.90869916E8</v>
      </c>
      <c r="B22467" s="2">
        <v>17949.0</v>
      </c>
      <c r="C22467" s="1" t="s">
        <v>5</v>
      </c>
      <c r="D22467" s="1" t="s">
        <v>19029</v>
      </c>
      <c r="E22467" s="1" t="s">
        <v>7</v>
      </c>
    </row>
    <row r="22468">
      <c r="A22468" s="1">
        <v>4.9087E8</v>
      </c>
      <c r="B22468" s="2">
        <v>17851.0</v>
      </c>
      <c r="C22468" s="1" t="s">
        <v>5</v>
      </c>
      <c r="D22468" s="1" t="s">
        <v>19030</v>
      </c>
      <c r="E22468" s="1" t="s">
        <v>19031</v>
      </c>
    </row>
    <row r="22469">
      <c r="A22469" s="1">
        <v>4.90870105E8</v>
      </c>
      <c r="B22469" s="2">
        <v>17951.0</v>
      </c>
      <c r="C22469" s="1" t="s">
        <v>5</v>
      </c>
      <c r="D22469" s="1" t="s">
        <v>19032</v>
      </c>
      <c r="E22469" s="1" t="s">
        <v>7</v>
      </c>
    </row>
    <row r="22470">
      <c r="A22470" s="1">
        <v>4.90870118E8</v>
      </c>
      <c r="B22470" s="2">
        <v>17846.0</v>
      </c>
      <c r="C22470" s="1" t="s">
        <v>5</v>
      </c>
      <c r="D22470" s="1" t="s">
        <v>19033</v>
      </c>
      <c r="E22470" s="1" t="s">
        <v>7</v>
      </c>
    </row>
    <row r="22471">
      <c r="A22471" s="1">
        <v>4.90870158E8</v>
      </c>
      <c r="B22471" s="2">
        <v>17886.0</v>
      </c>
      <c r="C22471" s="1" t="s">
        <v>5</v>
      </c>
      <c r="D22471" s="1" t="s">
        <v>11</v>
      </c>
      <c r="E22471" s="1" t="s">
        <v>7</v>
      </c>
    </row>
    <row r="22472">
      <c r="A22472" s="1">
        <v>4.90870172E8</v>
      </c>
      <c r="B22472" s="2">
        <v>17890.0</v>
      </c>
      <c r="C22472" s="1" t="s">
        <v>5</v>
      </c>
      <c r="D22472" s="1" t="s">
        <v>11</v>
      </c>
      <c r="E22472" s="1" t="s">
        <v>7</v>
      </c>
    </row>
    <row r="22473">
      <c r="A22473" s="1">
        <v>4.9087025E8</v>
      </c>
      <c r="B22473" s="2">
        <v>17956.0</v>
      </c>
      <c r="C22473" s="1" t="s">
        <v>5</v>
      </c>
      <c r="D22473" s="1" t="s">
        <v>19034</v>
      </c>
      <c r="E22473" s="1" t="s">
        <v>7</v>
      </c>
    </row>
    <row r="22474">
      <c r="A22474" s="1">
        <v>4.90870386E8</v>
      </c>
      <c r="B22474" s="2">
        <v>17930.0</v>
      </c>
      <c r="C22474" s="1" t="s">
        <v>5</v>
      </c>
      <c r="D22474" s="1" t="s">
        <v>11</v>
      </c>
      <c r="E22474" s="1" t="s">
        <v>7</v>
      </c>
    </row>
    <row r="22475">
      <c r="A22475" s="1">
        <v>4.90870611E8</v>
      </c>
      <c r="B22475" s="2">
        <v>17935.0</v>
      </c>
      <c r="C22475" s="1" t="s">
        <v>5</v>
      </c>
      <c r="D22475" s="1" t="s">
        <v>19035</v>
      </c>
      <c r="E22475" s="1" t="s">
        <v>7</v>
      </c>
    </row>
    <row r="22476">
      <c r="A22476" s="1">
        <v>4.9087064E8</v>
      </c>
      <c r="B22476" s="2">
        <v>17937.0</v>
      </c>
      <c r="C22476" s="1" t="s">
        <v>5</v>
      </c>
      <c r="D22476" s="1" t="s">
        <v>19036</v>
      </c>
      <c r="E22476" s="1" t="s">
        <v>11</v>
      </c>
    </row>
    <row r="22477">
      <c r="A22477" s="1">
        <v>4.90870676E8</v>
      </c>
      <c r="B22477" s="2">
        <v>17869.0</v>
      </c>
      <c r="C22477" s="1" t="s">
        <v>5</v>
      </c>
      <c r="D22477" s="1" t="s">
        <v>11</v>
      </c>
      <c r="E22477" s="1" t="s">
        <v>7</v>
      </c>
    </row>
    <row r="22478">
      <c r="A22478" s="1">
        <v>4.9087068E8</v>
      </c>
      <c r="B22478" s="2">
        <v>17945.0</v>
      </c>
      <c r="C22478" s="1" t="s">
        <v>5</v>
      </c>
      <c r="D22478" s="1" t="s">
        <v>19037</v>
      </c>
      <c r="E22478" s="1" t="s">
        <v>19038</v>
      </c>
    </row>
    <row r="22479">
      <c r="A22479" s="1">
        <v>4.90870717E8</v>
      </c>
      <c r="B22479" s="2">
        <v>17931.0</v>
      </c>
      <c r="C22479" s="1" t="s">
        <v>5</v>
      </c>
      <c r="D22479" s="1" t="s">
        <v>11</v>
      </c>
      <c r="E22479" s="1" t="s">
        <v>7</v>
      </c>
    </row>
    <row r="22480">
      <c r="A22480" s="1">
        <v>4.90870739E8</v>
      </c>
      <c r="B22480" s="2">
        <v>17947.0</v>
      </c>
      <c r="C22480" s="1" t="s">
        <v>5</v>
      </c>
      <c r="D22480" s="1" t="s">
        <v>19039</v>
      </c>
      <c r="E22480" s="1" t="s">
        <v>7</v>
      </c>
    </row>
    <row r="22481">
      <c r="A22481" s="1">
        <v>4.90870809E8</v>
      </c>
      <c r="B22481" s="2">
        <v>17842.0</v>
      </c>
      <c r="C22481" s="1" t="s">
        <v>5</v>
      </c>
      <c r="D22481" s="1" t="s">
        <v>19040</v>
      </c>
      <c r="E22481" s="1" t="s">
        <v>7</v>
      </c>
    </row>
    <row r="22482">
      <c r="A22482" s="1">
        <v>4.90870834E8</v>
      </c>
      <c r="B22482" s="2">
        <v>17889.0</v>
      </c>
      <c r="C22482" s="1" t="s">
        <v>5</v>
      </c>
      <c r="D22482" s="1" t="s">
        <v>19041</v>
      </c>
      <c r="E22482" s="1" t="s">
        <v>7</v>
      </c>
    </row>
    <row r="22483">
      <c r="A22483" s="1">
        <v>4.90870839E8</v>
      </c>
      <c r="B22483" s="2">
        <v>17882.0</v>
      </c>
      <c r="C22483" s="1" t="s">
        <v>5</v>
      </c>
      <c r="D22483" s="1" t="s">
        <v>11</v>
      </c>
      <c r="E22483" s="1" t="s">
        <v>7</v>
      </c>
    </row>
    <row r="22484">
      <c r="A22484" s="1">
        <v>4.90870974E8</v>
      </c>
      <c r="B22484" s="2">
        <v>17933.0</v>
      </c>
      <c r="C22484" s="1" t="s">
        <v>5</v>
      </c>
      <c r="D22484" s="1" t="s">
        <v>11</v>
      </c>
      <c r="E22484" s="1" t="s">
        <v>7</v>
      </c>
    </row>
    <row r="22485">
      <c r="A22485" s="1">
        <v>4.90871039E8</v>
      </c>
      <c r="B22485" s="2">
        <v>17939.0</v>
      </c>
      <c r="C22485" s="1" t="s">
        <v>5</v>
      </c>
      <c r="D22485" s="1" t="s">
        <v>19042</v>
      </c>
      <c r="E22485" s="1" t="s">
        <v>11</v>
      </c>
    </row>
    <row r="22486">
      <c r="A22486" s="1">
        <v>4.90871049E8</v>
      </c>
      <c r="B22486" s="2">
        <v>17988.0</v>
      </c>
      <c r="C22486" s="1" t="s">
        <v>5</v>
      </c>
      <c r="D22486" s="1" t="s">
        <v>11</v>
      </c>
      <c r="E22486" s="4" t="s">
        <v>19043</v>
      </c>
    </row>
    <row r="22487">
      <c r="A22487" s="1">
        <v>4.90871186E8</v>
      </c>
      <c r="B22487" s="2">
        <v>17895.0</v>
      </c>
      <c r="C22487" s="1" t="s">
        <v>5</v>
      </c>
      <c r="D22487" s="1" t="s">
        <v>19044</v>
      </c>
      <c r="E22487" s="1" t="s">
        <v>11</v>
      </c>
    </row>
    <row r="22488">
      <c r="A22488" s="1">
        <v>4.908712E8</v>
      </c>
      <c r="B22488" s="2">
        <v>17937.0</v>
      </c>
      <c r="C22488" s="1" t="s">
        <v>5</v>
      </c>
      <c r="D22488" s="1" t="s">
        <v>19045</v>
      </c>
      <c r="E22488" s="1" t="s">
        <v>7</v>
      </c>
    </row>
    <row r="22489">
      <c r="A22489" s="1">
        <v>4.90871217E8</v>
      </c>
      <c r="B22489" s="2">
        <v>17842.0</v>
      </c>
      <c r="C22489" s="1" t="s">
        <v>5</v>
      </c>
      <c r="D22489" s="1" t="s">
        <v>19046</v>
      </c>
      <c r="E22489" s="1" t="s">
        <v>7</v>
      </c>
    </row>
    <row r="22490">
      <c r="A22490" s="1">
        <v>4.9087125E8</v>
      </c>
      <c r="B22490" s="2">
        <v>17849.0</v>
      </c>
      <c r="C22490" s="1" t="s">
        <v>5</v>
      </c>
      <c r="D22490" s="1" t="s">
        <v>19047</v>
      </c>
      <c r="E22490" s="1" t="s">
        <v>7</v>
      </c>
    </row>
    <row r="22491">
      <c r="A22491" s="1">
        <v>4.90871273E8</v>
      </c>
      <c r="B22491" s="2">
        <v>17840.0</v>
      </c>
      <c r="C22491" s="1" t="s">
        <v>5</v>
      </c>
      <c r="D22491" s="1" t="s">
        <v>19048</v>
      </c>
      <c r="E22491" s="1" t="s">
        <v>7</v>
      </c>
    </row>
    <row r="22492">
      <c r="A22492" s="1">
        <v>4.90871353E8</v>
      </c>
      <c r="B22492" s="2">
        <v>17986.0</v>
      </c>
      <c r="C22492" s="1" t="s">
        <v>5</v>
      </c>
      <c r="D22492" s="1" t="s">
        <v>11</v>
      </c>
      <c r="E22492" s="1" t="s">
        <v>7</v>
      </c>
    </row>
    <row r="22493">
      <c r="A22493" s="1">
        <v>4.9087137E8</v>
      </c>
      <c r="B22493" s="2">
        <v>17930.0</v>
      </c>
      <c r="C22493" s="1" t="s">
        <v>5</v>
      </c>
      <c r="D22493" s="1" t="s">
        <v>19049</v>
      </c>
      <c r="E22493" s="1" t="s">
        <v>11</v>
      </c>
    </row>
    <row r="22494">
      <c r="A22494" s="1">
        <v>4.90871425E8</v>
      </c>
      <c r="B22494" s="2">
        <v>17952.0</v>
      </c>
      <c r="C22494" s="1" t="s">
        <v>5</v>
      </c>
      <c r="D22494" s="1" t="s">
        <v>19050</v>
      </c>
      <c r="E22494" s="1" t="s">
        <v>7</v>
      </c>
    </row>
    <row r="22495">
      <c r="A22495" s="1">
        <v>4.90871454E8</v>
      </c>
      <c r="B22495" s="2">
        <v>17842.0</v>
      </c>
      <c r="C22495" s="1" t="s">
        <v>5</v>
      </c>
      <c r="D22495" s="1" t="s">
        <v>19051</v>
      </c>
      <c r="E22495" s="1" t="s">
        <v>11</v>
      </c>
    </row>
    <row r="22496">
      <c r="A22496" s="1">
        <v>4.90871457E8</v>
      </c>
      <c r="B22496" s="2">
        <v>17984.0</v>
      </c>
      <c r="C22496" s="1" t="s">
        <v>5</v>
      </c>
      <c r="D22496" s="1" t="s">
        <v>19052</v>
      </c>
      <c r="E22496" s="1" t="s">
        <v>7</v>
      </c>
    </row>
    <row r="22497">
      <c r="A22497" s="1">
        <v>4.90871478E8</v>
      </c>
      <c r="B22497" s="2">
        <v>17895.0</v>
      </c>
      <c r="C22497" s="1" t="s">
        <v>5</v>
      </c>
      <c r="D22497" s="1" t="s">
        <v>11</v>
      </c>
      <c r="E22497" s="1" t="s">
        <v>7</v>
      </c>
    </row>
    <row r="22498">
      <c r="A22498" s="1">
        <v>4.90871483E8</v>
      </c>
      <c r="B22498" s="2">
        <v>17934.0</v>
      </c>
      <c r="C22498" s="1" t="s">
        <v>5</v>
      </c>
      <c r="D22498" s="1" t="s">
        <v>19053</v>
      </c>
      <c r="E22498" s="1" t="s">
        <v>7</v>
      </c>
    </row>
    <row r="22499">
      <c r="A22499" s="1">
        <v>4.90871488E8</v>
      </c>
      <c r="B22499" s="2">
        <v>17847.0</v>
      </c>
      <c r="C22499" s="1" t="s">
        <v>5</v>
      </c>
      <c r="D22499" s="1" t="s">
        <v>19054</v>
      </c>
      <c r="E22499" s="1" t="s">
        <v>11</v>
      </c>
    </row>
    <row r="22500">
      <c r="A22500" s="1">
        <v>4.90871528E8</v>
      </c>
      <c r="B22500" s="2">
        <v>17890.0</v>
      </c>
      <c r="C22500" s="1" t="s">
        <v>5</v>
      </c>
      <c r="D22500" s="1" t="s">
        <v>11</v>
      </c>
      <c r="E22500" s="1" t="s">
        <v>7</v>
      </c>
    </row>
    <row r="22501">
      <c r="A22501" s="1">
        <v>4.908716E8</v>
      </c>
      <c r="B22501" s="2">
        <v>17982.0</v>
      </c>
      <c r="C22501" s="1" t="s">
        <v>5</v>
      </c>
      <c r="D22501" s="1" t="s">
        <v>19055</v>
      </c>
      <c r="E22501" s="1" t="s">
        <v>7</v>
      </c>
    </row>
    <row r="22502">
      <c r="A22502" s="1">
        <v>4.90871637E8</v>
      </c>
      <c r="B22502" s="2">
        <v>17933.0</v>
      </c>
      <c r="C22502" s="1" t="s">
        <v>5</v>
      </c>
      <c r="D22502" s="1" t="s">
        <v>19056</v>
      </c>
      <c r="E22502" s="1" t="s">
        <v>7</v>
      </c>
    </row>
    <row r="22503">
      <c r="A22503" s="1">
        <v>4.9087164E8</v>
      </c>
      <c r="B22503" s="2">
        <v>17947.0</v>
      </c>
      <c r="C22503" s="1" t="s">
        <v>5</v>
      </c>
      <c r="D22503" s="1" t="s">
        <v>19057</v>
      </c>
      <c r="E22503" s="1" t="s">
        <v>11</v>
      </c>
    </row>
    <row r="22504">
      <c r="A22504" s="1">
        <v>4.90871654E8</v>
      </c>
      <c r="B22504" s="2">
        <v>17932.0</v>
      </c>
      <c r="C22504" s="1" t="s">
        <v>5</v>
      </c>
      <c r="D22504" s="1" t="s">
        <v>19058</v>
      </c>
      <c r="E22504" s="1" t="s">
        <v>7</v>
      </c>
    </row>
    <row r="22505">
      <c r="A22505" s="1">
        <v>4.90871667E8</v>
      </c>
      <c r="B22505" s="2">
        <v>17944.0</v>
      </c>
      <c r="C22505" s="1" t="s">
        <v>5</v>
      </c>
      <c r="D22505" s="1" t="s">
        <v>19059</v>
      </c>
      <c r="E22505" s="1" t="s">
        <v>11</v>
      </c>
    </row>
    <row r="22506">
      <c r="A22506" s="1">
        <v>4.90871684E8</v>
      </c>
      <c r="B22506" s="2">
        <v>17932.0</v>
      </c>
      <c r="C22506" s="1" t="s">
        <v>5</v>
      </c>
      <c r="D22506" s="1" t="s">
        <v>11</v>
      </c>
      <c r="E22506" s="1" t="s">
        <v>7</v>
      </c>
    </row>
    <row r="22507">
      <c r="A22507" s="1">
        <v>4.90871688E8</v>
      </c>
      <c r="B22507" s="2">
        <v>17946.0</v>
      </c>
      <c r="C22507" s="1" t="s">
        <v>5</v>
      </c>
      <c r="D22507" s="1" t="s">
        <v>19060</v>
      </c>
      <c r="E22507" s="1" t="s">
        <v>7</v>
      </c>
    </row>
    <row r="22508">
      <c r="A22508" s="1">
        <v>4.90871732E8</v>
      </c>
      <c r="B22508" s="2">
        <v>17982.0</v>
      </c>
      <c r="C22508" s="1" t="s">
        <v>5</v>
      </c>
      <c r="D22508" s="1" t="s">
        <v>19061</v>
      </c>
      <c r="E22508" s="1" t="s">
        <v>7</v>
      </c>
    </row>
    <row r="22509">
      <c r="A22509" s="1">
        <v>4.9087176E8</v>
      </c>
      <c r="B22509" s="2">
        <v>17898.0</v>
      </c>
      <c r="C22509" s="1" t="s">
        <v>5</v>
      </c>
      <c r="D22509" s="1" t="s">
        <v>11</v>
      </c>
      <c r="E22509" s="1" t="s">
        <v>7</v>
      </c>
    </row>
    <row r="22510">
      <c r="A22510" s="1">
        <v>4.90871803E8</v>
      </c>
      <c r="B22510" s="2">
        <v>17949.0</v>
      </c>
      <c r="C22510" s="1" t="s">
        <v>5</v>
      </c>
      <c r="D22510" s="1" t="s">
        <v>19062</v>
      </c>
      <c r="E22510" s="1" t="s">
        <v>7</v>
      </c>
    </row>
    <row r="22511">
      <c r="A22511" s="1">
        <v>4.90871804E8</v>
      </c>
      <c r="B22511" s="2">
        <v>17846.0</v>
      </c>
      <c r="C22511" s="1" t="s">
        <v>5</v>
      </c>
      <c r="D22511" s="1" t="s">
        <v>19063</v>
      </c>
      <c r="E22511" s="1" t="s">
        <v>11</v>
      </c>
    </row>
    <row r="22512">
      <c r="A22512" s="1">
        <v>4.90871808E8</v>
      </c>
      <c r="B22512" s="2">
        <v>17965.0</v>
      </c>
      <c r="C22512" s="1" t="s">
        <v>5</v>
      </c>
      <c r="D22512" s="1" t="s">
        <v>19064</v>
      </c>
      <c r="E22512" s="1" t="s">
        <v>7</v>
      </c>
    </row>
    <row r="22513">
      <c r="A22513" s="1">
        <v>4.90871809E8</v>
      </c>
      <c r="B22513" s="2">
        <v>17944.0</v>
      </c>
      <c r="C22513" s="1" t="s">
        <v>5</v>
      </c>
      <c r="D22513" s="1" t="s">
        <v>11</v>
      </c>
      <c r="E22513" s="1" t="s">
        <v>7</v>
      </c>
    </row>
    <row r="22514">
      <c r="A22514" s="1">
        <v>4.90871876E8</v>
      </c>
      <c r="B22514" s="2">
        <v>17892.0</v>
      </c>
      <c r="C22514" s="1" t="s">
        <v>5</v>
      </c>
      <c r="D22514" s="1" t="s">
        <v>11</v>
      </c>
      <c r="E22514" s="1" t="s">
        <v>7</v>
      </c>
    </row>
    <row r="22515">
      <c r="A22515" s="1">
        <v>4.90871923E8</v>
      </c>
      <c r="B22515" s="2">
        <v>17892.0</v>
      </c>
      <c r="C22515" s="1" t="s">
        <v>5</v>
      </c>
      <c r="D22515" s="1" t="s">
        <v>19065</v>
      </c>
      <c r="E22515" s="1" t="s">
        <v>11</v>
      </c>
    </row>
    <row r="22516">
      <c r="A22516" s="1">
        <v>4.90871952E8</v>
      </c>
      <c r="B22516" s="2">
        <v>17897.0</v>
      </c>
      <c r="C22516" s="1" t="s">
        <v>5</v>
      </c>
      <c r="D22516" s="1" t="s">
        <v>19066</v>
      </c>
      <c r="E22516" s="1" t="s">
        <v>7</v>
      </c>
    </row>
    <row r="22517">
      <c r="A22517" s="1">
        <v>4.90871993E8</v>
      </c>
      <c r="B22517" s="2">
        <v>17982.0</v>
      </c>
      <c r="C22517" s="1" t="s">
        <v>5</v>
      </c>
      <c r="D22517" s="1" t="s">
        <v>11</v>
      </c>
      <c r="E22517" s="1" t="s">
        <v>7</v>
      </c>
    </row>
    <row r="22518">
      <c r="A22518" s="1">
        <v>4.90872003E8</v>
      </c>
      <c r="B22518" s="2">
        <v>17986.0</v>
      </c>
      <c r="C22518" s="1" t="s">
        <v>5</v>
      </c>
      <c r="D22518" s="1" t="s">
        <v>19067</v>
      </c>
      <c r="E22518" s="1" t="s">
        <v>11</v>
      </c>
    </row>
    <row r="22519">
      <c r="A22519" s="1">
        <v>4.90872042E8</v>
      </c>
      <c r="B22519" s="2">
        <v>17886.0</v>
      </c>
      <c r="C22519" s="1" t="s">
        <v>5</v>
      </c>
      <c r="D22519" s="1" t="s">
        <v>19068</v>
      </c>
      <c r="E22519" s="1" t="s">
        <v>7</v>
      </c>
    </row>
    <row r="22520">
      <c r="A22520" s="1">
        <v>4.90872047E8</v>
      </c>
      <c r="B22520" s="2">
        <v>17982.0</v>
      </c>
      <c r="C22520" s="1" t="s">
        <v>5</v>
      </c>
      <c r="D22520" s="1" t="s">
        <v>19069</v>
      </c>
      <c r="E22520" s="1" t="s">
        <v>7</v>
      </c>
    </row>
    <row r="22521">
      <c r="A22521" s="1">
        <v>4.9087206E8</v>
      </c>
      <c r="B22521" s="2">
        <v>17980.0</v>
      </c>
      <c r="C22521" s="1" t="s">
        <v>5</v>
      </c>
      <c r="D22521" s="1" t="s">
        <v>19070</v>
      </c>
      <c r="E22521" s="1" t="s">
        <v>7</v>
      </c>
    </row>
    <row r="22522">
      <c r="A22522" s="1">
        <v>4.90872061E8</v>
      </c>
      <c r="B22522" s="2">
        <v>17939.0</v>
      </c>
      <c r="C22522" s="1" t="s">
        <v>5</v>
      </c>
      <c r="D22522" s="1" t="s">
        <v>19071</v>
      </c>
      <c r="E22522" s="1" t="s">
        <v>7</v>
      </c>
    </row>
    <row r="22523">
      <c r="A22523" s="1">
        <v>4.9087213E8</v>
      </c>
      <c r="B22523" s="2">
        <v>17937.0</v>
      </c>
      <c r="C22523" s="1" t="s">
        <v>5</v>
      </c>
      <c r="D22523" s="1" t="s">
        <v>19072</v>
      </c>
      <c r="E22523" s="1" t="s">
        <v>7</v>
      </c>
    </row>
    <row r="22524">
      <c r="A22524" s="1">
        <v>4.90872145E8</v>
      </c>
      <c r="B22524" s="2">
        <v>17986.0</v>
      </c>
      <c r="C22524" s="1" t="s">
        <v>5</v>
      </c>
      <c r="D22524" s="1" t="s">
        <v>19073</v>
      </c>
      <c r="E22524" s="1" t="s">
        <v>7</v>
      </c>
    </row>
    <row r="22525">
      <c r="A22525" s="1">
        <v>4.9087216E8</v>
      </c>
      <c r="B22525" s="2">
        <v>17893.0</v>
      </c>
      <c r="C22525" s="1" t="s">
        <v>5</v>
      </c>
      <c r="D22525" s="1" t="s">
        <v>19074</v>
      </c>
      <c r="E22525" s="1" t="s">
        <v>11</v>
      </c>
    </row>
    <row r="22526">
      <c r="A22526" s="1">
        <v>4.90872215E8</v>
      </c>
      <c r="B22526" s="2">
        <v>17928.0</v>
      </c>
      <c r="C22526" s="1" t="s">
        <v>5</v>
      </c>
      <c r="D22526" s="1" t="s">
        <v>11</v>
      </c>
      <c r="E22526" s="1" t="s">
        <v>7</v>
      </c>
    </row>
    <row r="22527">
      <c r="A22527" s="1">
        <v>4.90872238E8</v>
      </c>
      <c r="B22527" s="2">
        <v>17897.0</v>
      </c>
      <c r="C22527" s="1" t="s">
        <v>5</v>
      </c>
      <c r="D22527" s="1" t="s">
        <v>11</v>
      </c>
      <c r="E22527" s="1" t="s">
        <v>7</v>
      </c>
    </row>
    <row r="22528">
      <c r="A22528" s="1">
        <v>4.90872276E8</v>
      </c>
      <c r="B22528" s="2">
        <v>17944.0</v>
      </c>
      <c r="C22528" s="1" t="s">
        <v>5</v>
      </c>
      <c r="D22528" s="1" t="s">
        <v>19075</v>
      </c>
      <c r="E22528" s="1" t="s">
        <v>7</v>
      </c>
    </row>
    <row r="22529">
      <c r="A22529" s="1">
        <v>4.9087228E8</v>
      </c>
      <c r="B22529" s="2">
        <v>17879.0</v>
      </c>
      <c r="C22529" s="1" t="s">
        <v>5</v>
      </c>
      <c r="D22529" s="1" t="s">
        <v>11</v>
      </c>
      <c r="E22529" s="1" t="s">
        <v>7</v>
      </c>
    </row>
    <row r="22530">
      <c r="A22530" s="1">
        <v>4.9087236E8</v>
      </c>
      <c r="B22530" s="2">
        <v>17935.0</v>
      </c>
      <c r="C22530" s="1" t="s">
        <v>5</v>
      </c>
      <c r="D22530" s="1" t="s">
        <v>19076</v>
      </c>
      <c r="E22530" s="1" t="s">
        <v>19077</v>
      </c>
    </row>
    <row r="22531">
      <c r="A22531" s="1">
        <v>4.908724E8</v>
      </c>
      <c r="B22531" s="2">
        <v>17983.0</v>
      </c>
      <c r="C22531" s="1" t="s">
        <v>5</v>
      </c>
      <c r="D22531" s="1" t="s">
        <v>19078</v>
      </c>
      <c r="E22531" s="1" t="s">
        <v>7</v>
      </c>
    </row>
    <row r="22532">
      <c r="A22532" s="1">
        <v>4.90872439E8</v>
      </c>
      <c r="B22532" s="2">
        <v>17893.0</v>
      </c>
      <c r="C22532" s="1" t="s">
        <v>5</v>
      </c>
      <c r="D22532" s="1" t="s">
        <v>19079</v>
      </c>
      <c r="E22532" s="1" t="s">
        <v>11</v>
      </c>
    </row>
    <row r="22533">
      <c r="A22533" s="1">
        <v>4.90872454E8</v>
      </c>
      <c r="B22533" s="2">
        <v>17935.0</v>
      </c>
      <c r="C22533" s="1" t="s">
        <v>5</v>
      </c>
      <c r="D22533" s="1" t="s">
        <v>11</v>
      </c>
      <c r="E22533" s="1" t="s">
        <v>7</v>
      </c>
    </row>
    <row r="22534">
      <c r="A22534" s="1">
        <v>4.90872482E8</v>
      </c>
      <c r="B22534" s="2">
        <v>17932.0</v>
      </c>
      <c r="C22534" s="1" t="s">
        <v>5</v>
      </c>
      <c r="D22534" s="1" t="s">
        <v>11</v>
      </c>
      <c r="E22534" s="1" t="s">
        <v>7</v>
      </c>
    </row>
    <row r="22535">
      <c r="A22535" s="1">
        <v>4.90872499E8</v>
      </c>
      <c r="B22535" s="2">
        <v>17982.0</v>
      </c>
      <c r="C22535" s="1" t="s">
        <v>5</v>
      </c>
      <c r="D22535" s="1" t="s">
        <v>11</v>
      </c>
      <c r="E22535" s="1" t="s">
        <v>7</v>
      </c>
    </row>
    <row r="22536">
      <c r="A22536" s="1">
        <v>4.90872596E8</v>
      </c>
      <c r="B22536" s="2">
        <v>17896.0</v>
      </c>
      <c r="C22536" s="1" t="s">
        <v>5</v>
      </c>
      <c r="D22536" s="1" t="s">
        <v>19080</v>
      </c>
      <c r="E22536" s="1" t="s">
        <v>11</v>
      </c>
    </row>
    <row r="22537">
      <c r="A22537" s="1">
        <v>4.9087268E8</v>
      </c>
      <c r="B22537" s="2">
        <v>17982.0</v>
      </c>
      <c r="C22537" s="1" t="s">
        <v>5</v>
      </c>
      <c r="D22537" s="1" t="s">
        <v>19081</v>
      </c>
      <c r="E22537" s="1" t="s">
        <v>7</v>
      </c>
    </row>
    <row r="22538">
      <c r="A22538" s="1">
        <v>4.90872717E8</v>
      </c>
      <c r="B22538" s="2">
        <v>17870.0</v>
      </c>
      <c r="C22538" s="1" t="s">
        <v>5</v>
      </c>
      <c r="D22538" s="1" t="s">
        <v>19082</v>
      </c>
      <c r="E22538" s="1" t="s">
        <v>7</v>
      </c>
    </row>
    <row r="22539">
      <c r="A22539" s="1">
        <v>4.90872798E8</v>
      </c>
      <c r="B22539" s="2">
        <v>17933.0</v>
      </c>
      <c r="C22539" s="1" t="s">
        <v>5</v>
      </c>
      <c r="D22539" s="1" t="s">
        <v>19083</v>
      </c>
      <c r="E22539" s="1" t="s">
        <v>7</v>
      </c>
    </row>
    <row r="22540">
      <c r="A22540" s="1">
        <v>4.90872826E8</v>
      </c>
      <c r="B22540" s="2">
        <v>17892.0</v>
      </c>
      <c r="C22540" s="1" t="s">
        <v>5</v>
      </c>
      <c r="D22540" s="1" t="s">
        <v>19084</v>
      </c>
      <c r="E22540" s="1" t="s">
        <v>7</v>
      </c>
    </row>
    <row r="22541">
      <c r="A22541" s="1">
        <v>4.90872836E8</v>
      </c>
      <c r="B22541" s="2">
        <v>17882.0</v>
      </c>
      <c r="C22541" s="1" t="s">
        <v>5</v>
      </c>
      <c r="D22541" s="1" t="s">
        <v>19085</v>
      </c>
      <c r="E22541" s="1" t="s">
        <v>11</v>
      </c>
    </row>
    <row r="22542">
      <c r="A22542" s="1">
        <v>4.90872974E8</v>
      </c>
      <c r="B22542" s="2">
        <v>17977.0</v>
      </c>
      <c r="C22542" s="1" t="s">
        <v>5</v>
      </c>
      <c r="D22542" s="1" t="s">
        <v>19086</v>
      </c>
      <c r="E22542" s="1" t="s">
        <v>7</v>
      </c>
    </row>
    <row r="22543">
      <c r="A22543" s="1">
        <v>4.90872993E8</v>
      </c>
      <c r="B22543" s="2">
        <v>17980.0</v>
      </c>
      <c r="C22543" s="1" t="s">
        <v>5</v>
      </c>
      <c r="D22543" s="1" t="s">
        <v>19087</v>
      </c>
      <c r="E22543" s="1" t="s">
        <v>7</v>
      </c>
    </row>
    <row r="22544">
      <c r="A22544" s="1">
        <v>4.90873059E8</v>
      </c>
      <c r="B22544" s="2">
        <v>17892.0</v>
      </c>
      <c r="C22544" s="1" t="s">
        <v>5</v>
      </c>
      <c r="D22544" s="1" t="s">
        <v>19088</v>
      </c>
      <c r="E22544" s="1" t="s">
        <v>7</v>
      </c>
    </row>
    <row r="22545">
      <c r="A22545" s="1">
        <v>4.90873062E8</v>
      </c>
      <c r="B22545" s="2">
        <v>17888.0</v>
      </c>
      <c r="C22545" s="1" t="s">
        <v>5</v>
      </c>
      <c r="D22545" s="1" t="s">
        <v>11</v>
      </c>
      <c r="E22545" s="1" t="s">
        <v>7</v>
      </c>
    </row>
    <row r="22546">
      <c r="A22546" s="1">
        <v>4.90873113E8</v>
      </c>
      <c r="B22546" s="2">
        <v>17884.0</v>
      </c>
      <c r="C22546" s="1" t="s">
        <v>5</v>
      </c>
      <c r="D22546" s="1" t="s">
        <v>19089</v>
      </c>
      <c r="E22546" s="1" t="s">
        <v>11</v>
      </c>
    </row>
    <row r="22547">
      <c r="A22547" s="1">
        <v>4.90873129E8</v>
      </c>
      <c r="B22547" s="2">
        <v>17879.0</v>
      </c>
      <c r="C22547" s="1" t="s">
        <v>5</v>
      </c>
      <c r="D22547" s="1" t="s">
        <v>19090</v>
      </c>
      <c r="E22547" s="1" t="s">
        <v>11</v>
      </c>
    </row>
    <row r="22548">
      <c r="A22548" s="1">
        <v>4.90873132E8</v>
      </c>
      <c r="B22548" s="2">
        <v>17981.0</v>
      </c>
      <c r="C22548" s="1" t="s">
        <v>5</v>
      </c>
      <c r="D22548" s="1" t="s">
        <v>19091</v>
      </c>
      <c r="E22548" s="1" t="s">
        <v>11</v>
      </c>
    </row>
    <row r="22549">
      <c r="A22549" s="1">
        <v>4.90873174E8</v>
      </c>
      <c r="B22549" s="2">
        <v>17939.0</v>
      </c>
      <c r="C22549" s="1" t="s">
        <v>5</v>
      </c>
      <c r="D22549" s="1" t="s">
        <v>19092</v>
      </c>
      <c r="E22549" s="1" t="s">
        <v>7</v>
      </c>
    </row>
    <row r="22550">
      <c r="A22550" s="1">
        <v>4.90873212E8</v>
      </c>
      <c r="B22550" s="2">
        <v>17891.0</v>
      </c>
      <c r="C22550" s="1" t="s">
        <v>5</v>
      </c>
      <c r="D22550" s="1" t="s">
        <v>19093</v>
      </c>
      <c r="E22550" s="1" t="s">
        <v>11</v>
      </c>
    </row>
    <row r="22551">
      <c r="A22551" s="1">
        <v>4.90873248E8</v>
      </c>
      <c r="B22551" s="2">
        <v>17940.0</v>
      </c>
      <c r="C22551" s="1" t="s">
        <v>5</v>
      </c>
      <c r="D22551" s="1" t="s">
        <v>19094</v>
      </c>
      <c r="E22551" s="1" t="s">
        <v>7</v>
      </c>
    </row>
    <row r="22552">
      <c r="A22552" s="1">
        <v>4.9087327E8</v>
      </c>
      <c r="B22552" s="2">
        <v>17987.0</v>
      </c>
      <c r="C22552" s="1" t="s">
        <v>5</v>
      </c>
      <c r="D22552" s="1" t="s">
        <v>19095</v>
      </c>
      <c r="E22552" s="1" t="s">
        <v>7</v>
      </c>
    </row>
    <row r="22553">
      <c r="A22553" s="1">
        <v>4.9087328E8</v>
      </c>
      <c r="B22553" s="2">
        <v>17965.0</v>
      </c>
      <c r="C22553" s="1" t="s">
        <v>5</v>
      </c>
      <c r="D22553" s="1" t="s">
        <v>19096</v>
      </c>
      <c r="E22553" s="1" t="s">
        <v>11</v>
      </c>
    </row>
    <row r="22554">
      <c r="A22554" s="1">
        <v>4.90873439E8</v>
      </c>
      <c r="B22554" s="2">
        <v>17897.0</v>
      </c>
      <c r="C22554" s="1" t="s">
        <v>5</v>
      </c>
      <c r="D22554" s="1" t="s">
        <v>19097</v>
      </c>
      <c r="E22554" s="1" t="s">
        <v>19098</v>
      </c>
    </row>
    <row r="22555">
      <c r="A22555" s="1">
        <v>4.90873457E8</v>
      </c>
      <c r="B22555" s="2">
        <v>17885.0</v>
      </c>
      <c r="C22555" s="1" t="s">
        <v>5</v>
      </c>
      <c r="D22555" s="1" t="s">
        <v>19099</v>
      </c>
      <c r="E22555" s="1" t="s">
        <v>7</v>
      </c>
    </row>
    <row r="22556">
      <c r="A22556" s="1">
        <v>4.90873488E8</v>
      </c>
      <c r="B22556" s="2">
        <v>17981.0</v>
      </c>
      <c r="C22556" s="1" t="s">
        <v>5</v>
      </c>
      <c r="D22556" s="1" t="s">
        <v>19100</v>
      </c>
      <c r="E22556" s="1" t="s">
        <v>11</v>
      </c>
    </row>
    <row r="22557">
      <c r="A22557" s="1">
        <v>4.90873528E8</v>
      </c>
      <c r="B22557" s="2">
        <v>17876.0</v>
      </c>
      <c r="C22557" s="1" t="s">
        <v>5</v>
      </c>
      <c r="D22557" s="1" t="s">
        <v>19101</v>
      </c>
      <c r="E22557" s="1" t="s">
        <v>7</v>
      </c>
    </row>
    <row r="22558">
      <c r="A22558" s="1">
        <v>4.90873582E8</v>
      </c>
      <c r="B22558" s="2">
        <v>17884.0</v>
      </c>
      <c r="C22558" s="1" t="s">
        <v>5</v>
      </c>
      <c r="D22558" s="1" t="s">
        <v>19102</v>
      </c>
      <c r="E22558" s="1" t="s">
        <v>7</v>
      </c>
    </row>
    <row r="22559">
      <c r="A22559" s="1">
        <v>4.90873586E8</v>
      </c>
      <c r="B22559" s="2">
        <v>17939.0</v>
      </c>
      <c r="C22559" s="1" t="s">
        <v>5</v>
      </c>
      <c r="D22559" s="1" t="s">
        <v>19103</v>
      </c>
      <c r="E22559" s="1" t="s">
        <v>7</v>
      </c>
    </row>
    <row r="22560">
      <c r="A22560" s="1">
        <v>4.90873636E8</v>
      </c>
      <c r="B22560" s="2">
        <v>17923.0</v>
      </c>
      <c r="C22560" s="1" t="s">
        <v>5</v>
      </c>
      <c r="D22560" s="1" t="s">
        <v>19104</v>
      </c>
      <c r="E22560" s="1" t="s">
        <v>11</v>
      </c>
    </row>
    <row r="22561">
      <c r="A22561" s="1">
        <v>4.90873692E8</v>
      </c>
      <c r="B22561" s="2">
        <v>17937.0</v>
      </c>
      <c r="C22561" s="1" t="s">
        <v>5</v>
      </c>
      <c r="D22561" s="1" t="s">
        <v>19105</v>
      </c>
      <c r="E22561" s="1" t="s">
        <v>19106</v>
      </c>
    </row>
    <row r="22562">
      <c r="A22562" s="1">
        <v>4.90873699E8</v>
      </c>
      <c r="B22562" s="2">
        <v>17984.0</v>
      </c>
      <c r="C22562" s="1" t="s">
        <v>5</v>
      </c>
      <c r="D22562" s="1" t="s">
        <v>11</v>
      </c>
      <c r="E22562" s="1" t="s">
        <v>7</v>
      </c>
    </row>
    <row r="22563">
      <c r="A22563" s="1">
        <v>4.9087371E8</v>
      </c>
      <c r="B22563" s="2">
        <v>17979.0</v>
      </c>
      <c r="C22563" s="1" t="s">
        <v>5</v>
      </c>
      <c r="D22563" s="1" t="s">
        <v>19107</v>
      </c>
      <c r="E22563" s="1" t="s">
        <v>7</v>
      </c>
    </row>
    <row r="22564">
      <c r="A22564" s="1">
        <v>4.908738E8</v>
      </c>
      <c r="B22564" s="2">
        <v>17882.0</v>
      </c>
      <c r="C22564" s="1" t="s">
        <v>5</v>
      </c>
      <c r="D22564" s="1" t="s">
        <v>19108</v>
      </c>
      <c r="E22564" s="1" t="s">
        <v>7</v>
      </c>
    </row>
    <row r="22565">
      <c r="A22565" s="1">
        <v>4.9087388E8</v>
      </c>
      <c r="B22565" s="2">
        <v>17879.0</v>
      </c>
      <c r="C22565" s="1" t="s">
        <v>5</v>
      </c>
      <c r="D22565" s="1" t="s">
        <v>11</v>
      </c>
      <c r="E22565" s="1" t="s">
        <v>7</v>
      </c>
    </row>
    <row r="22566">
      <c r="A22566" s="1">
        <v>4.90873888E8</v>
      </c>
      <c r="B22566" s="2">
        <v>17882.0</v>
      </c>
      <c r="C22566" s="1" t="s">
        <v>5</v>
      </c>
      <c r="D22566" s="1" t="s">
        <v>11</v>
      </c>
      <c r="E22566" s="1" t="s">
        <v>7</v>
      </c>
    </row>
    <row r="22567">
      <c r="A22567" s="1">
        <v>4.90873923E8</v>
      </c>
      <c r="B22567" s="2">
        <v>17977.0</v>
      </c>
      <c r="C22567" s="1" t="s">
        <v>5</v>
      </c>
      <c r="D22567" s="1" t="s">
        <v>19109</v>
      </c>
      <c r="E22567" s="1" t="s">
        <v>11</v>
      </c>
    </row>
    <row r="22568">
      <c r="A22568" s="1">
        <v>4.90874054E8</v>
      </c>
      <c r="B22568" s="2">
        <v>17881.0</v>
      </c>
      <c r="C22568" s="1" t="s">
        <v>5</v>
      </c>
      <c r="D22568" s="1" t="s">
        <v>19110</v>
      </c>
      <c r="E22568" s="1" t="s">
        <v>7</v>
      </c>
    </row>
    <row r="22569">
      <c r="A22569" s="1">
        <v>4.90874088E8</v>
      </c>
      <c r="B22569" s="2">
        <v>17893.0</v>
      </c>
      <c r="C22569" s="1" t="s">
        <v>5</v>
      </c>
      <c r="D22569" s="1" t="s">
        <v>19111</v>
      </c>
      <c r="E22569" s="1" t="s">
        <v>11</v>
      </c>
    </row>
    <row r="22570">
      <c r="A22570" s="1">
        <v>4.90874089E8</v>
      </c>
      <c r="B22570" s="2">
        <v>17878.0</v>
      </c>
      <c r="C22570" s="1" t="s">
        <v>5</v>
      </c>
      <c r="D22570" s="1" t="s">
        <v>19112</v>
      </c>
      <c r="E22570" s="1" t="s">
        <v>7</v>
      </c>
    </row>
    <row r="22571">
      <c r="A22571" s="1">
        <v>4.9087411E8</v>
      </c>
      <c r="B22571" s="2">
        <v>17886.0</v>
      </c>
      <c r="C22571" s="1" t="s">
        <v>5</v>
      </c>
      <c r="D22571" s="1" t="s">
        <v>11</v>
      </c>
      <c r="E22571" s="1" t="s">
        <v>7</v>
      </c>
    </row>
    <row r="22572">
      <c r="A22572" s="1">
        <v>4.90874187E8</v>
      </c>
      <c r="B22572" s="2">
        <v>17976.0</v>
      </c>
      <c r="C22572" s="1" t="s">
        <v>5</v>
      </c>
      <c r="D22572" s="1" t="s">
        <v>11</v>
      </c>
      <c r="E22572" s="1" t="s">
        <v>7</v>
      </c>
    </row>
    <row r="22573">
      <c r="A22573" s="1">
        <v>4.9087423E8</v>
      </c>
      <c r="B22573" s="2">
        <v>17973.0</v>
      </c>
      <c r="C22573" s="1" t="s">
        <v>5</v>
      </c>
      <c r="D22573" s="1" t="s">
        <v>19113</v>
      </c>
      <c r="E22573" s="1" t="s">
        <v>7</v>
      </c>
    </row>
    <row r="22574">
      <c r="A22574" s="1">
        <v>4.90874238E8</v>
      </c>
      <c r="B22574" s="2">
        <v>17882.0</v>
      </c>
      <c r="C22574" s="1" t="s">
        <v>5</v>
      </c>
      <c r="D22574" s="1" t="s">
        <v>19114</v>
      </c>
      <c r="E22574" s="1" t="s">
        <v>7</v>
      </c>
    </row>
    <row r="22575">
      <c r="A22575" s="1">
        <v>4.90874254E8</v>
      </c>
      <c r="B22575" s="2">
        <v>17879.0</v>
      </c>
      <c r="C22575" s="1" t="s">
        <v>5</v>
      </c>
      <c r="D22575" s="1" t="s">
        <v>19115</v>
      </c>
      <c r="E22575" s="1" t="s">
        <v>11</v>
      </c>
    </row>
    <row r="22576">
      <c r="A22576" s="1">
        <v>4.90874281E8</v>
      </c>
      <c r="B22576" s="2">
        <v>17909.0</v>
      </c>
      <c r="C22576" s="1" t="s">
        <v>5</v>
      </c>
      <c r="D22576" s="1" t="s">
        <v>11</v>
      </c>
      <c r="E22576" s="1" t="s">
        <v>7</v>
      </c>
    </row>
    <row r="22577">
      <c r="A22577" s="1">
        <v>4.9087429E8</v>
      </c>
      <c r="B22577" s="2">
        <v>17893.0</v>
      </c>
      <c r="C22577" s="1" t="s">
        <v>5</v>
      </c>
      <c r="D22577" s="1" t="s">
        <v>19116</v>
      </c>
      <c r="E22577" s="1" t="s">
        <v>7</v>
      </c>
    </row>
    <row r="22578">
      <c r="A22578" s="1">
        <v>4.90874292E8</v>
      </c>
      <c r="B22578" s="2">
        <v>17973.0</v>
      </c>
      <c r="C22578" s="1" t="s">
        <v>5</v>
      </c>
      <c r="D22578" s="1" t="s">
        <v>11</v>
      </c>
      <c r="E22578" s="1" t="s">
        <v>7</v>
      </c>
    </row>
    <row r="22579">
      <c r="A22579" s="1">
        <v>4.90874436E8</v>
      </c>
      <c r="B22579" s="2">
        <v>17883.0</v>
      </c>
      <c r="C22579" s="1" t="s">
        <v>5</v>
      </c>
      <c r="D22579" s="1" t="s">
        <v>19117</v>
      </c>
      <c r="E22579" s="1" t="s">
        <v>7</v>
      </c>
    </row>
    <row r="22580">
      <c r="A22580" s="1">
        <v>4.90874487E8</v>
      </c>
      <c r="B22580" s="2">
        <v>17984.0</v>
      </c>
      <c r="C22580" s="1" t="s">
        <v>5</v>
      </c>
      <c r="D22580" s="1" t="s">
        <v>11</v>
      </c>
      <c r="E22580" s="1" t="s">
        <v>7</v>
      </c>
    </row>
    <row r="22581">
      <c r="A22581" s="1">
        <v>4.90874492E8</v>
      </c>
      <c r="B22581" s="2">
        <v>17980.0</v>
      </c>
      <c r="C22581" s="1" t="s">
        <v>5</v>
      </c>
      <c r="D22581" s="1" t="s">
        <v>19118</v>
      </c>
      <c r="E22581" s="1" t="s">
        <v>7</v>
      </c>
    </row>
    <row r="22582">
      <c r="A22582" s="1">
        <v>4.90874534E8</v>
      </c>
      <c r="B22582" s="2">
        <v>17969.0</v>
      </c>
      <c r="C22582" s="1" t="s">
        <v>5</v>
      </c>
      <c r="D22582" s="1" t="s">
        <v>11</v>
      </c>
      <c r="E22582" s="1" t="s">
        <v>7</v>
      </c>
    </row>
    <row r="22583">
      <c r="A22583" s="1">
        <v>4.90874557E8</v>
      </c>
      <c r="B22583" s="2">
        <v>17972.0</v>
      </c>
      <c r="C22583" s="1" t="s">
        <v>5</v>
      </c>
      <c r="D22583" s="1" t="s">
        <v>11</v>
      </c>
      <c r="E22583" s="1" t="s">
        <v>7</v>
      </c>
    </row>
    <row r="22584">
      <c r="A22584" s="1">
        <v>4.90874664E8</v>
      </c>
      <c r="B22584" s="2">
        <v>17928.0</v>
      </c>
      <c r="C22584" s="1" t="s">
        <v>5</v>
      </c>
      <c r="D22584" s="1" t="s">
        <v>19119</v>
      </c>
      <c r="E22584" s="1" t="s">
        <v>7</v>
      </c>
    </row>
    <row r="22585">
      <c r="A22585" s="1">
        <v>4.90874742E8</v>
      </c>
      <c r="B22585" s="2">
        <v>17974.0</v>
      </c>
      <c r="C22585" s="1" t="s">
        <v>5</v>
      </c>
      <c r="D22585" s="1" t="s">
        <v>19120</v>
      </c>
      <c r="E22585" s="1" t="s">
        <v>7</v>
      </c>
    </row>
    <row r="22586">
      <c r="A22586" s="1">
        <v>4.9087476E8</v>
      </c>
      <c r="B22586" s="2">
        <v>17876.0</v>
      </c>
      <c r="C22586" s="1" t="s">
        <v>5</v>
      </c>
      <c r="D22586" s="1" t="s">
        <v>19121</v>
      </c>
      <c r="E22586" s="1" t="s">
        <v>7</v>
      </c>
    </row>
    <row r="22587">
      <c r="A22587" s="1">
        <v>4.90874812E8</v>
      </c>
      <c r="B22587" s="2">
        <v>17879.0</v>
      </c>
      <c r="C22587" s="1" t="s">
        <v>5</v>
      </c>
      <c r="D22587" s="1" t="s">
        <v>11</v>
      </c>
      <c r="E22587" s="1" t="s">
        <v>7</v>
      </c>
    </row>
    <row r="22588">
      <c r="A22588" s="1">
        <v>4.90874838E8</v>
      </c>
      <c r="B22588" s="2">
        <v>17966.0</v>
      </c>
      <c r="C22588" s="1" t="s">
        <v>5</v>
      </c>
      <c r="D22588" s="1" t="s">
        <v>19122</v>
      </c>
      <c r="E22588" s="1" t="s">
        <v>7</v>
      </c>
    </row>
    <row r="22589">
      <c r="A22589" s="1">
        <v>4.90874846E8</v>
      </c>
      <c r="B22589" s="2">
        <v>17963.0</v>
      </c>
      <c r="C22589" s="1" t="s">
        <v>5</v>
      </c>
      <c r="D22589" s="1" t="s">
        <v>19123</v>
      </c>
      <c r="E22589" s="1" t="s">
        <v>7</v>
      </c>
    </row>
    <row r="22590">
      <c r="A22590" s="1">
        <v>4.90874903E8</v>
      </c>
      <c r="B22590" s="2">
        <v>17878.0</v>
      </c>
      <c r="C22590" s="1" t="s">
        <v>5</v>
      </c>
      <c r="D22590" s="1" t="s">
        <v>19124</v>
      </c>
      <c r="E22590" s="1" t="s">
        <v>11</v>
      </c>
    </row>
    <row r="22591">
      <c r="A22591" s="1">
        <v>4.90874968E8</v>
      </c>
      <c r="B22591" s="2">
        <v>17976.0</v>
      </c>
      <c r="C22591" s="1" t="s">
        <v>5</v>
      </c>
      <c r="D22591" s="1" t="s">
        <v>11</v>
      </c>
      <c r="E22591" s="1" t="s">
        <v>7</v>
      </c>
    </row>
    <row r="22592">
      <c r="A22592" s="1">
        <v>4.90875011E8</v>
      </c>
      <c r="B22592" s="2">
        <v>17872.0</v>
      </c>
      <c r="C22592" s="1" t="s">
        <v>5</v>
      </c>
      <c r="D22592" s="1" t="s">
        <v>19125</v>
      </c>
      <c r="E22592" s="1" t="s">
        <v>7</v>
      </c>
    </row>
    <row r="22593">
      <c r="A22593" s="1">
        <v>4.90875056E8</v>
      </c>
      <c r="B22593" s="2">
        <v>17906.0</v>
      </c>
      <c r="C22593" s="1" t="s">
        <v>5</v>
      </c>
      <c r="D22593" s="1" t="s">
        <v>19126</v>
      </c>
      <c r="E22593" s="1" t="s">
        <v>7</v>
      </c>
    </row>
    <row r="22594">
      <c r="A22594" s="1">
        <v>4.90875095E8</v>
      </c>
      <c r="B22594" s="2">
        <v>17970.0</v>
      </c>
      <c r="C22594" s="1" t="s">
        <v>5</v>
      </c>
      <c r="D22594" s="1" t="s">
        <v>19127</v>
      </c>
      <c r="E22594" s="1" t="s">
        <v>7</v>
      </c>
    </row>
    <row r="22595">
      <c r="A22595" s="1">
        <v>4.90875133E8</v>
      </c>
      <c r="B22595" s="2">
        <v>17888.0</v>
      </c>
      <c r="C22595" s="1" t="s">
        <v>5</v>
      </c>
      <c r="D22595" s="1" t="s">
        <v>19128</v>
      </c>
      <c r="E22595" s="1" t="s">
        <v>7</v>
      </c>
    </row>
    <row r="22596">
      <c r="A22596" s="1">
        <v>4.90875198E8</v>
      </c>
      <c r="B22596" s="2">
        <v>17917.0</v>
      </c>
      <c r="C22596" s="1" t="s">
        <v>5</v>
      </c>
      <c r="D22596" s="1" t="s">
        <v>19129</v>
      </c>
      <c r="E22596" s="1" t="s">
        <v>19130</v>
      </c>
    </row>
    <row r="22597">
      <c r="A22597" s="1">
        <v>4.90875225E8</v>
      </c>
      <c r="B22597" s="2">
        <v>17874.0</v>
      </c>
      <c r="C22597" s="1" t="s">
        <v>5</v>
      </c>
      <c r="D22597" s="1" t="s">
        <v>19131</v>
      </c>
      <c r="E22597" s="1" t="s">
        <v>7</v>
      </c>
    </row>
    <row r="22598">
      <c r="A22598" s="1">
        <v>4.90875431E8</v>
      </c>
      <c r="B22598" s="2">
        <v>17877.0</v>
      </c>
      <c r="C22598" s="1" t="s">
        <v>5</v>
      </c>
      <c r="D22598" s="1" t="s">
        <v>19132</v>
      </c>
      <c r="E22598" s="1" t="s">
        <v>7</v>
      </c>
    </row>
    <row r="22599">
      <c r="A22599" s="1">
        <v>4.90875456E8</v>
      </c>
      <c r="B22599" s="2">
        <v>17876.0</v>
      </c>
      <c r="C22599" s="1" t="s">
        <v>5</v>
      </c>
      <c r="D22599" s="1" t="s">
        <v>19133</v>
      </c>
      <c r="E22599" s="1" t="s">
        <v>7</v>
      </c>
    </row>
    <row r="22600">
      <c r="A22600" s="1">
        <v>4.90875489E8</v>
      </c>
      <c r="B22600" s="2">
        <v>17960.0</v>
      </c>
      <c r="C22600" s="1" t="s">
        <v>5</v>
      </c>
      <c r="D22600" s="1" t="s">
        <v>11</v>
      </c>
      <c r="E22600" s="1" t="s">
        <v>7</v>
      </c>
    </row>
    <row r="22601">
      <c r="A22601" s="1">
        <v>4.90875529E8</v>
      </c>
      <c r="B22601" s="2">
        <v>17921.0</v>
      </c>
      <c r="C22601" s="1" t="s">
        <v>5</v>
      </c>
      <c r="D22601" s="1" t="s">
        <v>11</v>
      </c>
      <c r="E22601" s="1" t="s">
        <v>7</v>
      </c>
    </row>
    <row r="22602">
      <c r="A22602" s="1">
        <v>4.90875547E8</v>
      </c>
      <c r="B22602" s="2">
        <v>17926.0</v>
      </c>
      <c r="C22602" s="1" t="s">
        <v>5</v>
      </c>
      <c r="D22602" s="1" t="s">
        <v>19134</v>
      </c>
      <c r="E22602" s="1" t="s">
        <v>7</v>
      </c>
    </row>
    <row r="22603">
      <c r="A22603" s="1">
        <v>4.908756E8</v>
      </c>
      <c r="B22603" s="2">
        <v>17874.0</v>
      </c>
      <c r="C22603" s="1" t="s">
        <v>5</v>
      </c>
      <c r="D22603" s="1" t="s">
        <v>11</v>
      </c>
      <c r="E22603" s="1" t="s">
        <v>7</v>
      </c>
    </row>
    <row r="22604">
      <c r="A22604" s="1">
        <v>4.90875631E8</v>
      </c>
      <c r="B22604" s="2">
        <v>17972.0</v>
      </c>
      <c r="C22604" s="1" t="s">
        <v>5</v>
      </c>
      <c r="D22604" s="1" t="s">
        <v>19135</v>
      </c>
      <c r="E22604" s="1" t="s">
        <v>11</v>
      </c>
    </row>
    <row r="22605">
      <c r="A22605" s="1">
        <v>4.9087568E8</v>
      </c>
      <c r="B22605" s="2">
        <v>17875.0</v>
      </c>
      <c r="C22605" s="1" t="s">
        <v>5</v>
      </c>
      <c r="D22605" s="1" t="s">
        <v>19136</v>
      </c>
      <c r="E22605" s="1" t="s">
        <v>7</v>
      </c>
    </row>
    <row r="22606">
      <c r="A22606" s="1">
        <v>4.90875736E8</v>
      </c>
      <c r="B22606" s="2">
        <v>17965.0</v>
      </c>
      <c r="C22606" s="1" t="s">
        <v>5</v>
      </c>
      <c r="D22606" s="1" t="s">
        <v>19137</v>
      </c>
      <c r="E22606" s="1" t="s">
        <v>7</v>
      </c>
    </row>
    <row r="22607">
      <c r="A22607" s="1">
        <v>4.90875772E8</v>
      </c>
      <c r="B22607" s="2">
        <v>17981.0</v>
      </c>
      <c r="C22607" s="1" t="s">
        <v>5</v>
      </c>
      <c r="D22607" s="1" t="s">
        <v>19138</v>
      </c>
      <c r="E22607" s="1" t="s">
        <v>7</v>
      </c>
    </row>
    <row r="22608">
      <c r="A22608" s="1">
        <v>4.90875863E8</v>
      </c>
      <c r="B22608" s="2">
        <v>17924.0</v>
      </c>
      <c r="C22608" s="1" t="s">
        <v>5</v>
      </c>
      <c r="D22608" s="1" t="s">
        <v>11</v>
      </c>
      <c r="E22608" s="1" t="s">
        <v>7</v>
      </c>
    </row>
    <row r="22609">
      <c r="A22609" s="1">
        <v>4.90875888E8</v>
      </c>
      <c r="B22609" s="2">
        <v>17962.0</v>
      </c>
      <c r="C22609" s="1" t="s">
        <v>5</v>
      </c>
      <c r="D22609" s="1" t="s">
        <v>11</v>
      </c>
      <c r="E22609" s="1" t="s">
        <v>7</v>
      </c>
    </row>
    <row r="22610">
      <c r="A22610" s="1">
        <v>4.90875955E8</v>
      </c>
      <c r="B22610" s="2">
        <v>17909.0</v>
      </c>
      <c r="C22610" s="1" t="s">
        <v>5</v>
      </c>
      <c r="D22610" s="1" t="s">
        <v>11</v>
      </c>
      <c r="E22610" s="1" t="s">
        <v>7</v>
      </c>
    </row>
    <row r="22611">
      <c r="A22611" s="1">
        <v>4.90875969E8</v>
      </c>
      <c r="B22611" s="2">
        <v>17872.0</v>
      </c>
      <c r="C22611" s="1" t="s">
        <v>5</v>
      </c>
      <c r="D22611" s="1" t="s">
        <v>19139</v>
      </c>
      <c r="E22611" s="1" t="s">
        <v>7</v>
      </c>
    </row>
    <row r="22612">
      <c r="A22612" s="1">
        <v>4.9087597E8</v>
      </c>
      <c r="B22612" s="2">
        <v>17963.0</v>
      </c>
      <c r="C22612" s="1" t="s">
        <v>5</v>
      </c>
      <c r="D22612" s="1" t="s">
        <v>11</v>
      </c>
      <c r="E22612" s="1" t="s">
        <v>7</v>
      </c>
    </row>
    <row r="22613">
      <c r="A22613" s="1">
        <v>4.90875982E8</v>
      </c>
      <c r="B22613" s="2">
        <v>17967.0</v>
      </c>
      <c r="C22613" s="1" t="s">
        <v>5</v>
      </c>
      <c r="D22613" s="1" t="s">
        <v>19140</v>
      </c>
      <c r="E22613" s="1" t="s">
        <v>11</v>
      </c>
    </row>
    <row r="22614">
      <c r="A22614" s="1">
        <v>4.90876022E8</v>
      </c>
      <c r="B22614" s="2">
        <v>17961.0</v>
      </c>
      <c r="C22614" s="1" t="s">
        <v>5</v>
      </c>
      <c r="D22614" s="1" t="s">
        <v>19141</v>
      </c>
      <c r="E22614" s="1" t="s">
        <v>7</v>
      </c>
    </row>
    <row r="22615">
      <c r="A22615" s="1">
        <v>4.90876083E8</v>
      </c>
      <c r="B22615" s="2">
        <v>17917.0</v>
      </c>
      <c r="C22615" s="1" t="s">
        <v>5</v>
      </c>
      <c r="D22615" s="1" t="s">
        <v>19142</v>
      </c>
      <c r="E22615" s="1" t="s">
        <v>19143</v>
      </c>
    </row>
    <row r="22616">
      <c r="A22616" s="1">
        <v>4.90876087E8</v>
      </c>
      <c r="B22616" s="2">
        <v>17921.0</v>
      </c>
      <c r="C22616" s="1" t="s">
        <v>5</v>
      </c>
      <c r="D22616" s="1" t="s">
        <v>19144</v>
      </c>
      <c r="E22616" s="1" t="s">
        <v>19145</v>
      </c>
    </row>
    <row r="22617">
      <c r="A22617" s="1">
        <v>4.90876116E8</v>
      </c>
      <c r="B22617" s="2">
        <v>17870.0</v>
      </c>
      <c r="C22617" s="1" t="s">
        <v>5</v>
      </c>
      <c r="D22617" s="1" t="s">
        <v>19146</v>
      </c>
      <c r="E22617" s="1" t="s">
        <v>7</v>
      </c>
    </row>
    <row r="22618">
      <c r="A22618" s="1">
        <v>4.90876136E8</v>
      </c>
      <c r="B22618" s="2">
        <v>17883.0</v>
      </c>
      <c r="C22618" s="1" t="s">
        <v>5</v>
      </c>
      <c r="D22618" s="1" t="s">
        <v>19147</v>
      </c>
      <c r="E22618" s="1" t="s">
        <v>7</v>
      </c>
    </row>
    <row r="22619">
      <c r="A22619" s="1">
        <v>4.90876157E8</v>
      </c>
      <c r="B22619" s="2">
        <v>17958.0</v>
      </c>
      <c r="C22619" s="1" t="s">
        <v>5</v>
      </c>
      <c r="D22619" s="1" t="s">
        <v>11</v>
      </c>
      <c r="E22619" s="1" t="s">
        <v>7</v>
      </c>
    </row>
    <row r="22620">
      <c r="A22620" s="1">
        <v>4.90876158E8</v>
      </c>
      <c r="B22620" s="2">
        <v>17883.0</v>
      </c>
      <c r="C22620" s="1" t="s">
        <v>5</v>
      </c>
      <c r="D22620" s="1" t="s">
        <v>19148</v>
      </c>
      <c r="E22620" s="1" t="s">
        <v>7</v>
      </c>
    </row>
    <row r="22621">
      <c r="A22621" s="1">
        <v>4.9087623E8</v>
      </c>
      <c r="B22621" s="2">
        <v>17916.0</v>
      </c>
      <c r="C22621" s="1" t="s">
        <v>5</v>
      </c>
      <c r="D22621" s="1" t="s">
        <v>19149</v>
      </c>
      <c r="E22621" s="1" t="s">
        <v>19150</v>
      </c>
    </row>
    <row r="22622">
      <c r="A22622" s="1">
        <v>4.9087632E8</v>
      </c>
      <c r="B22622" s="2">
        <v>17966.0</v>
      </c>
      <c r="C22622" s="1" t="s">
        <v>5</v>
      </c>
      <c r="D22622" s="1" t="s">
        <v>19151</v>
      </c>
      <c r="E22622" s="1" t="s">
        <v>7</v>
      </c>
    </row>
    <row r="22623">
      <c r="A22623" s="1">
        <v>4.90876321E8</v>
      </c>
      <c r="B22623" s="2">
        <v>17979.0</v>
      </c>
      <c r="C22623" s="1" t="s">
        <v>5</v>
      </c>
      <c r="D22623" s="1" t="s">
        <v>11</v>
      </c>
      <c r="E22623" s="1" t="s">
        <v>7</v>
      </c>
    </row>
    <row r="22624">
      <c r="A22624" s="1">
        <v>4.9087644E8</v>
      </c>
      <c r="B22624" s="2">
        <v>17974.0</v>
      </c>
      <c r="C22624" s="1" t="s">
        <v>5</v>
      </c>
      <c r="D22624" s="1" t="s">
        <v>19152</v>
      </c>
      <c r="E22624" s="1" t="s">
        <v>19153</v>
      </c>
    </row>
    <row r="22625">
      <c r="A22625" s="1">
        <v>4.90876462E8</v>
      </c>
      <c r="B22625" s="2">
        <v>17967.0</v>
      </c>
      <c r="C22625" s="1" t="s">
        <v>5</v>
      </c>
      <c r="D22625" s="1" t="s">
        <v>19154</v>
      </c>
      <c r="E22625" s="1" t="s">
        <v>7</v>
      </c>
    </row>
    <row r="22626">
      <c r="A22626" s="1">
        <v>4.90876563E8</v>
      </c>
      <c r="B22626" s="2">
        <v>17912.0</v>
      </c>
      <c r="C22626" s="1" t="s">
        <v>5</v>
      </c>
      <c r="D22626" s="1" t="s">
        <v>19155</v>
      </c>
      <c r="E22626" s="1" t="s">
        <v>7</v>
      </c>
    </row>
    <row r="22627">
      <c r="A22627" s="1">
        <v>4.90876566E8</v>
      </c>
      <c r="B22627" s="2">
        <v>17977.0</v>
      </c>
      <c r="C22627" s="1" t="s">
        <v>5</v>
      </c>
      <c r="D22627" s="1" t="s">
        <v>19156</v>
      </c>
      <c r="E22627" s="1" t="s">
        <v>7</v>
      </c>
    </row>
    <row r="22628">
      <c r="A22628" s="1">
        <v>4.90876569E8</v>
      </c>
      <c r="B22628" s="2">
        <v>17973.0</v>
      </c>
      <c r="C22628" s="1" t="s">
        <v>5</v>
      </c>
      <c r="D22628" s="1" t="s">
        <v>19157</v>
      </c>
      <c r="E22628" s="1" t="s">
        <v>7</v>
      </c>
    </row>
    <row r="22629">
      <c r="A22629" s="1">
        <v>4.9087657E8</v>
      </c>
      <c r="B22629" s="2">
        <v>17970.0</v>
      </c>
      <c r="C22629" s="1" t="s">
        <v>5</v>
      </c>
      <c r="D22629" s="1" t="s">
        <v>19158</v>
      </c>
      <c r="E22629" s="1" t="s">
        <v>11</v>
      </c>
    </row>
    <row r="22630">
      <c r="A22630" s="1">
        <v>4.90876603E8</v>
      </c>
      <c r="B22630" s="2">
        <v>18018.0</v>
      </c>
      <c r="C22630" s="1" t="s">
        <v>5</v>
      </c>
      <c r="D22630" s="1" t="s">
        <v>19159</v>
      </c>
      <c r="E22630" s="1" t="s">
        <v>7</v>
      </c>
    </row>
    <row r="22631">
      <c r="A22631" s="1">
        <v>4.90876654E8</v>
      </c>
      <c r="B22631" s="2">
        <v>17976.0</v>
      </c>
      <c r="C22631" s="1" t="s">
        <v>5</v>
      </c>
      <c r="D22631" s="1" t="s">
        <v>19160</v>
      </c>
      <c r="E22631" s="1" t="s">
        <v>7</v>
      </c>
    </row>
    <row r="22632">
      <c r="A22632" s="1">
        <v>4.90876739E8</v>
      </c>
      <c r="B22632" s="2">
        <v>17911.0</v>
      </c>
      <c r="C22632" s="1" t="s">
        <v>5</v>
      </c>
      <c r="D22632" s="1" t="s">
        <v>19161</v>
      </c>
      <c r="E22632" s="1" t="s">
        <v>7</v>
      </c>
    </row>
    <row r="22633">
      <c r="A22633" s="1">
        <v>4.90876766E8</v>
      </c>
      <c r="B22633" s="2">
        <v>17961.0</v>
      </c>
      <c r="C22633" s="1" t="s">
        <v>5</v>
      </c>
      <c r="D22633" s="1" t="s">
        <v>11</v>
      </c>
      <c r="E22633" s="1" t="s">
        <v>7</v>
      </c>
    </row>
    <row r="22634">
      <c r="A22634" s="1">
        <v>4.9087677E8</v>
      </c>
      <c r="B22634" s="2">
        <v>18017.0</v>
      </c>
      <c r="C22634" s="1" t="s">
        <v>5</v>
      </c>
      <c r="D22634" s="1" t="s">
        <v>11</v>
      </c>
      <c r="E22634" s="1" t="s">
        <v>7</v>
      </c>
    </row>
    <row r="22635">
      <c r="A22635" s="1">
        <v>4.90876877E8</v>
      </c>
      <c r="B22635" s="2">
        <v>17926.0</v>
      </c>
      <c r="C22635" s="1" t="s">
        <v>5</v>
      </c>
      <c r="D22635" s="1" t="s">
        <v>19162</v>
      </c>
      <c r="E22635" s="1" t="s">
        <v>7</v>
      </c>
    </row>
    <row r="22636">
      <c r="A22636" s="1">
        <v>4.90876944E8</v>
      </c>
      <c r="B22636" s="2">
        <v>17963.0</v>
      </c>
      <c r="C22636" s="1" t="s">
        <v>5</v>
      </c>
      <c r="D22636" s="1" t="s">
        <v>19163</v>
      </c>
      <c r="E22636" s="1" t="s">
        <v>7</v>
      </c>
    </row>
    <row r="22637">
      <c r="A22637" s="1">
        <v>4.90876968E8</v>
      </c>
      <c r="B22637" s="2">
        <v>17968.0</v>
      </c>
      <c r="C22637" s="1" t="s">
        <v>5</v>
      </c>
      <c r="D22637" s="1" t="s">
        <v>19164</v>
      </c>
      <c r="E22637" s="1" t="s">
        <v>11</v>
      </c>
    </row>
    <row r="22638">
      <c r="A22638" s="1">
        <v>4.90877035E8</v>
      </c>
      <c r="B22638" s="2">
        <v>17994.0</v>
      </c>
      <c r="C22638" s="1" t="s">
        <v>5</v>
      </c>
      <c r="D22638" s="1" t="s">
        <v>19165</v>
      </c>
      <c r="E22638" s="1" t="s">
        <v>7</v>
      </c>
    </row>
    <row r="22639">
      <c r="A22639" s="1">
        <v>4.90877059E8</v>
      </c>
      <c r="B22639" s="2">
        <v>17974.0</v>
      </c>
      <c r="C22639" s="1" t="s">
        <v>5</v>
      </c>
      <c r="D22639" s="1" t="s">
        <v>19166</v>
      </c>
      <c r="E22639" s="1" t="s">
        <v>11</v>
      </c>
    </row>
    <row r="22640">
      <c r="A22640" s="1">
        <v>4.90877096E8</v>
      </c>
      <c r="B22640" s="2">
        <v>17923.0</v>
      </c>
      <c r="C22640" s="1" t="s">
        <v>5</v>
      </c>
      <c r="D22640" s="1" t="s">
        <v>19167</v>
      </c>
      <c r="E22640" s="1" t="s">
        <v>7</v>
      </c>
    </row>
    <row r="22641">
      <c r="A22641" s="1">
        <v>4.9087728E8</v>
      </c>
      <c r="B22641" s="2">
        <v>18001.0</v>
      </c>
      <c r="C22641" s="1" t="s">
        <v>5</v>
      </c>
      <c r="D22641" s="1" t="s">
        <v>19168</v>
      </c>
      <c r="E22641" s="1" t="s">
        <v>7</v>
      </c>
    </row>
    <row r="22642">
      <c r="A22642" s="1">
        <v>4.90877315E8</v>
      </c>
      <c r="B22642" s="2">
        <v>18011.0</v>
      </c>
      <c r="C22642" s="1" t="s">
        <v>5</v>
      </c>
      <c r="D22642" s="1" t="s">
        <v>19169</v>
      </c>
      <c r="E22642" s="1" t="s">
        <v>7</v>
      </c>
    </row>
    <row r="22643">
      <c r="A22643" s="1">
        <v>4.90877421E8</v>
      </c>
      <c r="B22643" s="2">
        <v>17959.0</v>
      </c>
      <c r="C22643" s="1" t="s">
        <v>5</v>
      </c>
      <c r="D22643" s="1" t="s">
        <v>19170</v>
      </c>
      <c r="E22643" s="1" t="s">
        <v>7</v>
      </c>
    </row>
    <row r="22644">
      <c r="A22644" s="1">
        <v>4.90877519E8</v>
      </c>
      <c r="B22644" s="2">
        <v>18001.0</v>
      </c>
      <c r="C22644" s="1" t="s">
        <v>5</v>
      </c>
      <c r="D22644" s="1" t="s">
        <v>19171</v>
      </c>
      <c r="E22644" s="1" t="s">
        <v>19172</v>
      </c>
    </row>
    <row r="22645">
      <c r="A22645" s="1">
        <v>4.90877569E8</v>
      </c>
      <c r="B22645" s="2">
        <v>17967.0</v>
      </c>
      <c r="C22645" s="1" t="s">
        <v>5</v>
      </c>
      <c r="D22645" s="1" t="s">
        <v>11</v>
      </c>
      <c r="E22645" s="1" t="s">
        <v>7</v>
      </c>
    </row>
    <row r="22646">
      <c r="A22646" s="1">
        <v>4.90877602E8</v>
      </c>
      <c r="B22646" s="3">
        <v>18035.0</v>
      </c>
      <c r="C22646" s="1" t="s">
        <v>5</v>
      </c>
      <c r="D22646" s="1" t="s">
        <v>11</v>
      </c>
      <c r="E22646" s="1" t="s">
        <v>7</v>
      </c>
    </row>
    <row r="22647">
      <c r="A22647" s="1">
        <v>4.90877712E8</v>
      </c>
      <c r="B22647" s="2">
        <v>18017.0</v>
      </c>
      <c r="C22647" s="1" t="s">
        <v>5</v>
      </c>
      <c r="D22647" s="1" t="s">
        <v>19173</v>
      </c>
      <c r="E22647" s="1" t="s">
        <v>7</v>
      </c>
    </row>
    <row r="22648">
      <c r="A22648" s="1">
        <v>4.90877757E8</v>
      </c>
      <c r="B22648" s="2">
        <v>18008.0</v>
      </c>
      <c r="C22648" s="1" t="s">
        <v>5</v>
      </c>
      <c r="D22648" s="1" t="s">
        <v>19174</v>
      </c>
      <c r="E22648" s="1" t="s">
        <v>7</v>
      </c>
    </row>
    <row r="22649">
      <c r="A22649" s="1">
        <v>4.90877864E8</v>
      </c>
      <c r="B22649" s="2">
        <v>17962.0</v>
      </c>
      <c r="C22649" s="1" t="s">
        <v>5</v>
      </c>
      <c r="D22649" s="1" t="s">
        <v>11</v>
      </c>
      <c r="E22649" s="1" t="s">
        <v>7</v>
      </c>
    </row>
    <row r="22650">
      <c r="A22650" s="1">
        <v>4.90878091E8</v>
      </c>
      <c r="B22650" s="2">
        <v>17916.0</v>
      </c>
      <c r="C22650" s="1" t="s">
        <v>5</v>
      </c>
      <c r="D22650" s="1" t="s">
        <v>19175</v>
      </c>
      <c r="E22650" s="1" t="s">
        <v>11</v>
      </c>
    </row>
    <row r="22651">
      <c r="A22651" s="1">
        <v>4.90878243E8</v>
      </c>
      <c r="B22651" s="2">
        <v>17958.0</v>
      </c>
      <c r="C22651" s="1" t="s">
        <v>5</v>
      </c>
      <c r="D22651" s="1" t="s">
        <v>19176</v>
      </c>
      <c r="E22651" s="1" t="s">
        <v>7</v>
      </c>
    </row>
    <row r="22652">
      <c r="A22652" s="1">
        <v>4.90878326E8</v>
      </c>
      <c r="B22652" s="2">
        <v>18016.0</v>
      </c>
      <c r="C22652" s="1" t="s">
        <v>5</v>
      </c>
      <c r="D22652" s="1" t="s">
        <v>19177</v>
      </c>
      <c r="E22652" s="1" t="s">
        <v>7</v>
      </c>
    </row>
    <row r="22653">
      <c r="A22653" s="1">
        <v>4.90878327E8</v>
      </c>
      <c r="B22653" s="2">
        <v>17923.0</v>
      </c>
      <c r="C22653" s="1" t="s">
        <v>5</v>
      </c>
      <c r="D22653" s="1" t="s">
        <v>11</v>
      </c>
      <c r="E22653" s="1" t="s">
        <v>7</v>
      </c>
    </row>
    <row r="22654">
      <c r="A22654" s="1">
        <v>4.90878375E8</v>
      </c>
      <c r="B22654" s="3">
        <v>18025.0</v>
      </c>
      <c r="C22654" s="1" t="s">
        <v>5</v>
      </c>
      <c r="D22654" s="1" t="s">
        <v>11</v>
      </c>
      <c r="E22654" s="1" t="s">
        <v>7</v>
      </c>
    </row>
    <row r="22655">
      <c r="A22655" s="1">
        <v>4.90878393E8</v>
      </c>
      <c r="B22655" s="2">
        <v>17920.0</v>
      </c>
      <c r="C22655" s="1" t="s">
        <v>5</v>
      </c>
      <c r="D22655" s="1" t="s">
        <v>19178</v>
      </c>
      <c r="E22655" s="1" t="s">
        <v>11</v>
      </c>
    </row>
    <row r="22656">
      <c r="A22656" s="1">
        <v>4.908784E8</v>
      </c>
      <c r="B22656" s="2">
        <v>17917.0</v>
      </c>
      <c r="C22656" s="1" t="s">
        <v>5</v>
      </c>
      <c r="D22656" s="1" t="s">
        <v>11</v>
      </c>
      <c r="E22656" s="1" t="s">
        <v>7</v>
      </c>
    </row>
    <row r="22657">
      <c r="A22657" s="1">
        <v>4.90878402E8</v>
      </c>
      <c r="B22657" s="2">
        <v>17920.0</v>
      </c>
      <c r="C22657" s="1" t="s">
        <v>5</v>
      </c>
      <c r="D22657" s="1" t="s">
        <v>11</v>
      </c>
      <c r="E22657" s="1" t="s">
        <v>7</v>
      </c>
    </row>
    <row r="22658">
      <c r="A22658" s="1">
        <v>4.90878424E8</v>
      </c>
      <c r="B22658" s="2">
        <v>18011.0</v>
      </c>
      <c r="C22658" s="1" t="s">
        <v>5</v>
      </c>
      <c r="D22658" s="1" t="s">
        <v>19179</v>
      </c>
      <c r="E22658" s="1" t="s">
        <v>7</v>
      </c>
    </row>
    <row r="22659">
      <c r="A22659" s="1">
        <v>4.90878633E8</v>
      </c>
      <c r="B22659" s="2">
        <v>18014.0</v>
      </c>
      <c r="C22659" s="1" t="s">
        <v>5</v>
      </c>
      <c r="D22659" s="1" t="s">
        <v>19180</v>
      </c>
      <c r="E22659" s="1" t="s">
        <v>7</v>
      </c>
    </row>
    <row r="22660">
      <c r="A22660" s="1">
        <v>4.90878652E8</v>
      </c>
      <c r="B22660" s="2">
        <v>17963.0</v>
      </c>
      <c r="C22660" s="1" t="s">
        <v>5</v>
      </c>
      <c r="D22660" s="1" t="s">
        <v>19181</v>
      </c>
      <c r="E22660" s="1" t="s">
        <v>7</v>
      </c>
    </row>
    <row r="22661">
      <c r="A22661" s="1">
        <v>4.90878689E8</v>
      </c>
      <c r="B22661" s="2">
        <v>17920.0</v>
      </c>
      <c r="C22661" s="1" t="s">
        <v>5</v>
      </c>
      <c r="D22661" s="1" t="s">
        <v>19182</v>
      </c>
      <c r="E22661" s="1" t="s">
        <v>7</v>
      </c>
    </row>
    <row r="22662">
      <c r="A22662" s="1">
        <v>4.90878732E8</v>
      </c>
      <c r="B22662" s="3">
        <v>18042.0</v>
      </c>
      <c r="C22662" s="1" t="s">
        <v>5</v>
      </c>
      <c r="D22662" s="1" t="s">
        <v>19183</v>
      </c>
      <c r="E22662" s="1" t="s">
        <v>7</v>
      </c>
    </row>
    <row r="22663">
      <c r="A22663" s="1">
        <v>4.9087879E8</v>
      </c>
      <c r="B22663" s="2">
        <v>17913.0</v>
      </c>
      <c r="C22663" s="1" t="s">
        <v>5</v>
      </c>
      <c r="D22663" s="1" t="s">
        <v>19184</v>
      </c>
      <c r="E22663" s="1" t="s">
        <v>7</v>
      </c>
    </row>
    <row r="22664">
      <c r="A22664" s="1">
        <v>4.90878972E8</v>
      </c>
      <c r="B22664" s="2">
        <v>17920.0</v>
      </c>
      <c r="C22664" s="1" t="s">
        <v>5</v>
      </c>
      <c r="D22664" s="1" t="s">
        <v>19185</v>
      </c>
      <c r="E22664" s="1" t="s">
        <v>11</v>
      </c>
    </row>
    <row r="22665">
      <c r="A22665" s="1">
        <v>4.90878979E8</v>
      </c>
      <c r="B22665" s="2">
        <v>17962.0</v>
      </c>
      <c r="C22665" s="1" t="s">
        <v>5</v>
      </c>
      <c r="D22665" s="1" t="s">
        <v>19186</v>
      </c>
      <c r="E22665" s="1" t="s">
        <v>7</v>
      </c>
    </row>
    <row r="22666">
      <c r="A22666" s="1">
        <v>4.90879056E8</v>
      </c>
      <c r="B22666" s="3">
        <v>18032.0</v>
      </c>
      <c r="C22666" s="1" t="s">
        <v>5</v>
      </c>
      <c r="D22666" s="1" t="s">
        <v>11</v>
      </c>
      <c r="E22666" s="1" t="s">
        <v>7</v>
      </c>
    </row>
    <row r="22667">
      <c r="A22667" s="1">
        <v>4.9087911E8</v>
      </c>
      <c r="B22667" s="2">
        <v>17916.0</v>
      </c>
      <c r="C22667" s="1" t="s">
        <v>5</v>
      </c>
      <c r="D22667" s="1" t="s">
        <v>19187</v>
      </c>
      <c r="E22667" s="1" t="s">
        <v>11</v>
      </c>
    </row>
    <row r="22668">
      <c r="A22668" s="1">
        <v>4.90879169E8</v>
      </c>
      <c r="B22668" s="2">
        <v>17916.0</v>
      </c>
      <c r="C22668" s="1" t="s">
        <v>5</v>
      </c>
      <c r="D22668" s="1" t="s">
        <v>19188</v>
      </c>
      <c r="E22668" s="1" t="s">
        <v>11</v>
      </c>
    </row>
    <row r="22669">
      <c r="A22669" s="1">
        <v>4.90879179E8</v>
      </c>
      <c r="B22669" s="2">
        <v>17918.0</v>
      </c>
      <c r="C22669" s="1" t="s">
        <v>5</v>
      </c>
      <c r="D22669" s="1" t="s">
        <v>19189</v>
      </c>
      <c r="E22669" s="1" t="s">
        <v>19190</v>
      </c>
    </row>
    <row r="22670">
      <c r="A22670" s="1">
        <v>4.90879224E8</v>
      </c>
      <c r="B22670" s="2">
        <v>17998.0</v>
      </c>
      <c r="C22670" s="1" t="s">
        <v>5</v>
      </c>
      <c r="D22670" s="1" t="s">
        <v>11</v>
      </c>
      <c r="E22670" s="1" t="s">
        <v>7</v>
      </c>
    </row>
    <row r="22671">
      <c r="A22671" s="1">
        <v>4.90879244E8</v>
      </c>
      <c r="B22671" s="2">
        <v>17998.0</v>
      </c>
      <c r="C22671" s="1" t="s">
        <v>5</v>
      </c>
      <c r="D22671" s="1" t="s">
        <v>19191</v>
      </c>
      <c r="E22671" s="1" t="s">
        <v>7</v>
      </c>
    </row>
    <row r="22672">
      <c r="A22672" s="1">
        <v>4.90879299E8</v>
      </c>
      <c r="B22672" s="2">
        <v>17919.0</v>
      </c>
      <c r="C22672" s="1" t="s">
        <v>5</v>
      </c>
      <c r="D22672" s="1" t="s">
        <v>19192</v>
      </c>
      <c r="E22672" s="1" t="s">
        <v>7</v>
      </c>
    </row>
    <row r="22673">
      <c r="A22673" s="1">
        <v>4.90879464E8</v>
      </c>
      <c r="B22673" s="2">
        <v>17962.0</v>
      </c>
      <c r="C22673" s="1" t="s">
        <v>5</v>
      </c>
      <c r="D22673" s="1" t="s">
        <v>11</v>
      </c>
      <c r="E22673" s="1" t="s">
        <v>7</v>
      </c>
    </row>
    <row r="22674">
      <c r="A22674" s="1">
        <v>4.90879532E8</v>
      </c>
      <c r="B22674" s="2">
        <v>17960.0</v>
      </c>
      <c r="C22674" s="1" t="s">
        <v>5</v>
      </c>
      <c r="D22674" s="1" t="s">
        <v>19193</v>
      </c>
      <c r="E22674" s="1" t="s">
        <v>11</v>
      </c>
    </row>
    <row r="22675">
      <c r="A22675" s="1">
        <v>4.90879542E8</v>
      </c>
      <c r="B22675" s="2">
        <v>17928.0</v>
      </c>
      <c r="C22675" s="1" t="s">
        <v>5</v>
      </c>
      <c r="D22675" s="1" t="s">
        <v>11</v>
      </c>
      <c r="E22675" s="1" t="s">
        <v>7</v>
      </c>
    </row>
    <row r="22676">
      <c r="A22676" s="1">
        <v>4.90879581E8</v>
      </c>
      <c r="B22676" s="2">
        <v>18010.0</v>
      </c>
      <c r="C22676" s="1" t="s">
        <v>5</v>
      </c>
      <c r="D22676" s="1" t="s">
        <v>19194</v>
      </c>
      <c r="E22676" s="1" t="s">
        <v>7</v>
      </c>
    </row>
    <row r="22677">
      <c r="A22677" s="1">
        <v>4.90879613E8</v>
      </c>
      <c r="B22677" s="2">
        <v>18008.0</v>
      </c>
      <c r="C22677" s="1" t="s">
        <v>5</v>
      </c>
      <c r="D22677" s="1" t="s">
        <v>19195</v>
      </c>
      <c r="E22677" s="1" t="s">
        <v>11</v>
      </c>
    </row>
    <row r="22678">
      <c r="A22678" s="1">
        <v>4.90879684E8</v>
      </c>
      <c r="B22678" s="2">
        <v>18000.0</v>
      </c>
      <c r="C22678" s="1" t="s">
        <v>5</v>
      </c>
      <c r="D22678" s="1" t="s">
        <v>19196</v>
      </c>
      <c r="E22678" s="1" t="s">
        <v>7</v>
      </c>
    </row>
    <row r="22679">
      <c r="A22679" s="1">
        <v>4.90879697E8</v>
      </c>
      <c r="B22679" s="2">
        <v>17954.0</v>
      </c>
      <c r="C22679" s="1" t="s">
        <v>5</v>
      </c>
      <c r="D22679" s="1" t="s">
        <v>19197</v>
      </c>
      <c r="E22679" s="1" t="s">
        <v>11</v>
      </c>
    </row>
    <row r="22680">
      <c r="A22680" s="1">
        <v>4.90879775E8</v>
      </c>
      <c r="B22680" s="3">
        <v>18024.0</v>
      </c>
      <c r="C22680" s="1" t="s">
        <v>5</v>
      </c>
      <c r="D22680" s="1" t="s">
        <v>19198</v>
      </c>
      <c r="E22680" s="1" t="s">
        <v>19199</v>
      </c>
    </row>
    <row r="22681">
      <c r="A22681" s="1">
        <v>4.90879833E8</v>
      </c>
      <c r="B22681" s="2">
        <v>17998.0</v>
      </c>
      <c r="C22681" s="1" t="s">
        <v>5</v>
      </c>
      <c r="D22681" s="1" t="s">
        <v>19200</v>
      </c>
      <c r="E22681" s="1" t="s">
        <v>7</v>
      </c>
    </row>
    <row r="22682">
      <c r="A22682" s="1">
        <v>4.90879861E8</v>
      </c>
      <c r="B22682" s="3">
        <v>18032.0</v>
      </c>
      <c r="C22682" s="1" t="s">
        <v>5</v>
      </c>
      <c r="D22682" s="1" t="s">
        <v>19201</v>
      </c>
      <c r="E22682" s="1" t="s">
        <v>7</v>
      </c>
    </row>
    <row r="22683">
      <c r="A22683" s="1">
        <v>4.90879911E8</v>
      </c>
      <c r="B22683" s="2">
        <v>18018.0</v>
      </c>
      <c r="C22683" s="1" t="s">
        <v>5</v>
      </c>
      <c r="D22683" s="1" t="s">
        <v>19202</v>
      </c>
      <c r="E22683" s="1" t="s">
        <v>11</v>
      </c>
    </row>
    <row r="22684">
      <c r="A22684" s="1">
        <v>4.90879955E8</v>
      </c>
      <c r="B22684" s="2">
        <v>18002.0</v>
      </c>
      <c r="C22684" s="1" t="s">
        <v>5</v>
      </c>
      <c r="D22684" s="1" t="s">
        <v>19203</v>
      </c>
      <c r="E22684" s="1" t="s">
        <v>19204</v>
      </c>
    </row>
    <row r="22685">
      <c r="A22685" s="1">
        <v>4.9087996E8</v>
      </c>
      <c r="B22685" s="2">
        <v>17907.0</v>
      </c>
      <c r="C22685" s="1" t="s">
        <v>5</v>
      </c>
      <c r="D22685" s="1" t="s">
        <v>19205</v>
      </c>
      <c r="E22685" s="1" t="s">
        <v>11</v>
      </c>
    </row>
    <row r="22686">
      <c r="A22686" s="1">
        <v>4.90879976E8</v>
      </c>
      <c r="B22686" s="2">
        <v>18004.0</v>
      </c>
      <c r="C22686" s="1" t="s">
        <v>5</v>
      </c>
      <c r="D22686" s="1" t="s">
        <v>11</v>
      </c>
      <c r="E22686" s="1" t="s">
        <v>7</v>
      </c>
    </row>
    <row r="22687">
      <c r="A22687" s="1">
        <v>4.90879995E8</v>
      </c>
      <c r="B22687" s="2">
        <v>18003.0</v>
      </c>
      <c r="C22687" s="1" t="s">
        <v>5</v>
      </c>
      <c r="D22687" s="1" t="s">
        <v>19206</v>
      </c>
      <c r="E22687" s="1" t="s">
        <v>19207</v>
      </c>
    </row>
    <row r="22688">
      <c r="A22688" s="1">
        <v>4.90880047E8</v>
      </c>
      <c r="B22688" s="3">
        <v>18019.0</v>
      </c>
      <c r="C22688" s="1" t="s">
        <v>5</v>
      </c>
      <c r="D22688" s="1" t="s">
        <v>19208</v>
      </c>
      <c r="E22688" s="1" t="s">
        <v>7</v>
      </c>
    </row>
    <row r="22689">
      <c r="A22689" s="1">
        <v>4.90880051E8</v>
      </c>
      <c r="B22689" s="2">
        <v>18078.0</v>
      </c>
      <c r="C22689" s="1" t="s">
        <v>5</v>
      </c>
      <c r="D22689" s="1" t="s">
        <v>19209</v>
      </c>
      <c r="E22689" s="1" t="s">
        <v>7</v>
      </c>
    </row>
    <row r="22690">
      <c r="A22690" s="1">
        <v>4.90880151E8</v>
      </c>
      <c r="B22690" s="2">
        <v>18003.0</v>
      </c>
      <c r="C22690" s="1" t="s">
        <v>5</v>
      </c>
      <c r="D22690" s="1" t="s">
        <v>19210</v>
      </c>
      <c r="E22690" s="1" t="s">
        <v>11</v>
      </c>
    </row>
    <row r="22691">
      <c r="A22691" s="1">
        <v>4.90880172E8</v>
      </c>
      <c r="B22691" s="2">
        <v>17899.0</v>
      </c>
      <c r="C22691" s="1" t="s">
        <v>5</v>
      </c>
      <c r="D22691" s="1" t="s">
        <v>19211</v>
      </c>
      <c r="E22691" s="1" t="s">
        <v>7</v>
      </c>
    </row>
    <row r="22692">
      <c r="A22692" s="1">
        <v>4.90880177E8</v>
      </c>
      <c r="B22692" s="2">
        <v>18003.0</v>
      </c>
      <c r="C22692" s="1" t="s">
        <v>5</v>
      </c>
      <c r="D22692" s="1" t="s">
        <v>11</v>
      </c>
      <c r="E22692" s="1" t="s">
        <v>7</v>
      </c>
    </row>
    <row r="22693">
      <c r="A22693" s="1">
        <v>4.90880197E8</v>
      </c>
      <c r="B22693" s="2">
        <v>17910.0</v>
      </c>
      <c r="C22693" s="1" t="s">
        <v>5</v>
      </c>
      <c r="D22693" s="1" t="s">
        <v>19212</v>
      </c>
      <c r="E22693" s="1" t="s">
        <v>11</v>
      </c>
    </row>
    <row r="22694">
      <c r="A22694" s="1">
        <v>4.90880211E8</v>
      </c>
      <c r="B22694" s="2">
        <v>17907.0</v>
      </c>
      <c r="C22694" s="1" t="s">
        <v>5</v>
      </c>
      <c r="D22694" s="1" t="s">
        <v>19213</v>
      </c>
      <c r="E22694" s="1" t="s">
        <v>7</v>
      </c>
    </row>
    <row r="22695">
      <c r="A22695" s="1">
        <v>4.90880215E8</v>
      </c>
      <c r="B22695" s="2">
        <v>18016.0</v>
      </c>
      <c r="C22695" s="1" t="s">
        <v>5</v>
      </c>
      <c r="D22695" s="1" t="s">
        <v>19214</v>
      </c>
      <c r="E22695" s="1" t="s">
        <v>7</v>
      </c>
    </row>
    <row r="22696">
      <c r="A22696" s="1">
        <v>4.90880219E8</v>
      </c>
      <c r="B22696" s="3">
        <v>18036.0</v>
      </c>
      <c r="C22696" s="1" t="s">
        <v>5</v>
      </c>
      <c r="D22696" s="1" t="s">
        <v>19215</v>
      </c>
      <c r="E22696" s="1" t="s">
        <v>11</v>
      </c>
    </row>
    <row r="22697">
      <c r="A22697" s="1">
        <v>4.90880271E8</v>
      </c>
      <c r="B22697" s="2">
        <v>18018.0</v>
      </c>
      <c r="C22697" s="1" t="s">
        <v>5</v>
      </c>
      <c r="D22697" s="1" t="s">
        <v>19216</v>
      </c>
      <c r="E22697" s="1" t="s">
        <v>7</v>
      </c>
    </row>
    <row r="22698">
      <c r="A22698" s="1">
        <v>4.90880288E8</v>
      </c>
      <c r="B22698" s="2">
        <v>18078.0</v>
      </c>
      <c r="C22698" s="1" t="s">
        <v>5</v>
      </c>
      <c r="D22698" s="1" t="s">
        <v>19217</v>
      </c>
      <c r="E22698" s="1" t="s">
        <v>19218</v>
      </c>
    </row>
    <row r="22699">
      <c r="A22699" s="1">
        <v>4.90880316E8</v>
      </c>
      <c r="B22699" s="2">
        <v>18011.0</v>
      </c>
      <c r="C22699" s="1" t="s">
        <v>5</v>
      </c>
      <c r="D22699" s="1" t="s">
        <v>19219</v>
      </c>
      <c r="E22699" s="1" t="s">
        <v>7</v>
      </c>
    </row>
    <row r="22700">
      <c r="A22700" s="1">
        <v>4.90880355E8</v>
      </c>
      <c r="B22700" s="2">
        <v>18000.0</v>
      </c>
      <c r="C22700" s="1" t="s">
        <v>5</v>
      </c>
      <c r="D22700" s="1" t="s">
        <v>19220</v>
      </c>
      <c r="E22700" s="1" t="s">
        <v>7</v>
      </c>
    </row>
    <row r="22701">
      <c r="A22701" s="1">
        <v>4.90880363E8</v>
      </c>
      <c r="B22701" s="2">
        <v>17907.0</v>
      </c>
      <c r="C22701" s="1" t="s">
        <v>5</v>
      </c>
      <c r="D22701" s="1" t="s">
        <v>19221</v>
      </c>
      <c r="E22701" s="1" t="s">
        <v>7</v>
      </c>
    </row>
    <row r="22702">
      <c r="A22702" s="1">
        <v>4.90880403E8</v>
      </c>
      <c r="B22702" s="3">
        <v>18029.0</v>
      </c>
      <c r="C22702" s="1" t="s">
        <v>5</v>
      </c>
      <c r="D22702" s="1" t="s">
        <v>19222</v>
      </c>
      <c r="E22702" s="1" t="s">
        <v>7</v>
      </c>
    </row>
    <row r="22703">
      <c r="A22703" s="1">
        <v>4.90880412E8</v>
      </c>
      <c r="B22703" s="3">
        <v>18040.0</v>
      </c>
      <c r="C22703" s="1" t="s">
        <v>5</v>
      </c>
      <c r="D22703" s="1" t="s">
        <v>11</v>
      </c>
      <c r="E22703" s="1" t="s">
        <v>7</v>
      </c>
    </row>
    <row r="22704">
      <c r="A22704" s="1">
        <v>4.90880486E8</v>
      </c>
      <c r="B22704" s="2">
        <v>18010.0</v>
      </c>
      <c r="C22704" s="1" t="s">
        <v>5</v>
      </c>
      <c r="D22704" s="1" t="s">
        <v>19223</v>
      </c>
      <c r="E22704" s="1" t="s">
        <v>11</v>
      </c>
    </row>
    <row r="22705">
      <c r="A22705" s="1">
        <v>4.90880487E8</v>
      </c>
      <c r="B22705" s="2">
        <v>18077.0</v>
      </c>
      <c r="C22705" s="1" t="s">
        <v>5</v>
      </c>
      <c r="D22705" s="1" t="s">
        <v>19224</v>
      </c>
      <c r="E22705" s="1" t="s">
        <v>19225</v>
      </c>
    </row>
    <row r="22706">
      <c r="A22706" s="1">
        <v>4.90880517E8</v>
      </c>
      <c r="B22706" s="3">
        <v>18022.0</v>
      </c>
      <c r="C22706" s="1" t="s">
        <v>5</v>
      </c>
      <c r="D22706" s="1" t="s">
        <v>19226</v>
      </c>
      <c r="E22706" s="1" t="s">
        <v>7</v>
      </c>
    </row>
    <row r="22707">
      <c r="A22707" s="1">
        <v>4.90880548E8</v>
      </c>
      <c r="B22707" s="3">
        <v>18037.0</v>
      </c>
      <c r="C22707" s="1" t="s">
        <v>5</v>
      </c>
      <c r="D22707" s="1" t="s">
        <v>19227</v>
      </c>
      <c r="E22707" s="1" t="s">
        <v>7</v>
      </c>
    </row>
    <row r="22708">
      <c r="A22708" s="1">
        <v>4.90880584E8</v>
      </c>
      <c r="B22708" s="2">
        <v>18009.0</v>
      </c>
      <c r="C22708" s="1" t="s">
        <v>5</v>
      </c>
      <c r="D22708" s="1" t="s">
        <v>19228</v>
      </c>
      <c r="E22708" s="1" t="s">
        <v>19229</v>
      </c>
    </row>
    <row r="22709">
      <c r="A22709" s="1">
        <v>4.90880604E8</v>
      </c>
      <c r="B22709" s="2">
        <v>17994.0</v>
      </c>
      <c r="C22709" s="1" t="s">
        <v>5</v>
      </c>
      <c r="D22709" s="1" t="s">
        <v>11</v>
      </c>
      <c r="E22709" s="1" t="s">
        <v>7</v>
      </c>
    </row>
    <row r="22710">
      <c r="A22710" s="1">
        <v>4.90880633E8</v>
      </c>
      <c r="B22710" s="2">
        <v>18004.0</v>
      </c>
      <c r="C22710" s="1" t="s">
        <v>5</v>
      </c>
      <c r="D22710" s="1" t="s">
        <v>11</v>
      </c>
      <c r="E22710" s="1" t="s">
        <v>7</v>
      </c>
    </row>
    <row r="22711">
      <c r="A22711" s="1">
        <v>4.90880652E8</v>
      </c>
      <c r="B22711" s="2">
        <v>17916.0</v>
      </c>
      <c r="C22711" s="1" t="s">
        <v>5</v>
      </c>
      <c r="D22711" s="1" t="s">
        <v>11</v>
      </c>
      <c r="E22711" s="1" t="s">
        <v>7</v>
      </c>
    </row>
    <row r="22712">
      <c r="A22712" s="1">
        <v>4.90880747E8</v>
      </c>
      <c r="B22712" s="2">
        <v>18073.0</v>
      </c>
      <c r="C22712" s="1" t="s">
        <v>5</v>
      </c>
      <c r="D22712" s="1" t="s">
        <v>19230</v>
      </c>
      <c r="E22712" s="1" t="s">
        <v>19231</v>
      </c>
    </row>
    <row r="22713">
      <c r="A22713" s="1">
        <v>4.90880749E8</v>
      </c>
      <c r="B22713" s="3">
        <v>18026.0</v>
      </c>
      <c r="C22713" s="1" t="s">
        <v>5</v>
      </c>
      <c r="D22713" s="1" t="s">
        <v>19232</v>
      </c>
      <c r="E22713" s="1" t="s">
        <v>11</v>
      </c>
    </row>
    <row r="22714">
      <c r="A22714" s="1">
        <v>4.90880821E8</v>
      </c>
      <c r="B22714" s="2">
        <v>18003.0</v>
      </c>
      <c r="C22714" s="1" t="s">
        <v>5</v>
      </c>
      <c r="D22714" s="1" t="s">
        <v>19233</v>
      </c>
      <c r="E22714" s="1" t="s">
        <v>11</v>
      </c>
    </row>
    <row r="22715">
      <c r="A22715" s="1">
        <v>4.90880944E8</v>
      </c>
      <c r="B22715" s="2">
        <v>17996.0</v>
      </c>
      <c r="C22715" s="1" t="s">
        <v>5</v>
      </c>
      <c r="D22715" s="1" t="s">
        <v>19234</v>
      </c>
      <c r="E22715" s="1" t="s">
        <v>7</v>
      </c>
    </row>
    <row r="22716">
      <c r="A22716" s="1">
        <v>4.90880951E8</v>
      </c>
      <c r="B22716" s="3">
        <v>18047.0</v>
      </c>
      <c r="C22716" s="1" t="s">
        <v>5</v>
      </c>
      <c r="D22716" s="1" t="s">
        <v>19235</v>
      </c>
      <c r="E22716" s="1" t="s">
        <v>7</v>
      </c>
    </row>
    <row r="22717">
      <c r="A22717" s="1">
        <v>4.90880959E8</v>
      </c>
      <c r="B22717" s="2">
        <v>17996.0</v>
      </c>
      <c r="C22717" s="1" t="s">
        <v>5</v>
      </c>
      <c r="D22717" s="1" t="s">
        <v>19236</v>
      </c>
      <c r="E22717" s="1" t="s">
        <v>7</v>
      </c>
    </row>
    <row r="22718">
      <c r="A22718" s="1">
        <v>4.90880991E8</v>
      </c>
      <c r="B22718" s="2">
        <v>18007.0</v>
      </c>
      <c r="C22718" s="1" t="s">
        <v>5</v>
      </c>
      <c r="D22718" s="1" t="s">
        <v>19237</v>
      </c>
      <c r="E22718" s="1" t="s">
        <v>7</v>
      </c>
    </row>
    <row r="22719">
      <c r="A22719" s="1">
        <v>4.90881031E8</v>
      </c>
      <c r="B22719" s="3">
        <v>18035.0</v>
      </c>
      <c r="C22719" s="1" t="s">
        <v>5</v>
      </c>
      <c r="D22719" s="1" t="s">
        <v>19238</v>
      </c>
      <c r="E22719" s="1" t="s">
        <v>7</v>
      </c>
    </row>
    <row r="22720">
      <c r="A22720" s="1">
        <v>4.90881079E8</v>
      </c>
      <c r="B22720" s="2">
        <v>18065.0</v>
      </c>
      <c r="C22720" s="1" t="s">
        <v>5</v>
      </c>
      <c r="D22720" s="1" t="s">
        <v>11</v>
      </c>
      <c r="E22720" s="1" t="s">
        <v>7</v>
      </c>
    </row>
    <row r="22721">
      <c r="A22721" s="1">
        <v>4.90881255E8</v>
      </c>
      <c r="B22721" s="2">
        <v>18077.0</v>
      </c>
      <c r="C22721" s="1" t="s">
        <v>5</v>
      </c>
      <c r="D22721" s="1" t="s">
        <v>11</v>
      </c>
      <c r="E22721" s="1" t="s">
        <v>7</v>
      </c>
    </row>
    <row r="22722">
      <c r="A22722" s="1">
        <v>4.90881279E8</v>
      </c>
      <c r="B22722" s="3">
        <v>18049.0</v>
      </c>
      <c r="C22722" s="1" t="s">
        <v>5</v>
      </c>
      <c r="D22722" s="1" t="s">
        <v>19239</v>
      </c>
      <c r="E22722" s="1" t="s">
        <v>7</v>
      </c>
    </row>
    <row r="22723">
      <c r="A22723" s="1">
        <v>4.90881339E8</v>
      </c>
      <c r="B22723" s="3">
        <v>18022.0</v>
      </c>
      <c r="C22723" s="1" t="s">
        <v>5</v>
      </c>
      <c r="D22723" s="1" t="s">
        <v>19240</v>
      </c>
      <c r="E22723" s="1" t="s">
        <v>11</v>
      </c>
    </row>
    <row r="22724">
      <c r="A22724" s="1">
        <v>4.90881395E8</v>
      </c>
      <c r="B22724" s="3">
        <v>18023.0</v>
      </c>
      <c r="C22724" s="1" t="s">
        <v>5</v>
      </c>
      <c r="D22724" s="1" t="s">
        <v>19241</v>
      </c>
      <c r="E22724" s="1" t="s">
        <v>7</v>
      </c>
    </row>
    <row r="22725">
      <c r="A22725" s="1">
        <v>4.90881397E8</v>
      </c>
      <c r="B22725" s="3">
        <v>18025.0</v>
      </c>
      <c r="C22725" s="1" t="s">
        <v>5</v>
      </c>
      <c r="D22725" s="1" t="s">
        <v>19242</v>
      </c>
      <c r="E22725" s="1" t="s">
        <v>7</v>
      </c>
    </row>
    <row r="22726">
      <c r="A22726" s="1">
        <v>4.90881431E8</v>
      </c>
      <c r="B22726" s="2">
        <v>18054.0</v>
      </c>
      <c r="C22726" s="1" t="s">
        <v>5</v>
      </c>
      <c r="D22726" s="1" t="s">
        <v>19243</v>
      </c>
      <c r="E22726" s="1" t="s">
        <v>11</v>
      </c>
    </row>
    <row r="22727">
      <c r="A22727" s="1">
        <v>4.90881457E8</v>
      </c>
      <c r="B22727" s="2">
        <v>17997.0</v>
      </c>
      <c r="C22727" s="1" t="s">
        <v>5</v>
      </c>
      <c r="D22727" s="1" t="s">
        <v>19244</v>
      </c>
      <c r="E22727" s="1" t="s">
        <v>7</v>
      </c>
    </row>
    <row r="22728">
      <c r="A22728" s="1">
        <v>4.90881462E8</v>
      </c>
      <c r="B22728" s="3">
        <v>18025.0</v>
      </c>
      <c r="C22728" s="1" t="s">
        <v>5</v>
      </c>
      <c r="D22728" s="1" t="s">
        <v>11</v>
      </c>
      <c r="E22728" s="1" t="s">
        <v>7</v>
      </c>
    </row>
    <row r="22729">
      <c r="A22729" s="1">
        <v>4.90881479E8</v>
      </c>
      <c r="B22729" s="3">
        <v>18046.0</v>
      </c>
      <c r="C22729" s="1" t="s">
        <v>5</v>
      </c>
      <c r="D22729" s="1" t="s">
        <v>19245</v>
      </c>
      <c r="E22729" s="1" t="s">
        <v>11</v>
      </c>
    </row>
    <row r="22730">
      <c r="A22730" s="1">
        <v>4.90881487E8</v>
      </c>
      <c r="B22730" s="3">
        <v>18028.0</v>
      </c>
      <c r="C22730" s="1" t="s">
        <v>5</v>
      </c>
      <c r="D22730" s="1" t="s">
        <v>19246</v>
      </c>
      <c r="E22730" s="1" t="s">
        <v>11</v>
      </c>
    </row>
    <row r="22731">
      <c r="A22731" s="1">
        <v>4.90881492E8</v>
      </c>
      <c r="B22731" s="2">
        <v>18054.0</v>
      </c>
      <c r="C22731" s="1" t="s">
        <v>5</v>
      </c>
      <c r="D22731" s="1" t="s">
        <v>11</v>
      </c>
      <c r="E22731" s="1" t="s">
        <v>7</v>
      </c>
    </row>
    <row r="22732">
      <c r="A22732" s="1">
        <v>4.9088159E8</v>
      </c>
      <c r="B22732" s="2">
        <v>17991.0</v>
      </c>
      <c r="C22732" s="1" t="s">
        <v>5</v>
      </c>
      <c r="D22732" s="1" t="s">
        <v>19247</v>
      </c>
      <c r="E22732" s="1" t="s">
        <v>11</v>
      </c>
    </row>
    <row r="22733">
      <c r="A22733" s="1">
        <v>4.90881639E8</v>
      </c>
      <c r="B22733" s="2">
        <v>18068.0</v>
      </c>
      <c r="C22733" s="1" t="s">
        <v>5</v>
      </c>
      <c r="D22733" s="1" t="s">
        <v>11</v>
      </c>
      <c r="E22733" s="1" t="s">
        <v>7</v>
      </c>
    </row>
    <row r="22734">
      <c r="A22734" s="1">
        <v>4.9088165E8</v>
      </c>
      <c r="B22734" s="3">
        <v>18024.0</v>
      </c>
      <c r="C22734" s="1" t="s">
        <v>5</v>
      </c>
      <c r="D22734" s="1" t="s">
        <v>19248</v>
      </c>
      <c r="E22734" s="1" t="s">
        <v>11</v>
      </c>
    </row>
    <row r="22735">
      <c r="A22735" s="1">
        <v>4.90881663E8</v>
      </c>
      <c r="B22735" s="2">
        <v>18070.0</v>
      </c>
      <c r="C22735" s="1" t="s">
        <v>5</v>
      </c>
      <c r="D22735" s="1" t="s">
        <v>19249</v>
      </c>
      <c r="E22735" s="1" t="s">
        <v>19250</v>
      </c>
    </row>
    <row r="22736">
      <c r="A22736" s="1">
        <v>4.90881679E8</v>
      </c>
      <c r="B22736" s="3">
        <v>18021.0</v>
      </c>
      <c r="C22736" s="1" t="s">
        <v>5</v>
      </c>
      <c r="D22736" s="1" t="s">
        <v>19251</v>
      </c>
      <c r="E22736" s="1" t="s">
        <v>11</v>
      </c>
    </row>
    <row r="22737">
      <c r="A22737" s="1">
        <v>4.90881751E8</v>
      </c>
      <c r="B22737" s="3">
        <v>18031.0</v>
      </c>
      <c r="C22737" s="1" t="s">
        <v>5</v>
      </c>
      <c r="D22737" s="1" t="s">
        <v>19252</v>
      </c>
      <c r="E22737" s="1" t="s">
        <v>7</v>
      </c>
    </row>
    <row r="22738">
      <c r="A22738" s="1">
        <v>4.90881759E8</v>
      </c>
      <c r="B22738" s="2">
        <v>17920.0</v>
      </c>
      <c r="C22738" s="1" t="s">
        <v>5</v>
      </c>
      <c r="D22738" s="1" t="s">
        <v>19253</v>
      </c>
      <c r="E22738" s="1" t="s">
        <v>7</v>
      </c>
    </row>
    <row r="22739">
      <c r="A22739" s="1">
        <v>4.9088176E8</v>
      </c>
      <c r="B22739" s="2">
        <v>18060.0</v>
      </c>
      <c r="C22739" s="1" t="s">
        <v>5</v>
      </c>
      <c r="D22739" s="1" t="s">
        <v>19254</v>
      </c>
      <c r="E22739" s="1" t="s">
        <v>7</v>
      </c>
    </row>
    <row r="22740">
      <c r="A22740" s="1">
        <v>4.90881772E8</v>
      </c>
      <c r="B22740" s="3">
        <v>18019.0</v>
      </c>
      <c r="C22740" s="1" t="s">
        <v>5</v>
      </c>
      <c r="D22740" s="1" t="s">
        <v>19255</v>
      </c>
      <c r="E22740" s="1" t="s">
        <v>7</v>
      </c>
    </row>
    <row r="22741">
      <c r="A22741" s="1">
        <v>4.9088184E8</v>
      </c>
      <c r="B22741" s="3">
        <v>18023.0</v>
      </c>
      <c r="C22741" s="1" t="s">
        <v>5</v>
      </c>
      <c r="D22741" s="1" t="s">
        <v>19256</v>
      </c>
      <c r="E22741" s="1" t="s">
        <v>7</v>
      </c>
    </row>
    <row r="22742">
      <c r="A22742" s="1">
        <v>4.90881844E8</v>
      </c>
      <c r="B22742" s="2">
        <v>17989.0</v>
      </c>
      <c r="C22742" s="1" t="s">
        <v>5</v>
      </c>
      <c r="D22742" s="1" t="s">
        <v>19257</v>
      </c>
      <c r="E22742" s="1" t="s">
        <v>7</v>
      </c>
    </row>
    <row r="22743">
      <c r="A22743" s="1">
        <v>4.90881849E8</v>
      </c>
      <c r="B22743" s="2">
        <v>18010.0</v>
      </c>
      <c r="C22743" s="1" t="s">
        <v>5</v>
      </c>
      <c r="D22743" s="1" t="s">
        <v>19258</v>
      </c>
      <c r="E22743" s="1" t="s">
        <v>7</v>
      </c>
    </row>
    <row r="22744">
      <c r="A22744" s="1">
        <v>4.90881932E8</v>
      </c>
      <c r="B22744" s="3">
        <v>18049.0</v>
      </c>
      <c r="C22744" s="1" t="s">
        <v>5</v>
      </c>
      <c r="D22744" s="1" t="s">
        <v>19259</v>
      </c>
      <c r="E22744" s="1" t="s">
        <v>7</v>
      </c>
    </row>
    <row r="22745">
      <c r="A22745" s="1">
        <v>4.9088195E8</v>
      </c>
      <c r="B22745" s="2">
        <v>18010.0</v>
      </c>
      <c r="C22745" s="1" t="s">
        <v>5</v>
      </c>
      <c r="D22745" s="1" t="s">
        <v>11</v>
      </c>
      <c r="E22745" s="1" t="s">
        <v>7</v>
      </c>
    </row>
    <row r="22746">
      <c r="A22746" s="1">
        <v>4.90881951E8</v>
      </c>
      <c r="B22746" s="2">
        <v>18014.0</v>
      </c>
      <c r="C22746" s="1" t="s">
        <v>5</v>
      </c>
      <c r="D22746" s="1" t="s">
        <v>11</v>
      </c>
      <c r="E22746" s="1" t="s">
        <v>7</v>
      </c>
    </row>
    <row r="22747">
      <c r="A22747" s="1">
        <v>4.90881999E8</v>
      </c>
      <c r="B22747" s="3">
        <v>18019.0</v>
      </c>
      <c r="C22747" s="1" t="s">
        <v>5</v>
      </c>
      <c r="D22747" s="1" t="s">
        <v>11</v>
      </c>
      <c r="E22747" s="1" t="s">
        <v>7</v>
      </c>
    </row>
    <row r="22748">
      <c r="A22748" s="1">
        <v>4.90882003E8</v>
      </c>
      <c r="B22748" s="2">
        <v>17995.0</v>
      </c>
      <c r="C22748" s="1" t="s">
        <v>5</v>
      </c>
      <c r="D22748" s="1" t="s">
        <v>11</v>
      </c>
      <c r="E22748" s="1" t="s">
        <v>7</v>
      </c>
    </row>
    <row r="22749">
      <c r="A22749" s="1">
        <v>4.90882031E8</v>
      </c>
      <c r="B22749" s="2">
        <v>17995.0</v>
      </c>
      <c r="C22749" s="1" t="s">
        <v>5</v>
      </c>
      <c r="D22749" s="1" t="s">
        <v>19260</v>
      </c>
      <c r="E22749" s="1" t="s">
        <v>7</v>
      </c>
    </row>
    <row r="22750">
      <c r="A22750" s="1">
        <v>4.90882037E8</v>
      </c>
      <c r="B22750" s="2">
        <v>17989.0</v>
      </c>
      <c r="C22750" s="1" t="s">
        <v>5</v>
      </c>
      <c r="D22750" s="1" t="s">
        <v>11</v>
      </c>
      <c r="E22750" s="1" t="s">
        <v>7</v>
      </c>
    </row>
    <row r="22751">
      <c r="A22751" s="1">
        <v>4.90882121E8</v>
      </c>
      <c r="B22751" s="3">
        <v>18049.0</v>
      </c>
      <c r="C22751" s="1" t="s">
        <v>5</v>
      </c>
      <c r="D22751" s="1" t="s">
        <v>19261</v>
      </c>
      <c r="E22751" s="1" t="s">
        <v>7</v>
      </c>
    </row>
    <row r="22752">
      <c r="A22752" s="1">
        <v>4.90882172E8</v>
      </c>
      <c r="B22752" s="2">
        <v>18066.0</v>
      </c>
      <c r="C22752" s="1" t="s">
        <v>5</v>
      </c>
      <c r="D22752" s="1" t="s">
        <v>19262</v>
      </c>
      <c r="E22752" s="1" t="s">
        <v>11</v>
      </c>
    </row>
    <row r="22753">
      <c r="A22753" s="1">
        <v>4.90882271E8</v>
      </c>
      <c r="B22753" s="3">
        <v>18028.0</v>
      </c>
      <c r="C22753" s="1" t="s">
        <v>5</v>
      </c>
      <c r="D22753" s="1" t="s">
        <v>19263</v>
      </c>
      <c r="E22753" s="1" t="s">
        <v>11</v>
      </c>
    </row>
    <row r="22754">
      <c r="A22754" s="1">
        <v>4.90882284E8</v>
      </c>
      <c r="B22754" s="2">
        <v>18075.0</v>
      </c>
      <c r="C22754" s="1" t="s">
        <v>5</v>
      </c>
      <c r="D22754" s="1" t="s">
        <v>19264</v>
      </c>
      <c r="E22754" s="1" t="s">
        <v>7</v>
      </c>
    </row>
    <row r="22755">
      <c r="A22755" s="1">
        <v>4.90882392E8</v>
      </c>
      <c r="B22755" s="2">
        <v>17953.0</v>
      </c>
      <c r="C22755" s="1" t="s">
        <v>5</v>
      </c>
      <c r="D22755" s="1" t="s">
        <v>19265</v>
      </c>
      <c r="E22755" s="1" t="s">
        <v>7</v>
      </c>
    </row>
    <row r="22756">
      <c r="A22756" s="1">
        <v>4.90882395E8</v>
      </c>
      <c r="B22756" s="2">
        <v>18007.0</v>
      </c>
      <c r="C22756" s="1" t="s">
        <v>5</v>
      </c>
      <c r="D22756" s="1" t="s">
        <v>19266</v>
      </c>
      <c r="E22756" s="1" t="s">
        <v>7</v>
      </c>
    </row>
    <row r="22757">
      <c r="A22757" s="1">
        <v>4.90882399E8</v>
      </c>
      <c r="B22757" s="3">
        <v>18049.0</v>
      </c>
      <c r="C22757" s="1" t="s">
        <v>5</v>
      </c>
      <c r="D22757" s="1" t="s">
        <v>19267</v>
      </c>
      <c r="E22757" s="1" t="s">
        <v>7</v>
      </c>
    </row>
    <row r="22758">
      <c r="A22758" s="1">
        <v>4.90882433E8</v>
      </c>
      <c r="B22758" s="2">
        <v>17996.0</v>
      </c>
      <c r="C22758" s="1" t="s">
        <v>5</v>
      </c>
      <c r="D22758" s="1" t="s">
        <v>19268</v>
      </c>
      <c r="E22758" s="1" t="s">
        <v>11</v>
      </c>
    </row>
    <row r="22759">
      <c r="A22759" s="1">
        <v>4.90882441E8</v>
      </c>
      <c r="B22759" s="2">
        <v>17916.0</v>
      </c>
      <c r="C22759" s="1" t="s">
        <v>5</v>
      </c>
      <c r="D22759" s="1" t="s">
        <v>19269</v>
      </c>
      <c r="E22759" s="1" t="s">
        <v>7</v>
      </c>
    </row>
    <row r="22760">
      <c r="A22760" s="1">
        <v>4.90882599E8</v>
      </c>
      <c r="B22760" s="3">
        <v>18019.0</v>
      </c>
      <c r="C22760" s="1" t="s">
        <v>5</v>
      </c>
      <c r="D22760" s="1" t="s">
        <v>19270</v>
      </c>
      <c r="E22760" s="1" t="s">
        <v>11</v>
      </c>
    </row>
    <row r="22761">
      <c r="A22761" s="1">
        <v>4.90882697E8</v>
      </c>
      <c r="B22761" s="2">
        <v>18064.0</v>
      </c>
      <c r="C22761" s="1" t="s">
        <v>5</v>
      </c>
      <c r="D22761" s="1" t="s">
        <v>19271</v>
      </c>
      <c r="E22761" s="1" t="s">
        <v>11</v>
      </c>
    </row>
    <row r="22762">
      <c r="A22762" s="1">
        <v>4.90882704E8</v>
      </c>
      <c r="B22762" s="2">
        <v>17989.0</v>
      </c>
      <c r="C22762" s="1" t="s">
        <v>5</v>
      </c>
      <c r="D22762" s="1" t="s">
        <v>19272</v>
      </c>
      <c r="E22762" s="1" t="s">
        <v>7</v>
      </c>
    </row>
    <row r="22763">
      <c r="A22763" s="1">
        <v>4.90882736E8</v>
      </c>
      <c r="B22763" s="3">
        <v>18033.0</v>
      </c>
      <c r="C22763" s="1" t="s">
        <v>5</v>
      </c>
      <c r="D22763" s="1" t="s">
        <v>11</v>
      </c>
      <c r="E22763" s="1" t="s">
        <v>7</v>
      </c>
    </row>
    <row r="22764">
      <c r="A22764" s="1">
        <v>4.9088276E8</v>
      </c>
      <c r="B22764" s="2">
        <v>17913.0</v>
      </c>
      <c r="C22764" s="1" t="s">
        <v>5</v>
      </c>
      <c r="D22764" s="1" t="s">
        <v>19273</v>
      </c>
      <c r="E22764" s="1" t="s">
        <v>7</v>
      </c>
    </row>
    <row r="22765">
      <c r="A22765" s="1">
        <v>4.90882812E8</v>
      </c>
      <c r="B22765" s="3">
        <v>18046.0</v>
      </c>
      <c r="C22765" s="1" t="s">
        <v>5</v>
      </c>
      <c r="D22765" s="1" t="s">
        <v>19274</v>
      </c>
      <c r="E22765" s="1" t="s">
        <v>7</v>
      </c>
    </row>
    <row r="22766">
      <c r="A22766" s="1">
        <v>4.90882947E8</v>
      </c>
      <c r="B22766" s="3">
        <v>18047.0</v>
      </c>
      <c r="C22766" s="1" t="s">
        <v>5</v>
      </c>
      <c r="D22766" s="1" t="s">
        <v>19275</v>
      </c>
      <c r="E22766" s="1" t="s">
        <v>7</v>
      </c>
    </row>
    <row r="22767">
      <c r="A22767" s="1">
        <v>4.90882978E8</v>
      </c>
      <c r="B22767" s="2">
        <v>17993.0</v>
      </c>
      <c r="C22767" s="1" t="s">
        <v>5</v>
      </c>
      <c r="D22767" s="1" t="s">
        <v>19276</v>
      </c>
      <c r="E22767" s="1" t="s">
        <v>7</v>
      </c>
    </row>
    <row r="22768">
      <c r="A22768" s="1">
        <v>4.90883014E8</v>
      </c>
      <c r="B22768" s="2">
        <v>18007.0</v>
      </c>
      <c r="C22768" s="1" t="s">
        <v>5</v>
      </c>
      <c r="D22768" s="1" t="s">
        <v>19277</v>
      </c>
      <c r="E22768" s="1" t="s">
        <v>7</v>
      </c>
    </row>
    <row r="22769">
      <c r="A22769" s="1">
        <v>4.90883159E8</v>
      </c>
      <c r="B22769" s="2">
        <v>18059.0</v>
      </c>
      <c r="C22769" s="1" t="s">
        <v>5</v>
      </c>
      <c r="D22769" s="1" t="s">
        <v>11</v>
      </c>
      <c r="E22769" s="1" t="s">
        <v>7</v>
      </c>
    </row>
    <row r="22770">
      <c r="A22770" s="1">
        <v>4.90883176E8</v>
      </c>
      <c r="B22770" s="2">
        <v>18060.0</v>
      </c>
      <c r="C22770" s="1" t="s">
        <v>5</v>
      </c>
      <c r="D22770" s="1" t="s">
        <v>19278</v>
      </c>
      <c r="E22770" s="1" t="s">
        <v>7</v>
      </c>
    </row>
    <row r="22771">
      <c r="A22771" s="1">
        <v>4.90883218E8</v>
      </c>
      <c r="B22771" s="2">
        <v>18004.0</v>
      </c>
      <c r="C22771" s="1" t="s">
        <v>5</v>
      </c>
      <c r="D22771" s="1" t="s">
        <v>19279</v>
      </c>
      <c r="E22771" s="1" t="s">
        <v>7</v>
      </c>
    </row>
    <row r="22772">
      <c r="A22772" s="1">
        <v>4.90883237E8</v>
      </c>
      <c r="B22772" s="3">
        <v>18045.0</v>
      </c>
      <c r="C22772" s="1" t="s">
        <v>5</v>
      </c>
      <c r="D22772" s="1" t="s">
        <v>19280</v>
      </c>
      <c r="E22772" s="1" t="s">
        <v>7</v>
      </c>
    </row>
    <row r="22773">
      <c r="A22773" s="1">
        <v>4.90883276E8</v>
      </c>
      <c r="B22773" s="3">
        <v>18019.0</v>
      </c>
      <c r="C22773" s="1" t="s">
        <v>5</v>
      </c>
      <c r="D22773" s="1" t="s">
        <v>19281</v>
      </c>
      <c r="E22773" s="1" t="s">
        <v>19282</v>
      </c>
    </row>
    <row r="22774">
      <c r="A22774" s="1">
        <v>4.90883277E8</v>
      </c>
      <c r="B22774" s="2">
        <v>18004.0</v>
      </c>
      <c r="C22774" s="1" t="s">
        <v>5</v>
      </c>
      <c r="D22774" s="1" t="s">
        <v>11</v>
      </c>
      <c r="E22774" s="1" t="s">
        <v>7</v>
      </c>
    </row>
    <row r="22775">
      <c r="A22775" s="1">
        <v>4.90883309E8</v>
      </c>
      <c r="B22775" s="2">
        <v>18002.0</v>
      </c>
      <c r="C22775" s="1" t="s">
        <v>5</v>
      </c>
      <c r="D22775" s="1" t="s">
        <v>11</v>
      </c>
      <c r="E22775" s="1" t="s">
        <v>7</v>
      </c>
    </row>
    <row r="22776">
      <c r="A22776" s="1">
        <v>4.90883333E8</v>
      </c>
      <c r="B22776" s="2">
        <v>18075.0</v>
      </c>
      <c r="C22776" s="1" t="s">
        <v>5</v>
      </c>
      <c r="D22776" s="1" t="s">
        <v>19283</v>
      </c>
      <c r="E22776" s="1" t="s">
        <v>11</v>
      </c>
    </row>
    <row r="22777">
      <c r="A22777" s="1">
        <v>4.90883469E8</v>
      </c>
      <c r="B22777" s="2">
        <v>18078.0</v>
      </c>
      <c r="C22777" s="1" t="s">
        <v>5</v>
      </c>
      <c r="D22777" s="1" t="s">
        <v>19284</v>
      </c>
      <c r="E22777" s="1" t="s">
        <v>7</v>
      </c>
    </row>
    <row r="22778">
      <c r="A22778" s="1">
        <v>4.90883519E8</v>
      </c>
      <c r="B22778" s="2">
        <v>18002.0</v>
      </c>
      <c r="C22778" s="1" t="s">
        <v>5</v>
      </c>
      <c r="D22778" s="1" t="s">
        <v>19285</v>
      </c>
      <c r="E22778" s="1" t="s">
        <v>7</v>
      </c>
    </row>
    <row r="22779">
      <c r="A22779" s="1">
        <v>4.90883529E8</v>
      </c>
      <c r="B22779" s="2">
        <v>18063.0</v>
      </c>
      <c r="C22779" s="1" t="s">
        <v>5</v>
      </c>
      <c r="D22779" s="1" t="s">
        <v>19286</v>
      </c>
      <c r="E22779" s="1" t="s">
        <v>7</v>
      </c>
    </row>
    <row r="22780">
      <c r="A22780" s="1">
        <v>4.90883579E8</v>
      </c>
      <c r="B22780" s="2">
        <v>18068.0</v>
      </c>
      <c r="C22780" s="1" t="s">
        <v>5</v>
      </c>
      <c r="D22780" s="1" t="s">
        <v>11</v>
      </c>
      <c r="E22780" s="1" t="s">
        <v>7</v>
      </c>
    </row>
    <row r="22781">
      <c r="A22781" s="1">
        <v>4.90883631E8</v>
      </c>
      <c r="B22781" s="2">
        <v>18053.0</v>
      </c>
      <c r="C22781" s="1" t="s">
        <v>5</v>
      </c>
      <c r="D22781" s="1" t="s">
        <v>19287</v>
      </c>
      <c r="E22781" s="1" t="s">
        <v>7</v>
      </c>
    </row>
    <row r="22782">
      <c r="A22782" s="1">
        <v>4.90883637E8</v>
      </c>
      <c r="B22782" s="2">
        <v>17904.0</v>
      </c>
      <c r="C22782" s="1" t="s">
        <v>5</v>
      </c>
      <c r="D22782" s="1" t="s">
        <v>19288</v>
      </c>
      <c r="E22782" s="1" t="s">
        <v>11</v>
      </c>
    </row>
    <row r="22783">
      <c r="A22783" s="1">
        <v>4.90883639E8</v>
      </c>
      <c r="B22783" s="2">
        <v>18074.0</v>
      </c>
      <c r="C22783" s="1" t="s">
        <v>5</v>
      </c>
      <c r="D22783" s="1" t="s">
        <v>19289</v>
      </c>
      <c r="E22783" s="1" t="s">
        <v>7</v>
      </c>
    </row>
    <row r="22784">
      <c r="A22784" s="1">
        <v>4.90883667E8</v>
      </c>
      <c r="B22784" s="2">
        <v>17904.0</v>
      </c>
      <c r="C22784" s="1" t="s">
        <v>5</v>
      </c>
      <c r="D22784" s="1" t="s">
        <v>19290</v>
      </c>
      <c r="E22784" s="1" t="s">
        <v>11</v>
      </c>
    </row>
    <row r="22785">
      <c r="A22785" s="1">
        <v>4.90883699E8</v>
      </c>
      <c r="B22785" s="3">
        <v>18030.0</v>
      </c>
      <c r="C22785" s="1" t="s">
        <v>5</v>
      </c>
      <c r="D22785" s="1" t="s">
        <v>19291</v>
      </c>
      <c r="E22785" s="1" t="s">
        <v>7</v>
      </c>
    </row>
    <row r="22786">
      <c r="A22786" s="1">
        <v>4.90883769E8</v>
      </c>
      <c r="B22786" s="2">
        <v>18078.0</v>
      </c>
      <c r="C22786" s="1" t="s">
        <v>5</v>
      </c>
      <c r="D22786" s="1" t="s">
        <v>19292</v>
      </c>
      <c r="E22786" s="1" t="s">
        <v>7</v>
      </c>
    </row>
    <row r="22787">
      <c r="A22787" s="1">
        <v>4.90883812E8</v>
      </c>
      <c r="B22787" s="3">
        <v>18026.0</v>
      </c>
      <c r="C22787" s="1" t="s">
        <v>5</v>
      </c>
      <c r="D22787" s="1" t="s">
        <v>19293</v>
      </c>
      <c r="E22787" s="1" t="s">
        <v>11</v>
      </c>
    </row>
    <row r="22788">
      <c r="A22788" s="1">
        <v>4.90883829E8</v>
      </c>
      <c r="B22788" s="2">
        <v>18002.0</v>
      </c>
      <c r="C22788" s="1" t="s">
        <v>5</v>
      </c>
      <c r="D22788" s="1" t="s">
        <v>19294</v>
      </c>
      <c r="E22788" s="1" t="s">
        <v>11</v>
      </c>
    </row>
    <row r="22789">
      <c r="A22789" s="1">
        <v>4.90883884E8</v>
      </c>
      <c r="B22789" s="2">
        <v>18065.0</v>
      </c>
      <c r="C22789" s="1" t="s">
        <v>5</v>
      </c>
      <c r="D22789" s="1" t="s">
        <v>19295</v>
      </c>
      <c r="E22789" s="1" t="s">
        <v>7</v>
      </c>
    </row>
    <row r="22790">
      <c r="A22790" s="1">
        <v>4.90883889E8</v>
      </c>
      <c r="B22790" s="2">
        <v>18077.0</v>
      </c>
      <c r="C22790" s="1" t="s">
        <v>5</v>
      </c>
      <c r="D22790" s="1" t="s">
        <v>11</v>
      </c>
      <c r="E22790" s="1" t="s">
        <v>7</v>
      </c>
    </row>
    <row r="22791">
      <c r="A22791" s="1">
        <v>4.90883903E8</v>
      </c>
      <c r="B22791" s="2">
        <v>18079.0</v>
      </c>
      <c r="C22791" s="1" t="s">
        <v>5</v>
      </c>
      <c r="D22791" s="1" t="s">
        <v>11</v>
      </c>
      <c r="E22791" s="1" t="s">
        <v>7</v>
      </c>
    </row>
    <row r="22792">
      <c r="A22792" s="1">
        <v>4.90883919E8</v>
      </c>
      <c r="B22792" s="2">
        <v>18065.0</v>
      </c>
      <c r="C22792" s="1" t="s">
        <v>5</v>
      </c>
      <c r="D22792" s="1" t="s">
        <v>19296</v>
      </c>
      <c r="E22792" s="1" t="s">
        <v>7</v>
      </c>
    </row>
    <row r="22793">
      <c r="A22793" s="1">
        <v>4.9088392E8</v>
      </c>
      <c r="B22793" s="2">
        <v>18077.0</v>
      </c>
      <c r="C22793" s="1" t="s">
        <v>5</v>
      </c>
      <c r="D22793" s="1" t="s">
        <v>19297</v>
      </c>
      <c r="E22793" s="1" t="s">
        <v>7</v>
      </c>
    </row>
    <row r="22794">
      <c r="A22794" s="1">
        <v>4.90883961E8</v>
      </c>
      <c r="B22794" s="3">
        <v>18040.0</v>
      </c>
      <c r="C22794" s="1" t="s">
        <v>5</v>
      </c>
      <c r="D22794" s="1" t="s">
        <v>11</v>
      </c>
      <c r="E22794" s="1" t="s">
        <v>7</v>
      </c>
    </row>
    <row r="22795">
      <c r="A22795" s="1">
        <v>4.90884009E8</v>
      </c>
      <c r="B22795" s="2">
        <v>17955.0</v>
      </c>
      <c r="C22795" s="1" t="s">
        <v>5</v>
      </c>
      <c r="D22795" s="1" t="s">
        <v>19298</v>
      </c>
      <c r="E22795" s="1" t="s">
        <v>7</v>
      </c>
    </row>
    <row r="22796">
      <c r="A22796" s="1">
        <v>4.90884053E8</v>
      </c>
      <c r="B22796" s="2">
        <v>18072.0</v>
      </c>
      <c r="C22796" s="1" t="s">
        <v>5</v>
      </c>
      <c r="D22796" s="1" t="s">
        <v>19299</v>
      </c>
      <c r="E22796" s="1" t="s">
        <v>11</v>
      </c>
    </row>
    <row r="22797">
      <c r="A22797" s="1">
        <v>4.90884063E8</v>
      </c>
      <c r="B22797" s="2">
        <v>18059.0</v>
      </c>
      <c r="C22797" s="1" t="s">
        <v>5</v>
      </c>
      <c r="D22797" s="1" t="s">
        <v>19300</v>
      </c>
      <c r="E22797" s="1" t="s">
        <v>7</v>
      </c>
    </row>
    <row r="22798">
      <c r="A22798" s="1">
        <v>4.9088415E8</v>
      </c>
      <c r="B22798" s="2">
        <v>18075.0</v>
      </c>
      <c r="C22798" s="1" t="s">
        <v>5</v>
      </c>
      <c r="D22798" s="1" t="s">
        <v>11</v>
      </c>
      <c r="E22798" s="1" t="s">
        <v>7</v>
      </c>
    </row>
    <row r="22799">
      <c r="A22799" s="1">
        <v>4.90884159E8</v>
      </c>
      <c r="B22799" s="2">
        <v>18073.0</v>
      </c>
      <c r="C22799" s="1" t="s">
        <v>5</v>
      </c>
      <c r="D22799" s="1" t="s">
        <v>19301</v>
      </c>
      <c r="E22799" s="1" t="s">
        <v>7</v>
      </c>
    </row>
    <row r="22800">
      <c r="A22800" s="1">
        <v>4.90884218E8</v>
      </c>
      <c r="B22800" s="3">
        <v>18043.0</v>
      </c>
      <c r="C22800" s="1" t="s">
        <v>5</v>
      </c>
      <c r="D22800" s="1" t="s">
        <v>19302</v>
      </c>
      <c r="E22800" s="1" t="s">
        <v>7</v>
      </c>
    </row>
    <row r="22801">
      <c r="A22801" s="1">
        <v>4.90884223E8</v>
      </c>
      <c r="B22801" s="3">
        <v>18037.0</v>
      </c>
      <c r="C22801" s="1" t="s">
        <v>5</v>
      </c>
      <c r="D22801" s="1" t="s">
        <v>11</v>
      </c>
      <c r="E22801" s="1" t="s">
        <v>7</v>
      </c>
    </row>
    <row r="22802">
      <c r="A22802" s="1">
        <v>4.90884232E8</v>
      </c>
      <c r="B22802" s="2">
        <v>18082.0</v>
      </c>
      <c r="C22802" s="1" t="s">
        <v>5</v>
      </c>
      <c r="D22802" s="1" t="s">
        <v>19303</v>
      </c>
      <c r="E22802" s="1" t="s">
        <v>7</v>
      </c>
    </row>
    <row r="22803">
      <c r="A22803" s="1">
        <v>4.90884237E8</v>
      </c>
      <c r="B22803" s="2">
        <v>18058.0</v>
      </c>
      <c r="C22803" s="1" t="s">
        <v>5</v>
      </c>
      <c r="D22803" s="1" t="s">
        <v>11</v>
      </c>
      <c r="E22803" s="1" t="s">
        <v>7</v>
      </c>
    </row>
    <row r="22804">
      <c r="A22804" s="1">
        <v>4.90884239E8</v>
      </c>
      <c r="B22804" s="2">
        <v>17998.0</v>
      </c>
      <c r="C22804" s="1" t="s">
        <v>5</v>
      </c>
      <c r="D22804" s="1" t="s">
        <v>19304</v>
      </c>
      <c r="E22804" s="1" t="s">
        <v>11</v>
      </c>
    </row>
    <row r="22805">
      <c r="A22805" s="1">
        <v>4.9088429E8</v>
      </c>
      <c r="B22805" s="2">
        <v>18064.0</v>
      </c>
      <c r="C22805" s="1" t="s">
        <v>5</v>
      </c>
      <c r="D22805" s="1" t="s">
        <v>11</v>
      </c>
      <c r="E22805" s="1" t="s">
        <v>7</v>
      </c>
    </row>
    <row r="22806">
      <c r="A22806" s="1">
        <v>4.90884292E8</v>
      </c>
      <c r="B22806" s="3">
        <v>18040.0</v>
      </c>
      <c r="C22806" s="1" t="s">
        <v>5</v>
      </c>
      <c r="D22806" s="1" t="s">
        <v>19305</v>
      </c>
      <c r="E22806" s="1" t="s">
        <v>19306</v>
      </c>
    </row>
    <row r="22807">
      <c r="A22807" s="1">
        <v>4.90884319E8</v>
      </c>
      <c r="B22807" s="2">
        <v>18060.0</v>
      </c>
      <c r="C22807" s="1" t="s">
        <v>5</v>
      </c>
      <c r="D22807" s="1" t="s">
        <v>19307</v>
      </c>
      <c r="E22807" s="1" t="s">
        <v>7</v>
      </c>
    </row>
    <row r="22808">
      <c r="A22808" s="1">
        <v>4.90884501E8</v>
      </c>
      <c r="B22808" s="3">
        <v>18040.0</v>
      </c>
      <c r="C22808" s="1" t="s">
        <v>5</v>
      </c>
      <c r="D22808" s="1" t="s">
        <v>19308</v>
      </c>
      <c r="E22808" s="1" t="s">
        <v>11</v>
      </c>
    </row>
    <row r="22809">
      <c r="A22809" s="1">
        <v>4.90884533E8</v>
      </c>
      <c r="B22809" s="2">
        <v>18071.0</v>
      </c>
      <c r="C22809" s="1" t="s">
        <v>5</v>
      </c>
      <c r="D22809" s="1" t="s">
        <v>19309</v>
      </c>
      <c r="E22809" s="1" t="s">
        <v>7</v>
      </c>
    </row>
    <row r="22810">
      <c r="A22810" s="1">
        <v>4.90884687E8</v>
      </c>
      <c r="B22810" s="2">
        <v>18067.0</v>
      </c>
      <c r="C22810" s="1" t="s">
        <v>5</v>
      </c>
      <c r="D22810" s="1" t="s">
        <v>19310</v>
      </c>
      <c r="E22810" s="1" t="s">
        <v>11</v>
      </c>
    </row>
    <row r="22811">
      <c r="A22811" s="1">
        <v>4.90884709E8</v>
      </c>
      <c r="B22811" s="3">
        <v>18031.0</v>
      </c>
      <c r="C22811" s="1" t="s">
        <v>5</v>
      </c>
      <c r="D22811" s="1" t="s">
        <v>19311</v>
      </c>
      <c r="E22811" s="1" t="s">
        <v>19312</v>
      </c>
    </row>
    <row r="22812">
      <c r="A22812" s="1">
        <v>4.90884724E8</v>
      </c>
      <c r="B22812" s="3">
        <v>18031.0</v>
      </c>
      <c r="C22812" s="1" t="s">
        <v>5</v>
      </c>
      <c r="D22812" s="1" t="s">
        <v>19313</v>
      </c>
      <c r="E22812" s="1" t="s">
        <v>7</v>
      </c>
    </row>
    <row r="22813">
      <c r="A22813" s="1">
        <v>4.90884776E8</v>
      </c>
      <c r="B22813" s="3">
        <v>18043.0</v>
      </c>
      <c r="C22813" s="1" t="s">
        <v>5</v>
      </c>
      <c r="D22813" s="1" t="s">
        <v>19314</v>
      </c>
      <c r="E22813" s="1" t="s">
        <v>11</v>
      </c>
    </row>
    <row r="22814">
      <c r="A22814" s="1">
        <v>4.90884845E8</v>
      </c>
      <c r="B22814" s="2">
        <v>18072.0</v>
      </c>
      <c r="C22814" s="1" t="s">
        <v>5</v>
      </c>
      <c r="D22814" s="1" t="s">
        <v>19315</v>
      </c>
      <c r="E22814" s="1" t="s">
        <v>7</v>
      </c>
    </row>
    <row r="22815">
      <c r="A22815" s="1">
        <v>4.90884849E8</v>
      </c>
      <c r="B22815" s="2">
        <v>18053.0</v>
      </c>
      <c r="C22815" s="1" t="s">
        <v>5</v>
      </c>
      <c r="D22815" s="1" t="s">
        <v>11</v>
      </c>
      <c r="E22815" s="1" t="s">
        <v>7</v>
      </c>
    </row>
    <row r="22816">
      <c r="A22816" s="1">
        <v>4.90884877E8</v>
      </c>
      <c r="B22816" s="3">
        <v>18033.0</v>
      </c>
      <c r="C22816" s="1" t="s">
        <v>5</v>
      </c>
      <c r="D22816" s="1" t="s">
        <v>19316</v>
      </c>
      <c r="E22816" s="1" t="s">
        <v>19317</v>
      </c>
    </row>
    <row r="22817">
      <c r="A22817" s="1">
        <v>4.90884959E8</v>
      </c>
      <c r="B22817" s="2">
        <v>17991.0</v>
      </c>
      <c r="C22817" s="1" t="s">
        <v>5</v>
      </c>
      <c r="D22817" s="1" t="s">
        <v>19318</v>
      </c>
      <c r="E22817" s="1" t="s">
        <v>7</v>
      </c>
    </row>
    <row r="22818">
      <c r="A22818" s="1">
        <v>4.90884977E8</v>
      </c>
      <c r="B22818" s="2">
        <v>18070.0</v>
      </c>
      <c r="C22818" s="1" t="s">
        <v>5</v>
      </c>
      <c r="D22818" s="1" t="s">
        <v>19319</v>
      </c>
      <c r="E22818" s="1" t="s">
        <v>7</v>
      </c>
    </row>
    <row r="22819">
      <c r="A22819" s="1">
        <v>4.90885001E8</v>
      </c>
      <c r="B22819" s="2">
        <v>17989.0</v>
      </c>
      <c r="C22819" s="1" t="s">
        <v>5</v>
      </c>
      <c r="D22819" s="1" t="s">
        <v>19320</v>
      </c>
      <c r="E22819" s="1" t="s">
        <v>7</v>
      </c>
    </row>
    <row r="22820">
      <c r="A22820" s="1">
        <v>4.90885068E8</v>
      </c>
      <c r="B22820" s="2">
        <v>18107.0</v>
      </c>
      <c r="C22820" s="1" t="s">
        <v>5</v>
      </c>
      <c r="D22820" s="1" t="s">
        <v>19321</v>
      </c>
      <c r="E22820" s="1" t="s">
        <v>19322</v>
      </c>
    </row>
    <row r="22821">
      <c r="A22821" s="1">
        <v>4.90885077E8</v>
      </c>
      <c r="B22821" s="2">
        <v>18105.0</v>
      </c>
      <c r="C22821" s="1" t="s">
        <v>5</v>
      </c>
      <c r="D22821" s="1" t="s">
        <v>19323</v>
      </c>
      <c r="E22821" s="1" t="s">
        <v>19324</v>
      </c>
    </row>
    <row r="22822">
      <c r="A22822" s="1">
        <v>4.90885173E8</v>
      </c>
      <c r="B22822" s="2">
        <v>18082.0</v>
      </c>
      <c r="C22822" s="1" t="s">
        <v>5</v>
      </c>
      <c r="D22822" s="1" t="s">
        <v>11</v>
      </c>
      <c r="E22822" s="1" t="s">
        <v>7</v>
      </c>
    </row>
    <row r="22823">
      <c r="A22823" s="1">
        <v>4.90885213E8</v>
      </c>
      <c r="B22823" s="2">
        <v>18068.0</v>
      </c>
      <c r="C22823" s="1" t="s">
        <v>5</v>
      </c>
      <c r="D22823" s="1" t="s">
        <v>19325</v>
      </c>
      <c r="E22823" s="1" t="s">
        <v>7</v>
      </c>
    </row>
    <row r="22824">
      <c r="A22824" s="1">
        <v>4.9088522E8</v>
      </c>
      <c r="B22824" s="3">
        <v>18030.0</v>
      </c>
      <c r="C22824" s="1" t="s">
        <v>5</v>
      </c>
      <c r="D22824" s="1" t="s">
        <v>19326</v>
      </c>
      <c r="E22824" s="1" t="s">
        <v>7</v>
      </c>
    </row>
    <row r="22825">
      <c r="A22825" s="1">
        <v>4.90885281E8</v>
      </c>
      <c r="B22825" s="2">
        <v>18050.0</v>
      </c>
      <c r="C22825" s="1" t="s">
        <v>5</v>
      </c>
      <c r="D22825" s="1" t="s">
        <v>19327</v>
      </c>
      <c r="E22825" s="1" t="s">
        <v>7</v>
      </c>
    </row>
    <row r="22826">
      <c r="A22826" s="1">
        <v>4.90885283E8</v>
      </c>
      <c r="B22826" s="2">
        <v>18067.0</v>
      </c>
      <c r="C22826" s="1" t="s">
        <v>5</v>
      </c>
      <c r="D22826" s="1" t="s">
        <v>11</v>
      </c>
      <c r="E22826" s="1" t="s">
        <v>7</v>
      </c>
    </row>
    <row r="22827">
      <c r="A22827" s="1">
        <v>4.9088535E8</v>
      </c>
      <c r="B22827" s="2">
        <v>18103.0</v>
      </c>
      <c r="C22827" s="1" t="s">
        <v>5</v>
      </c>
      <c r="D22827" s="1" t="s">
        <v>19328</v>
      </c>
      <c r="E22827" s="1" t="s">
        <v>19329</v>
      </c>
    </row>
    <row r="22828">
      <c r="A22828" s="1">
        <v>4.90885359E8</v>
      </c>
      <c r="B22828" s="2">
        <v>18064.0</v>
      </c>
      <c r="C22828" s="1" t="s">
        <v>5</v>
      </c>
      <c r="D22828" s="1" t="s">
        <v>11</v>
      </c>
      <c r="E22828" s="1" t="s">
        <v>7</v>
      </c>
    </row>
    <row r="22829">
      <c r="A22829" s="1">
        <v>4.90885404E8</v>
      </c>
      <c r="B22829" s="2">
        <v>18082.0</v>
      </c>
      <c r="C22829" s="1" t="s">
        <v>5</v>
      </c>
      <c r="D22829" s="1" t="s">
        <v>11</v>
      </c>
      <c r="E22829" s="1" t="s">
        <v>7</v>
      </c>
    </row>
    <row r="22830">
      <c r="A22830" s="1">
        <v>4.90885519E8</v>
      </c>
      <c r="B22830" s="2">
        <v>18102.0</v>
      </c>
      <c r="C22830" s="1" t="s">
        <v>5</v>
      </c>
      <c r="D22830" s="1" t="s">
        <v>19330</v>
      </c>
      <c r="E22830" s="1" t="s">
        <v>7</v>
      </c>
    </row>
    <row r="22831">
      <c r="A22831" s="1">
        <v>4.90885555E8</v>
      </c>
      <c r="B22831" s="2">
        <v>18058.0</v>
      </c>
      <c r="C22831" s="1" t="s">
        <v>5</v>
      </c>
      <c r="D22831" s="1" t="s">
        <v>19331</v>
      </c>
      <c r="E22831" s="1" t="s">
        <v>7</v>
      </c>
    </row>
    <row r="22832">
      <c r="A22832" s="1">
        <v>4.90885699E8</v>
      </c>
      <c r="B22832" s="2">
        <v>18061.0</v>
      </c>
      <c r="C22832" s="1" t="s">
        <v>5</v>
      </c>
      <c r="D22832" s="1" t="s">
        <v>19332</v>
      </c>
      <c r="E22832" s="1" t="s">
        <v>11</v>
      </c>
    </row>
    <row r="22833">
      <c r="A22833" s="1">
        <v>4.90885733E8</v>
      </c>
      <c r="B22833" s="2">
        <v>18109.0</v>
      </c>
      <c r="C22833" s="1" t="s">
        <v>5</v>
      </c>
      <c r="D22833" s="1" t="s">
        <v>19333</v>
      </c>
      <c r="E22833" s="1" t="s">
        <v>11</v>
      </c>
    </row>
    <row r="22834">
      <c r="A22834" s="1">
        <v>4.90885871E8</v>
      </c>
      <c r="B22834" s="2">
        <v>18108.0</v>
      </c>
      <c r="C22834" s="1" t="s">
        <v>5</v>
      </c>
      <c r="D22834" s="1" t="s">
        <v>11</v>
      </c>
      <c r="E22834" s="1" t="s">
        <v>7</v>
      </c>
    </row>
    <row r="22835">
      <c r="A22835" s="1">
        <v>4.90885893E8</v>
      </c>
      <c r="B22835" s="2">
        <v>18064.0</v>
      </c>
      <c r="C22835" s="1" t="s">
        <v>5</v>
      </c>
      <c r="D22835" s="1" t="s">
        <v>19334</v>
      </c>
      <c r="E22835" s="1" t="s">
        <v>11</v>
      </c>
    </row>
    <row r="22836">
      <c r="A22836" s="1">
        <v>4.90885986E8</v>
      </c>
      <c r="B22836" s="2">
        <v>18056.0</v>
      </c>
      <c r="C22836" s="1" t="s">
        <v>5</v>
      </c>
      <c r="D22836" s="1" t="s">
        <v>19335</v>
      </c>
      <c r="E22836" s="1" t="s">
        <v>11</v>
      </c>
    </row>
    <row r="22837">
      <c r="A22837" s="1">
        <v>4.90886041E8</v>
      </c>
      <c r="B22837" s="2">
        <v>18056.0</v>
      </c>
      <c r="C22837" s="1" t="s">
        <v>5</v>
      </c>
      <c r="D22837" s="1" t="s">
        <v>19336</v>
      </c>
      <c r="E22837" s="1" t="s">
        <v>7</v>
      </c>
    </row>
    <row r="22838">
      <c r="A22838" s="1">
        <v>4.90886109E8</v>
      </c>
      <c r="B22838" s="2">
        <v>18106.0</v>
      </c>
      <c r="C22838" s="1" t="s">
        <v>5</v>
      </c>
      <c r="D22838" s="1" t="s">
        <v>19337</v>
      </c>
      <c r="E22838" s="1" t="s">
        <v>7</v>
      </c>
    </row>
    <row r="22839">
      <c r="A22839" s="1">
        <v>4.90886195E8</v>
      </c>
      <c r="B22839" s="2">
        <v>18052.0</v>
      </c>
      <c r="C22839" s="1" t="s">
        <v>5</v>
      </c>
      <c r="D22839" s="1" t="s">
        <v>19338</v>
      </c>
      <c r="E22839" s="1" t="s">
        <v>7</v>
      </c>
    </row>
    <row r="22840">
      <c r="A22840" s="1">
        <v>4.908862E8</v>
      </c>
      <c r="B22840" s="2">
        <v>18053.0</v>
      </c>
      <c r="C22840" s="1" t="s">
        <v>5</v>
      </c>
      <c r="D22840" s="1" t="s">
        <v>19339</v>
      </c>
      <c r="E22840" s="1" t="s">
        <v>11</v>
      </c>
    </row>
    <row r="22841">
      <c r="A22841" s="1">
        <v>4.90886213E8</v>
      </c>
      <c r="B22841" s="3">
        <v>18040.0</v>
      </c>
      <c r="C22841" s="1" t="s">
        <v>5</v>
      </c>
      <c r="D22841" s="1" t="s">
        <v>19340</v>
      </c>
      <c r="E22841" s="1" t="s">
        <v>11</v>
      </c>
    </row>
    <row r="22842">
      <c r="A22842" s="1">
        <v>4.90886284E8</v>
      </c>
      <c r="B22842" s="2">
        <v>18095.0</v>
      </c>
      <c r="C22842" s="1" t="s">
        <v>5</v>
      </c>
      <c r="D22842" s="1" t="s">
        <v>19341</v>
      </c>
      <c r="E22842" s="1" t="s">
        <v>11</v>
      </c>
    </row>
    <row r="22843">
      <c r="A22843" s="1">
        <v>4.90886324E8</v>
      </c>
      <c r="B22843" s="2">
        <v>18094.0</v>
      </c>
      <c r="C22843" s="1" t="s">
        <v>5</v>
      </c>
      <c r="D22843" s="1" t="s">
        <v>19342</v>
      </c>
      <c r="E22843" s="1" t="s">
        <v>7</v>
      </c>
    </row>
    <row r="22844">
      <c r="A22844" s="1">
        <v>4.90886346E8</v>
      </c>
      <c r="B22844" s="2">
        <v>18095.0</v>
      </c>
      <c r="C22844" s="1" t="s">
        <v>5</v>
      </c>
      <c r="D22844" s="1" t="s">
        <v>19343</v>
      </c>
      <c r="E22844" s="1" t="s">
        <v>7</v>
      </c>
    </row>
    <row r="22845">
      <c r="A22845" s="1">
        <v>4.9088636E8</v>
      </c>
      <c r="B22845" s="2">
        <v>18166.0</v>
      </c>
      <c r="C22845" s="1" t="s">
        <v>5</v>
      </c>
      <c r="D22845" s="1" t="s">
        <v>19344</v>
      </c>
      <c r="E22845" s="1" t="s">
        <v>7</v>
      </c>
    </row>
    <row r="22846">
      <c r="A22846" s="1">
        <v>4.90886374E8</v>
      </c>
      <c r="B22846" s="2">
        <v>18094.0</v>
      </c>
      <c r="C22846" s="1" t="s">
        <v>5</v>
      </c>
      <c r="D22846" s="1" t="s">
        <v>19345</v>
      </c>
      <c r="E22846" s="1" t="s">
        <v>11</v>
      </c>
    </row>
    <row r="22847">
      <c r="A22847" s="1">
        <v>4.90886399E8</v>
      </c>
      <c r="B22847" s="2">
        <v>18103.0</v>
      </c>
      <c r="C22847" s="1" t="s">
        <v>5</v>
      </c>
      <c r="D22847" s="1" t="s">
        <v>19346</v>
      </c>
      <c r="E22847" s="1" t="s">
        <v>7</v>
      </c>
    </row>
    <row r="22848">
      <c r="A22848" s="1">
        <v>4.90886411E8</v>
      </c>
      <c r="B22848" s="3">
        <v>18044.0</v>
      </c>
      <c r="C22848" s="1" t="s">
        <v>5</v>
      </c>
      <c r="D22848" s="1" t="s">
        <v>19347</v>
      </c>
      <c r="E22848" s="1" t="s">
        <v>7</v>
      </c>
    </row>
    <row r="22849">
      <c r="A22849" s="1">
        <v>4.90886439E8</v>
      </c>
      <c r="B22849" s="2">
        <v>18052.0</v>
      </c>
      <c r="C22849" s="1" t="s">
        <v>5</v>
      </c>
      <c r="D22849" s="1" t="s">
        <v>19348</v>
      </c>
      <c r="E22849" s="1" t="s">
        <v>7</v>
      </c>
    </row>
    <row r="22850">
      <c r="A22850" s="1">
        <v>4.90886479E8</v>
      </c>
      <c r="B22850" s="2">
        <v>18056.0</v>
      </c>
      <c r="C22850" s="1" t="s">
        <v>5</v>
      </c>
      <c r="D22850" s="1" t="s">
        <v>11</v>
      </c>
      <c r="E22850" s="1" t="s">
        <v>7</v>
      </c>
    </row>
    <row r="22851">
      <c r="A22851" s="1">
        <v>4.90886498E8</v>
      </c>
      <c r="B22851" s="2">
        <v>18058.0</v>
      </c>
      <c r="C22851" s="1" t="s">
        <v>5</v>
      </c>
      <c r="D22851" s="1" t="s">
        <v>11</v>
      </c>
      <c r="E22851" s="1" t="s">
        <v>7</v>
      </c>
    </row>
    <row r="22852">
      <c r="A22852" s="1">
        <v>4.9088655E8</v>
      </c>
      <c r="B22852" s="2">
        <v>18156.0</v>
      </c>
      <c r="C22852" s="1" t="s">
        <v>5</v>
      </c>
      <c r="D22852" s="1" t="s">
        <v>19349</v>
      </c>
      <c r="E22852" s="1" t="s">
        <v>11</v>
      </c>
    </row>
    <row r="22853">
      <c r="A22853" s="1">
        <v>4.90886553E8</v>
      </c>
      <c r="B22853" s="2">
        <v>18058.0</v>
      </c>
      <c r="C22853" s="1" t="s">
        <v>5</v>
      </c>
      <c r="D22853" s="1" t="s">
        <v>11</v>
      </c>
      <c r="E22853" s="1" t="s">
        <v>7</v>
      </c>
    </row>
    <row r="22854">
      <c r="A22854" s="1">
        <v>4.90886579E8</v>
      </c>
      <c r="B22854" s="2">
        <v>18156.0</v>
      </c>
      <c r="C22854" s="1" t="s">
        <v>5</v>
      </c>
      <c r="D22854" s="1" t="s">
        <v>19350</v>
      </c>
      <c r="E22854" s="1" t="s">
        <v>7</v>
      </c>
    </row>
    <row r="22855">
      <c r="A22855" s="1">
        <v>4.90886582E8</v>
      </c>
      <c r="B22855" s="2">
        <v>18052.0</v>
      </c>
      <c r="C22855" s="1" t="s">
        <v>5</v>
      </c>
      <c r="D22855" s="1" t="s">
        <v>19351</v>
      </c>
      <c r="E22855" s="1" t="s">
        <v>7</v>
      </c>
    </row>
    <row r="22856">
      <c r="A22856" s="1">
        <v>4.90886592E8</v>
      </c>
      <c r="B22856" s="2">
        <v>18103.0</v>
      </c>
      <c r="C22856" s="1" t="s">
        <v>5</v>
      </c>
      <c r="D22856" s="1" t="s">
        <v>19352</v>
      </c>
      <c r="E22856" s="1" t="s">
        <v>11</v>
      </c>
    </row>
    <row r="22857">
      <c r="A22857" s="1">
        <v>4.90886604E8</v>
      </c>
      <c r="B22857" s="2">
        <v>18089.0</v>
      </c>
      <c r="C22857" s="1" t="s">
        <v>5</v>
      </c>
      <c r="D22857" s="1" t="s">
        <v>19353</v>
      </c>
      <c r="E22857" s="1" t="s">
        <v>7</v>
      </c>
    </row>
    <row r="22858">
      <c r="A22858" s="1">
        <v>4.9088663E8</v>
      </c>
      <c r="B22858" s="2">
        <v>18103.0</v>
      </c>
      <c r="C22858" s="1" t="s">
        <v>5</v>
      </c>
      <c r="D22858" s="1" t="s">
        <v>19354</v>
      </c>
      <c r="E22858" s="1" t="s">
        <v>7</v>
      </c>
    </row>
    <row r="22859">
      <c r="A22859" s="1">
        <v>4.90886656E8</v>
      </c>
      <c r="B22859" s="2">
        <v>18102.0</v>
      </c>
      <c r="C22859" s="1" t="s">
        <v>5</v>
      </c>
      <c r="D22859" s="1" t="s">
        <v>11</v>
      </c>
      <c r="E22859" s="1" t="s">
        <v>7</v>
      </c>
    </row>
    <row r="22860">
      <c r="A22860" s="1">
        <v>4.9088673E8</v>
      </c>
      <c r="B22860" s="2">
        <v>18112.0</v>
      </c>
      <c r="C22860" s="1" t="s">
        <v>5</v>
      </c>
      <c r="D22860" s="1" t="s">
        <v>11</v>
      </c>
      <c r="E22860" s="1" t="s">
        <v>7</v>
      </c>
    </row>
    <row r="22861">
      <c r="A22861" s="1">
        <v>4.90886881E8</v>
      </c>
      <c r="B22861" s="2">
        <v>18058.0</v>
      </c>
      <c r="C22861" s="1" t="s">
        <v>5</v>
      </c>
      <c r="D22861" s="1" t="s">
        <v>19355</v>
      </c>
      <c r="E22861" s="1" t="s">
        <v>7</v>
      </c>
    </row>
    <row r="22862">
      <c r="A22862" s="1">
        <v>4.90886906E8</v>
      </c>
      <c r="B22862" s="2">
        <v>18115.0</v>
      </c>
      <c r="C22862" s="1" t="s">
        <v>5</v>
      </c>
      <c r="D22862" s="1" t="s">
        <v>19356</v>
      </c>
      <c r="E22862" s="1" t="s">
        <v>7</v>
      </c>
    </row>
    <row r="22863">
      <c r="A22863" s="1">
        <v>4.90886929E8</v>
      </c>
      <c r="B22863" s="2">
        <v>18115.0</v>
      </c>
      <c r="C22863" s="1" t="s">
        <v>5</v>
      </c>
      <c r="D22863" s="1" t="s">
        <v>19357</v>
      </c>
      <c r="E22863" s="1" t="s">
        <v>11</v>
      </c>
    </row>
    <row r="22864">
      <c r="A22864" s="1">
        <v>4.90886981E8</v>
      </c>
      <c r="B22864" s="2">
        <v>18087.0</v>
      </c>
      <c r="C22864" s="1" t="s">
        <v>5</v>
      </c>
      <c r="D22864" s="1" t="s">
        <v>19358</v>
      </c>
      <c r="E22864" s="1" t="s">
        <v>11</v>
      </c>
    </row>
    <row r="22865">
      <c r="A22865" s="1">
        <v>4.9088699E8</v>
      </c>
      <c r="B22865" s="2">
        <v>18050.0</v>
      </c>
      <c r="C22865" s="1" t="s">
        <v>5</v>
      </c>
      <c r="D22865" s="1" t="s">
        <v>19359</v>
      </c>
      <c r="E22865" s="1" t="s">
        <v>7</v>
      </c>
    </row>
    <row r="22866">
      <c r="A22866" s="1">
        <v>4.90887053E8</v>
      </c>
      <c r="B22866" s="2">
        <v>18099.0</v>
      </c>
      <c r="C22866" s="1" t="s">
        <v>5</v>
      </c>
      <c r="D22866" s="1" t="s">
        <v>19360</v>
      </c>
      <c r="E22866" s="1" t="s">
        <v>7</v>
      </c>
    </row>
    <row r="22867">
      <c r="A22867" s="1">
        <v>4.90887088E8</v>
      </c>
      <c r="B22867" s="2">
        <v>18085.0</v>
      </c>
      <c r="C22867" s="1" t="s">
        <v>5</v>
      </c>
      <c r="D22867" s="1" t="s">
        <v>11</v>
      </c>
      <c r="E22867" s="1" t="s">
        <v>7</v>
      </c>
    </row>
    <row r="22868">
      <c r="A22868" s="1">
        <v>4.90887192E8</v>
      </c>
      <c r="B22868" s="2">
        <v>18110.0</v>
      </c>
      <c r="C22868" s="1" t="s">
        <v>5</v>
      </c>
      <c r="D22868" s="1" t="s">
        <v>11</v>
      </c>
      <c r="E22868" s="1" t="s">
        <v>7</v>
      </c>
    </row>
    <row r="22869">
      <c r="A22869" s="1">
        <v>4.90887229E8</v>
      </c>
      <c r="B22869" s="3">
        <v>18031.0</v>
      </c>
      <c r="C22869" s="1" t="s">
        <v>5</v>
      </c>
      <c r="D22869" s="1" t="s">
        <v>19361</v>
      </c>
      <c r="E22869" s="1" t="s">
        <v>19362</v>
      </c>
    </row>
    <row r="22870">
      <c r="A22870" s="1">
        <v>4.9088728E8</v>
      </c>
      <c r="B22870" s="2">
        <v>18053.0</v>
      </c>
      <c r="C22870" s="1" t="s">
        <v>5</v>
      </c>
      <c r="D22870" s="1" t="s">
        <v>11</v>
      </c>
      <c r="E22870" s="1" t="s">
        <v>7</v>
      </c>
    </row>
    <row r="22871">
      <c r="A22871" s="1">
        <v>4.90887284E8</v>
      </c>
      <c r="B22871" s="3">
        <v>18031.0</v>
      </c>
      <c r="C22871" s="1" t="s">
        <v>5</v>
      </c>
      <c r="D22871" s="1" t="s">
        <v>19363</v>
      </c>
      <c r="E22871" s="1" t="s">
        <v>19364</v>
      </c>
    </row>
    <row r="22872">
      <c r="A22872" s="1">
        <v>4.90887346E8</v>
      </c>
      <c r="B22872" s="2">
        <v>18109.0</v>
      </c>
      <c r="C22872" s="1" t="s">
        <v>5</v>
      </c>
      <c r="D22872" s="1" t="s">
        <v>19365</v>
      </c>
      <c r="E22872" s="1" t="s">
        <v>7</v>
      </c>
    </row>
    <row r="22873">
      <c r="A22873" s="1">
        <v>4.90887371E8</v>
      </c>
      <c r="B22873" s="2">
        <v>18052.0</v>
      </c>
      <c r="C22873" s="1" t="s">
        <v>5</v>
      </c>
      <c r="D22873" s="1" t="s">
        <v>19366</v>
      </c>
      <c r="E22873" s="1" t="s">
        <v>19367</v>
      </c>
    </row>
    <row r="22874">
      <c r="A22874" s="1">
        <v>4.90887453E8</v>
      </c>
      <c r="B22874" s="2">
        <v>18157.0</v>
      </c>
      <c r="C22874" s="1" t="s">
        <v>5</v>
      </c>
      <c r="D22874" s="1" t="s">
        <v>11</v>
      </c>
      <c r="E22874" s="1" t="s">
        <v>7</v>
      </c>
    </row>
    <row r="22875">
      <c r="A22875" s="1">
        <v>4.90887502E8</v>
      </c>
      <c r="B22875" s="2">
        <v>18151.0</v>
      </c>
      <c r="C22875" s="1" t="s">
        <v>5</v>
      </c>
      <c r="D22875" s="1" t="s">
        <v>19368</v>
      </c>
      <c r="E22875" s="1" t="s">
        <v>19369</v>
      </c>
    </row>
    <row r="22876">
      <c r="A22876" s="1">
        <v>4.90887519E8</v>
      </c>
      <c r="B22876" s="2">
        <v>18168.0</v>
      </c>
      <c r="C22876" s="1" t="s">
        <v>5</v>
      </c>
      <c r="D22876" s="1" t="s">
        <v>19370</v>
      </c>
      <c r="E22876" s="1" t="s">
        <v>7</v>
      </c>
    </row>
    <row r="22877">
      <c r="A22877" s="1">
        <v>4.90887559E8</v>
      </c>
      <c r="B22877" s="2">
        <v>18051.0</v>
      </c>
      <c r="C22877" s="1" t="s">
        <v>5</v>
      </c>
      <c r="D22877" s="1" t="s">
        <v>19371</v>
      </c>
      <c r="E22877" s="1" t="s">
        <v>7</v>
      </c>
    </row>
    <row r="22878">
      <c r="A22878" s="1">
        <v>4.90887729E8</v>
      </c>
      <c r="B22878" s="2">
        <v>18155.0</v>
      </c>
      <c r="C22878" s="1" t="s">
        <v>5</v>
      </c>
      <c r="D22878" s="1" t="s">
        <v>19372</v>
      </c>
      <c r="E22878" s="1" t="s">
        <v>11</v>
      </c>
    </row>
    <row r="22879">
      <c r="A22879" s="1">
        <v>4.90887763E8</v>
      </c>
      <c r="B22879" s="2">
        <v>18094.0</v>
      </c>
      <c r="C22879" s="1" t="s">
        <v>5</v>
      </c>
      <c r="D22879" s="1" t="s">
        <v>11</v>
      </c>
      <c r="E22879" s="1" t="s">
        <v>7</v>
      </c>
    </row>
    <row r="22880">
      <c r="A22880" s="1">
        <v>4.90887764E8</v>
      </c>
      <c r="B22880" s="2">
        <v>18130.0</v>
      </c>
      <c r="C22880" s="1" t="s">
        <v>5</v>
      </c>
      <c r="D22880" s="1" t="s">
        <v>19373</v>
      </c>
      <c r="E22880" s="1" t="s">
        <v>11</v>
      </c>
    </row>
    <row r="22881">
      <c r="A22881" s="1">
        <v>4.90887791E8</v>
      </c>
      <c r="B22881" s="2">
        <v>18155.0</v>
      </c>
      <c r="C22881" s="1" t="s">
        <v>5</v>
      </c>
      <c r="D22881" s="1" t="s">
        <v>19374</v>
      </c>
      <c r="E22881" s="1" t="s">
        <v>7</v>
      </c>
    </row>
    <row r="22882">
      <c r="A22882" s="1">
        <v>4.90887879E8</v>
      </c>
      <c r="B22882" s="2">
        <v>18108.0</v>
      </c>
      <c r="C22882" s="1" t="s">
        <v>5</v>
      </c>
      <c r="D22882" s="1" t="s">
        <v>19375</v>
      </c>
      <c r="E22882" s="1" t="s">
        <v>7</v>
      </c>
    </row>
    <row r="22883">
      <c r="A22883" s="1">
        <v>4.90888024E8</v>
      </c>
      <c r="B22883" s="2">
        <v>18141.0</v>
      </c>
      <c r="C22883" s="1" t="s">
        <v>5</v>
      </c>
      <c r="D22883" s="1" t="s">
        <v>19376</v>
      </c>
      <c r="E22883" s="1" t="s">
        <v>7</v>
      </c>
    </row>
    <row r="22884">
      <c r="A22884" s="1">
        <v>4.90888073E8</v>
      </c>
      <c r="B22884" s="2">
        <v>18103.0</v>
      </c>
      <c r="C22884" s="1" t="s">
        <v>5</v>
      </c>
      <c r="D22884" s="1" t="s">
        <v>19377</v>
      </c>
      <c r="E22884" s="1" t="s">
        <v>19378</v>
      </c>
    </row>
    <row r="22885">
      <c r="A22885" s="1">
        <v>4.90888106E8</v>
      </c>
      <c r="B22885" s="2">
        <v>18108.0</v>
      </c>
      <c r="C22885" s="1" t="s">
        <v>5</v>
      </c>
      <c r="D22885" s="1" t="s">
        <v>11</v>
      </c>
      <c r="E22885" s="1" t="s">
        <v>7</v>
      </c>
    </row>
    <row r="22886">
      <c r="A22886" s="1">
        <v>4.9088813E8</v>
      </c>
      <c r="B22886" s="2">
        <v>18109.0</v>
      </c>
      <c r="C22886" s="1" t="s">
        <v>5</v>
      </c>
      <c r="D22886" s="1" t="s">
        <v>19379</v>
      </c>
      <c r="E22886" s="1" t="s">
        <v>7</v>
      </c>
    </row>
    <row r="22887">
      <c r="A22887" s="1">
        <v>4.90888152E8</v>
      </c>
      <c r="B22887" s="2">
        <v>18165.0</v>
      </c>
      <c r="C22887" s="1" t="s">
        <v>5</v>
      </c>
      <c r="D22887" s="1" t="s">
        <v>19380</v>
      </c>
      <c r="E22887" s="1" t="s">
        <v>7</v>
      </c>
    </row>
    <row r="22888">
      <c r="A22888" s="1">
        <v>4.90888181E8</v>
      </c>
      <c r="B22888" s="2">
        <v>18165.0</v>
      </c>
      <c r="C22888" s="1" t="s">
        <v>5</v>
      </c>
      <c r="D22888" s="1" t="s">
        <v>19381</v>
      </c>
      <c r="E22888" s="1" t="s">
        <v>7</v>
      </c>
    </row>
    <row r="22889">
      <c r="A22889" s="1">
        <v>4.9088821E8</v>
      </c>
      <c r="B22889" s="2">
        <v>18143.0</v>
      </c>
      <c r="C22889" s="1" t="s">
        <v>5</v>
      </c>
      <c r="D22889" s="1" t="s">
        <v>19382</v>
      </c>
      <c r="E22889" s="1" t="s">
        <v>7</v>
      </c>
    </row>
    <row r="22890">
      <c r="A22890" s="1">
        <v>4.90888279E8</v>
      </c>
      <c r="B22890" s="2">
        <v>18163.0</v>
      </c>
      <c r="C22890" s="1" t="s">
        <v>5</v>
      </c>
      <c r="D22890" s="1" t="s">
        <v>19383</v>
      </c>
      <c r="E22890" s="1" t="s">
        <v>7</v>
      </c>
    </row>
    <row r="22891">
      <c r="A22891" s="1">
        <v>4.90888315E8</v>
      </c>
      <c r="B22891" s="2">
        <v>18151.0</v>
      </c>
      <c r="C22891" s="1" t="s">
        <v>5</v>
      </c>
      <c r="D22891" s="1" t="s">
        <v>19384</v>
      </c>
      <c r="E22891" s="1" t="s">
        <v>7</v>
      </c>
    </row>
    <row r="22892">
      <c r="A22892" s="1">
        <v>4.90888359E8</v>
      </c>
      <c r="B22892" s="2">
        <v>18155.0</v>
      </c>
      <c r="C22892" s="1" t="s">
        <v>5</v>
      </c>
      <c r="D22892" s="1" t="s">
        <v>11</v>
      </c>
      <c r="E22892" s="1" t="s">
        <v>7</v>
      </c>
    </row>
    <row r="22893">
      <c r="A22893" s="1">
        <v>4.90888421E8</v>
      </c>
      <c r="B22893" s="2">
        <v>18156.0</v>
      </c>
      <c r="C22893" s="1" t="s">
        <v>5</v>
      </c>
      <c r="D22893" s="1" t="s">
        <v>19385</v>
      </c>
      <c r="E22893" s="1" t="s">
        <v>11</v>
      </c>
    </row>
    <row r="22894">
      <c r="A22894" s="1">
        <v>4.90888484E8</v>
      </c>
      <c r="B22894" s="2">
        <v>18168.0</v>
      </c>
      <c r="C22894" s="1" t="s">
        <v>5</v>
      </c>
      <c r="D22894" s="1" t="s">
        <v>11</v>
      </c>
      <c r="E22894" s="1" t="s">
        <v>7</v>
      </c>
    </row>
    <row r="22895">
      <c r="A22895" s="1">
        <v>4.90888519E8</v>
      </c>
      <c r="B22895" s="2">
        <v>18110.0</v>
      </c>
      <c r="C22895" s="1" t="s">
        <v>5</v>
      </c>
      <c r="D22895" s="1" t="s">
        <v>19386</v>
      </c>
      <c r="E22895" s="1" t="s">
        <v>7</v>
      </c>
    </row>
    <row r="22896">
      <c r="A22896" s="1">
        <v>4.90888551E8</v>
      </c>
      <c r="B22896" s="2">
        <v>18102.0</v>
      </c>
      <c r="C22896" s="1" t="s">
        <v>5</v>
      </c>
      <c r="D22896" s="1" t="s">
        <v>19387</v>
      </c>
      <c r="E22896" s="1" t="s">
        <v>7</v>
      </c>
    </row>
    <row r="22897">
      <c r="A22897" s="1">
        <v>4.90888584E8</v>
      </c>
      <c r="B22897" s="2">
        <v>18157.0</v>
      </c>
      <c r="C22897" s="1" t="s">
        <v>5</v>
      </c>
      <c r="D22897" s="1" t="s">
        <v>19388</v>
      </c>
      <c r="E22897" s="1" t="s">
        <v>7</v>
      </c>
    </row>
    <row r="22898">
      <c r="A22898" s="1">
        <v>4.90888604E8</v>
      </c>
      <c r="B22898" s="2">
        <v>18112.0</v>
      </c>
      <c r="C22898" s="1" t="s">
        <v>5</v>
      </c>
      <c r="D22898" s="1" t="s">
        <v>11</v>
      </c>
      <c r="E22898" s="1" t="s">
        <v>7</v>
      </c>
    </row>
    <row r="22899">
      <c r="A22899" s="1">
        <v>4.90888679E8</v>
      </c>
      <c r="B22899" s="2">
        <v>18112.0</v>
      </c>
      <c r="C22899" s="1" t="s">
        <v>5</v>
      </c>
      <c r="D22899" s="1" t="s">
        <v>11</v>
      </c>
      <c r="E22899" s="1" t="s">
        <v>7</v>
      </c>
    </row>
    <row r="22900">
      <c r="A22900" s="1">
        <v>4.90888704E8</v>
      </c>
      <c r="B22900" s="2">
        <v>18156.0</v>
      </c>
      <c r="C22900" s="1" t="s">
        <v>5</v>
      </c>
      <c r="D22900" s="1" t="s">
        <v>19389</v>
      </c>
      <c r="E22900" s="1" t="s">
        <v>11</v>
      </c>
    </row>
    <row r="22901">
      <c r="A22901" s="1">
        <v>4.90888799E8</v>
      </c>
      <c r="B22901" s="2">
        <v>18136.0</v>
      </c>
      <c r="C22901" s="1" t="s">
        <v>5</v>
      </c>
      <c r="D22901" s="1" t="s">
        <v>7</v>
      </c>
      <c r="E22901" s="1" t="s">
        <v>7</v>
      </c>
    </row>
    <row r="22902">
      <c r="A22902" s="1">
        <v>4.90888804E8</v>
      </c>
      <c r="B22902" s="2">
        <v>18155.0</v>
      </c>
      <c r="C22902" s="1" t="s">
        <v>5</v>
      </c>
      <c r="D22902" s="1" t="s">
        <v>11</v>
      </c>
      <c r="E22902" s="1" t="s">
        <v>7</v>
      </c>
    </row>
    <row r="22903">
      <c r="A22903" s="1">
        <v>4.90888837E8</v>
      </c>
      <c r="B22903" s="2">
        <v>18110.0</v>
      </c>
      <c r="C22903" s="1" t="s">
        <v>5</v>
      </c>
      <c r="D22903" s="1" t="s">
        <v>11</v>
      </c>
      <c r="E22903" s="1" t="s">
        <v>7</v>
      </c>
    </row>
    <row r="22904">
      <c r="A22904" s="1">
        <v>4.90888849E8</v>
      </c>
      <c r="B22904" s="2">
        <v>18143.0</v>
      </c>
      <c r="C22904" s="1" t="s">
        <v>5</v>
      </c>
      <c r="D22904" s="1" t="s">
        <v>19390</v>
      </c>
      <c r="E22904" s="1" t="s">
        <v>7</v>
      </c>
    </row>
    <row r="22905">
      <c r="A22905" s="1">
        <v>4.90888864E8</v>
      </c>
      <c r="B22905" s="2">
        <v>18155.0</v>
      </c>
      <c r="C22905" s="1" t="s">
        <v>5</v>
      </c>
      <c r="D22905" s="1" t="s">
        <v>19391</v>
      </c>
      <c r="E22905" s="1" t="s">
        <v>7</v>
      </c>
    </row>
    <row r="22906">
      <c r="A22906" s="1">
        <v>4.90888953E8</v>
      </c>
      <c r="B22906" s="2">
        <v>18102.0</v>
      </c>
      <c r="C22906" s="1" t="s">
        <v>5</v>
      </c>
      <c r="D22906" s="1" t="s">
        <v>19392</v>
      </c>
      <c r="E22906" s="1" t="s">
        <v>11</v>
      </c>
    </row>
    <row r="22907">
      <c r="A22907" s="1">
        <v>4.90888962E8</v>
      </c>
      <c r="B22907" s="2">
        <v>18109.0</v>
      </c>
      <c r="C22907" s="1" t="s">
        <v>5</v>
      </c>
      <c r="D22907" s="1" t="s">
        <v>19393</v>
      </c>
      <c r="E22907" s="1" t="s">
        <v>7</v>
      </c>
    </row>
    <row r="22908">
      <c r="A22908" s="1">
        <v>4.90888964E8</v>
      </c>
      <c r="B22908" s="2">
        <v>18102.0</v>
      </c>
      <c r="C22908" s="1" t="s">
        <v>5</v>
      </c>
      <c r="D22908" s="1" t="s">
        <v>19394</v>
      </c>
      <c r="E22908" s="1" t="s">
        <v>7</v>
      </c>
    </row>
    <row r="22909">
      <c r="A22909" s="1">
        <v>4.90888969E8</v>
      </c>
      <c r="B22909" s="2">
        <v>18099.0</v>
      </c>
      <c r="C22909" s="1" t="s">
        <v>5</v>
      </c>
      <c r="D22909" s="1" t="s">
        <v>11</v>
      </c>
      <c r="E22909" s="1" t="s">
        <v>7</v>
      </c>
    </row>
    <row r="22910">
      <c r="A22910" s="1">
        <v>4.90889035E8</v>
      </c>
      <c r="B22910" s="2">
        <v>18092.0</v>
      </c>
      <c r="C22910" s="1" t="s">
        <v>5</v>
      </c>
      <c r="D22910" s="1" t="s">
        <v>19395</v>
      </c>
      <c r="E22910" s="1" t="s">
        <v>11</v>
      </c>
    </row>
    <row r="22911">
      <c r="A22911" s="1">
        <v>4.90889037E8</v>
      </c>
      <c r="B22911" s="2">
        <v>18156.0</v>
      </c>
      <c r="C22911" s="1" t="s">
        <v>5</v>
      </c>
      <c r="D22911" s="1" t="s">
        <v>11</v>
      </c>
      <c r="E22911" s="1" t="s">
        <v>7</v>
      </c>
    </row>
    <row r="22912">
      <c r="A22912" s="1">
        <v>4.90889044E8</v>
      </c>
      <c r="B22912" s="2">
        <v>18086.0</v>
      </c>
      <c r="C22912" s="1" t="s">
        <v>5</v>
      </c>
      <c r="D22912" s="1" t="s">
        <v>19396</v>
      </c>
      <c r="E22912" s="1" t="s">
        <v>11</v>
      </c>
    </row>
    <row r="22913">
      <c r="A22913" s="1">
        <v>4.90889079E8</v>
      </c>
      <c r="B22913" s="2">
        <v>18131.0</v>
      </c>
      <c r="C22913" s="1" t="s">
        <v>5</v>
      </c>
      <c r="D22913" s="1" t="s">
        <v>11</v>
      </c>
      <c r="E22913" s="1" t="s">
        <v>7</v>
      </c>
    </row>
    <row r="22914">
      <c r="A22914" s="1">
        <v>4.90889109E8</v>
      </c>
      <c r="B22914" s="2">
        <v>18145.0</v>
      </c>
      <c r="C22914" s="1" t="s">
        <v>5</v>
      </c>
      <c r="D22914" s="1" t="s">
        <v>19397</v>
      </c>
      <c r="E22914" s="1" t="s">
        <v>7</v>
      </c>
    </row>
    <row r="22915">
      <c r="A22915" s="1">
        <v>4.90889119E8</v>
      </c>
      <c r="B22915" s="2">
        <v>18109.0</v>
      </c>
      <c r="C22915" s="1" t="s">
        <v>5</v>
      </c>
      <c r="D22915" s="1" t="s">
        <v>19398</v>
      </c>
      <c r="E22915" s="1" t="s">
        <v>11</v>
      </c>
    </row>
    <row r="22916">
      <c r="A22916" s="1">
        <v>4.90889129E8</v>
      </c>
      <c r="B22916" s="2">
        <v>18147.0</v>
      </c>
      <c r="C22916" s="1" t="s">
        <v>5</v>
      </c>
      <c r="D22916" s="1" t="s">
        <v>19399</v>
      </c>
      <c r="E22916" s="1" t="s">
        <v>7</v>
      </c>
    </row>
    <row r="22917">
      <c r="A22917" s="1">
        <v>4.90889217E8</v>
      </c>
      <c r="B22917" s="2">
        <v>18101.0</v>
      </c>
      <c r="C22917" s="1" t="s">
        <v>5</v>
      </c>
      <c r="D22917" s="1" t="s">
        <v>19400</v>
      </c>
      <c r="E22917" s="1" t="s">
        <v>11</v>
      </c>
    </row>
    <row r="22918">
      <c r="A22918" s="1">
        <v>4.90889281E8</v>
      </c>
      <c r="B22918" s="2">
        <v>18101.0</v>
      </c>
      <c r="C22918" s="1" t="s">
        <v>5</v>
      </c>
      <c r="D22918" s="1" t="s">
        <v>19401</v>
      </c>
      <c r="E22918" s="1" t="s">
        <v>7</v>
      </c>
    </row>
    <row r="22919">
      <c r="A22919" s="1">
        <v>4.90889312E8</v>
      </c>
      <c r="B22919" s="2">
        <v>18091.0</v>
      </c>
      <c r="C22919" s="1" t="s">
        <v>5</v>
      </c>
      <c r="D22919" s="1" t="s">
        <v>19402</v>
      </c>
      <c r="E22919" s="1" t="s">
        <v>11</v>
      </c>
    </row>
    <row r="22920">
      <c r="A22920" s="1">
        <v>4.90889319E8</v>
      </c>
      <c r="B22920" s="2">
        <v>18129.0</v>
      </c>
      <c r="C22920" s="1" t="s">
        <v>5</v>
      </c>
      <c r="D22920" s="1" t="s">
        <v>11</v>
      </c>
      <c r="E22920" s="1" t="s">
        <v>7</v>
      </c>
    </row>
    <row r="22921">
      <c r="A22921" s="1">
        <v>4.90889359E8</v>
      </c>
      <c r="B22921" s="2">
        <v>18147.0</v>
      </c>
      <c r="C22921" s="1" t="s">
        <v>5</v>
      </c>
      <c r="D22921" s="1" t="s">
        <v>19403</v>
      </c>
      <c r="E22921" s="1" t="s">
        <v>7</v>
      </c>
    </row>
    <row r="22922">
      <c r="A22922" s="1">
        <v>4.90889399E8</v>
      </c>
      <c r="B22922" s="2">
        <v>18098.0</v>
      </c>
      <c r="C22922" s="1" t="s">
        <v>5</v>
      </c>
      <c r="D22922" s="1" t="s">
        <v>11</v>
      </c>
      <c r="E22922" s="1" t="s">
        <v>7</v>
      </c>
    </row>
    <row r="22923">
      <c r="A22923" s="1">
        <v>4.90889422E8</v>
      </c>
      <c r="B22923" s="2">
        <v>18199.0</v>
      </c>
      <c r="C22923" s="1" t="s">
        <v>5</v>
      </c>
      <c r="D22923" s="1" t="s">
        <v>19404</v>
      </c>
      <c r="E22923" s="1" t="s">
        <v>7</v>
      </c>
    </row>
    <row r="22924">
      <c r="A22924" s="1">
        <v>4.90889434E8</v>
      </c>
      <c r="B22924" s="2">
        <v>18145.0</v>
      </c>
      <c r="C22924" s="1" t="s">
        <v>5</v>
      </c>
      <c r="D22924" s="1" t="s">
        <v>11</v>
      </c>
      <c r="E22924" s="1" t="s">
        <v>7</v>
      </c>
    </row>
    <row r="22925">
      <c r="A22925" s="1">
        <v>4.90889464E8</v>
      </c>
      <c r="B22925" s="2">
        <v>18198.0</v>
      </c>
      <c r="C22925" s="1" t="s">
        <v>5</v>
      </c>
      <c r="D22925" s="1" t="s">
        <v>19405</v>
      </c>
      <c r="E22925" s="1" t="s">
        <v>7</v>
      </c>
    </row>
    <row r="22926">
      <c r="A22926" s="1">
        <v>4.90889472E8</v>
      </c>
      <c r="B22926" s="2">
        <v>18143.0</v>
      </c>
      <c r="C22926" s="1" t="s">
        <v>5</v>
      </c>
      <c r="D22926" s="1" t="s">
        <v>11</v>
      </c>
      <c r="E22926" s="1" t="s">
        <v>7</v>
      </c>
    </row>
    <row r="22927">
      <c r="A22927" s="1">
        <v>4.90889635E8</v>
      </c>
      <c r="B22927" s="2">
        <v>18088.0</v>
      </c>
      <c r="C22927" s="1" t="s">
        <v>5</v>
      </c>
      <c r="D22927" s="1" t="s">
        <v>19406</v>
      </c>
      <c r="E22927" s="1" t="s">
        <v>7</v>
      </c>
    </row>
    <row r="22928">
      <c r="A22928" s="1">
        <v>4.90889639E8</v>
      </c>
      <c r="B22928" s="2">
        <v>18200.0</v>
      </c>
      <c r="C22928" s="1" t="s">
        <v>5</v>
      </c>
      <c r="D22928" s="1" t="s">
        <v>19407</v>
      </c>
      <c r="E22928" s="1" t="s">
        <v>7</v>
      </c>
    </row>
    <row r="22929">
      <c r="A22929" s="1">
        <v>4.90889678E8</v>
      </c>
      <c r="B22929" s="2">
        <v>18099.0</v>
      </c>
      <c r="C22929" s="1" t="s">
        <v>5</v>
      </c>
      <c r="D22929" s="1" t="s">
        <v>19408</v>
      </c>
      <c r="E22929" s="1" t="s">
        <v>11</v>
      </c>
    </row>
    <row r="22930">
      <c r="A22930" s="1">
        <v>4.90889679E8</v>
      </c>
      <c r="B22930" s="2">
        <v>18200.0</v>
      </c>
      <c r="C22930" s="1" t="s">
        <v>5</v>
      </c>
      <c r="D22930" s="1" t="s">
        <v>19409</v>
      </c>
      <c r="E22930" s="1" t="s">
        <v>11</v>
      </c>
    </row>
    <row r="22931">
      <c r="A22931" s="1">
        <v>4.90889809E8</v>
      </c>
      <c r="B22931" s="2">
        <v>18201.0</v>
      </c>
      <c r="C22931" s="1" t="s">
        <v>5</v>
      </c>
      <c r="D22931" s="1" t="s">
        <v>19410</v>
      </c>
      <c r="E22931" s="1" t="s">
        <v>7</v>
      </c>
    </row>
    <row r="22932">
      <c r="A22932" s="1">
        <v>4.90889883E8</v>
      </c>
      <c r="B22932" s="2">
        <v>18123.0</v>
      </c>
      <c r="C22932" s="1" t="s">
        <v>5</v>
      </c>
      <c r="D22932" s="1" t="s">
        <v>11</v>
      </c>
      <c r="E22932" s="1" t="s">
        <v>7</v>
      </c>
    </row>
    <row r="22933">
      <c r="A22933" s="1">
        <v>4.9088997E8</v>
      </c>
      <c r="B22933" s="2">
        <v>18201.0</v>
      </c>
      <c r="C22933" s="1" t="s">
        <v>5</v>
      </c>
      <c r="D22933" s="1" t="s">
        <v>11</v>
      </c>
      <c r="E22933" s="1" t="s">
        <v>7</v>
      </c>
    </row>
    <row r="22934">
      <c r="A22934" s="1">
        <v>4.9088999E8</v>
      </c>
      <c r="B22934" s="2">
        <v>18194.0</v>
      </c>
      <c r="C22934" s="1" t="s">
        <v>5</v>
      </c>
      <c r="D22934" s="1" t="s">
        <v>11</v>
      </c>
      <c r="E22934" s="1" t="s">
        <v>7</v>
      </c>
    </row>
    <row r="22935">
      <c r="A22935" s="1">
        <v>4.9089001E8</v>
      </c>
      <c r="B22935" s="2">
        <v>18122.0</v>
      </c>
      <c r="C22935" s="1" t="s">
        <v>5</v>
      </c>
      <c r="D22935" s="1" t="s">
        <v>19411</v>
      </c>
      <c r="E22935" s="1" t="s">
        <v>7</v>
      </c>
    </row>
    <row r="22936">
      <c r="A22936" s="1">
        <v>4.90890013E8</v>
      </c>
      <c r="B22936" s="2">
        <v>18103.0</v>
      </c>
      <c r="C22936" s="1" t="s">
        <v>5</v>
      </c>
      <c r="D22936" s="1" t="s">
        <v>19412</v>
      </c>
      <c r="E22936" s="1" t="s">
        <v>7</v>
      </c>
    </row>
    <row r="22937">
      <c r="A22937" s="1">
        <v>4.90890034E8</v>
      </c>
      <c r="B22937" s="2">
        <v>18124.0</v>
      </c>
      <c r="C22937" s="1" t="s">
        <v>5</v>
      </c>
      <c r="D22937" s="1" t="s">
        <v>11</v>
      </c>
      <c r="E22937" s="1" t="s">
        <v>7</v>
      </c>
    </row>
    <row r="22938">
      <c r="A22938" s="1">
        <v>4.90890079E8</v>
      </c>
      <c r="B22938" s="2">
        <v>18145.0</v>
      </c>
      <c r="C22938" s="1" t="s">
        <v>5</v>
      </c>
      <c r="D22938" s="1" t="s">
        <v>19413</v>
      </c>
      <c r="E22938" s="1" t="s">
        <v>7</v>
      </c>
    </row>
    <row r="22939">
      <c r="A22939" s="1">
        <v>4.90890088E8</v>
      </c>
      <c r="B22939" s="2">
        <v>18194.0</v>
      </c>
      <c r="C22939" s="1" t="s">
        <v>5</v>
      </c>
      <c r="D22939" s="1" t="s">
        <v>19414</v>
      </c>
      <c r="E22939" s="1" t="s">
        <v>7</v>
      </c>
    </row>
    <row r="22940">
      <c r="A22940" s="1">
        <v>4.90890102E8</v>
      </c>
      <c r="B22940" s="2">
        <v>18144.0</v>
      </c>
      <c r="C22940" s="1" t="s">
        <v>5</v>
      </c>
      <c r="D22940" s="1" t="s">
        <v>19415</v>
      </c>
      <c r="E22940" s="1" t="s">
        <v>7</v>
      </c>
    </row>
    <row r="22941">
      <c r="A22941" s="1">
        <v>4.90890152E8</v>
      </c>
      <c r="B22941" s="2">
        <v>18200.0</v>
      </c>
      <c r="C22941" s="1" t="s">
        <v>5</v>
      </c>
      <c r="D22941" s="1" t="s">
        <v>19416</v>
      </c>
      <c r="E22941" s="1" t="s">
        <v>11</v>
      </c>
    </row>
    <row r="22942">
      <c r="A22942" s="1">
        <v>4.90890163E8</v>
      </c>
      <c r="B22942" s="2">
        <v>18198.0</v>
      </c>
      <c r="C22942" s="1" t="s">
        <v>5</v>
      </c>
      <c r="D22942" s="1" t="s">
        <v>19417</v>
      </c>
      <c r="E22942" s="1" t="s">
        <v>7</v>
      </c>
    </row>
    <row r="22943">
      <c r="A22943" s="1">
        <v>4.90890279E8</v>
      </c>
      <c r="B22943" s="2">
        <v>18198.0</v>
      </c>
      <c r="C22943" s="1" t="s">
        <v>5</v>
      </c>
      <c r="D22943" s="1" t="s">
        <v>19418</v>
      </c>
      <c r="E22943" s="1" t="s">
        <v>19419</v>
      </c>
    </row>
    <row r="22944">
      <c r="A22944" s="1">
        <v>4.90890319E8</v>
      </c>
      <c r="B22944" s="2">
        <v>18198.0</v>
      </c>
      <c r="C22944" s="1" t="s">
        <v>5</v>
      </c>
      <c r="D22944" s="1" t="s">
        <v>11</v>
      </c>
      <c r="E22944" s="1" t="s">
        <v>7</v>
      </c>
    </row>
    <row r="22945">
      <c r="A22945" s="1">
        <v>4.90890415E8</v>
      </c>
      <c r="B22945" s="2">
        <v>18197.0</v>
      </c>
      <c r="C22945" s="1" t="s">
        <v>5</v>
      </c>
      <c r="D22945" s="1" t="s">
        <v>11</v>
      </c>
      <c r="E22945" s="1" t="s">
        <v>7</v>
      </c>
    </row>
    <row r="22946">
      <c r="A22946" s="1">
        <v>4.90890519E8</v>
      </c>
      <c r="B22946" s="2">
        <v>18196.0</v>
      </c>
      <c r="C22946" s="1" t="s">
        <v>5</v>
      </c>
      <c r="D22946" s="1" t="s">
        <v>19420</v>
      </c>
      <c r="E22946" s="1" t="s">
        <v>7</v>
      </c>
    </row>
    <row r="22947">
      <c r="A22947" s="1">
        <v>4.90890524E8</v>
      </c>
      <c r="B22947" s="2">
        <v>18088.0</v>
      </c>
      <c r="C22947" s="1" t="s">
        <v>5</v>
      </c>
      <c r="D22947" s="1" t="s">
        <v>11</v>
      </c>
      <c r="E22947" s="1" t="s">
        <v>7</v>
      </c>
    </row>
    <row r="22948">
      <c r="A22948" s="1">
        <v>4.90890623E8</v>
      </c>
      <c r="B22948" s="2">
        <v>18186.0</v>
      </c>
      <c r="C22948" s="1" t="s">
        <v>5</v>
      </c>
      <c r="D22948" s="1" t="s">
        <v>19421</v>
      </c>
      <c r="E22948" s="1" t="s">
        <v>11</v>
      </c>
    </row>
    <row r="22949">
      <c r="A22949" s="1">
        <v>4.90890684E8</v>
      </c>
      <c r="B22949" s="2">
        <v>18199.0</v>
      </c>
      <c r="C22949" s="1" t="s">
        <v>5</v>
      </c>
      <c r="D22949" s="1" t="s">
        <v>7</v>
      </c>
      <c r="E22949" s="1" t="s">
        <v>7</v>
      </c>
    </row>
    <row r="22950">
      <c r="A22950" s="1">
        <v>4.90890713E8</v>
      </c>
      <c r="B22950" s="2">
        <v>18087.0</v>
      </c>
      <c r="C22950" s="1" t="s">
        <v>5</v>
      </c>
      <c r="D22950" s="1" t="s">
        <v>19422</v>
      </c>
      <c r="E22950" s="1" t="s">
        <v>11</v>
      </c>
    </row>
    <row r="22951">
      <c r="A22951" s="1">
        <v>4.90890744E8</v>
      </c>
      <c r="B22951" s="2">
        <v>18142.0</v>
      </c>
      <c r="C22951" s="1" t="s">
        <v>5</v>
      </c>
      <c r="D22951" s="1" t="s">
        <v>11</v>
      </c>
      <c r="E22951" s="1" t="s">
        <v>7</v>
      </c>
    </row>
    <row r="22952">
      <c r="A22952" s="1">
        <v>4.90890769E8</v>
      </c>
      <c r="B22952" s="2">
        <v>18117.0</v>
      </c>
      <c r="C22952" s="1" t="s">
        <v>5</v>
      </c>
      <c r="D22952" s="1" t="s">
        <v>11</v>
      </c>
      <c r="E22952" s="1" t="s">
        <v>7</v>
      </c>
    </row>
    <row r="22953">
      <c r="A22953" s="1">
        <v>4.90890869E8</v>
      </c>
      <c r="B22953" s="2">
        <v>18201.0</v>
      </c>
      <c r="C22953" s="1" t="s">
        <v>5</v>
      </c>
      <c r="D22953" s="1" t="s">
        <v>19423</v>
      </c>
      <c r="E22953" s="1" t="s">
        <v>7</v>
      </c>
    </row>
    <row r="22954">
      <c r="A22954" s="1">
        <v>4.9089093E8</v>
      </c>
      <c r="B22954" s="2">
        <v>18199.0</v>
      </c>
      <c r="C22954" s="1" t="s">
        <v>5</v>
      </c>
      <c r="D22954" s="1" t="s">
        <v>19424</v>
      </c>
      <c r="E22954" s="1" t="s">
        <v>7</v>
      </c>
    </row>
    <row r="22955">
      <c r="A22955" s="1">
        <v>4.90890946E8</v>
      </c>
      <c r="B22955" s="2">
        <v>18086.0</v>
      </c>
      <c r="C22955" s="1" t="s">
        <v>5</v>
      </c>
      <c r="D22955" s="1" t="s">
        <v>19425</v>
      </c>
      <c r="E22955" s="1" t="s">
        <v>11</v>
      </c>
    </row>
    <row r="22956">
      <c r="A22956" s="1">
        <v>4.90891035E8</v>
      </c>
      <c r="B22956" s="2">
        <v>18087.0</v>
      </c>
      <c r="C22956" s="1" t="s">
        <v>5</v>
      </c>
      <c r="D22956" s="1" t="s">
        <v>18110</v>
      </c>
      <c r="E22956" s="1" t="s">
        <v>7</v>
      </c>
    </row>
    <row r="22957">
      <c r="A22957" s="1">
        <v>4.9089105E8</v>
      </c>
      <c r="B22957" s="2">
        <v>18080.0</v>
      </c>
      <c r="C22957" s="1" t="s">
        <v>5</v>
      </c>
      <c r="D22957" s="1" t="s">
        <v>19426</v>
      </c>
      <c r="E22957" s="1" t="s">
        <v>7</v>
      </c>
    </row>
    <row r="22958">
      <c r="A22958" s="1">
        <v>4.90891117E8</v>
      </c>
      <c r="B22958" s="2">
        <v>18192.0</v>
      </c>
      <c r="C22958" s="1" t="s">
        <v>5</v>
      </c>
      <c r="D22958" s="1" t="s">
        <v>19427</v>
      </c>
      <c r="E22958" s="1" t="s">
        <v>11</v>
      </c>
    </row>
    <row r="22959">
      <c r="A22959" s="1">
        <v>4.90891193E8</v>
      </c>
      <c r="B22959" s="2">
        <v>18138.0</v>
      </c>
      <c r="C22959" s="1" t="s">
        <v>5</v>
      </c>
      <c r="D22959" s="1" t="s">
        <v>19428</v>
      </c>
      <c r="E22959" s="1" t="s">
        <v>7</v>
      </c>
    </row>
    <row r="22960">
      <c r="A22960" s="1">
        <v>4.90891252E8</v>
      </c>
      <c r="B22960" s="2">
        <v>18196.0</v>
      </c>
      <c r="C22960" s="1" t="s">
        <v>5</v>
      </c>
      <c r="D22960" s="1" t="s">
        <v>19429</v>
      </c>
      <c r="E22960" s="1" t="s">
        <v>7</v>
      </c>
    </row>
    <row r="22961">
      <c r="A22961" s="1">
        <v>4.90891322E8</v>
      </c>
      <c r="B22961" s="2">
        <v>18189.0</v>
      </c>
      <c r="C22961" s="1" t="s">
        <v>5</v>
      </c>
      <c r="D22961" s="1" t="s">
        <v>11</v>
      </c>
      <c r="E22961" s="1" t="s">
        <v>7</v>
      </c>
    </row>
    <row r="22962">
      <c r="A22962" s="1">
        <v>4.908914E8</v>
      </c>
      <c r="B22962" s="2">
        <v>18116.0</v>
      </c>
      <c r="C22962" s="1" t="s">
        <v>5</v>
      </c>
      <c r="D22962" s="1" t="s">
        <v>11</v>
      </c>
      <c r="E22962" s="1" t="s">
        <v>7</v>
      </c>
    </row>
    <row r="22963">
      <c r="A22963" s="1">
        <v>4.90891429E8</v>
      </c>
      <c r="B22963" s="2">
        <v>18085.0</v>
      </c>
      <c r="C22963" s="1" t="s">
        <v>5</v>
      </c>
      <c r="D22963" s="1" t="s">
        <v>19430</v>
      </c>
      <c r="E22963" s="1" t="s">
        <v>7</v>
      </c>
    </row>
    <row r="22964">
      <c r="A22964" s="1">
        <v>4.90891439E8</v>
      </c>
      <c r="B22964" s="2">
        <v>18198.0</v>
      </c>
      <c r="C22964" s="1" t="s">
        <v>5</v>
      </c>
      <c r="D22964" s="1" t="s">
        <v>19431</v>
      </c>
      <c r="E22964" s="1" t="s">
        <v>7</v>
      </c>
    </row>
    <row r="22965">
      <c r="A22965" s="1">
        <v>4.90891601E8</v>
      </c>
      <c r="B22965" s="2">
        <v>18130.0</v>
      </c>
      <c r="C22965" s="1" t="s">
        <v>5</v>
      </c>
      <c r="D22965" s="1" t="s">
        <v>11</v>
      </c>
      <c r="E22965" s="1" t="s">
        <v>7</v>
      </c>
    </row>
    <row r="22966">
      <c r="A22966" s="1">
        <v>4.90891613E8</v>
      </c>
      <c r="B22966" s="2">
        <v>18081.0</v>
      </c>
      <c r="C22966" s="1" t="s">
        <v>5</v>
      </c>
      <c r="D22966" s="1" t="s">
        <v>19432</v>
      </c>
      <c r="E22966" s="1" t="s">
        <v>19433</v>
      </c>
    </row>
    <row r="22967">
      <c r="A22967" s="1">
        <v>4.90891644E8</v>
      </c>
      <c r="B22967" s="2">
        <v>18185.0</v>
      </c>
      <c r="C22967" s="1" t="s">
        <v>5</v>
      </c>
      <c r="D22967" s="1" t="s">
        <v>19434</v>
      </c>
      <c r="E22967" s="1" t="s">
        <v>11</v>
      </c>
    </row>
    <row r="22968">
      <c r="A22968" s="1">
        <v>4.90891666E8</v>
      </c>
      <c r="B22968" s="2">
        <v>18086.0</v>
      </c>
      <c r="C22968" s="1" t="s">
        <v>5</v>
      </c>
      <c r="D22968" s="1" t="s">
        <v>19435</v>
      </c>
      <c r="E22968" s="1" t="s">
        <v>7</v>
      </c>
    </row>
    <row r="22969">
      <c r="A22969" s="1">
        <v>4.90891714E8</v>
      </c>
      <c r="B22969" s="2">
        <v>18191.0</v>
      </c>
      <c r="C22969" s="1" t="s">
        <v>5</v>
      </c>
      <c r="D22969" s="1" t="s">
        <v>11</v>
      </c>
      <c r="E22969" s="4" t="s">
        <v>19436</v>
      </c>
    </row>
    <row r="22970">
      <c r="A22970" s="1">
        <v>4.90891743E8</v>
      </c>
      <c r="B22970" s="2">
        <v>18138.0</v>
      </c>
      <c r="C22970" s="1" t="s">
        <v>5</v>
      </c>
      <c r="D22970" s="1" t="s">
        <v>19437</v>
      </c>
      <c r="E22970" s="1" t="s">
        <v>11</v>
      </c>
    </row>
    <row r="22971">
      <c r="A22971" s="1">
        <v>4.90891873E8</v>
      </c>
      <c r="B22971" s="2">
        <v>18196.0</v>
      </c>
      <c r="C22971" s="1" t="s">
        <v>5</v>
      </c>
      <c r="D22971" s="1" t="s">
        <v>19438</v>
      </c>
      <c r="E22971" s="1" t="s">
        <v>11</v>
      </c>
    </row>
    <row r="22972">
      <c r="A22972" s="1">
        <v>4.90891935E8</v>
      </c>
      <c r="B22972" s="2">
        <v>18130.0</v>
      </c>
      <c r="C22972" s="1" t="s">
        <v>5</v>
      </c>
      <c r="D22972" s="1" t="s">
        <v>19439</v>
      </c>
      <c r="E22972" s="1" t="s">
        <v>19440</v>
      </c>
    </row>
    <row r="22973">
      <c r="A22973" s="1">
        <v>4.90891976E8</v>
      </c>
      <c r="B22973" s="2">
        <v>18130.0</v>
      </c>
      <c r="C22973" s="1" t="s">
        <v>5</v>
      </c>
      <c r="D22973" s="1" t="s">
        <v>19441</v>
      </c>
      <c r="E22973" s="1" t="s">
        <v>7</v>
      </c>
    </row>
    <row r="22974">
      <c r="A22974" s="1">
        <v>4.9089216E8</v>
      </c>
      <c r="B22974" s="2">
        <v>18121.0</v>
      </c>
      <c r="C22974" s="1" t="s">
        <v>5</v>
      </c>
      <c r="D22974" s="1" t="s">
        <v>19442</v>
      </c>
      <c r="E22974" s="1" t="s">
        <v>7</v>
      </c>
    </row>
    <row r="22975">
      <c r="A22975" s="1">
        <v>4.90892224E8</v>
      </c>
      <c r="B22975" s="2">
        <v>18138.0</v>
      </c>
      <c r="C22975" s="1" t="s">
        <v>5</v>
      </c>
      <c r="D22975" s="1" t="s">
        <v>19443</v>
      </c>
      <c r="E22975" s="1" t="s">
        <v>7</v>
      </c>
    </row>
    <row r="22976">
      <c r="A22976" s="1">
        <v>4.90892279E8</v>
      </c>
      <c r="B22976" s="2">
        <v>18089.0</v>
      </c>
      <c r="C22976" s="1" t="s">
        <v>5</v>
      </c>
      <c r="D22976" s="1" t="s">
        <v>19444</v>
      </c>
      <c r="E22976" s="1" t="s">
        <v>7</v>
      </c>
    </row>
    <row r="22977">
      <c r="A22977" s="1">
        <v>4.90892313E8</v>
      </c>
      <c r="B22977" s="2">
        <v>18192.0</v>
      </c>
      <c r="C22977" s="1" t="s">
        <v>5</v>
      </c>
      <c r="D22977" s="1" t="s">
        <v>19445</v>
      </c>
      <c r="E22977" s="1" t="s">
        <v>7</v>
      </c>
    </row>
    <row r="22978">
      <c r="A22978" s="1">
        <v>4.90892353E8</v>
      </c>
      <c r="B22978" s="2">
        <v>18138.0</v>
      </c>
      <c r="C22978" s="1" t="s">
        <v>5</v>
      </c>
      <c r="D22978" s="1" t="s">
        <v>19446</v>
      </c>
      <c r="E22978" s="1" t="s">
        <v>7</v>
      </c>
    </row>
    <row r="22979">
      <c r="A22979" s="1">
        <v>4.90892474E8</v>
      </c>
      <c r="B22979" s="2">
        <v>18180.0</v>
      </c>
      <c r="C22979" s="1" t="s">
        <v>5</v>
      </c>
      <c r="D22979" s="1" t="s">
        <v>19447</v>
      </c>
      <c r="E22979" s="1" t="s">
        <v>7</v>
      </c>
    </row>
    <row r="22980">
      <c r="A22980" s="1">
        <v>4.90892502E8</v>
      </c>
      <c r="B22980" s="2">
        <v>18140.0</v>
      </c>
      <c r="C22980" s="1" t="s">
        <v>5</v>
      </c>
      <c r="D22980" s="1" t="s">
        <v>19448</v>
      </c>
      <c r="E22980" s="1" t="s">
        <v>7</v>
      </c>
    </row>
    <row r="22981">
      <c r="A22981" s="1">
        <v>4.90892637E8</v>
      </c>
      <c r="B22981" s="2">
        <v>18175.0</v>
      </c>
      <c r="C22981" s="1" t="s">
        <v>5</v>
      </c>
      <c r="D22981" s="1" t="s">
        <v>11</v>
      </c>
      <c r="E22981" s="1" t="s">
        <v>7</v>
      </c>
    </row>
    <row r="22982">
      <c r="A22982" s="1">
        <v>4.90892741E8</v>
      </c>
      <c r="B22982" s="2">
        <v>18141.0</v>
      </c>
      <c r="C22982" s="1" t="s">
        <v>5</v>
      </c>
      <c r="D22982" s="1" t="s">
        <v>19449</v>
      </c>
      <c r="E22982" s="1" t="s">
        <v>11</v>
      </c>
    </row>
    <row r="22983">
      <c r="A22983" s="1">
        <v>4.90892751E8</v>
      </c>
      <c r="B22983" s="2">
        <v>18180.0</v>
      </c>
      <c r="C22983" s="1" t="s">
        <v>5</v>
      </c>
      <c r="D22983" s="1" t="s">
        <v>19450</v>
      </c>
      <c r="E22983" s="1" t="s">
        <v>11</v>
      </c>
    </row>
    <row r="22984">
      <c r="A22984" s="1">
        <v>4.90892777E8</v>
      </c>
      <c r="B22984" s="2">
        <v>18183.0</v>
      </c>
      <c r="C22984" s="1" t="s">
        <v>5</v>
      </c>
      <c r="D22984" s="1" t="s">
        <v>19451</v>
      </c>
      <c r="E22984" s="1" t="s">
        <v>7</v>
      </c>
    </row>
    <row r="22985">
      <c r="A22985" s="1">
        <v>4.90892849E8</v>
      </c>
      <c r="B22985" s="2">
        <v>18180.0</v>
      </c>
      <c r="C22985" s="1" t="s">
        <v>5</v>
      </c>
      <c r="D22985" s="1" t="s">
        <v>19452</v>
      </c>
      <c r="E22985" s="1" t="s">
        <v>7</v>
      </c>
    </row>
    <row r="22986">
      <c r="A22986" s="1">
        <v>4.9089288E8</v>
      </c>
      <c r="B22986" s="2">
        <v>18141.0</v>
      </c>
      <c r="C22986" s="1" t="s">
        <v>5</v>
      </c>
      <c r="D22986" s="1" t="s">
        <v>19453</v>
      </c>
      <c r="E22986" s="1" t="s">
        <v>7</v>
      </c>
    </row>
    <row r="22987">
      <c r="A22987" s="1">
        <v>4.90892895E8</v>
      </c>
      <c r="B22987" s="2">
        <v>18168.0</v>
      </c>
      <c r="C22987" s="1" t="s">
        <v>5</v>
      </c>
      <c r="D22987" s="1" t="s">
        <v>19454</v>
      </c>
      <c r="E22987" s="1" t="s">
        <v>19455</v>
      </c>
    </row>
    <row r="22988">
      <c r="A22988" s="1">
        <v>4.90892915E8</v>
      </c>
      <c r="B22988" s="2">
        <v>18159.0</v>
      </c>
      <c r="C22988" s="1" t="s">
        <v>5</v>
      </c>
      <c r="D22988" s="1" t="s">
        <v>19456</v>
      </c>
      <c r="E22988" s="1" t="s">
        <v>11</v>
      </c>
    </row>
    <row r="22989">
      <c r="A22989" s="1">
        <v>4.90893E8</v>
      </c>
      <c r="B22989" s="2">
        <v>18182.0</v>
      </c>
      <c r="C22989" s="1" t="s">
        <v>5</v>
      </c>
      <c r="D22989" s="1" t="s">
        <v>19457</v>
      </c>
      <c r="E22989" s="1" t="s">
        <v>19458</v>
      </c>
    </row>
    <row r="22990">
      <c r="A22990" s="1">
        <v>4.90893072E8</v>
      </c>
      <c r="B22990" s="2">
        <v>18183.0</v>
      </c>
      <c r="C22990" s="1" t="s">
        <v>5</v>
      </c>
      <c r="D22990" s="1" t="s">
        <v>19459</v>
      </c>
      <c r="E22990" s="1" t="s">
        <v>7</v>
      </c>
    </row>
    <row r="22991">
      <c r="A22991" s="1">
        <v>4.90893095E8</v>
      </c>
      <c r="B22991" s="2">
        <v>18183.0</v>
      </c>
      <c r="C22991" s="1" t="s">
        <v>5</v>
      </c>
      <c r="D22991" s="1" t="s">
        <v>11</v>
      </c>
      <c r="E22991" s="1" t="s">
        <v>7</v>
      </c>
    </row>
    <row r="22992">
      <c r="A22992" s="1">
        <v>4.9089317E8</v>
      </c>
      <c r="B22992" s="2">
        <v>18135.0</v>
      </c>
      <c r="C22992" s="1" t="s">
        <v>5</v>
      </c>
      <c r="D22992" s="1" t="s">
        <v>11</v>
      </c>
      <c r="E22992" s="1" t="s">
        <v>7</v>
      </c>
    </row>
    <row r="22993">
      <c r="A22993" s="1">
        <v>4.90893216E8</v>
      </c>
      <c r="B22993" s="2">
        <v>18172.0</v>
      </c>
      <c r="C22993" s="1" t="s">
        <v>5</v>
      </c>
      <c r="D22993" s="1" t="s">
        <v>19460</v>
      </c>
      <c r="E22993" s="1" t="s">
        <v>19461</v>
      </c>
    </row>
    <row r="22994">
      <c r="A22994" s="1">
        <v>4.90893232E8</v>
      </c>
      <c r="B22994" s="2">
        <v>18178.0</v>
      </c>
      <c r="C22994" s="1" t="s">
        <v>5</v>
      </c>
      <c r="D22994" s="1" t="s">
        <v>11</v>
      </c>
      <c r="E22994" s="1" t="s">
        <v>7</v>
      </c>
    </row>
    <row r="22995">
      <c r="A22995" s="1">
        <v>4.90893233E8</v>
      </c>
      <c r="B22995" s="2">
        <v>18120.0</v>
      </c>
      <c r="C22995" s="1" t="s">
        <v>5</v>
      </c>
      <c r="D22995" s="1" t="s">
        <v>19462</v>
      </c>
      <c r="E22995" s="1" t="s">
        <v>7</v>
      </c>
    </row>
    <row r="22996">
      <c r="A22996" s="1">
        <v>4.90893281E8</v>
      </c>
      <c r="B22996" s="2">
        <v>18135.0</v>
      </c>
      <c r="C22996" s="1" t="s">
        <v>5</v>
      </c>
      <c r="D22996" s="1" t="s">
        <v>19463</v>
      </c>
      <c r="E22996" s="1" t="s">
        <v>11</v>
      </c>
    </row>
    <row r="22997">
      <c r="A22997" s="1">
        <v>4.9089329E8</v>
      </c>
      <c r="B22997" s="2">
        <v>18134.0</v>
      </c>
      <c r="C22997" s="1" t="s">
        <v>5</v>
      </c>
      <c r="D22997" s="1" t="s">
        <v>19464</v>
      </c>
      <c r="E22997" s="1" t="s">
        <v>7</v>
      </c>
    </row>
    <row r="22998">
      <c r="A22998" s="1">
        <v>4.90893337E8</v>
      </c>
      <c r="B22998" s="2">
        <v>18186.0</v>
      </c>
      <c r="C22998" s="1" t="s">
        <v>5</v>
      </c>
      <c r="D22998" s="1" t="s">
        <v>11</v>
      </c>
      <c r="E22998" s="1" t="s">
        <v>7</v>
      </c>
    </row>
    <row r="22999">
      <c r="A22999" s="1">
        <v>4.90893358E8</v>
      </c>
      <c r="B22999" s="2">
        <v>18187.0</v>
      </c>
      <c r="C22999" s="1" t="s">
        <v>5</v>
      </c>
      <c r="D22999" s="1" t="s">
        <v>19465</v>
      </c>
      <c r="E22999" s="1" t="s">
        <v>7</v>
      </c>
    </row>
    <row r="23000">
      <c r="A23000" s="1">
        <v>4.90893413E8</v>
      </c>
      <c r="B23000" s="2">
        <v>18133.0</v>
      </c>
      <c r="C23000" s="1" t="s">
        <v>5</v>
      </c>
      <c r="D23000" s="1" t="s">
        <v>7</v>
      </c>
      <c r="E23000" s="1" t="s">
        <v>7</v>
      </c>
    </row>
    <row r="23001">
      <c r="A23001" s="1">
        <v>4.90893431E8</v>
      </c>
      <c r="B23001" s="2">
        <v>18176.0</v>
      </c>
      <c r="C23001" s="1" t="s">
        <v>5</v>
      </c>
      <c r="D23001" s="1" t="s">
        <v>19466</v>
      </c>
      <c r="E23001" s="1" t="s">
        <v>7</v>
      </c>
    </row>
    <row r="23002">
      <c r="A23002" s="1">
        <v>4.90893449E8</v>
      </c>
      <c r="B23002" s="2">
        <v>18080.0</v>
      </c>
      <c r="C23002" s="1" t="s">
        <v>5</v>
      </c>
      <c r="D23002" s="1" t="s">
        <v>19467</v>
      </c>
      <c r="E23002" s="1" t="s">
        <v>11</v>
      </c>
    </row>
    <row r="23003">
      <c r="A23003" s="1">
        <v>4.90893478E8</v>
      </c>
      <c r="B23003" s="2">
        <v>18176.0</v>
      </c>
      <c r="C23003" s="1" t="s">
        <v>5</v>
      </c>
      <c r="D23003" s="1" t="s">
        <v>11</v>
      </c>
      <c r="E23003" s="1" t="s">
        <v>7</v>
      </c>
    </row>
    <row r="23004">
      <c r="A23004" s="1">
        <v>4.90893559E8</v>
      </c>
      <c r="B23004" s="2">
        <v>18182.0</v>
      </c>
      <c r="C23004" s="1" t="s">
        <v>5</v>
      </c>
      <c r="D23004" s="1" t="s">
        <v>19468</v>
      </c>
      <c r="E23004" s="1" t="s">
        <v>7</v>
      </c>
    </row>
    <row r="23005">
      <c r="A23005" s="1">
        <v>4.90893684E8</v>
      </c>
      <c r="B23005" s="2">
        <v>18138.0</v>
      </c>
      <c r="C23005" s="1" t="s">
        <v>5</v>
      </c>
      <c r="D23005" s="1" t="s">
        <v>11</v>
      </c>
      <c r="E23005" s="1" t="s">
        <v>7</v>
      </c>
    </row>
    <row r="23006">
      <c r="A23006" s="1">
        <v>4.90893724E8</v>
      </c>
      <c r="B23006" s="2">
        <v>18185.0</v>
      </c>
      <c r="C23006" s="1" t="s">
        <v>5</v>
      </c>
      <c r="D23006" s="1" t="s">
        <v>19469</v>
      </c>
      <c r="E23006" s="1" t="s">
        <v>7</v>
      </c>
    </row>
    <row r="23007">
      <c r="A23007" s="1">
        <v>4.90893754E8</v>
      </c>
      <c r="B23007" s="2">
        <v>18134.0</v>
      </c>
      <c r="C23007" s="1" t="s">
        <v>5</v>
      </c>
      <c r="D23007" s="1" t="s">
        <v>19470</v>
      </c>
      <c r="E23007" s="1" t="s">
        <v>7</v>
      </c>
    </row>
    <row r="23008">
      <c r="A23008" s="1">
        <v>4.90893769E8</v>
      </c>
      <c r="B23008" s="2">
        <v>18140.0</v>
      </c>
      <c r="C23008" s="1" t="s">
        <v>5</v>
      </c>
      <c r="D23008" s="1" t="s">
        <v>19471</v>
      </c>
      <c r="E23008" s="1" t="s">
        <v>19472</v>
      </c>
    </row>
    <row r="23009">
      <c r="A23009" s="1">
        <v>4.90893782E8</v>
      </c>
      <c r="B23009" s="2">
        <v>18129.0</v>
      </c>
      <c r="C23009" s="1" t="s">
        <v>5</v>
      </c>
      <c r="D23009" s="1" t="s">
        <v>19473</v>
      </c>
      <c r="E23009" s="1" t="s">
        <v>7</v>
      </c>
    </row>
    <row r="23010">
      <c r="A23010" s="1">
        <v>4.90893795E8</v>
      </c>
      <c r="B23010" s="2">
        <v>18120.0</v>
      </c>
      <c r="C23010" s="1" t="s">
        <v>5</v>
      </c>
      <c r="D23010" s="1" t="s">
        <v>19474</v>
      </c>
      <c r="E23010" s="1" t="s">
        <v>11</v>
      </c>
    </row>
    <row r="23011">
      <c r="A23011" s="1">
        <v>4.90893915E8</v>
      </c>
      <c r="B23011" s="2">
        <v>18180.0</v>
      </c>
      <c r="C23011" s="1" t="s">
        <v>5</v>
      </c>
      <c r="D23011" s="1" t="s">
        <v>19475</v>
      </c>
      <c r="E23011" s="1" t="s">
        <v>7</v>
      </c>
    </row>
    <row r="23012">
      <c r="A23012" s="1">
        <v>4.90894038E8</v>
      </c>
      <c r="B23012" s="2">
        <v>18179.0</v>
      </c>
      <c r="C23012" s="1" t="s">
        <v>5</v>
      </c>
      <c r="D23012" s="1" t="s">
        <v>19476</v>
      </c>
      <c r="E23012" s="1" t="s">
        <v>7</v>
      </c>
    </row>
    <row r="23013">
      <c r="A23013" s="1">
        <v>4.90894125E8</v>
      </c>
      <c r="B23013" s="2">
        <v>18129.0</v>
      </c>
      <c r="C23013" s="1" t="s">
        <v>5</v>
      </c>
      <c r="D23013" s="1" t="s">
        <v>11</v>
      </c>
      <c r="E23013" s="1" t="s">
        <v>7</v>
      </c>
    </row>
    <row r="23014">
      <c r="A23014" s="1">
        <v>4.90894133E8</v>
      </c>
      <c r="B23014" s="2">
        <v>18180.0</v>
      </c>
      <c r="C23014" s="1" t="s">
        <v>5</v>
      </c>
      <c r="D23014" s="1" t="s">
        <v>19477</v>
      </c>
      <c r="E23014" s="1" t="s">
        <v>7</v>
      </c>
    </row>
    <row r="23015">
      <c r="A23015" s="1">
        <v>4.90894154E8</v>
      </c>
      <c r="B23015" s="2">
        <v>18229.0</v>
      </c>
      <c r="C23015" s="1" t="s">
        <v>5</v>
      </c>
      <c r="D23015" s="1" t="s">
        <v>19478</v>
      </c>
      <c r="E23015" s="1" t="s">
        <v>7</v>
      </c>
    </row>
    <row r="23016">
      <c r="A23016" s="1">
        <v>4.9089417E8</v>
      </c>
      <c r="B23016" s="2">
        <v>18175.0</v>
      </c>
      <c r="C23016" s="1" t="s">
        <v>5</v>
      </c>
      <c r="D23016" s="1" t="s">
        <v>19479</v>
      </c>
      <c r="E23016" s="1" t="s">
        <v>11</v>
      </c>
    </row>
    <row r="23017">
      <c r="A23017" s="1">
        <v>4.90894191E8</v>
      </c>
      <c r="B23017" s="2">
        <v>18172.0</v>
      </c>
      <c r="C23017" s="1" t="s">
        <v>5</v>
      </c>
      <c r="D23017" s="1" t="s">
        <v>11</v>
      </c>
      <c r="E23017" s="1" t="s">
        <v>7</v>
      </c>
    </row>
    <row r="23018">
      <c r="A23018" s="1">
        <v>4.90894254E8</v>
      </c>
      <c r="B23018" s="2">
        <v>18172.0</v>
      </c>
      <c r="C23018" s="1" t="s">
        <v>5</v>
      </c>
      <c r="D23018" s="1" t="s">
        <v>19480</v>
      </c>
      <c r="E23018" s="1" t="s">
        <v>11</v>
      </c>
    </row>
    <row r="23019">
      <c r="A23019" s="1">
        <v>4.90894313E8</v>
      </c>
      <c r="B23019" s="2">
        <v>18136.0</v>
      </c>
      <c r="C23019" s="1" t="s">
        <v>5</v>
      </c>
      <c r="D23019" s="1" t="s">
        <v>19481</v>
      </c>
      <c r="E23019" s="1" t="s">
        <v>7</v>
      </c>
    </row>
    <row r="23020">
      <c r="A23020" s="1">
        <v>4.90894417E8</v>
      </c>
      <c r="B23020" s="2">
        <v>18129.0</v>
      </c>
      <c r="C23020" s="1" t="s">
        <v>5</v>
      </c>
      <c r="D23020" s="1" t="s">
        <v>19482</v>
      </c>
      <c r="E23020" s="1" t="s">
        <v>19483</v>
      </c>
    </row>
    <row r="23021">
      <c r="A23021" s="1">
        <v>4.90894592E8</v>
      </c>
      <c r="B23021" s="2">
        <v>18113.0</v>
      </c>
      <c r="C23021" s="1" t="s">
        <v>5</v>
      </c>
      <c r="D23021" s="1" t="s">
        <v>19484</v>
      </c>
      <c r="E23021" s="1" t="s">
        <v>19485</v>
      </c>
    </row>
    <row r="23022">
      <c r="A23022" s="1">
        <v>4.90894629E8</v>
      </c>
      <c r="B23022" s="2">
        <v>18123.0</v>
      </c>
      <c r="C23022" s="1" t="s">
        <v>5</v>
      </c>
      <c r="D23022" s="1" t="s">
        <v>19486</v>
      </c>
      <c r="E23022" s="1" t="s">
        <v>19487</v>
      </c>
    </row>
    <row r="23023">
      <c r="A23023" s="1">
        <v>4.90894706E8</v>
      </c>
      <c r="B23023" s="2">
        <v>18206.0</v>
      </c>
      <c r="C23023" s="1" t="s">
        <v>5</v>
      </c>
      <c r="D23023" s="1" t="s">
        <v>19488</v>
      </c>
      <c r="E23023" s="1" t="s">
        <v>7</v>
      </c>
    </row>
    <row r="23024">
      <c r="A23024" s="1">
        <v>4.90894719E8</v>
      </c>
      <c r="B23024" s="2">
        <v>18124.0</v>
      </c>
      <c r="C23024" s="1" t="s">
        <v>5</v>
      </c>
      <c r="D23024" s="1" t="s">
        <v>11</v>
      </c>
      <c r="E23024" s="1" t="s">
        <v>7</v>
      </c>
    </row>
    <row r="23025">
      <c r="A23025" s="1">
        <v>4.90894755E8</v>
      </c>
      <c r="B23025" s="2">
        <v>18173.0</v>
      </c>
      <c r="C23025" s="1" t="s">
        <v>5</v>
      </c>
      <c r="D23025" s="1" t="s">
        <v>19489</v>
      </c>
      <c r="E23025" s="1" t="s">
        <v>7</v>
      </c>
    </row>
    <row r="23026">
      <c r="A23026" s="1">
        <v>4.90894804E8</v>
      </c>
      <c r="B23026" s="2">
        <v>18176.0</v>
      </c>
      <c r="C23026" s="1" t="s">
        <v>5</v>
      </c>
      <c r="D23026" s="1" t="s">
        <v>19490</v>
      </c>
      <c r="E23026" s="1" t="s">
        <v>7</v>
      </c>
    </row>
    <row r="23027">
      <c r="A23027" s="1">
        <v>4.90894874E8</v>
      </c>
      <c r="B23027" s="2">
        <v>18227.0</v>
      </c>
      <c r="C23027" s="1" t="s">
        <v>5</v>
      </c>
      <c r="D23027" s="1" t="s">
        <v>19491</v>
      </c>
      <c r="E23027" s="1" t="s">
        <v>7</v>
      </c>
    </row>
    <row r="23028">
      <c r="A23028" s="1">
        <v>4.90894891E8</v>
      </c>
      <c r="B23028" s="2">
        <v>18131.0</v>
      </c>
      <c r="C23028" s="1" t="s">
        <v>5</v>
      </c>
      <c r="D23028" s="1" t="s">
        <v>19492</v>
      </c>
      <c r="E23028" s="1" t="s">
        <v>19493</v>
      </c>
    </row>
    <row r="23029">
      <c r="A23029" s="1">
        <v>4.90894991E8</v>
      </c>
      <c r="B23029" s="2">
        <v>18114.0</v>
      </c>
      <c r="C23029" s="1" t="s">
        <v>5</v>
      </c>
      <c r="D23029" s="1" t="s">
        <v>11</v>
      </c>
      <c r="E23029" s="1" t="s">
        <v>7</v>
      </c>
    </row>
    <row r="23030">
      <c r="A23030" s="1">
        <v>4.90894999E8</v>
      </c>
      <c r="B23030" s="2">
        <v>18171.0</v>
      </c>
      <c r="C23030" s="1" t="s">
        <v>5</v>
      </c>
      <c r="D23030" s="1" t="s">
        <v>11</v>
      </c>
      <c r="E23030" s="1" t="s">
        <v>7</v>
      </c>
    </row>
    <row r="23031">
      <c r="A23031" s="1">
        <v>4.90895124E8</v>
      </c>
      <c r="B23031" s="2">
        <v>18294.0</v>
      </c>
      <c r="C23031" s="1" t="s">
        <v>5</v>
      </c>
      <c r="D23031" s="1" t="s">
        <v>19494</v>
      </c>
      <c r="E23031" s="1" t="s">
        <v>7</v>
      </c>
    </row>
    <row r="23032">
      <c r="A23032" s="1">
        <v>4.90895172E8</v>
      </c>
      <c r="B23032" s="2">
        <v>18164.0</v>
      </c>
      <c r="C23032" s="1" t="s">
        <v>5</v>
      </c>
      <c r="D23032" s="1" t="s">
        <v>19495</v>
      </c>
      <c r="E23032" s="1" t="s">
        <v>19496</v>
      </c>
    </row>
    <row r="23033">
      <c r="A23033" s="1">
        <v>4.90895239E8</v>
      </c>
      <c r="B23033" s="2">
        <v>18173.0</v>
      </c>
      <c r="C23033" s="1" t="s">
        <v>5</v>
      </c>
      <c r="D23033" s="1" t="s">
        <v>19497</v>
      </c>
      <c r="E23033" s="1" t="s">
        <v>11</v>
      </c>
    </row>
    <row r="23034">
      <c r="A23034" s="1">
        <v>4.90895266E8</v>
      </c>
      <c r="B23034" s="2">
        <v>18292.0</v>
      </c>
      <c r="C23034" s="1" t="s">
        <v>5</v>
      </c>
      <c r="D23034" s="1" t="s">
        <v>19498</v>
      </c>
      <c r="E23034" s="1" t="s">
        <v>7</v>
      </c>
    </row>
    <row r="23035">
      <c r="A23035" s="1">
        <v>4.90895312E8</v>
      </c>
      <c r="B23035" s="2">
        <v>18292.0</v>
      </c>
      <c r="C23035" s="1" t="s">
        <v>5</v>
      </c>
      <c r="D23035" s="1" t="s">
        <v>19499</v>
      </c>
      <c r="E23035" s="1" t="s">
        <v>19500</v>
      </c>
    </row>
    <row r="23036">
      <c r="A23036" s="1">
        <v>4.90895323E8</v>
      </c>
      <c r="B23036" s="2">
        <v>18164.0</v>
      </c>
      <c r="C23036" s="1" t="s">
        <v>5</v>
      </c>
      <c r="D23036" s="1" t="s">
        <v>19501</v>
      </c>
      <c r="E23036" s="1" t="s">
        <v>7</v>
      </c>
    </row>
    <row r="23037">
      <c r="A23037" s="1">
        <v>4.90895329E8</v>
      </c>
      <c r="B23037" s="2">
        <v>18206.0</v>
      </c>
      <c r="C23037" s="1" t="s">
        <v>5</v>
      </c>
      <c r="D23037" s="1" t="s">
        <v>19502</v>
      </c>
      <c r="E23037" s="1" t="s">
        <v>19503</v>
      </c>
    </row>
    <row r="23038">
      <c r="A23038" s="1">
        <v>4.90895344E8</v>
      </c>
      <c r="B23038" s="2">
        <v>18117.0</v>
      </c>
      <c r="C23038" s="1" t="s">
        <v>5</v>
      </c>
      <c r="D23038" s="1" t="s">
        <v>19504</v>
      </c>
      <c r="E23038" s="1" t="s">
        <v>11</v>
      </c>
    </row>
    <row r="23039">
      <c r="A23039" s="1">
        <v>4.90895349E8</v>
      </c>
      <c r="B23039" s="2">
        <v>18173.0</v>
      </c>
      <c r="C23039" s="1" t="s">
        <v>5</v>
      </c>
      <c r="D23039" s="1" t="s">
        <v>19505</v>
      </c>
      <c r="E23039" s="1" t="s">
        <v>7</v>
      </c>
    </row>
    <row r="23040">
      <c r="A23040" s="1">
        <v>4.90895408E8</v>
      </c>
      <c r="B23040" s="2">
        <v>18127.0</v>
      </c>
      <c r="C23040" s="1" t="s">
        <v>5</v>
      </c>
      <c r="D23040" s="1" t="s">
        <v>11</v>
      </c>
      <c r="E23040" s="1" t="s">
        <v>7</v>
      </c>
    </row>
    <row r="23041">
      <c r="A23041" s="1">
        <v>4.90895511E8</v>
      </c>
      <c r="B23041" s="2">
        <v>18219.0</v>
      </c>
      <c r="C23041" s="1" t="s">
        <v>5</v>
      </c>
      <c r="D23041" s="1" t="s">
        <v>19506</v>
      </c>
      <c r="E23041" s="1" t="s">
        <v>19507</v>
      </c>
    </row>
    <row r="23042">
      <c r="A23042" s="1">
        <v>4.90895519E8</v>
      </c>
      <c r="B23042" s="2">
        <v>18172.0</v>
      </c>
      <c r="C23042" s="1" t="s">
        <v>5</v>
      </c>
      <c r="D23042" s="1" t="s">
        <v>19508</v>
      </c>
      <c r="E23042" s="1" t="s">
        <v>11</v>
      </c>
    </row>
    <row r="23043">
      <c r="A23043" s="1">
        <v>4.90895576E8</v>
      </c>
      <c r="B23043" s="2">
        <v>18222.0</v>
      </c>
      <c r="C23043" s="1" t="s">
        <v>5</v>
      </c>
      <c r="D23043" s="1" t="s">
        <v>19509</v>
      </c>
      <c r="E23043" s="1" t="s">
        <v>19510</v>
      </c>
    </row>
    <row r="23044">
      <c r="A23044" s="1">
        <v>4.90895718E8</v>
      </c>
      <c r="B23044" s="2">
        <v>18133.0</v>
      </c>
      <c r="C23044" s="1" t="s">
        <v>5</v>
      </c>
      <c r="D23044" s="1" t="s">
        <v>19511</v>
      </c>
      <c r="E23044" s="1" t="s">
        <v>7</v>
      </c>
    </row>
    <row r="23045">
      <c r="A23045" s="1">
        <v>4.90895744E8</v>
      </c>
      <c r="B23045" s="2">
        <v>18219.0</v>
      </c>
      <c r="C23045" s="1" t="s">
        <v>5</v>
      </c>
      <c r="D23045" s="1" t="s">
        <v>19512</v>
      </c>
      <c r="E23045" s="1" t="s">
        <v>7</v>
      </c>
    </row>
    <row r="23046">
      <c r="A23046" s="1">
        <v>4.90895752E8</v>
      </c>
      <c r="B23046" s="2">
        <v>18122.0</v>
      </c>
      <c r="C23046" s="1" t="s">
        <v>5</v>
      </c>
      <c r="D23046" s="1" t="s">
        <v>19513</v>
      </c>
      <c r="E23046" s="1" t="s">
        <v>7</v>
      </c>
    </row>
    <row r="23047">
      <c r="A23047" s="1">
        <v>4.90895807E8</v>
      </c>
      <c r="B23047" s="2">
        <v>18221.0</v>
      </c>
      <c r="C23047" s="1" t="s">
        <v>5</v>
      </c>
      <c r="D23047" s="1" t="s">
        <v>11</v>
      </c>
      <c r="E23047" s="1" t="s">
        <v>7</v>
      </c>
    </row>
    <row r="23048">
      <c r="A23048" s="1">
        <v>4.9089587E8</v>
      </c>
      <c r="B23048" s="2">
        <v>18169.0</v>
      </c>
      <c r="C23048" s="1" t="s">
        <v>5</v>
      </c>
      <c r="D23048" s="1" t="s">
        <v>19514</v>
      </c>
      <c r="E23048" s="1" t="s">
        <v>11</v>
      </c>
    </row>
    <row r="23049">
      <c r="A23049" s="1">
        <v>4.90895884E8</v>
      </c>
      <c r="B23049" s="2">
        <v>18229.0</v>
      </c>
      <c r="C23049" s="1" t="s">
        <v>5</v>
      </c>
      <c r="D23049" s="1" t="s">
        <v>19515</v>
      </c>
      <c r="E23049" s="1" t="s">
        <v>11</v>
      </c>
    </row>
    <row r="23050">
      <c r="A23050" s="1">
        <v>4.90895967E8</v>
      </c>
      <c r="B23050" s="2">
        <v>18117.0</v>
      </c>
      <c r="C23050" s="1" t="s">
        <v>5</v>
      </c>
      <c r="D23050" s="1" t="s">
        <v>19516</v>
      </c>
      <c r="E23050" s="1" t="s">
        <v>7</v>
      </c>
    </row>
    <row r="23051">
      <c r="A23051" s="1">
        <v>4.90896069E8</v>
      </c>
      <c r="B23051" s="2">
        <v>18157.0</v>
      </c>
      <c r="C23051" s="1" t="s">
        <v>5</v>
      </c>
      <c r="D23051" s="1" t="s">
        <v>19517</v>
      </c>
      <c r="E23051" s="1" t="s">
        <v>11</v>
      </c>
    </row>
    <row r="23052">
      <c r="A23052" s="1">
        <v>4.90896088E8</v>
      </c>
      <c r="B23052" s="2">
        <v>18123.0</v>
      </c>
      <c r="C23052" s="1" t="s">
        <v>5</v>
      </c>
      <c r="D23052" s="1" t="s">
        <v>19518</v>
      </c>
      <c r="E23052" s="1" t="s">
        <v>7</v>
      </c>
    </row>
    <row r="23053">
      <c r="A23053" s="1">
        <v>4.90896191E8</v>
      </c>
      <c r="B23053" s="2">
        <v>18228.0</v>
      </c>
      <c r="C23053" s="1" t="s">
        <v>5</v>
      </c>
      <c r="D23053" s="1" t="s">
        <v>19519</v>
      </c>
      <c r="E23053" s="1" t="s">
        <v>7</v>
      </c>
    </row>
    <row r="23054">
      <c r="A23054" s="1">
        <v>4.9089631E8</v>
      </c>
      <c r="B23054" s="2">
        <v>18206.0</v>
      </c>
      <c r="C23054" s="1" t="s">
        <v>5</v>
      </c>
      <c r="D23054" s="1" t="s">
        <v>19520</v>
      </c>
      <c r="E23054" s="1" t="s">
        <v>11</v>
      </c>
    </row>
    <row r="23055">
      <c r="A23055" s="1">
        <v>4.90896393E8</v>
      </c>
      <c r="B23055" s="2">
        <v>18220.0</v>
      </c>
      <c r="C23055" s="1" t="s">
        <v>5</v>
      </c>
      <c r="D23055" s="1" t="s">
        <v>11</v>
      </c>
      <c r="E23055" s="1" t="s">
        <v>7</v>
      </c>
    </row>
    <row r="23056">
      <c r="A23056" s="1">
        <v>4.9089653E8</v>
      </c>
      <c r="B23056" s="2">
        <v>18128.0</v>
      </c>
      <c r="C23056" s="1" t="s">
        <v>5</v>
      </c>
      <c r="D23056" s="1" t="s">
        <v>19521</v>
      </c>
      <c r="E23056" s="1" t="s">
        <v>7</v>
      </c>
    </row>
    <row r="23057">
      <c r="A23057" s="1">
        <v>4.90896546E8</v>
      </c>
      <c r="B23057" s="2">
        <v>18115.0</v>
      </c>
      <c r="C23057" s="1" t="s">
        <v>5</v>
      </c>
      <c r="D23057" s="1" t="s">
        <v>19522</v>
      </c>
      <c r="E23057" s="1" t="s">
        <v>11</v>
      </c>
    </row>
    <row r="23058">
      <c r="A23058" s="1">
        <v>4.90896552E8</v>
      </c>
      <c r="B23058" s="2">
        <v>18122.0</v>
      </c>
      <c r="C23058" s="1" t="s">
        <v>5</v>
      </c>
      <c r="D23058" s="1" t="s">
        <v>19523</v>
      </c>
      <c r="E23058" s="1" t="s">
        <v>11</v>
      </c>
    </row>
    <row r="23059">
      <c r="A23059" s="1">
        <v>4.90896607E8</v>
      </c>
      <c r="B23059" s="2">
        <v>18127.0</v>
      </c>
      <c r="C23059" s="1" t="s">
        <v>5</v>
      </c>
      <c r="D23059" s="1" t="s">
        <v>19524</v>
      </c>
      <c r="E23059" s="1" t="s">
        <v>7</v>
      </c>
    </row>
    <row r="23060">
      <c r="A23060" s="1">
        <v>4.90896647E8</v>
      </c>
      <c r="B23060" s="2">
        <v>18114.0</v>
      </c>
      <c r="C23060" s="1" t="s">
        <v>5</v>
      </c>
      <c r="D23060" s="1" t="s">
        <v>11</v>
      </c>
      <c r="E23060" s="1" t="s">
        <v>7</v>
      </c>
    </row>
    <row r="23061">
      <c r="A23061" s="1">
        <v>4.90896702E8</v>
      </c>
      <c r="B23061" s="2">
        <v>18113.0</v>
      </c>
      <c r="C23061" s="1" t="s">
        <v>5</v>
      </c>
      <c r="D23061" s="1" t="s">
        <v>19525</v>
      </c>
      <c r="E23061" s="1" t="s">
        <v>19526</v>
      </c>
    </row>
    <row r="23062">
      <c r="A23062" s="1">
        <v>4.90896715E8</v>
      </c>
      <c r="B23062" s="2">
        <v>18220.0</v>
      </c>
      <c r="C23062" s="1" t="s">
        <v>5</v>
      </c>
      <c r="D23062" s="1" t="s">
        <v>11</v>
      </c>
      <c r="E23062" s="1" t="s">
        <v>7</v>
      </c>
    </row>
    <row r="23063">
      <c r="A23063" s="1">
        <v>4.90896804E8</v>
      </c>
      <c r="B23063" s="2">
        <v>18226.0</v>
      </c>
      <c r="C23063" s="1" t="s">
        <v>5</v>
      </c>
      <c r="D23063" s="1" t="s">
        <v>19527</v>
      </c>
      <c r="E23063" s="1" t="s">
        <v>7</v>
      </c>
    </row>
    <row r="23064">
      <c r="A23064" s="1">
        <v>4.90896889E8</v>
      </c>
      <c r="B23064" s="2">
        <v>18213.0</v>
      </c>
      <c r="C23064" s="1" t="s">
        <v>5</v>
      </c>
      <c r="D23064" s="1" t="s">
        <v>19528</v>
      </c>
      <c r="E23064" s="1" t="s">
        <v>7</v>
      </c>
    </row>
    <row r="23065">
      <c r="A23065" s="1">
        <v>4.90896932E8</v>
      </c>
      <c r="B23065" s="2">
        <v>18217.0</v>
      </c>
      <c r="C23065" s="1" t="s">
        <v>5</v>
      </c>
      <c r="D23065" s="1" t="s">
        <v>19529</v>
      </c>
      <c r="E23065" s="1" t="s">
        <v>7</v>
      </c>
    </row>
    <row r="23066">
      <c r="A23066" s="1">
        <v>4.90896939E8</v>
      </c>
      <c r="B23066" s="2">
        <v>18222.0</v>
      </c>
      <c r="C23066" s="1" t="s">
        <v>5</v>
      </c>
      <c r="D23066" s="1" t="s">
        <v>19530</v>
      </c>
      <c r="E23066" s="1" t="s">
        <v>7</v>
      </c>
    </row>
    <row r="23067">
      <c r="A23067" s="1">
        <v>4.90896958E8</v>
      </c>
      <c r="B23067" s="2">
        <v>18154.0</v>
      </c>
      <c r="C23067" s="1" t="s">
        <v>5</v>
      </c>
      <c r="D23067" s="1" t="s">
        <v>19531</v>
      </c>
      <c r="E23067" s="1" t="s">
        <v>11</v>
      </c>
    </row>
    <row r="23068">
      <c r="A23068" s="1">
        <v>4.90897031E8</v>
      </c>
      <c r="B23068" s="2">
        <v>18142.0</v>
      </c>
      <c r="C23068" s="1" t="s">
        <v>5</v>
      </c>
      <c r="D23068" s="1" t="s">
        <v>11</v>
      </c>
      <c r="E23068" s="1" t="s">
        <v>7</v>
      </c>
    </row>
    <row r="23069">
      <c r="A23069" s="1">
        <v>4.90897037E8</v>
      </c>
      <c r="B23069" s="2">
        <v>18243.0</v>
      </c>
      <c r="C23069" s="1" t="s">
        <v>5</v>
      </c>
      <c r="D23069" s="1" t="s">
        <v>19532</v>
      </c>
      <c r="E23069" s="1" t="s">
        <v>11</v>
      </c>
    </row>
    <row r="23070">
      <c r="A23070" s="1">
        <v>4.90897039E8</v>
      </c>
      <c r="B23070" s="2">
        <v>18281.0</v>
      </c>
      <c r="C23070" s="1" t="s">
        <v>5</v>
      </c>
      <c r="D23070" s="1" t="s">
        <v>11</v>
      </c>
      <c r="E23070" s="1" t="s">
        <v>7</v>
      </c>
    </row>
    <row r="23071">
      <c r="A23071" s="1">
        <v>4.90897118E8</v>
      </c>
      <c r="B23071" s="2">
        <v>18241.0</v>
      </c>
      <c r="C23071" s="1" t="s">
        <v>5</v>
      </c>
      <c r="D23071" s="1" t="s">
        <v>19533</v>
      </c>
      <c r="E23071" s="1" t="s">
        <v>19534</v>
      </c>
    </row>
    <row r="23072">
      <c r="A23072" s="1">
        <v>4.90897267E8</v>
      </c>
      <c r="B23072" s="2">
        <v>18171.0</v>
      </c>
      <c r="C23072" s="1" t="s">
        <v>5</v>
      </c>
      <c r="D23072" s="1" t="s">
        <v>11</v>
      </c>
      <c r="E23072" s="1" t="s">
        <v>7</v>
      </c>
    </row>
    <row r="23073">
      <c r="A23073" s="1">
        <v>4.90897273E8</v>
      </c>
      <c r="B23073" s="2">
        <v>18221.0</v>
      </c>
      <c r="C23073" s="1" t="s">
        <v>5</v>
      </c>
      <c r="D23073" s="1" t="s">
        <v>19535</v>
      </c>
      <c r="E23073" s="1" t="s">
        <v>7</v>
      </c>
    </row>
    <row r="23074">
      <c r="A23074" s="1">
        <v>4.90897314E8</v>
      </c>
      <c r="B23074" s="2">
        <v>18277.0</v>
      </c>
      <c r="C23074" s="1" t="s">
        <v>5</v>
      </c>
      <c r="D23074" s="1" t="s">
        <v>19536</v>
      </c>
      <c r="E23074" s="1" t="s">
        <v>7</v>
      </c>
    </row>
    <row r="23075">
      <c r="A23075" s="1">
        <v>4.90897399E8</v>
      </c>
      <c r="B23075" s="2">
        <v>18159.0</v>
      </c>
      <c r="C23075" s="1" t="s">
        <v>5</v>
      </c>
      <c r="D23075" s="1" t="s">
        <v>19537</v>
      </c>
      <c r="E23075" s="1" t="s">
        <v>7</v>
      </c>
    </row>
    <row r="23076">
      <c r="A23076" s="1">
        <v>4.90897446E8</v>
      </c>
      <c r="B23076" s="2">
        <v>18221.0</v>
      </c>
      <c r="C23076" s="1" t="s">
        <v>5</v>
      </c>
      <c r="D23076" s="1" t="s">
        <v>19538</v>
      </c>
      <c r="E23076" s="1" t="s">
        <v>11</v>
      </c>
    </row>
    <row r="23077">
      <c r="A23077" s="1">
        <v>4.90897471E8</v>
      </c>
      <c r="B23077" s="2">
        <v>18158.0</v>
      </c>
      <c r="C23077" s="1" t="s">
        <v>5</v>
      </c>
      <c r="D23077" s="1" t="s">
        <v>19539</v>
      </c>
      <c r="E23077" s="1" t="s">
        <v>7</v>
      </c>
    </row>
    <row r="23078">
      <c r="A23078" s="1">
        <v>4.90897503E8</v>
      </c>
      <c r="B23078" s="2">
        <v>18217.0</v>
      </c>
      <c r="C23078" s="1" t="s">
        <v>5</v>
      </c>
      <c r="D23078" s="1" t="s">
        <v>19540</v>
      </c>
      <c r="E23078" s="1" t="s">
        <v>11</v>
      </c>
    </row>
    <row r="23079">
      <c r="A23079" s="1">
        <v>4.9089753E8</v>
      </c>
      <c r="B23079" s="2">
        <v>18224.0</v>
      </c>
      <c r="C23079" s="1" t="s">
        <v>5</v>
      </c>
      <c r="D23079" s="1" t="s">
        <v>19541</v>
      </c>
      <c r="E23079" s="1" t="s">
        <v>19542</v>
      </c>
    </row>
    <row r="23080">
      <c r="A23080" s="1">
        <v>4.9089755E8</v>
      </c>
      <c r="B23080" s="2">
        <v>18218.0</v>
      </c>
      <c r="C23080" s="1" t="s">
        <v>5</v>
      </c>
      <c r="D23080" s="1" t="s">
        <v>19543</v>
      </c>
      <c r="E23080" s="1" t="s">
        <v>7</v>
      </c>
    </row>
    <row r="23081">
      <c r="A23081" s="1">
        <v>4.90897664E8</v>
      </c>
      <c r="B23081" s="2">
        <v>18268.0</v>
      </c>
      <c r="C23081" s="1" t="s">
        <v>5</v>
      </c>
      <c r="D23081" s="1" t="s">
        <v>11</v>
      </c>
      <c r="E23081" s="1" t="s">
        <v>7</v>
      </c>
    </row>
    <row r="23082">
      <c r="A23082" s="1">
        <v>4.90897669E8</v>
      </c>
      <c r="B23082" s="2">
        <v>18290.0</v>
      </c>
      <c r="C23082" s="1" t="s">
        <v>5</v>
      </c>
      <c r="D23082" s="1" t="s">
        <v>19544</v>
      </c>
      <c r="E23082" s="1" t="s">
        <v>11</v>
      </c>
    </row>
    <row r="23083">
      <c r="A23083" s="1">
        <v>4.90897679E8</v>
      </c>
      <c r="B23083" s="2">
        <v>18123.0</v>
      </c>
      <c r="C23083" s="1" t="s">
        <v>5</v>
      </c>
      <c r="D23083" s="1" t="s">
        <v>11</v>
      </c>
      <c r="E23083" s="1" t="s">
        <v>7</v>
      </c>
    </row>
    <row r="23084">
      <c r="A23084" s="1">
        <v>4.90897735E8</v>
      </c>
      <c r="B23084" s="2">
        <v>18217.0</v>
      </c>
      <c r="C23084" s="1" t="s">
        <v>5</v>
      </c>
      <c r="D23084" s="1" t="s">
        <v>11</v>
      </c>
      <c r="E23084" s="1" t="s">
        <v>7</v>
      </c>
    </row>
    <row r="23085">
      <c r="A23085" s="1">
        <v>4.90897758E8</v>
      </c>
      <c r="B23085" s="2">
        <v>18290.0</v>
      </c>
      <c r="C23085" s="1" t="s">
        <v>5</v>
      </c>
      <c r="D23085" s="1" t="s">
        <v>19545</v>
      </c>
      <c r="E23085" s="1" t="s">
        <v>11</v>
      </c>
    </row>
    <row r="23086">
      <c r="A23086" s="1">
        <v>4.90897786E8</v>
      </c>
      <c r="B23086" s="2">
        <v>18115.0</v>
      </c>
      <c r="C23086" s="1" t="s">
        <v>5</v>
      </c>
      <c r="D23086" s="1" t="s">
        <v>11</v>
      </c>
      <c r="E23086" s="1" t="s">
        <v>7</v>
      </c>
    </row>
    <row r="23087">
      <c r="A23087" s="1">
        <v>4.90897795E8</v>
      </c>
      <c r="B23087" s="2">
        <v>18122.0</v>
      </c>
      <c r="C23087" s="1" t="s">
        <v>5</v>
      </c>
      <c r="D23087" s="1" t="s">
        <v>19546</v>
      </c>
      <c r="E23087" s="1" t="s">
        <v>7</v>
      </c>
    </row>
    <row r="23088">
      <c r="A23088" s="1">
        <v>4.90897842E8</v>
      </c>
      <c r="B23088" s="2">
        <v>18282.0</v>
      </c>
      <c r="C23088" s="1" t="s">
        <v>5</v>
      </c>
      <c r="D23088" s="1" t="s">
        <v>19547</v>
      </c>
      <c r="E23088" s="1" t="s">
        <v>19548</v>
      </c>
    </row>
    <row r="23089">
      <c r="A23089" s="1">
        <v>4.90897878E8</v>
      </c>
      <c r="B23089" s="2">
        <v>18221.0</v>
      </c>
      <c r="C23089" s="1" t="s">
        <v>5</v>
      </c>
      <c r="D23089" s="1" t="s">
        <v>11</v>
      </c>
      <c r="E23089" s="1" t="s">
        <v>7</v>
      </c>
    </row>
    <row r="23090">
      <c r="A23090" s="1">
        <v>4.90897881E8</v>
      </c>
      <c r="B23090" s="2">
        <v>18282.0</v>
      </c>
      <c r="C23090" s="1" t="s">
        <v>5</v>
      </c>
      <c r="D23090" s="1" t="s">
        <v>19549</v>
      </c>
      <c r="E23090" s="1" t="s">
        <v>19550</v>
      </c>
    </row>
    <row r="23091">
      <c r="A23091" s="1">
        <v>4.90897884E8</v>
      </c>
      <c r="B23091" s="2">
        <v>18213.0</v>
      </c>
      <c r="C23091" s="1" t="s">
        <v>5</v>
      </c>
      <c r="D23091" s="1" t="s">
        <v>7</v>
      </c>
      <c r="E23091" s="1" t="s">
        <v>7</v>
      </c>
    </row>
    <row r="23092">
      <c r="A23092" s="1">
        <v>4.9089793E8</v>
      </c>
      <c r="B23092" s="2">
        <v>18221.0</v>
      </c>
      <c r="C23092" s="1" t="s">
        <v>5</v>
      </c>
      <c r="D23092" s="1" t="s">
        <v>19551</v>
      </c>
      <c r="E23092" s="1" t="s">
        <v>7</v>
      </c>
    </row>
    <row r="23093">
      <c r="A23093" s="1">
        <v>4.90897932E8</v>
      </c>
      <c r="B23093" s="2">
        <v>18227.0</v>
      </c>
      <c r="C23093" s="1" t="s">
        <v>5</v>
      </c>
      <c r="D23093" s="1" t="s">
        <v>19552</v>
      </c>
      <c r="E23093" s="1" t="s">
        <v>7</v>
      </c>
    </row>
    <row r="23094">
      <c r="A23094" s="1">
        <v>4.90898034E8</v>
      </c>
      <c r="B23094" s="2">
        <v>18294.0</v>
      </c>
      <c r="C23094" s="1" t="s">
        <v>5</v>
      </c>
      <c r="D23094" s="1" t="s">
        <v>19553</v>
      </c>
      <c r="E23094" s="1" t="s">
        <v>11</v>
      </c>
    </row>
    <row r="23095">
      <c r="A23095" s="1">
        <v>4.90898089E8</v>
      </c>
      <c r="B23095" s="2">
        <v>18113.0</v>
      </c>
      <c r="C23095" s="1" t="s">
        <v>5</v>
      </c>
      <c r="D23095" s="1" t="s">
        <v>19554</v>
      </c>
      <c r="E23095" s="1" t="s">
        <v>11</v>
      </c>
    </row>
    <row r="23096">
      <c r="A23096" s="1">
        <v>4.90898118E8</v>
      </c>
      <c r="B23096" s="2">
        <v>18150.0</v>
      </c>
      <c r="C23096" s="1" t="s">
        <v>5</v>
      </c>
      <c r="D23096" s="1" t="s">
        <v>11</v>
      </c>
      <c r="E23096" s="1" t="s">
        <v>7</v>
      </c>
    </row>
    <row r="23097">
      <c r="A23097" s="1">
        <v>4.90898131E8</v>
      </c>
      <c r="B23097" s="2">
        <v>18220.0</v>
      </c>
      <c r="C23097" s="1" t="s">
        <v>5</v>
      </c>
      <c r="D23097" s="1" t="s">
        <v>19555</v>
      </c>
      <c r="E23097" s="1" t="s">
        <v>7</v>
      </c>
    </row>
    <row r="23098">
      <c r="A23098" s="1">
        <v>4.90898171E8</v>
      </c>
      <c r="B23098" s="2">
        <v>18221.0</v>
      </c>
      <c r="C23098" s="1" t="s">
        <v>5</v>
      </c>
      <c r="D23098" s="1" t="s">
        <v>19556</v>
      </c>
      <c r="E23098" s="1" t="s">
        <v>7</v>
      </c>
    </row>
    <row r="23099">
      <c r="A23099" s="1">
        <v>4.90898247E8</v>
      </c>
      <c r="B23099" s="2">
        <v>18219.0</v>
      </c>
      <c r="C23099" s="1" t="s">
        <v>5</v>
      </c>
      <c r="D23099" s="1" t="s">
        <v>19557</v>
      </c>
      <c r="E23099" s="1" t="s">
        <v>11</v>
      </c>
    </row>
    <row r="23100">
      <c r="A23100" s="1">
        <v>4.90898359E8</v>
      </c>
      <c r="B23100" s="2">
        <v>18221.0</v>
      </c>
      <c r="C23100" s="1" t="s">
        <v>5</v>
      </c>
      <c r="D23100" s="1" t="s">
        <v>11</v>
      </c>
      <c r="E23100" s="1" t="s">
        <v>7</v>
      </c>
    </row>
    <row r="23101">
      <c r="A23101" s="1">
        <v>4.90898487E8</v>
      </c>
      <c r="B23101" s="2">
        <v>18117.0</v>
      </c>
      <c r="C23101" s="1" t="s">
        <v>5</v>
      </c>
      <c r="D23101" s="1" t="s">
        <v>19558</v>
      </c>
      <c r="E23101" s="1" t="s">
        <v>11</v>
      </c>
    </row>
    <row r="23102">
      <c r="A23102" s="1">
        <v>4.90898514E8</v>
      </c>
      <c r="B23102" s="2">
        <v>18217.0</v>
      </c>
      <c r="C23102" s="1" t="s">
        <v>5</v>
      </c>
      <c r="D23102" s="1" t="s">
        <v>11</v>
      </c>
      <c r="E23102" s="1" t="s">
        <v>7</v>
      </c>
    </row>
    <row r="23103">
      <c r="A23103" s="1">
        <v>4.90898559E8</v>
      </c>
      <c r="B23103" s="2">
        <v>18154.0</v>
      </c>
      <c r="C23103" s="1" t="s">
        <v>5</v>
      </c>
      <c r="D23103" s="1" t="s">
        <v>19559</v>
      </c>
      <c r="E23103" s="1" t="s">
        <v>11</v>
      </c>
    </row>
    <row r="23104">
      <c r="A23104" s="1">
        <v>4.90898638E8</v>
      </c>
      <c r="B23104" s="2">
        <v>18218.0</v>
      </c>
      <c r="C23104" s="1" t="s">
        <v>5</v>
      </c>
      <c r="D23104" s="1" t="s">
        <v>11</v>
      </c>
      <c r="E23104" s="1" t="s">
        <v>7</v>
      </c>
    </row>
    <row r="23105">
      <c r="A23105" s="1">
        <v>4.90898726E8</v>
      </c>
      <c r="B23105" s="2">
        <v>18171.0</v>
      </c>
      <c r="C23105" s="1" t="s">
        <v>5</v>
      </c>
      <c r="D23105" s="1" t="s">
        <v>19560</v>
      </c>
      <c r="E23105" s="1" t="s">
        <v>7</v>
      </c>
    </row>
    <row r="23106">
      <c r="A23106" s="1">
        <v>4.9089874E8</v>
      </c>
      <c r="B23106" s="2">
        <v>18207.0</v>
      </c>
      <c r="C23106" s="1" t="s">
        <v>5</v>
      </c>
      <c r="D23106" s="1" t="s">
        <v>19561</v>
      </c>
      <c r="E23106" s="1" t="s">
        <v>7</v>
      </c>
    </row>
    <row r="23107">
      <c r="A23107" s="1">
        <v>4.90898874E8</v>
      </c>
      <c r="B23107" s="2">
        <v>18277.0</v>
      </c>
      <c r="C23107" s="1" t="s">
        <v>5</v>
      </c>
      <c r="D23107" s="1" t="s">
        <v>19562</v>
      </c>
      <c r="E23107" s="1" t="s">
        <v>7</v>
      </c>
    </row>
    <row r="23108">
      <c r="A23108" s="1">
        <v>4.90898942E8</v>
      </c>
      <c r="B23108" s="2">
        <v>18282.0</v>
      </c>
      <c r="C23108" s="1" t="s">
        <v>5</v>
      </c>
      <c r="D23108" s="1" t="s">
        <v>19563</v>
      </c>
      <c r="E23108" s="1" t="s">
        <v>11</v>
      </c>
    </row>
    <row r="23109">
      <c r="A23109" s="1">
        <v>4.9089901E8</v>
      </c>
      <c r="B23109" s="2">
        <v>18219.0</v>
      </c>
      <c r="C23109" s="1" t="s">
        <v>5</v>
      </c>
      <c r="D23109" s="1" t="s">
        <v>19564</v>
      </c>
      <c r="E23109" s="1" t="s">
        <v>11</v>
      </c>
    </row>
    <row r="23110">
      <c r="A23110" s="1">
        <v>4.90899039E8</v>
      </c>
      <c r="B23110" s="2">
        <v>18215.0</v>
      </c>
      <c r="C23110" s="1" t="s">
        <v>5</v>
      </c>
      <c r="D23110" s="1" t="s">
        <v>11</v>
      </c>
      <c r="E23110" s="1" t="s">
        <v>7</v>
      </c>
    </row>
    <row r="23111">
      <c r="A23111" s="1">
        <v>4.90899119E8</v>
      </c>
      <c r="B23111" s="2">
        <v>18214.0</v>
      </c>
      <c r="C23111" s="1" t="s">
        <v>5</v>
      </c>
      <c r="D23111" s="1" t="s">
        <v>19565</v>
      </c>
      <c r="E23111" s="1" t="s">
        <v>19566</v>
      </c>
    </row>
    <row r="23112">
      <c r="A23112" s="1">
        <v>4.9089917E8</v>
      </c>
      <c r="B23112" s="2">
        <v>18281.0</v>
      </c>
      <c r="C23112" s="1" t="s">
        <v>5</v>
      </c>
      <c r="D23112" s="1" t="s">
        <v>19567</v>
      </c>
      <c r="E23112" s="1" t="s">
        <v>7</v>
      </c>
    </row>
    <row r="23113">
      <c r="A23113" s="1">
        <v>4.90899392E8</v>
      </c>
      <c r="B23113" s="2">
        <v>18208.0</v>
      </c>
      <c r="C23113" s="1" t="s">
        <v>5</v>
      </c>
      <c r="D23113" s="1" t="s">
        <v>19568</v>
      </c>
      <c r="E23113" s="1" t="s">
        <v>7</v>
      </c>
    </row>
    <row r="23114">
      <c r="A23114" s="1">
        <v>4.90899483E8</v>
      </c>
      <c r="B23114" s="2">
        <v>18158.0</v>
      </c>
      <c r="C23114" s="1" t="s">
        <v>5</v>
      </c>
      <c r="D23114" s="1" t="s">
        <v>19569</v>
      </c>
      <c r="E23114" s="1" t="s">
        <v>7</v>
      </c>
    </row>
    <row r="23115">
      <c r="A23115" s="1">
        <v>4.90899586E8</v>
      </c>
      <c r="B23115" s="2">
        <v>18205.0</v>
      </c>
      <c r="C23115" s="1" t="s">
        <v>5</v>
      </c>
      <c r="D23115" s="1" t="s">
        <v>11</v>
      </c>
      <c r="E23115" s="1" t="s">
        <v>7</v>
      </c>
    </row>
    <row r="23116">
      <c r="A23116" s="1">
        <v>4.90899707E8</v>
      </c>
      <c r="B23116" s="2">
        <v>18212.0</v>
      </c>
      <c r="C23116" s="1" t="s">
        <v>5</v>
      </c>
      <c r="D23116" s="1" t="s">
        <v>19570</v>
      </c>
      <c r="E23116" s="1" t="s">
        <v>7</v>
      </c>
    </row>
    <row r="23117">
      <c r="A23117" s="1">
        <v>4.90899743E8</v>
      </c>
      <c r="B23117" s="2">
        <v>18205.0</v>
      </c>
      <c r="C23117" s="1" t="s">
        <v>5</v>
      </c>
      <c r="D23117" s="1" t="s">
        <v>19571</v>
      </c>
      <c r="E23117" s="1" t="s">
        <v>7</v>
      </c>
    </row>
    <row r="23118">
      <c r="A23118" s="1">
        <v>4.90899751E8</v>
      </c>
      <c r="B23118" s="2">
        <v>18212.0</v>
      </c>
      <c r="C23118" s="1" t="s">
        <v>5</v>
      </c>
      <c r="D23118" s="1" t="s">
        <v>11</v>
      </c>
      <c r="E23118" s="1" t="s">
        <v>7</v>
      </c>
    </row>
    <row r="23119">
      <c r="A23119" s="1">
        <v>4.9089978E8</v>
      </c>
      <c r="B23119" s="2">
        <v>18238.0</v>
      </c>
      <c r="C23119" s="1" t="s">
        <v>5</v>
      </c>
      <c r="D23119" s="1" t="s">
        <v>19572</v>
      </c>
      <c r="E23119" s="1" t="s">
        <v>11</v>
      </c>
    </row>
    <row r="23120">
      <c r="A23120" s="1">
        <v>4.90899794E8</v>
      </c>
      <c r="B23120" s="2">
        <v>18211.0</v>
      </c>
      <c r="C23120" s="1" t="s">
        <v>5</v>
      </c>
      <c r="D23120" s="1" t="s">
        <v>19573</v>
      </c>
      <c r="E23120" s="1" t="s">
        <v>7</v>
      </c>
    </row>
    <row r="23121">
      <c r="A23121" s="1">
        <v>4.90899807E8</v>
      </c>
      <c r="B23121" s="2">
        <v>18287.0</v>
      </c>
      <c r="C23121" s="1" t="s">
        <v>5</v>
      </c>
      <c r="D23121" s="1" t="s">
        <v>19574</v>
      </c>
      <c r="E23121" s="1" t="s">
        <v>7</v>
      </c>
    </row>
    <row r="23122">
      <c r="A23122" s="1">
        <v>4.90899994E8</v>
      </c>
      <c r="B23122" s="2">
        <v>18148.0</v>
      </c>
      <c r="C23122" s="1" t="s">
        <v>5</v>
      </c>
      <c r="D23122" s="1" t="s">
        <v>11</v>
      </c>
      <c r="E23122" s="1" t="s">
        <v>7</v>
      </c>
    </row>
    <row r="23123">
      <c r="A23123" s="1">
        <v>4.90900066E8</v>
      </c>
      <c r="B23123" s="2">
        <v>18215.0</v>
      </c>
      <c r="C23123" s="1" t="s">
        <v>5</v>
      </c>
      <c r="D23123" s="1" t="s">
        <v>11</v>
      </c>
      <c r="E23123" s="1" t="s">
        <v>7</v>
      </c>
    </row>
    <row r="23124">
      <c r="A23124" s="1">
        <v>4.90900107E8</v>
      </c>
      <c r="B23124" s="2">
        <v>18268.0</v>
      </c>
      <c r="C23124" s="1" t="s">
        <v>5</v>
      </c>
      <c r="D23124" s="1" t="s">
        <v>11</v>
      </c>
      <c r="E23124" s="1" t="s">
        <v>7</v>
      </c>
    </row>
    <row r="23125">
      <c r="A23125" s="1">
        <v>4.90900189E8</v>
      </c>
      <c r="B23125" s="2">
        <v>18204.0</v>
      </c>
      <c r="C23125" s="1" t="s">
        <v>5</v>
      </c>
      <c r="D23125" s="1" t="s">
        <v>19575</v>
      </c>
      <c r="E23125" s="1" t="s">
        <v>7</v>
      </c>
    </row>
    <row r="23126">
      <c r="A23126" s="1">
        <v>4.90900209E8</v>
      </c>
      <c r="B23126" s="2">
        <v>18238.0</v>
      </c>
      <c r="C23126" s="1" t="s">
        <v>5</v>
      </c>
      <c r="D23126" s="1" t="s">
        <v>19576</v>
      </c>
      <c r="E23126" s="1" t="s">
        <v>7</v>
      </c>
    </row>
    <row r="23127">
      <c r="A23127" s="1">
        <v>4.90900247E8</v>
      </c>
      <c r="B23127" s="2">
        <v>18238.0</v>
      </c>
      <c r="C23127" s="1" t="s">
        <v>5</v>
      </c>
      <c r="D23127" s="1" t="s">
        <v>19577</v>
      </c>
      <c r="E23127" s="1" t="s">
        <v>11</v>
      </c>
    </row>
    <row r="23128">
      <c r="A23128" s="1">
        <v>4.90900253E8</v>
      </c>
      <c r="B23128" s="2">
        <v>18159.0</v>
      </c>
      <c r="C23128" s="1" t="s">
        <v>5</v>
      </c>
      <c r="D23128" s="1" t="s">
        <v>19578</v>
      </c>
      <c r="E23128" s="1" t="s">
        <v>7</v>
      </c>
    </row>
    <row r="23129">
      <c r="A23129" s="1">
        <v>4.90900284E8</v>
      </c>
      <c r="B23129" s="2">
        <v>18170.0</v>
      </c>
      <c r="C23129" s="1" t="s">
        <v>5</v>
      </c>
      <c r="D23129" s="1" t="s">
        <v>19579</v>
      </c>
      <c r="E23129" s="1" t="s">
        <v>7</v>
      </c>
    </row>
    <row r="23130">
      <c r="A23130" s="1">
        <v>4.90900304E8</v>
      </c>
      <c r="B23130" s="2">
        <v>18212.0</v>
      </c>
      <c r="C23130" s="1" t="s">
        <v>5</v>
      </c>
      <c r="D23130" s="1" t="s">
        <v>19580</v>
      </c>
      <c r="E23130" s="1" t="s">
        <v>19581</v>
      </c>
    </row>
    <row r="23131">
      <c r="A23131" s="1">
        <v>4.90900466E8</v>
      </c>
      <c r="B23131" s="2">
        <v>18158.0</v>
      </c>
      <c r="C23131" s="1" t="s">
        <v>5</v>
      </c>
      <c r="D23131" s="1" t="s">
        <v>11</v>
      </c>
      <c r="E23131" s="1" t="s">
        <v>7</v>
      </c>
    </row>
    <row r="23132">
      <c r="A23132" s="1">
        <v>4.90900481E8</v>
      </c>
      <c r="B23132" s="2">
        <v>18320.0</v>
      </c>
      <c r="C23132" s="1" t="s">
        <v>5</v>
      </c>
      <c r="D23132" s="1" t="s">
        <v>19582</v>
      </c>
      <c r="E23132" s="1" t="s">
        <v>7</v>
      </c>
    </row>
    <row r="23133">
      <c r="A23133" s="1">
        <v>4.90900519E8</v>
      </c>
      <c r="B23133" s="2">
        <v>18144.0</v>
      </c>
      <c r="C23133" s="1" t="s">
        <v>5</v>
      </c>
      <c r="D23133" s="1" t="s">
        <v>11</v>
      </c>
      <c r="E23133" s="1" t="s">
        <v>7</v>
      </c>
    </row>
    <row r="23134">
      <c r="A23134" s="1">
        <v>4.90900791E8</v>
      </c>
      <c r="B23134" s="2">
        <v>18319.0</v>
      </c>
      <c r="C23134" s="1" t="s">
        <v>5</v>
      </c>
      <c r="D23134" s="1" t="s">
        <v>19583</v>
      </c>
      <c r="E23134" s="1" t="s">
        <v>7</v>
      </c>
    </row>
    <row r="23135">
      <c r="A23135" s="1">
        <v>4.90900839E8</v>
      </c>
      <c r="B23135" s="2">
        <v>18266.0</v>
      </c>
      <c r="C23135" s="1" t="s">
        <v>5</v>
      </c>
      <c r="D23135" s="1" t="s">
        <v>19584</v>
      </c>
      <c r="E23135" s="1" t="s">
        <v>7</v>
      </c>
    </row>
    <row r="23136">
      <c r="A23136" s="1">
        <v>4.90900868E8</v>
      </c>
      <c r="B23136" s="2">
        <v>18208.0</v>
      </c>
      <c r="C23136" s="1" t="s">
        <v>5</v>
      </c>
      <c r="D23136" s="1" t="s">
        <v>19585</v>
      </c>
      <c r="E23136" s="1" t="s">
        <v>7</v>
      </c>
    </row>
    <row r="23137">
      <c r="A23137" s="1">
        <v>4.90900942E8</v>
      </c>
      <c r="B23137" s="2">
        <v>18269.0</v>
      </c>
      <c r="C23137" s="1" t="s">
        <v>5</v>
      </c>
      <c r="D23137" s="1" t="s">
        <v>19586</v>
      </c>
      <c r="E23137" s="1" t="s">
        <v>7</v>
      </c>
    </row>
    <row r="23138">
      <c r="A23138" s="1">
        <v>4.9090105E8</v>
      </c>
      <c r="B23138" s="2">
        <v>18310.0</v>
      </c>
      <c r="C23138" s="1" t="s">
        <v>5</v>
      </c>
      <c r="D23138" s="1" t="s">
        <v>11</v>
      </c>
      <c r="E23138" s="1" t="s">
        <v>7</v>
      </c>
    </row>
    <row r="23139">
      <c r="A23139" s="1">
        <v>4.9090121E8</v>
      </c>
      <c r="B23139" s="2">
        <v>18207.0</v>
      </c>
      <c r="C23139" s="1" t="s">
        <v>5</v>
      </c>
      <c r="D23139" s="1" t="s">
        <v>19587</v>
      </c>
      <c r="E23139" s="1" t="s">
        <v>11</v>
      </c>
    </row>
    <row r="23140">
      <c r="A23140" s="1">
        <v>4.90901222E8</v>
      </c>
      <c r="B23140" s="2">
        <v>18308.0</v>
      </c>
      <c r="C23140" s="1" t="s">
        <v>5</v>
      </c>
      <c r="D23140" s="1" t="s">
        <v>19588</v>
      </c>
      <c r="E23140" s="1" t="s">
        <v>19589</v>
      </c>
    </row>
    <row r="23141">
      <c r="A23141" s="1">
        <v>4.9090128E8</v>
      </c>
      <c r="B23141" s="2">
        <v>18311.0</v>
      </c>
      <c r="C23141" s="1" t="s">
        <v>5</v>
      </c>
      <c r="D23141" s="1" t="s">
        <v>19590</v>
      </c>
      <c r="E23141" s="1" t="s">
        <v>7</v>
      </c>
    </row>
    <row r="23142">
      <c r="A23142" s="1">
        <v>4.90901362E8</v>
      </c>
      <c r="B23142" s="2">
        <v>18306.0</v>
      </c>
      <c r="C23142" s="1" t="s">
        <v>5</v>
      </c>
      <c r="D23142" s="1" t="s">
        <v>11</v>
      </c>
      <c r="E23142" s="1" t="s">
        <v>7</v>
      </c>
    </row>
    <row r="23143">
      <c r="A23143" s="1">
        <v>4.9090139E8</v>
      </c>
      <c r="B23143" s="2">
        <v>18306.0</v>
      </c>
      <c r="C23143" s="1" t="s">
        <v>5</v>
      </c>
      <c r="D23143" s="1" t="s">
        <v>19591</v>
      </c>
      <c r="E23143" s="1" t="s">
        <v>11</v>
      </c>
    </row>
    <row r="23144">
      <c r="A23144" s="1">
        <v>4.90901541E8</v>
      </c>
      <c r="B23144" s="2">
        <v>18205.0</v>
      </c>
      <c r="C23144" s="1" t="s">
        <v>5</v>
      </c>
      <c r="D23144" s="1" t="s">
        <v>19592</v>
      </c>
      <c r="E23144" s="1" t="s">
        <v>7</v>
      </c>
    </row>
    <row r="23145">
      <c r="A23145" s="1">
        <v>4.90901592E8</v>
      </c>
      <c r="B23145" s="2">
        <v>18312.0</v>
      </c>
      <c r="C23145" s="1" t="s">
        <v>5</v>
      </c>
      <c r="D23145" s="1" t="s">
        <v>19593</v>
      </c>
      <c r="E23145" s="1" t="s">
        <v>7</v>
      </c>
    </row>
    <row r="23146">
      <c r="A23146" s="1">
        <v>4.90901611E8</v>
      </c>
      <c r="B23146" s="2">
        <v>18304.0</v>
      </c>
      <c r="C23146" s="1" t="s">
        <v>5</v>
      </c>
      <c r="D23146" s="1" t="s">
        <v>11</v>
      </c>
      <c r="E23146" s="1" t="s">
        <v>7</v>
      </c>
    </row>
    <row r="23147">
      <c r="A23147" s="1">
        <v>4.9090165E8</v>
      </c>
      <c r="B23147" s="2">
        <v>18318.0</v>
      </c>
      <c r="C23147" s="1" t="s">
        <v>5</v>
      </c>
      <c r="D23147" s="1" t="s">
        <v>19594</v>
      </c>
      <c r="E23147" s="1" t="s">
        <v>19595</v>
      </c>
    </row>
    <row r="23148">
      <c r="A23148" s="1">
        <v>4.90901767E8</v>
      </c>
      <c r="B23148" s="2">
        <v>18309.0</v>
      </c>
      <c r="C23148" s="1" t="s">
        <v>5</v>
      </c>
      <c r="D23148" s="1" t="s">
        <v>19596</v>
      </c>
      <c r="E23148" s="1" t="s">
        <v>11</v>
      </c>
    </row>
    <row r="23149">
      <c r="A23149" s="1">
        <v>4.90901774E8</v>
      </c>
      <c r="B23149" s="2">
        <v>18238.0</v>
      </c>
      <c r="C23149" s="1" t="s">
        <v>5</v>
      </c>
      <c r="D23149" s="1" t="s">
        <v>19597</v>
      </c>
      <c r="E23149" s="1" t="s">
        <v>7</v>
      </c>
    </row>
    <row r="23150">
      <c r="A23150" s="1">
        <v>4.90901786E8</v>
      </c>
      <c r="B23150" s="2">
        <v>18270.0</v>
      </c>
      <c r="C23150" s="1" t="s">
        <v>5</v>
      </c>
      <c r="D23150" s="1" t="s">
        <v>11</v>
      </c>
      <c r="E23150" s="1" t="s">
        <v>7</v>
      </c>
    </row>
    <row r="23151">
      <c r="A23151" s="1">
        <v>4.90901829E8</v>
      </c>
      <c r="B23151" s="2">
        <v>18269.0</v>
      </c>
      <c r="C23151" s="1" t="s">
        <v>5</v>
      </c>
      <c r="D23151" s="1" t="s">
        <v>19598</v>
      </c>
      <c r="E23151" s="1" t="s">
        <v>7</v>
      </c>
    </row>
    <row r="23152">
      <c r="A23152" s="1">
        <v>4.90901887E8</v>
      </c>
      <c r="B23152" s="2">
        <v>18268.0</v>
      </c>
      <c r="C23152" s="1" t="s">
        <v>5</v>
      </c>
      <c r="D23152" s="1" t="s">
        <v>11</v>
      </c>
      <c r="E23152" s="1" t="s">
        <v>7</v>
      </c>
    </row>
    <row r="23153">
      <c r="A23153" s="1">
        <v>4.90901953E8</v>
      </c>
      <c r="B23153" s="2">
        <v>18322.0</v>
      </c>
      <c r="C23153" s="1" t="s">
        <v>5</v>
      </c>
      <c r="D23153" s="1" t="s">
        <v>19599</v>
      </c>
      <c r="E23153" s="1" t="s">
        <v>7</v>
      </c>
    </row>
    <row r="23154">
      <c r="A23154" s="1">
        <v>4.90901954E8</v>
      </c>
      <c r="B23154" s="2">
        <v>18238.0</v>
      </c>
      <c r="C23154" s="1" t="s">
        <v>5</v>
      </c>
      <c r="D23154" s="1" t="s">
        <v>19600</v>
      </c>
      <c r="E23154" s="1" t="s">
        <v>7</v>
      </c>
    </row>
    <row r="23155">
      <c r="A23155" s="1">
        <v>4.90901991E8</v>
      </c>
      <c r="B23155" s="2">
        <v>18253.0</v>
      </c>
      <c r="C23155" s="1" t="s">
        <v>5</v>
      </c>
      <c r="D23155" s="1" t="s">
        <v>19601</v>
      </c>
      <c r="E23155" s="1" t="s">
        <v>7</v>
      </c>
    </row>
    <row r="23156">
      <c r="A23156" s="1">
        <v>4.90902034E8</v>
      </c>
      <c r="B23156" s="2">
        <v>18149.0</v>
      </c>
      <c r="C23156" s="1" t="s">
        <v>5</v>
      </c>
      <c r="D23156" s="1" t="s">
        <v>19602</v>
      </c>
      <c r="E23156" s="1" t="s">
        <v>7</v>
      </c>
    </row>
    <row r="23157">
      <c r="A23157" s="1">
        <v>4.90902111E8</v>
      </c>
      <c r="B23157" s="2">
        <v>18285.0</v>
      </c>
      <c r="C23157" s="1" t="s">
        <v>5</v>
      </c>
      <c r="D23157" s="1" t="s">
        <v>19603</v>
      </c>
      <c r="E23157" s="1" t="s">
        <v>11</v>
      </c>
    </row>
    <row r="23158">
      <c r="A23158" s="1">
        <v>4.90902189E8</v>
      </c>
      <c r="B23158" s="2">
        <v>18320.0</v>
      </c>
      <c r="C23158" s="1" t="s">
        <v>5</v>
      </c>
      <c r="D23158" s="1" t="s">
        <v>19604</v>
      </c>
      <c r="E23158" s="1" t="s">
        <v>11</v>
      </c>
    </row>
    <row r="23159">
      <c r="A23159" s="1">
        <v>4.90902198E8</v>
      </c>
      <c r="B23159" s="2">
        <v>18319.0</v>
      </c>
      <c r="C23159" s="1" t="s">
        <v>5</v>
      </c>
      <c r="D23159" s="1" t="s">
        <v>11</v>
      </c>
      <c r="E23159" s="1" t="s">
        <v>7</v>
      </c>
    </row>
    <row r="23160">
      <c r="A23160" s="1">
        <v>4.90902447E8</v>
      </c>
      <c r="B23160" s="2">
        <v>18285.0</v>
      </c>
      <c r="C23160" s="1" t="s">
        <v>5</v>
      </c>
      <c r="D23160" s="1" t="s">
        <v>11</v>
      </c>
      <c r="E23160" s="1" t="s">
        <v>7</v>
      </c>
    </row>
    <row r="23161">
      <c r="A23161" s="1">
        <v>4.90902702E8</v>
      </c>
      <c r="B23161" s="2">
        <v>18255.0</v>
      </c>
      <c r="C23161" s="1" t="s">
        <v>5</v>
      </c>
      <c r="D23161" s="1" t="s">
        <v>11</v>
      </c>
      <c r="E23161" s="1" t="s">
        <v>7</v>
      </c>
    </row>
    <row r="23162">
      <c r="A23162" s="1">
        <v>4.90902779E8</v>
      </c>
      <c r="B23162" s="2">
        <v>18236.0</v>
      </c>
      <c r="C23162" s="1" t="s">
        <v>5</v>
      </c>
      <c r="D23162" s="1" t="s">
        <v>19605</v>
      </c>
      <c r="E23162" s="1" t="s">
        <v>7</v>
      </c>
    </row>
    <row r="23163">
      <c r="A23163" s="1">
        <v>4.90902821E8</v>
      </c>
      <c r="B23163" s="2">
        <v>18306.0</v>
      </c>
      <c r="C23163" s="1" t="s">
        <v>5</v>
      </c>
      <c r="D23163" s="1" t="s">
        <v>11</v>
      </c>
      <c r="E23163" s="1" t="s">
        <v>7</v>
      </c>
    </row>
    <row r="23164">
      <c r="A23164" s="1">
        <v>4.90902895E8</v>
      </c>
      <c r="B23164" s="2">
        <v>18236.0</v>
      </c>
      <c r="C23164" s="1" t="s">
        <v>5</v>
      </c>
      <c r="D23164" s="1" t="s">
        <v>19606</v>
      </c>
      <c r="E23164" s="1" t="s">
        <v>7</v>
      </c>
    </row>
    <row r="23165">
      <c r="A23165" s="1">
        <v>4.9090294E8</v>
      </c>
      <c r="B23165" s="2">
        <v>18263.0</v>
      </c>
      <c r="C23165" s="1" t="s">
        <v>5</v>
      </c>
      <c r="D23165" s="1" t="s">
        <v>11</v>
      </c>
      <c r="E23165" s="1" t="s">
        <v>7</v>
      </c>
    </row>
    <row r="23166">
      <c r="A23166" s="1">
        <v>4.90903084E8</v>
      </c>
      <c r="B23166" s="2">
        <v>18383.0</v>
      </c>
      <c r="C23166" s="1" t="s">
        <v>5</v>
      </c>
      <c r="D23166" s="1" t="s">
        <v>19607</v>
      </c>
      <c r="E23166" s="1" t="s">
        <v>11</v>
      </c>
    </row>
    <row r="23167">
      <c r="A23167" s="1">
        <v>4.90903123E8</v>
      </c>
      <c r="B23167" s="2">
        <v>18311.0</v>
      </c>
      <c r="C23167" s="1" t="s">
        <v>5</v>
      </c>
      <c r="D23167" s="1" t="s">
        <v>19608</v>
      </c>
      <c r="E23167" s="1" t="s">
        <v>7</v>
      </c>
    </row>
    <row r="23168">
      <c r="A23168" s="1">
        <v>4.90903141E8</v>
      </c>
      <c r="B23168" s="2">
        <v>18238.0</v>
      </c>
      <c r="C23168" s="1" t="s">
        <v>5</v>
      </c>
      <c r="D23168" s="1" t="s">
        <v>19609</v>
      </c>
      <c r="E23168" s="1" t="s">
        <v>11</v>
      </c>
    </row>
    <row r="23169">
      <c r="A23169" s="1">
        <v>4.9090315E8</v>
      </c>
      <c r="B23169" s="2">
        <v>18383.0</v>
      </c>
      <c r="C23169" s="1" t="s">
        <v>5</v>
      </c>
      <c r="D23169" s="1" t="s">
        <v>19610</v>
      </c>
      <c r="E23169" s="1" t="s">
        <v>11</v>
      </c>
    </row>
    <row r="23170">
      <c r="A23170" s="1">
        <v>4.90903191E8</v>
      </c>
      <c r="B23170" s="2">
        <v>18247.0</v>
      </c>
      <c r="C23170" s="1" t="s">
        <v>5</v>
      </c>
      <c r="D23170" s="1" t="s">
        <v>19611</v>
      </c>
      <c r="E23170" s="1" t="s">
        <v>7</v>
      </c>
    </row>
    <row r="23171">
      <c r="A23171" s="1">
        <v>4.90903227E8</v>
      </c>
      <c r="B23171" s="2">
        <v>18257.0</v>
      </c>
      <c r="C23171" s="1" t="s">
        <v>5</v>
      </c>
      <c r="D23171" s="1" t="s">
        <v>19612</v>
      </c>
      <c r="E23171" s="1" t="s">
        <v>11</v>
      </c>
    </row>
    <row r="23172">
      <c r="A23172" s="1">
        <v>4.90903251E8</v>
      </c>
      <c r="B23172" s="2">
        <v>18247.0</v>
      </c>
      <c r="C23172" s="1" t="s">
        <v>5</v>
      </c>
      <c r="D23172" s="1" t="s">
        <v>7</v>
      </c>
      <c r="E23172" s="1" t="s">
        <v>7</v>
      </c>
    </row>
    <row r="23173">
      <c r="A23173" s="1">
        <v>4.9090336E8</v>
      </c>
      <c r="B23173" s="3">
        <v>18403.0</v>
      </c>
      <c r="C23173" s="1" t="s">
        <v>5</v>
      </c>
      <c r="D23173" s="1" t="s">
        <v>19613</v>
      </c>
      <c r="E23173" s="1" t="s">
        <v>7</v>
      </c>
    </row>
    <row r="23174">
      <c r="A23174" s="1">
        <v>4.90903431E8</v>
      </c>
      <c r="B23174" s="2">
        <v>18297.0</v>
      </c>
      <c r="C23174" s="1" t="s">
        <v>5</v>
      </c>
      <c r="D23174" s="1" t="s">
        <v>19614</v>
      </c>
      <c r="E23174" s="1" t="s">
        <v>7</v>
      </c>
    </row>
    <row r="23175">
      <c r="A23175" s="1">
        <v>4.90903487E8</v>
      </c>
      <c r="B23175" s="3">
        <v>18413.0</v>
      </c>
      <c r="C23175" s="1" t="s">
        <v>5</v>
      </c>
      <c r="D23175" s="1" t="s">
        <v>19615</v>
      </c>
      <c r="E23175" s="1" t="s">
        <v>11</v>
      </c>
    </row>
    <row r="23176">
      <c r="A23176" s="1">
        <v>4.90903566E8</v>
      </c>
      <c r="B23176" s="2">
        <v>18260.0</v>
      </c>
      <c r="C23176" s="1" t="s">
        <v>5</v>
      </c>
      <c r="D23176" s="1" t="s">
        <v>19616</v>
      </c>
      <c r="E23176" s="1" t="s">
        <v>11</v>
      </c>
    </row>
    <row r="23177">
      <c r="A23177" s="1">
        <v>4.90903659E8</v>
      </c>
      <c r="B23177" s="2">
        <v>18315.0</v>
      </c>
      <c r="C23177" s="1" t="s">
        <v>5</v>
      </c>
      <c r="D23177" s="1" t="s">
        <v>19617</v>
      </c>
      <c r="E23177" s="1" t="s">
        <v>11</v>
      </c>
    </row>
    <row r="23178">
      <c r="A23178" s="1">
        <v>4.90903687E8</v>
      </c>
      <c r="B23178" s="2">
        <v>18250.0</v>
      </c>
      <c r="C23178" s="1" t="s">
        <v>5</v>
      </c>
      <c r="D23178" s="1" t="s">
        <v>19618</v>
      </c>
      <c r="E23178" s="1" t="s">
        <v>7</v>
      </c>
    </row>
    <row r="23179">
      <c r="A23179" s="1">
        <v>4.90903842E8</v>
      </c>
      <c r="B23179" s="3">
        <v>18406.0</v>
      </c>
      <c r="C23179" s="1" t="s">
        <v>5</v>
      </c>
      <c r="D23179" s="1" t="s">
        <v>19619</v>
      </c>
      <c r="E23179" s="1" t="s">
        <v>7</v>
      </c>
    </row>
    <row r="23180">
      <c r="A23180" s="1">
        <v>4.90903878E8</v>
      </c>
      <c r="B23180" s="2">
        <v>18315.0</v>
      </c>
      <c r="C23180" s="1" t="s">
        <v>5</v>
      </c>
      <c r="D23180" s="1" t="s">
        <v>19620</v>
      </c>
      <c r="E23180" s="1" t="s">
        <v>7</v>
      </c>
    </row>
    <row r="23181">
      <c r="A23181" s="1">
        <v>4.90903915E8</v>
      </c>
      <c r="B23181" s="3">
        <v>18403.0</v>
      </c>
      <c r="C23181" s="1" t="s">
        <v>5</v>
      </c>
      <c r="D23181" s="1" t="s">
        <v>11</v>
      </c>
      <c r="E23181" s="1" t="s">
        <v>7</v>
      </c>
    </row>
    <row r="23182">
      <c r="A23182" s="1">
        <v>4.90904006E8</v>
      </c>
      <c r="B23182" s="3">
        <v>18404.0</v>
      </c>
      <c r="C23182" s="1" t="s">
        <v>5</v>
      </c>
      <c r="D23182" s="1" t="s">
        <v>11</v>
      </c>
      <c r="E23182" s="1" t="s">
        <v>7</v>
      </c>
    </row>
    <row r="23183">
      <c r="A23183" s="1">
        <v>4.90904007E8</v>
      </c>
      <c r="B23183" s="2">
        <v>18260.0</v>
      </c>
      <c r="C23183" s="1" t="s">
        <v>5</v>
      </c>
      <c r="D23183" s="1" t="s">
        <v>11</v>
      </c>
      <c r="E23183" s="1" t="s">
        <v>7</v>
      </c>
    </row>
    <row r="23184">
      <c r="A23184" s="1">
        <v>4.90904028E8</v>
      </c>
      <c r="B23184" s="2">
        <v>18257.0</v>
      </c>
      <c r="C23184" s="1" t="s">
        <v>5</v>
      </c>
      <c r="D23184" s="1" t="s">
        <v>19621</v>
      </c>
      <c r="E23184" s="1" t="s">
        <v>7</v>
      </c>
    </row>
    <row r="23185">
      <c r="A23185" s="1">
        <v>4.90904082E8</v>
      </c>
      <c r="B23185" s="2">
        <v>18254.0</v>
      </c>
      <c r="C23185" s="1" t="s">
        <v>5</v>
      </c>
      <c r="D23185" s="1" t="s">
        <v>11</v>
      </c>
      <c r="E23185" s="1" t="s">
        <v>7</v>
      </c>
    </row>
    <row r="23186">
      <c r="A23186" s="1">
        <v>4.90904152E8</v>
      </c>
      <c r="B23186" s="3">
        <v>18401.0</v>
      </c>
      <c r="C23186" s="1" t="s">
        <v>5</v>
      </c>
      <c r="D23186" s="1" t="s">
        <v>11</v>
      </c>
      <c r="E23186" s="1" t="s">
        <v>7</v>
      </c>
    </row>
    <row r="23187">
      <c r="A23187" s="1">
        <v>4.90904336E8</v>
      </c>
      <c r="B23187" s="2">
        <v>18243.0</v>
      </c>
      <c r="C23187" s="1" t="s">
        <v>5</v>
      </c>
      <c r="D23187" s="1" t="s">
        <v>19622</v>
      </c>
      <c r="E23187" s="1" t="s">
        <v>7</v>
      </c>
    </row>
    <row r="23188">
      <c r="A23188" s="1">
        <v>4.9090441E8</v>
      </c>
      <c r="B23188" s="2">
        <v>18235.0</v>
      </c>
      <c r="C23188" s="1" t="s">
        <v>5</v>
      </c>
      <c r="D23188" s="1" t="s">
        <v>19623</v>
      </c>
      <c r="E23188" s="1" t="s">
        <v>11</v>
      </c>
    </row>
    <row r="23189">
      <c r="A23189" s="1">
        <v>4.90904454E8</v>
      </c>
      <c r="B23189" s="3">
        <v>18390.0</v>
      </c>
      <c r="C23189" s="1" t="s">
        <v>5</v>
      </c>
      <c r="D23189" s="1" t="s">
        <v>11</v>
      </c>
      <c r="E23189" s="1" t="s">
        <v>7</v>
      </c>
    </row>
    <row r="23190">
      <c r="A23190" s="1">
        <v>4.90904532E8</v>
      </c>
      <c r="B23190" s="3">
        <v>18387.0</v>
      </c>
      <c r="C23190" s="1" t="s">
        <v>5</v>
      </c>
      <c r="D23190" s="1" t="s">
        <v>19624</v>
      </c>
      <c r="E23190" s="1" t="s">
        <v>19625</v>
      </c>
    </row>
    <row r="23191">
      <c r="A23191" s="1">
        <v>4.90904602E8</v>
      </c>
      <c r="B23191" s="2">
        <v>18311.0</v>
      </c>
      <c r="C23191" s="1" t="s">
        <v>5</v>
      </c>
      <c r="D23191" s="1" t="s">
        <v>19626</v>
      </c>
      <c r="E23191" s="1" t="s">
        <v>19627</v>
      </c>
    </row>
    <row r="23192">
      <c r="A23192" s="1">
        <v>4.90904674E8</v>
      </c>
      <c r="B23192" s="2">
        <v>18242.0</v>
      </c>
      <c r="C23192" s="1" t="s">
        <v>5</v>
      </c>
      <c r="D23192" s="1" t="s">
        <v>19628</v>
      </c>
      <c r="E23192" s="1" t="s">
        <v>19629</v>
      </c>
    </row>
    <row r="23193">
      <c r="A23193" s="1">
        <v>4.90904718E8</v>
      </c>
      <c r="B23193" s="2">
        <v>18248.0</v>
      </c>
      <c r="C23193" s="1" t="s">
        <v>5</v>
      </c>
      <c r="D23193" s="1" t="s">
        <v>11</v>
      </c>
      <c r="E23193" s="1" t="s">
        <v>7</v>
      </c>
    </row>
    <row r="23194">
      <c r="A23194" s="1">
        <v>4.90904952E8</v>
      </c>
      <c r="B23194" s="2">
        <v>18441.0</v>
      </c>
      <c r="C23194" s="1" t="s">
        <v>5</v>
      </c>
      <c r="D23194" s="1" t="s">
        <v>19630</v>
      </c>
      <c r="E23194" s="1" t="s">
        <v>7</v>
      </c>
    </row>
    <row r="23195">
      <c r="A23195" s="1">
        <v>4.90905026E8</v>
      </c>
      <c r="B23195" s="2">
        <v>18416.0</v>
      </c>
      <c r="C23195" s="1" t="s">
        <v>5</v>
      </c>
      <c r="D23195" s="1" t="s">
        <v>19631</v>
      </c>
      <c r="E23195" s="1" t="s">
        <v>7</v>
      </c>
    </row>
    <row r="23196">
      <c r="A23196" s="1">
        <v>4.90905064E8</v>
      </c>
      <c r="B23196" s="2">
        <v>18247.0</v>
      </c>
      <c r="C23196" s="1" t="s">
        <v>5</v>
      </c>
      <c r="D23196" s="1" t="s">
        <v>19632</v>
      </c>
      <c r="E23196" s="1" t="s">
        <v>11</v>
      </c>
    </row>
    <row r="23197">
      <c r="A23197" s="1">
        <v>4.90905095E8</v>
      </c>
      <c r="B23197" s="3">
        <v>18389.0</v>
      </c>
      <c r="C23197" s="1" t="s">
        <v>5</v>
      </c>
      <c r="D23197" s="1" t="s">
        <v>19633</v>
      </c>
      <c r="E23197" s="1" t="s">
        <v>7</v>
      </c>
    </row>
    <row r="23198">
      <c r="A23198" s="1">
        <v>4.90905101E8</v>
      </c>
      <c r="B23198" s="2">
        <v>18281.0</v>
      </c>
      <c r="C23198" s="1" t="s">
        <v>5</v>
      </c>
      <c r="D23198" s="1" t="s">
        <v>11</v>
      </c>
      <c r="E23198" s="1" t="s">
        <v>7</v>
      </c>
    </row>
    <row r="23199">
      <c r="A23199" s="1">
        <v>4.90905114E8</v>
      </c>
      <c r="B23199" s="2">
        <v>18254.0</v>
      </c>
      <c r="C23199" s="1" t="s">
        <v>5</v>
      </c>
      <c r="D23199" s="1" t="s">
        <v>19634</v>
      </c>
      <c r="E23199" s="1" t="s">
        <v>7</v>
      </c>
    </row>
    <row r="23200">
      <c r="A23200" s="1">
        <v>4.90905173E8</v>
      </c>
      <c r="B23200" s="2">
        <v>18376.0</v>
      </c>
      <c r="C23200" s="1" t="s">
        <v>5</v>
      </c>
      <c r="D23200" s="1" t="s">
        <v>11</v>
      </c>
      <c r="E23200" s="1" t="s">
        <v>7</v>
      </c>
    </row>
    <row r="23201">
      <c r="A23201" s="1">
        <v>4.90905207E8</v>
      </c>
      <c r="B23201" s="2">
        <v>18247.0</v>
      </c>
      <c r="C23201" s="1" t="s">
        <v>5</v>
      </c>
      <c r="D23201" s="1" t="s">
        <v>19635</v>
      </c>
      <c r="E23201" s="1" t="s">
        <v>7</v>
      </c>
    </row>
    <row r="23202">
      <c r="A23202" s="1">
        <v>4.90905221E8</v>
      </c>
      <c r="B23202" s="2">
        <v>18299.0</v>
      </c>
      <c r="C23202" s="1" t="s">
        <v>5</v>
      </c>
      <c r="D23202" s="1" t="s">
        <v>19636</v>
      </c>
      <c r="E23202" s="1" t="s">
        <v>11</v>
      </c>
    </row>
    <row r="23203">
      <c r="A23203" s="1">
        <v>4.90905255E8</v>
      </c>
      <c r="B23203" s="3">
        <v>18389.0</v>
      </c>
      <c r="C23203" s="1" t="s">
        <v>5</v>
      </c>
      <c r="D23203" s="1" t="s">
        <v>19637</v>
      </c>
      <c r="E23203" s="1" t="s">
        <v>7</v>
      </c>
    </row>
    <row r="23204">
      <c r="A23204" s="1">
        <v>4.90905257E8</v>
      </c>
      <c r="B23204" s="2">
        <v>18235.0</v>
      </c>
      <c r="C23204" s="1" t="s">
        <v>5</v>
      </c>
      <c r="D23204" s="1" t="s">
        <v>11</v>
      </c>
      <c r="E23204" s="1" t="s">
        <v>7</v>
      </c>
    </row>
    <row r="23205">
      <c r="A23205" s="1">
        <v>4.90905299E8</v>
      </c>
      <c r="B23205" s="2">
        <v>18253.0</v>
      </c>
      <c r="C23205" s="1" t="s">
        <v>5</v>
      </c>
      <c r="D23205" s="1" t="s">
        <v>19638</v>
      </c>
      <c r="E23205" s="1" t="s">
        <v>19639</v>
      </c>
    </row>
    <row r="23206">
      <c r="A23206" s="1">
        <v>4.90905437E8</v>
      </c>
      <c r="B23206" s="3">
        <v>18406.0</v>
      </c>
      <c r="C23206" s="1" t="s">
        <v>5</v>
      </c>
      <c r="D23206" s="1" t="s">
        <v>19640</v>
      </c>
      <c r="E23206" s="1" t="s">
        <v>11</v>
      </c>
    </row>
    <row r="23207">
      <c r="A23207" s="1">
        <v>4.90905507E8</v>
      </c>
      <c r="B23207" s="2">
        <v>18239.0</v>
      </c>
      <c r="C23207" s="1" t="s">
        <v>5</v>
      </c>
      <c r="D23207" s="1" t="s">
        <v>19641</v>
      </c>
      <c r="E23207" s="1" t="s">
        <v>7</v>
      </c>
    </row>
    <row r="23208">
      <c r="A23208" s="1">
        <v>4.9090554E8</v>
      </c>
      <c r="B23208" s="2">
        <v>18431.0</v>
      </c>
      <c r="C23208" s="1" t="s">
        <v>5</v>
      </c>
      <c r="D23208" s="1" t="s">
        <v>19642</v>
      </c>
      <c r="E23208" s="1" t="s">
        <v>7</v>
      </c>
    </row>
    <row r="23209">
      <c r="A23209" s="1">
        <v>4.9090558E8</v>
      </c>
      <c r="B23209" s="2">
        <v>18250.0</v>
      </c>
      <c r="C23209" s="1" t="s">
        <v>5</v>
      </c>
      <c r="D23209" s="1" t="s">
        <v>19643</v>
      </c>
      <c r="E23209" s="1" t="s">
        <v>11</v>
      </c>
    </row>
    <row r="23210">
      <c r="A23210" s="1">
        <v>4.90905581E8</v>
      </c>
      <c r="B23210" s="2">
        <v>18296.0</v>
      </c>
      <c r="C23210" s="1" t="s">
        <v>5</v>
      </c>
      <c r="D23210" s="1" t="s">
        <v>19644</v>
      </c>
      <c r="E23210" s="1" t="s">
        <v>7</v>
      </c>
    </row>
    <row r="23211">
      <c r="A23211" s="1">
        <v>4.90905633E8</v>
      </c>
      <c r="B23211" s="3">
        <v>18404.0</v>
      </c>
      <c r="C23211" s="1" t="s">
        <v>5</v>
      </c>
      <c r="D23211" s="1" t="s">
        <v>19645</v>
      </c>
      <c r="E23211" s="1" t="s">
        <v>19646</v>
      </c>
    </row>
    <row r="23212">
      <c r="A23212" s="1">
        <v>4.90905701E8</v>
      </c>
      <c r="B23212" s="2">
        <v>18253.0</v>
      </c>
      <c r="C23212" s="1" t="s">
        <v>5</v>
      </c>
      <c r="D23212" s="1" t="s">
        <v>11</v>
      </c>
      <c r="E23212" s="1" t="s">
        <v>7</v>
      </c>
    </row>
    <row r="23213">
      <c r="A23213" s="1">
        <v>4.90905758E8</v>
      </c>
      <c r="B23213" s="2">
        <v>18276.0</v>
      </c>
      <c r="C23213" s="1" t="s">
        <v>5</v>
      </c>
      <c r="D23213" s="1" t="s">
        <v>11</v>
      </c>
      <c r="E23213" s="1" t="s">
        <v>7</v>
      </c>
    </row>
    <row r="23214">
      <c r="A23214" s="1">
        <v>4.90905847E8</v>
      </c>
      <c r="B23214" s="2">
        <v>18380.0</v>
      </c>
      <c r="C23214" s="1" t="s">
        <v>5</v>
      </c>
      <c r="D23214" s="1" t="s">
        <v>19647</v>
      </c>
      <c r="E23214" s="1" t="s">
        <v>19648</v>
      </c>
    </row>
    <row r="23215">
      <c r="A23215" s="1">
        <v>4.90905909E8</v>
      </c>
      <c r="B23215" s="2">
        <v>18302.0</v>
      </c>
      <c r="C23215" s="1" t="s">
        <v>5</v>
      </c>
      <c r="D23215" s="1" t="s">
        <v>11</v>
      </c>
      <c r="E23215" s="1" t="s">
        <v>7</v>
      </c>
    </row>
    <row r="23216">
      <c r="A23216" s="1">
        <v>4.90905956E8</v>
      </c>
      <c r="B23216" s="2">
        <v>18260.0</v>
      </c>
      <c r="C23216" s="1" t="s">
        <v>5</v>
      </c>
      <c r="D23216" s="1" t="s">
        <v>19649</v>
      </c>
      <c r="E23216" s="1" t="s">
        <v>7</v>
      </c>
    </row>
    <row r="23217">
      <c r="A23217" s="1">
        <v>4.9090597E8</v>
      </c>
      <c r="B23217" s="2">
        <v>18250.0</v>
      </c>
      <c r="C23217" s="1" t="s">
        <v>5</v>
      </c>
      <c r="D23217" s="1" t="s">
        <v>19650</v>
      </c>
      <c r="E23217" s="1" t="s">
        <v>11</v>
      </c>
    </row>
    <row r="23218">
      <c r="A23218" s="1">
        <v>4.90905976E8</v>
      </c>
      <c r="B23218" s="2">
        <v>18247.0</v>
      </c>
      <c r="C23218" s="1" t="s">
        <v>5</v>
      </c>
      <c r="D23218" s="1" t="s">
        <v>11</v>
      </c>
      <c r="E23218" s="1" t="s">
        <v>7</v>
      </c>
    </row>
    <row r="23219">
      <c r="A23219" s="1">
        <v>4.90906005E8</v>
      </c>
      <c r="B23219" s="2">
        <v>18291.0</v>
      </c>
      <c r="C23219" s="1" t="s">
        <v>5</v>
      </c>
      <c r="D23219" s="1" t="s">
        <v>19651</v>
      </c>
      <c r="E23219" s="1" t="s">
        <v>7</v>
      </c>
    </row>
    <row r="23220">
      <c r="A23220" s="1">
        <v>4.90906054E8</v>
      </c>
      <c r="B23220" s="2">
        <v>18375.0</v>
      </c>
      <c r="C23220" s="1" t="s">
        <v>5</v>
      </c>
      <c r="D23220" s="1" t="s">
        <v>11</v>
      </c>
      <c r="E23220" s="1" t="s">
        <v>7</v>
      </c>
    </row>
    <row r="23221">
      <c r="A23221" s="1">
        <v>4.90906146E8</v>
      </c>
      <c r="B23221" s="2">
        <v>18373.0</v>
      </c>
      <c r="C23221" s="1" t="s">
        <v>5</v>
      </c>
      <c r="D23221" s="1" t="s">
        <v>19652</v>
      </c>
      <c r="E23221" s="1" t="s">
        <v>7</v>
      </c>
    </row>
    <row r="23222">
      <c r="A23222" s="1">
        <v>4.90906154E8</v>
      </c>
      <c r="B23222" s="2">
        <v>18442.0</v>
      </c>
      <c r="C23222" s="1" t="s">
        <v>5</v>
      </c>
      <c r="D23222" s="1" t="s">
        <v>19653</v>
      </c>
      <c r="E23222" s="1" t="s">
        <v>19654</v>
      </c>
    </row>
    <row r="23223">
      <c r="A23223" s="1">
        <v>4.90906167E8</v>
      </c>
      <c r="B23223" s="2">
        <v>18275.0</v>
      </c>
      <c r="C23223" s="1" t="s">
        <v>5</v>
      </c>
      <c r="D23223" s="1" t="s">
        <v>19655</v>
      </c>
      <c r="E23223" s="1" t="s">
        <v>7</v>
      </c>
    </row>
    <row r="23224">
      <c r="A23224" s="1">
        <v>4.90906243E8</v>
      </c>
      <c r="B23224" s="2">
        <v>18257.0</v>
      </c>
      <c r="C23224" s="1" t="s">
        <v>5</v>
      </c>
      <c r="D23224" s="1" t="s">
        <v>19656</v>
      </c>
      <c r="E23224" s="1" t="s">
        <v>11</v>
      </c>
    </row>
    <row r="23225">
      <c r="A23225" s="1">
        <v>4.90906347E8</v>
      </c>
      <c r="B23225" s="2">
        <v>18234.0</v>
      </c>
      <c r="C23225" s="1" t="s">
        <v>5</v>
      </c>
      <c r="D23225" s="1" t="s">
        <v>19657</v>
      </c>
      <c r="E23225" s="1" t="s">
        <v>7</v>
      </c>
    </row>
    <row r="23226">
      <c r="A23226" s="1">
        <v>4.90906356E8</v>
      </c>
      <c r="B23226" s="2">
        <v>18287.0</v>
      </c>
      <c r="C23226" s="1" t="s">
        <v>5</v>
      </c>
      <c r="D23226" s="1" t="s">
        <v>19658</v>
      </c>
      <c r="E23226" s="1" t="s">
        <v>7</v>
      </c>
    </row>
    <row r="23227">
      <c r="A23227" s="1">
        <v>4.90906419E8</v>
      </c>
      <c r="B23227" s="2">
        <v>18284.0</v>
      </c>
      <c r="C23227" s="1" t="s">
        <v>5</v>
      </c>
      <c r="D23227" s="1" t="s">
        <v>11</v>
      </c>
      <c r="E23227" s="1" t="s">
        <v>7</v>
      </c>
    </row>
    <row r="23228">
      <c r="A23228" s="1">
        <v>4.90906656E8</v>
      </c>
      <c r="B23228" s="3">
        <v>18403.0</v>
      </c>
      <c r="C23228" s="1" t="s">
        <v>5</v>
      </c>
      <c r="D23228" s="1" t="s">
        <v>19659</v>
      </c>
      <c r="E23228" s="1" t="s">
        <v>11</v>
      </c>
    </row>
    <row r="23229">
      <c r="A23229" s="1">
        <v>4.90906667E8</v>
      </c>
      <c r="B23229" s="2">
        <v>18439.0</v>
      </c>
      <c r="C23229" s="1" t="s">
        <v>5</v>
      </c>
      <c r="D23229" s="1" t="s">
        <v>11</v>
      </c>
      <c r="E23229" s="1" t="s">
        <v>7</v>
      </c>
    </row>
    <row r="23230">
      <c r="A23230" s="1">
        <v>4.90906699E8</v>
      </c>
      <c r="B23230" s="2">
        <v>18278.0</v>
      </c>
      <c r="C23230" s="1" t="s">
        <v>5</v>
      </c>
      <c r="D23230" s="1" t="s">
        <v>19660</v>
      </c>
      <c r="E23230" s="1" t="s">
        <v>11</v>
      </c>
    </row>
    <row r="23231">
      <c r="A23231" s="1">
        <v>4.90906781E8</v>
      </c>
      <c r="B23231" s="2">
        <v>18372.0</v>
      </c>
      <c r="C23231" s="1" t="s">
        <v>5</v>
      </c>
      <c r="D23231" s="1" t="s">
        <v>19661</v>
      </c>
      <c r="E23231" s="1" t="s">
        <v>7</v>
      </c>
    </row>
    <row r="23232">
      <c r="A23232" s="1">
        <v>4.90906795E8</v>
      </c>
      <c r="B23232" s="2">
        <v>18278.0</v>
      </c>
      <c r="C23232" s="1" t="s">
        <v>5</v>
      </c>
      <c r="D23232" s="1" t="s">
        <v>19662</v>
      </c>
      <c r="E23232" s="1" t="s">
        <v>7</v>
      </c>
    </row>
    <row r="23233">
      <c r="A23233" s="1">
        <v>4.90906824E8</v>
      </c>
      <c r="B23233" s="2">
        <v>18375.0</v>
      </c>
      <c r="C23233" s="1" t="s">
        <v>5</v>
      </c>
      <c r="D23233" s="1" t="s">
        <v>11</v>
      </c>
      <c r="E23233" s="1" t="s">
        <v>7</v>
      </c>
    </row>
    <row r="23234">
      <c r="A23234" s="1">
        <v>4.90906856E8</v>
      </c>
      <c r="B23234" s="2">
        <v>18381.0</v>
      </c>
      <c r="C23234" s="1" t="s">
        <v>5</v>
      </c>
      <c r="D23234" s="1" t="s">
        <v>11</v>
      </c>
      <c r="E23234" s="1" t="s">
        <v>7</v>
      </c>
    </row>
    <row r="23235">
      <c r="A23235" s="1">
        <v>4.90906897E8</v>
      </c>
      <c r="B23235" s="2">
        <v>18444.0</v>
      </c>
      <c r="C23235" s="1" t="s">
        <v>5</v>
      </c>
      <c r="D23235" s="1" t="s">
        <v>19663</v>
      </c>
      <c r="E23235" s="1" t="s">
        <v>7</v>
      </c>
    </row>
    <row r="23236">
      <c r="A23236" s="1">
        <v>4.90906987E8</v>
      </c>
      <c r="B23236" s="2">
        <v>18291.0</v>
      </c>
      <c r="C23236" s="1" t="s">
        <v>5</v>
      </c>
      <c r="D23236" s="1" t="s">
        <v>19664</v>
      </c>
      <c r="E23236" s="1" t="s">
        <v>7</v>
      </c>
    </row>
    <row r="23237">
      <c r="A23237" s="1">
        <v>4.90906996E8</v>
      </c>
      <c r="B23237" s="2">
        <v>18443.0</v>
      </c>
      <c r="C23237" s="1" t="s">
        <v>5</v>
      </c>
      <c r="D23237" s="1" t="s">
        <v>19665</v>
      </c>
      <c r="E23237" s="1" t="s">
        <v>7</v>
      </c>
    </row>
    <row r="23238">
      <c r="A23238" s="1">
        <v>4.90907009E8</v>
      </c>
      <c r="B23238" s="2">
        <v>18380.0</v>
      </c>
      <c r="C23238" s="1" t="s">
        <v>5</v>
      </c>
      <c r="D23238" s="1" t="s">
        <v>19666</v>
      </c>
      <c r="E23238" s="1" t="s">
        <v>11</v>
      </c>
    </row>
    <row r="23239">
      <c r="A23239" s="1">
        <v>4.90907059E8</v>
      </c>
      <c r="B23239" s="3">
        <v>18390.0</v>
      </c>
      <c r="C23239" s="1" t="s">
        <v>5</v>
      </c>
      <c r="D23239" s="1" t="s">
        <v>19667</v>
      </c>
      <c r="E23239" s="1" t="s">
        <v>7</v>
      </c>
    </row>
    <row r="23240">
      <c r="A23240" s="1">
        <v>4.90907118E8</v>
      </c>
      <c r="B23240" s="3">
        <v>18387.0</v>
      </c>
      <c r="C23240" s="1" t="s">
        <v>5</v>
      </c>
      <c r="D23240" s="1" t="s">
        <v>19668</v>
      </c>
      <c r="E23240" s="1" t="s">
        <v>7</v>
      </c>
    </row>
    <row r="23241">
      <c r="A23241" s="1">
        <v>4.90907155E8</v>
      </c>
      <c r="B23241" s="2">
        <v>18273.0</v>
      </c>
      <c r="C23241" s="1" t="s">
        <v>5</v>
      </c>
      <c r="D23241" s="1" t="s">
        <v>11</v>
      </c>
      <c r="E23241" s="1" t="s">
        <v>7</v>
      </c>
    </row>
    <row r="23242">
      <c r="A23242" s="1">
        <v>4.90907215E8</v>
      </c>
      <c r="B23242" s="2">
        <v>18273.0</v>
      </c>
      <c r="C23242" s="1" t="s">
        <v>5</v>
      </c>
      <c r="D23242" s="1" t="s">
        <v>19669</v>
      </c>
      <c r="E23242" s="1" t="s">
        <v>7</v>
      </c>
    </row>
    <row r="23243">
      <c r="A23243" s="1">
        <v>4.90907267E8</v>
      </c>
      <c r="B23243" s="2">
        <v>18289.0</v>
      </c>
      <c r="C23243" s="1" t="s">
        <v>5</v>
      </c>
      <c r="D23243" s="1" t="s">
        <v>19670</v>
      </c>
      <c r="E23243" s="1" t="s">
        <v>19671</v>
      </c>
    </row>
    <row r="23244">
      <c r="A23244" s="1">
        <v>4.90907369E8</v>
      </c>
      <c r="B23244" s="2">
        <v>18379.0</v>
      </c>
      <c r="C23244" s="1" t="s">
        <v>5</v>
      </c>
      <c r="D23244" s="1" t="s">
        <v>19672</v>
      </c>
      <c r="E23244" s="1" t="s">
        <v>7</v>
      </c>
    </row>
    <row r="23245">
      <c r="A23245" s="1">
        <v>4.90907423E8</v>
      </c>
      <c r="B23245" s="2">
        <v>18441.0</v>
      </c>
      <c r="C23245" s="1" t="s">
        <v>5</v>
      </c>
      <c r="D23245" s="1" t="s">
        <v>19673</v>
      </c>
      <c r="E23245" s="1" t="s">
        <v>7</v>
      </c>
    </row>
    <row r="23246">
      <c r="A23246" s="1">
        <v>4.90907569E8</v>
      </c>
      <c r="B23246" s="3">
        <v>18402.0</v>
      </c>
      <c r="C23246" s="1" t="s">
        <v>5</v>
      </c>
      <c r="D23246" s="1" t="s">
        <v>11</v>
      </c>
      <c r="E23246" s="1" t="s">
        <v>7</v>
      </c>
    </row>
    <row r="23247">
      <c r="A23247" s="1">
        <v>4.90907692E8</v>
      </c>
      <c r="B23247" s="2">
        <v>18296.0</v>
      </c>
      <c r="C23247" s="1" t="s">
        <v>5</v>
      </c>
      <c r="D23247" s="1" t="s">
        <v>19674</v>
      </c>
      <c r="E23247" s="1" t="s">
        <v>11</v>
      </c>
    </row>
    <row r="23248">
      <c r="A23248" s="1">
        <v>4.90907796E8</v>
      </c>
      <c r="B23248" s="2">
        <v>18437.0</v>
      </c>
      <c r="C23248" s="1" t="s">
        <v>5</v>
      </c>
      <c r="D23248" s="1" t="s">
        <v>19675</v>
      </c>
      <c r="E23248" s="1" t="s">
        <v>11</v>
      </c>
    </row>
    <row r="23249">
      <c r="A23249" s="1">
        <v>4.9090793E8</v>
      </c>
      <c r="B23249" s="3">
        <v>18401.0</v>
      </c>
      <c r="C23249" s="1" t="s">
        <v>5</v>
      </c>
      <c r="D23249" s="1" t="s">
        <v>11</v>
      </c>
      <c r="E23249" s="1" t="s">
        <v>7</v>
      </c>
    </row>
    <row r="23250">
      <c r="A23250" s="1">
        <v>4.9090794E8</v>
      </c>
      <c r="B23250" s="2">
        <v>18441.0</v>
      </c>
      <c r="C23250" s="1" t="s">
        <v>5</v>
      </c>
      <c r="D23250" s="1" t="s">
        <v>11</v>
      </c>
      <c r="E23250" s="1" t="s">
        <v>7</v>
      </c>
    </row>
    <row r="23251">
      <c r="A23251" s="1">
        <v>4.90908098E8</v>
      </c>
      <c r="B23251" s="2">
        <v>18270.0</v>
      </c>
      <c r="C23251" s="1" t="s">
        <v>5</v>
      </c>
      <c r="D23251" s="1" t="s">
        <v>19676</v>
      </c>
      <c r="E23251" s="1" t="s">
        <v>7</v>
      </c>
    </row>
    <row r="23252">
      <c r="A23252" s="1">
        <v>4.90908153E8</v>
      </c>
      <c r="B23252" s="2">
        <v>18270.0</v>
      </c>
      <c r="C23252" s="1" t="s">
        <v>5</v>
      </c>
      <c r="D23252" s="1" t="s">
        <v>19677</v>
      </c>
      <c r="E23252" s="1" t="s">
        <v>7</v>
      </c>
    </row>
    <row r="23253">
      <c r="A23253" s="1">
        <v>4.90908245E8</v>
      </c>
      <c r="B23253" s="2">
        <v>18278.0</v>
      </c>
      <c r="C23253" s="1" t="s">
        <v>5</v>
      </c>
      <c r="D23253" s="1" t="s">
        <v>19678</v>
      </c>
      <c r="E23253" s="1" t="s">
        <v>7</v>
      </c>
    </row>
    <row r="23254">
      <c r="A23254" s="1">
        <v>4.90908318E8</v>
      </c>
      <c r="B23254" s="2">
        <v>18372.0</v>
      </c>
      <c r="C23254" s="1" t="s">
        <v>5</v>
      </c>
      <c r="D23254" s="1" t="s">
        <v>19679</v>
      </c>
      <c r="E23254" s="1" t="s">
        <v>7</v>
      </c>
    </row>
    <row r="23255">
      <c r="A23255" s="1">
        <v>4.90908319E8</v>
      </c>
      <c r="B23255" s="2">
        <v>18364.0</v>
      </c>
      <c r="C23255" s="1" t="s">
        <v>5</v>
      </c>
      <c r="D23255" s="1" t="s">
        <v>7</v>
      </c>
      <c r="E23255" s="1" t="s">
        <v>7</v>
      </c>
    </row>
    <row r="23256">
      <c r="A23256" s="1">
        <v>4.90908339E8</v>
      </c>
      <c r="B23256" s="2">
        <v>18362.0</v>
      </c>
      <c r="C23256" s="1" t="s">
        <v>5</v>
      </c>
      <c r="D23256" s="1" t="s">
        <v>19680</v>
      </c>
      <c r="E23256" s="1" t="s">
        <v>11</v>
      </c>
    </row>
    <row r="23257">
      <c r="A23257" s="1">
        <v>4.90908408E8</v>
      </c>
      <c r="B23257" s="2">
        <v>18373.0</v>
      </c>
      <c r="C23257" s="1" t="s">
        <v>5</v>
      </c>
      <c r="D23257" s="1" t="s">
        <v>11</v>
      </c>
      <c r="E23257" s="1" t="s">
        <v>7</v>
      </c>
    </row>
    <row r="23258">
      <c r="A23258" s="1">
        <v>4.90908432E8</v>
      </c>
      <c r="B23258" s="2">
        <v>18430.0</v>
      </c>
      <c r="C23258" s="1" t="s">
        <v>5</v>
      </c>
      <c r="D23258" s="1" t="s">
        <v>19681</v>
      </c>
      <c r="E23258" s="1" t="s">
        <v>7</v>
      </c>
    </row>
    <row r="23259">
      <c r="A23259" s="1">
        <v>4.90908442E8</v>
      </c>
      <c r="B23259" s="2">
        <v>18294.0</v>
      </c>
      <c r="C23259" s="1" t="s">
        <v>5</v>
      </c>
      <c r="D23259" s="1" t="s">
        <v>19682</v>
      </c>
      <c r="E23259" s="1" t="s">
        <v>7</v>
      </c>
    </row>
    <row r="23260">
      <c r="A23260" s="1">
        <v>4.90908454E8</v>
      </c>
      <c r="B23260" s="3">
        <v>18386.0</v>
      </c>
      <c r="C23260" s="1" t="s">
        <v>5</v>
      </c>
      <c r="D23260" s="1" t="s">
        <v>19683</v>
      </c>
      <c r="E23260" s="1" t="s">
        <v>11</v>
      </c>
    </row>
    <row r="23261">
      <c r="A23261" s="1">
        <v>4.90908522E8</v>
      </c>
      <c r="B23261" s="2">
        <v>18430.0</v>
      </c>
      <c r="C23261" s="1" t="s">
        <v>5</v>
      </c>
      <c r="D23261" s="1" t="s">
        <v>19684</v>
      </c>
      <c r="E23261" s="1" t="s">
        <v>7</v>
      </c>
    </row>
    <row r="23262">
      <c r="A23262" s="1">
        <v>4.90908664E8</v>
      </c>
      <c r="B23262" s="2">
        <v>18431.0</v>
      </c>
      <c r="C23262" s="1" t="s">
        <v>5</v>
      </c>
      <c r="D23262" s="1" t="s">
        <v>19685</v>
      </c>
      <c r="E23262" s="1" t="s">
        <v>7</v>
      </c>
    </row>
    <row r="23263">
      <c r="A23263" s="1">
        <v>4.90908681E8</v>
      </c>
      <c r="B23263" s="2">
        <v>18380.0</v>
      </c>
      <c r="C23263" s="1" t="s">
        <v>5</v>
      </c>
      <c r="D23263" s="1" t="s">
        <v>19686</v>
      </c>
      <c r="E23263" s="1" t="s">
        <v>7</v>
      </c>
    </row>
    <row r="23264">
      <c r="A23264" s="1">
        <v>4.90908706E8</v>
      </c>
      <c r="B23264" s="3">
        <v>18389.0</v>
      </c>
      <c r="C23264" s="1" t="s">
        <v>5</v>
      </c>
      <c r="D23264" s="1" t="s">
        <v>11</v>
      </c>
      <c r="E23264" s="1" t="s">
        <v>7</v>
      </c>
    </row>
    <row r="23265">
      <c r="A23265" s="1">
        <v>4.90908739E8</v>
      </c>
      <c r="B23265" s="2">
        <v>18442.0</v>
      </c>
      <c r="C23265" s="1" t="s">
        <v>5</v>
      </c>
      <c r="D23265" s="1" t="s">
        <v>19687</v>
      </c>
      <c r="E23265" s="1" t="s">
        <v>7</v>
      </c>
    </row>
    <row r="23266">
      <c r="A23266" s="1">
        <v>4.90908856E8</v>
      </c>
      <c r="B23266" s="2">
        <v>18379.0</v>
      </c>
      <c r="C23266" s="1" t="s">
        <v>5</v>
      </c>
      <c r="D23266" s="1" t="s">
        <v>19688</v>
      </c>
      <c r="E23266" s="1" t="s">
        <v>11</v>
      </c>
    </row>
    <row r="23267">
      <c r="A23267" s="1">
        <v>4.90908867E8</v>
      </c>
      <c r="B23267" s="2">
        <v>18376.0</v>
      </c>
      <c r="C23267" s="1" t="s">
        <v>5</v>
      </c>
      <c r="D23267" s="1" t="s">
        <v>19689</v>
      </c>
      <c r="E23267" s="1" t="s">
        <v>11</v>
      </c>
    </row>
    <row r="23268">
      <c r="A23268" s="1">
        <v>4.90908876E8</v>
      </c>
      <c r="B23268" s="2">
        <v>18443.0</v>
      </c>
      <c r="C23268" s="1" t="s">
        <v>5</v>
      </c>
      <c r="D23268" s="1" t="s">
        <v>11</v>
      </c>
      <c r="E23268" s="1" t="s">
        <v>7</v>
      </c>
    </row>
    <row r="23269">
      <c r="A23269" s="1">
        <v>4.90908992E8</v>
      </c>
      <c r="B23269" s="2">
        <v>18372.0</v>
      </c>
      <c r="C23269" s="1" t="s">
        <v>5</v>
      </c>
      <c r="D23269" s="1" t="s">
        <v>19690</v>
      </c>
      <c r="E23269" s="1" t="s">
        <v>11</v>
      </c>
    </row>
    <row r="23270">
      <c r="A23270" s="1">
        <v>4.90909145E8</v>
      </c>
      <c r="B23270" s="3">
        <v>18387.0</v>
      </c>
      <c r="C23270" s="1" t="s">
        <v>5</v>
      </c>
      <c r="D23270" s="1" t="s">
        <v>11</v>
      </c>
      <c r="E23270" s="1" t="s">
        <v>7</v>
      </c>
    </row>
    <row r="23271">
      <c r="A23271" s="1">
        <v>4.90909147E8</v>
      </c>
      <c r="B23271" s="2">
        <v>18239.0</v>
      </c>
      <c r="C23271" s="1" t="s">
        <v>5</v>
      </c>
      <c r="D23271" s="1" t="s">
        <v>11</v>
      </c>
      <c r="E23271" s="1" t="s">
        <v>7</v>
      </c>
    </row>
    <row r="23272">
      <c r="A23272" s="1">
        <v>4.90909197E8</v>
      </c>
      <c r="B23272" s="2">
        <v>18375.0</v>
      </c>
      <c r="C23272" s="1" t="s">
        <v>5</v>
      </c>
      <c r="D23272" s="1" t="s">
        <v>19691</v>
      </c>
      <c r="E23272" s="1" t="s">
        <v>19692</v>
      </c>
    </row>
    <row r="23273">
      <c r="A23273" s="1">
        <v>4.90909205E8</v>
      </c>
      <c r="B23273" s="2">
        <v>18425.0</v>
      </c>
      <c r="C23273" s="1" t="s">
        <v>5</v>
      </c>
      <c r="D23273" s="1" t="s">
        <v>19693</v>
      </c>
      <c r="E23273" s="1" t="s">
        <v>7</v>
      </c>
    </row>
    <row r="23274">
      <c r="A23274" s="1">
        <v>4.90909219E8</v>
      </c>
      <c r="B23274" s="2">
        <v>18367.0</v>
      </c>
      <c r="C23274" s="1" t="s">
        <v>5</v>
      </c>
      <c r="D23274" s="1" t="s">
        <v>19694</v>
      </c>
      <c r="E23274" s="1" t="s">
        <v>11</v>
      </c>
    </row>
    <row r="23275">
      <c r="A23275" s="1">
        <v>4.90909375E8</v>
      </c>
      <c r="B23275" s="2">
        <v>18430.0</v>
      </c>
      <c r="C23275" s="1" t="s">
        <v>5</v>
      </c>
      <c r="D23275" s="1" t="s">
        <v>11</v>
      </c>
      <c r="E23275" s="1" t="s">
        <v>7</v>
      </c>
    </row>
    <row r="23276">
      <c r="A23276" s="1">
        <v>4.90909439E8</v>
      </c>
      <c r="B23276" s="2">
        <v>18366.0</v>
      </c>
      <c r="C23276" s="1" t="s">
        <v>5</v>
      </c>
      <c r="D23276" s="1" t="s">
        <v>19695</v>
      </c>
      <c r="E23276" s="1" t="s">
        <v>7</v>
      </c>
    </row>
    <row r="23277">
      <c r="A23277" s="1">
        <v>4.90909489E8</v>
      </c>
      <c r="B23277" s="2">
        <v>18424.0</v>
      </c>
      <c r="C23277" s="1" t="s">
        <v>5</v>
      </c>
      <c r="D23277" s="1" t="s">
        <v>19696</v>
      </c>
      <c r="E23277" s="1" t="s">
        <v>19697</v>
      </c>
    </row>
    <row r="23278">
      <c r="A23278" s="1">
        <v>4.9090962E8</v>
      </c>
      <c r="B23278" s="2">
        <v>18365.0</v>
      </c>
      <c r="C23278" s="1" t="s">
        <v>5</v>
      </c>
      <c r="D23278" s="1" t="s">
        <v>19698</v>
      </c>
      <c r="E23278" s="1" t="s">
        <v>7</v>
      </c>
    </row>
    <row r="23279">
      <c r="A23279" s="1">
        <v>4.90909687E8</v>
      </c>
      <c r="B23279" s="2">
        <v>18434.0</v>
      </c>
      <c r="C23279" s="1" t="s">
        <v>5</v>
      </c>
      <c r="D23279" s="1" t="s">
        <v>11</v>
      </c>
      <c r="E23279" s="1" t="s">
        <v>7</v>
      </c>
    </row>
    <row r="23280">
      <c r="A23280" s="1">
        <v>4.90909717E8</v>
      </c>
      <c r="B23280" s="2">
        <v>18355.0</v>
      </c>
      <c r="C23280" s="1" t="s">
        <v>5</v>
      </c>
      <c r="D23280" s="1" t="s">
        <v>19699</v>
      </c>
      <c r="E23280" s="1" t="s">
        <v>7</v>
      </c>
    </row>
    <row r="23281">
      <c r="A23281" s="1">
        <v>4.9090972E8</v>
      </c>
      <c r="B23281" s="2">
        <v>18416.0</v>
      </c>
      <c r="C23281" s="1" t="s">
        <v>5</v>
      </c>
      <c r="D23281" s="1" t="s">
        <v>7</v>
      </c>
      <c r="E23281" s="1" t="s">
        <v>7</v>
      </c>
    </row>
    <row r="23282">
      <c r="A23282" s="1">
        <v>4.90909729E8</v>
      </c>
      <c r="B23282" s="2">
        <v>18365.0</v>
      </c>
      <c r="C23282" s="1" t="s">
        <v>5</v>
      </c>
      <c r="D23282" s="1" t="s">
        <v>19700</v>
      </c>
      <c r="E23282" s="1" t="s">
        <v>11</v>
      </c>
    </row>
    <row r="23283">
      <c r="A23283" s="1">
        <v>4.90909847E8</v>
      </c>
      <c r="B23283" s="2">
        <v>18368.0</v>
      </c>
      <c r="C23283" s="1" t="s">
        <v>5</v>
      </c>
      <c r="D23283" s="1" t="s">
        <v>19701</v>
      </c>
      <c r="E23283" s="1" t="s">
        <v>7</v>
      </c>
    </row>
    <row r="23284">
      <c r="A23284" s="1">
        <v>4.90910024E8</v>
      </c>
      <c r="B23284" s="2">
        <v>18369.0</v>
      </c>
      <c r="C23284" s="1" t="s">
        <v>5</v>
      </c>
      <c r="D23284" s="1" t="s">
        <v>11</v>
      </c>
      <c r="E23284" s="1" t="s">
        <v>7</v>
      </c>
    </row>
    <row r="23285">
      <c r="A23285" s="1">
        <v>4.90910057E8</v>
      </c>
      <c r="B23285" s="2">
        <v>18438.0</v>
      </c>
      <c r="C23285" s="1" t="s">
        <v>5</v>
      </c>
      <c r="D23285" s="1" t="s">
        <v>19702</v>
      </c>
      <c r="E23285" s="1" t="s">
        <v>19703</v>
      </c>
    </row>
    <row r="23286">
      <c r="A23286" s="1">
        <v>4.90910061E8</v>
      </c>
      <c r="B23286" s="2">
        <v>18301.0</v>
      </c>
      <c r="C23286" s="1" t="s">
        <v>5</v>
      </c>
      <c r="D23286" s="1" t="s">
        <v>7</v>
      </c>
      <c r="E23286" s="1" t="s">
        <v>7</v>
      </c>
    </row>
    <row r="23287">
      <c r="A23287" s="1">
        <v>4.90910082E8</v>
      </c>
      <c r="B23287" s="3">
        <v>18409.0</v>
      </c>
      <c r="C23287" s="1" t="s">
        <v>5</v>
      </c>
      <c r="D23287" s="1" t="s">
        <v>19704</v>
      </c>
      <c r="E23287" s="1" t="s">
        <v>11</v>
      </c>
    </row>
    <row r="23288">
      <c r="A23288" s="1">
        <v>4.90910122E8</v>
      </c>
      <c r="B23288" s="2">
        <v>18444.0</v>
      </c>
      <c r="C23288" s="1" t="s">
        <v>5</v>
      </c>
      <c r="D23288" s="1" t="s">
        <v>19705</v>
      </c>
      <c r="E23288" s="1" t="s">
        <v>7</v>
      </c>
    </row>
    <row r="23289">
      <c r="A23289" s="1">
        <v>4.90910257E8</v>
      </c>
      <c r="B23289" s="2">
        <v>18368.0</v>
      </c>
      <c r="C23289" s="1" t="s">
        <v>5</v>
      </c>
      <c r="D23289" s="1" t="s">
        <v>19706</v>
      </c>
      <c r="E23289" s="1" t="s">
        <v>11</v>
      </c>
    </row>
    <row r="23290">
      <c r="A23290" s="1">
        <v>4.90910271E8</v>
      </c>
      <c r="B23290" s="2">
        <v>18438.0</v>
      </c>
      <c r="C23290" s="1" t="s">
        <v>5</v>
      </c>
      <c r="D23290" s="1" t="s">
        <v>19707</v>
      </c>
      <c r="E23290" s="1" t="s">
        <v>7</v>
      </c>
    </row>
    <row r="23291">
      <c r="A23291" s="1">
        <v>4.90910278E8</v>
      </c>
      <c r="B23291" s="2">
        <v>18435.0</v>
      </c>
      <c r="C23291" s="1" t="s">
        <v>5</v>
      </c>
      <c r="D23291" s="1" t="s">
        <v>19708</v>
      </c>
      <c r="E23291" s="1" t="s">
        <v>7</v>
      </c>
    </row>
    <row r="23292">
      <c r="A23292" s="1">
        <v>4.90910345E8</v>
      </c>
      <c r="B23292" s="2">
        <v>18369.0</v>
      </c>
      <c r="C23292" s="1" t="s">
        <v>5</v>
      </c>
      <c r="D23292" s="1" t="s">
        <v>11</v>
      </c>
      <c r="E23292" s="1" t="s">
        <v>7</v>
      </c>
    </row>
    <row r="23293">
      <c r="A23293" s="1">
        <v>4.90910359E8</v>
      </c>
      <c r="B23293" s="3">
        <v>18385.0</v>
      </c>
      <c r="C23293" s="1" t="s">
        <v>5</v>
      </c>
      <c r="D23293" s="1" t="s">
        <v>19709</v>
      </c>
      <c r="E23293" s="1" t="s">
        <v>19710</v>
      </c>
    </row>
    <row r="23294">
      <c r="A23294" s="1">
        <v>4.90910417E8</v>
      </c>
      <c r="B23294" s="2">
        <v>18435.0</v>
      </c>
      <c r="C23294" s="1" t="s">
        <v>5</v>
      </c>
      <c r="D23294" s="1" t="s">
        <v>19711</v>
      </c>
      <c r="E23294" s="1" t="s">
        <v>7</v>
      </c>
    </row>
    <row r="23295">
      <c r="A23295" s="1">
        <v>4.90910475E8</v>
      </c>
      <c r="B23295" s="3">
        <v>18409.0</v>
      </c>
      <c r="C23295" s="1" t="s">
        <v>5</v>
      </c>
      <c r="D23295" s="1" t="s">
        <v>19712</v>
      </c>
      <c r="E23295" s="1" t="s">
        <v>11</v>
      </c>
    </row>
    <row r="23296">
      <c r="A23296" s="1">
        <v>4.90910482E8</v>
      </c>
      <c r="B23296" s="2">
        <v>18360.0</v>
      </c>
      <c r="C23296" s="1" t="s">
        <v>5</v>
      </c>
      <c r="D23296" s="1" t="s">
        <v>19713</v>
      </c>
      <c r="E23296" s="1" t="s">
        <v>11</v>
      </c>
    </row>
    <row r="23297">
      <c r="A23297" s="1">
        <v>4.90910587E8</v>
      </c>
      <c r="B23297" s="2">
        <v>18357.0</v>
      </c>
      <c r="C23297" s="1" t="s">
        <v>5</v>
      </c>
      <c r="D23297" s="1" t="s">
        <v>11</v>
      </c>
      <c r="E23297" s="1" t="s">
        <v>7</v>
      </c>
    </row>
    <row r="23298">
      <c r="A23298" s="1">
        <v>4.90910615E8</v>
      </c>
      <c r="B23298" s="2">
        <v>18418.0</v>
      </c>
      <c r="C23298" s="1" t="s">
        <v>5</v>
      </c>
      <c r="D23298" s="1" t="s">
        <v>19714</v>
      </c>
      <c r="E23298" s="1" t="s">
        <v>7</v>
      </c>
    </row>
    <row r="23299">
      <c r="A23299" s="1">
        <v>4.9091062E8</v>
      </c>
      <c r="B23299" s="2">
        <v>18371.0</v>
      </c>
      <c r="C23299" s="1" t="s">
        <v>5</v>
      </c>
      <c r="D23299" s="1" t="s">
        <v>11</v>
      </c>
      <c r="E23299" s="1" t="s">
        <v>7</v>
      </c>
    </row>
    <row r="23300">
      <c r="A23300" s="1">
        <v>4.90910642E8</v>
      </c>
      <c r="B23300" s="2">
        <v>18367.0</v>
      </c>
      <c r="C23300" s="1" t="s">
        <v>5</v>
      </c>
      <c r="D23300" s="1" t="s">
        <v>19715</v>
      </c>
      <c r="E23300" s="1" t="s">
        <v>7</v>
      </c>
    </row>
    <row r="23301">
      <c r="A23301" s="1">
        <v>4.90910647E8</v>
      </c>
      <c r="B23301" s="2">
        <v>18435.0</v>
      </c>
      <c r="C23301" s="1" t="s">
        <v>5</v>
      </c>
      <c r="D23301" s="1" t="s">
        <v>11</v>
      </c>
      <c r="E23301" s="1" t="s">
        <v>7</v>
      </c>
    </row>
    <row r="23302">
      <c r="A23302" s="1">
        <v>4.90910658E8</v>
      </c>
      <c r="B23302" s="2">
        <v>18465.0</v>
      </c>
      <c r="C23302" s="1" t="s">
        <v>5</v>
      </c>
      <c r="D23302" s="1" t="s">
        <v>19716</v>
      </c>
      <c r="E23302" s="1" t="s">
        <v>7</v>
      </c>
    </row>
    <row r="23303">
      <c r="A23303" s="1">
        <v>4.90910688E8</v>
      </c>
      <c r="B23303" s="2">
        <v>18360.0</v>
      </c>
      <c r="C23303" s="1" t="s">
        <v>5</v>
      </c>
      <c r="D23303" s="1" t="s">
        <v>19717</v>
      </c>
      <c r="E23303" s="1" t="s">
        <v>11</v>
      </c>
    </row>
    <row r="23304">
      <c r="A23304" s="1">
        <v>4.90910728E8</v>
      </c>
      <c r="B23304" s="2">
        <v>18442.0</v>
      </c>
      <c r="C23304" s="1" t="s">
        <v>5</v>
      </c>
      <c r="D23304" s="1" t="s">
        <v>19718</v>
      </c>
      <c r="E23304" s="1" t="s">
        <v>7</v>
      </c>
    </row>
    <row r="23305">
      <c r="A23305" s="1">
        <v>4.90910777E8</v>
      </c>
      <c r="B23305" s="2">
        <v>18369.0</v>
      </c>
      <c r="C23305" s="1" t="s">
        <v>5</v>
      </c>
      <c r="D23305" s="1" t="s">
        <v>11</v>
      </c>
      <c r="E23305" s="1" t="s">
        <v>7</v>
      </c>
    </row>
    <row r="23306">
      <c r="A23306" s="1">
        <v>4.90910855E8</v>
      </c>
      <c r="B23306" s="3">
        <v>18414.0</v>
      </c>
      <c r="C23306" s="1" t="s">
        <v>5</v>
      </c>
      <c r="D23306" s="1" t="s">
        <v>19719</v>
      </c>
      <c r="E23306" s="1" t="s">
        <v>7</v>
      </c>
    </row>
    <row r="23307">
      <c r="A23307" s="1">
        <v>4.90911001E8</v>
      </c>
      <c r="B23307" s="2">
        <v>18471.0</v>
      </c>
      <c r="C23307" s="1" t="s">
        <v>5</v>
      </c>
      <c r="D23307" s="1" t="s">
        <v>19720</v>
      </c>
      <c r="E23307" s="1" t="s">
        <v>11</v>
      </c>
    </row>
    <row r="23308">
      <c r="A23308" s="1">
        <v>4.90911048E8</v>
      </c>
      <c r="B23308" s="2">
        <v>18429.0</v>
      </c>
      <c r="C23308" s="1" t="s">
        <v>5</v>
      </c>
      <c r="D23308" s="1" t="s">
        <v>19721</v>
      </c>
      <c r="E23308" s="1" t="s">
        <v>7</v>
      </c>
    </row>
    <row r="23309">
      <c r="A23309" s="1">
        <v>4.90911064E8</v>
      </c>
      <c r="B23309" s="2">
        <v>18432.0</v>
      </c>
      <c r="C23309" s="1" t="s">
        <v>5</v>
      </c>
      <c r="D23309" s="1" t="s">
        <v>19722</v>
      </c>
      <c r="E23309" s="1" t="s">
        <v>7</v>
      </c>
    </row>
    <row r="23310">
      <c r="A23310" s="1">
        <v>4.90911089E8</v>
      </c>
      <c r="B23310" s="2">
        <v>18358.0</v>
      </c>
      <c r="C23310" s="1" t="s">
        <v>5</v>
      </c>
      <c r="D23310" s="1" t="s">
        <v>19723</v>
      </c>
      <c r="E23310" s="1" t="s">
        <v>7</v>
      </c>
    </row>
    <row r="23311">
      <c r="A23311" s="1">
        <v>4.90911109E8</v>
      </c>
      <c r="B23311" s="2">
        <v>18357.0</v>
      </c>
      <c r="C23311" s="1" t="s">
        <v>5</v>
      </c>
      <c r="D23311" s="1" t="s">
        <v>11</v>
      </c>
      <c r="E23311" s="1" t="s">
        <v>7</v>
      </c>
    </row>
    <row r="23312">
      <c r="A23312" s="1">
        <v>4.90911118E8</v>
      </c>
      <c r="B23312" s="2">
        <v>18355.0</v>
      </c>
      <c r="C23312" s="1" t="s">
        <v>5</v>
      </c>
      <c r="D23312" s="1" t="s">
        <v>11</v>
      </c>
      <c r="E23312" s="1" t="s">
        <v>7</v>
      </c>
    </row>
    <row r="23313">
      <c r="A23313" s="1">
        <v>4.90911122E8</v>
      </c>
      <c r="B23313" s="2">
        <v>18357.0</v>
      </c>
      <c r="C23313" s="1" t="s">
        <v>5</v>
      </c>
      <c r="D23313" s="1" t="s">
        <v>19724</v>
      </c>
      <c r="E23313" s="1" t="s">
        <v>7</v>
      </c>
    </row>
    <row r="23314">
      <c r="A23314" s="1">
        <v>4.90911187E8</v>
      </c>
      <c r="B23314" s="2">
        <v>18465.0</v>
      </c>
      <c r="C23314" s="1" t="s">
        <v>5</v>
      </c>
      <c r="D23314" s="1" t="s">
        <v>19725</v>
      </c>
      <c r="E23314" s="1" t="s">
        <v>7</v>
      </c>
    </row>
    <row r="23315">
      <c r="A23315" s="1">
        <v>4.90911402E8</v>
      </c>
      <c r="B23315" s="2">
        <v>18427.0</v>
      </c>
      <c r="C23315" s="1" t="s">
        <v>5</v>
      </c>
      <c r="D23315" s="1" t="s">
        <v>19726</v>
      </c>
      <c r="E23315" s="1" t="s">
        <v>19727</v>
      </c>
    </row>
    <row r="23316">
      <c r="A23316" s="1">
        <v>4.90911426E8</v>
      </c>
      <c r="B23316" s="2">
        <v>18445.0</v>
      </c>
      <c r="C23316" s="1" t="s">
        <v>5</v>
      </c>
      <c r="D23316" s="1" t="s">
        <v>19728</v>
      </c>
      <c r="E23316" s="1" t="s">
        <v>11</v>
      </c>
    </row>
    <row r="23317">
      <c r="A23317" s="1">
        <v>4.90911494E8</v>
      </c>
      <c r="B23317" s="2">
        <v>18429.0</v>
      </c>
      <c r="C23317" s="1" t="s">
        <v>5</v>
      </c>
      <c r="D23317" s="1" t="s">
        <v>19729</v>
      </c>
      <c r="E23317" s="1" t="s">
        <v>11</v>
      </c>
    </row>
    <row r="23318">
      <c r="A23318" s="1">
        <v>4.90911574E8</v>
      </c>
      <c r="B23318" s="2">
        <v>18360.0</v>
      </c>
      <c r="C23318" s="1" t="s">
        <v>5</v>
      </c>
      <c r="D23318" s="1" t="s">
        <v>19730</v>
      </c>
      <c r="E23318" s="1" t="s">
        <v>7</v>
      </c>
    </row>
    <row r="23319">
      <c r="A23319" s="1">
        <v>4.90911666E8</v>
      </c>
      <c r="B23319" s="3">
        <v>18399.0</v>
      </c>
      <c r="C23319" s="1" t="s">
        <v>5</v>
      </c>
      <c r="D23319" s="1" t="s">
        <v>19731</v>
      </c>
      <c r="E23319" s="1" t="s">
        <v>7</v>
      </c>
    </row>
    <row r="23320">
      <c r="A23320" s="1">
        <v>4.90911838E8</v>
      </c>
      <c r="B23320" s="2">
        <v>18472.0</v>
      </c>
      <c r="C23320" s="1" t="s">
        <v>5</v>
      </c>
      <c r="D23320" s="1" t="s">
        <v>19732</v>
      </c>
      <c r="E23320" s="1" t="s">
        <v>7</v>
      </c>
    </row>
    <row r="23321">
      <c r="A23321" s="1">
        <v>4.9091185E8</v>
      </c>
      <c r="B23321" s="2">
        <v>18472.0</v>
      </c>
      <c r="C23321" s="1" t="s">
        <v>5</v>
      </c>
      <c r="D23321" s="1" t="s">
        <v>11</v>
      </c>
      <c r="E23321" s="1" t="s">
        <v>7</v>
      </c>
    </row>
    <row r="23322">
      <c r="A23322" s="1">
        <v>4.90911854E8</v>
      </c>
      <c r="B23322" s="2">
        <v>18362.0</v>
      </c>
      <c r="C23322" s="1" t="s">
        <v>5</v>
      </c>
      <c r="D23322" s="1" t="s">
        <v>11</v>
      </c>
      <c r="E23322" s="1" t="s">
        <v>7</v>
      </c>
    </row>
    <row r="23323">
      <c r="A23323" s="1">
        <v>4.90911911E8</v>
      </c>
      <c r="B23323" s="2">
        <v>18470.0</v>
      </c>
      <c r="C23323" s="1" t="s">
        <v>5</v>
      </c>
      <c r="D23323" s="1" t="s">
        <v>11</v>
      </c>
      <c r="E23323" s="1" t="s">
        <v>7</v>
      </c>
    </row>
    <row r="23324">
      <c r="A23324" s="1">
        <v>4.90911983E8</v>
      </c>
      <c r="B23324" s="2">
        <v>18319.0</v>
      </c>
      <c r="C23324" s="1" t="s">
        <v>5</v>
      </c>
      <c r="D23324" s="1" t="s">
        <v>19733</v>
      </c>
      <c r="E23324" s="1" t="s">
        <v>7</v>
      </c>
    </row>
    <row r="23325">
      <c r="A23325" s="1">
        <v>4.90912202E8</v>
      </c>
      <c r="B23325" s="3">
        <v>18409.0</v>
      </c>
      <c r="C23325" s="1" t="s">
        <v>5</v>
      </c>
      <c r="D23325" s="1" t="s">
        <v>19734</v>
      </c>
      <c r="E23325" s="1" t="s">
        <v>19735</v>
      </c>
    </row>
    <row r="23326">
      <c r="A23326" s="1">
        <v>4.90912217E8</v>
      </c>
      <c r="B23326" s="2">
        <v>18354.0</v>
      </c>
      <c r="C23326" s="1" t="s">
        <v>5</v>
      </c>
      <c r="D23326" s="1" t="s">
        <v>19736</v>
      </c>
      <c r="E23326" s="1" t="s">
        <v>7</v>
      </c>
    </row>
    <row r="23327">
      <c r="A23327" s="1">
        <v>4.90912377E8</v>
      </c>
      <c r="B23327" s="3">
        <v>18409.0</v>
      </c>
      <c r="C23327" s="1" t="s">
        <v>5</v>
      </c>
      <c r="D23327" s="1" t="s">
        <v>19737</v>
      </c>
      <c r="E23327" s="1" t="s">
        <v>7</v>
      </c>
    </row>
    <row r="23328">
      <c r="A23328" s="1">
        <v>4.90912384E8</v>
      </c>
      <c r="B23328" s="2">
        <v>18423.0</v>
      </c>
      <c r="C23328" s="1" t="s">
        <v>5</v>
      </c>
      <c r="D23328" s="1" t="s">
        <v>19738</v>
      </c>
      <c r="E23328" s="1" t="s">
        <v>7</v>
      </c>
    </row>
    <row r="23329">
      <c r="A23329" s="1">
        <v>4.90912398E8</v>
      </c>
      <c r="B23329" s="2">
        <v>18474.0</v>
      </c>
      <c r="C23329" s="1" t="s">
        <v>5</v>
      </c>
      <c r="D23329" s="1" t="s">
        <v>11</v>
      </c>
      <c r="E23329" s="1" t="s">
        <v>7</v>
      </c>
    </row>
    <row r="23330">
      <c r="A23330" s="1">
        <v>4.90912481E8</v>
      </c>
      <c r="B23330" s="2">
        <v>18367.0</v>
      </c>
      <c r="C23330" s="1" t="s">
        <v>5</v>
      </c>
      <c r="D23330" s="1" t="s">
        <v>19739</v>
      </c>
      <c r="E23330" s="1" t="s">
        <v>19740</v>
      </c>
    </row>
    <row r="23331">
      <c r="A23331" s="1">
        <v>4.90912518E8</v>
      </c>
      <c r="B23331" s="3">
        <v>18408.0</v>
      </c>
      <c r="C23331" s="1" t="s">
        <v>5</v>
      </c>
      <c r="D23331" s="1" t="s">
        <v>19741</v>
      </c>
      <c r="E23331" s="1" t="s">
        <v>11</v>
      </c>
    </row>
    <row r="23332">
      <c r="A23332" s="1">
        <v>4.90912652E8</v>
      </c>
      <c r="B23332" s="2">
        <v>18467.0</v>
      </c>
      <c r="C23332" s="1" t="s">
        <v>5</v>
      </c>
      <c r="D23332" s="1" t="s">
        <v>19742</v>
      </c>
      <c r="E23332" s="1" t="s">
        <v>7</v>
      </c>
    </row>
    <row r="23333">
      <c r="A23333" s="1">
        <v>4.90912658E8</v>
      </c>
      <c r="B23333" s="2">
        <v>18490.0</v>
      </c>
      <c r="C23333" s="1" t="s">
        <v>5</v>
      </c>
      <c r="D23333" s="1" t="s">
        <v>7</v>
      </c>
      <c r="E23333" s="1" t="s">
        <v>7</v>
      </c>
    </row>
    <row r="23334">
      <c r="A23334" s="1">
        <v>4.90912728E8</v>
      </c>
      <c r="B23334" s="3">
        <v>18385.0</v>
      </c>
      <c r="C23334" s="1" t="s">
        <v>5</v>
      </c>
      <c r="D23334" s="1" t="s">
        <v>19743</v>
      </c>
      <c r="E23334" s="1" t="s">
        <v>11</v>
      </c>
    </row>
    <row r="23335">
      <c r="A23335" s="1">
        <v>4.90912841E8</v>
      </c>
      <c r="B23335" s="3">
        <v>18404.0</v>
      </c>
      <c r="C23335" s="1" t="s">
        <v>5</v>
      </c>
      <c r="D23335" s="1" t="s">
        <v>19744</v>
      </c>
      <c r="E23335" s="1" t="s">
        <v>11</v>
      </c>
    </row>
    <row r="23336">
      <c r="A23336" s="1">
        <v>4.90912888E8</v>
      </c>
      <c r="B23336" s="2">
        <v>18465.0</v>
      </c>
      <c r="C23336" s="1" t="s">
        <v>5</v>
      </c>
      <c r="D23336" s="1" t="s">
        <v>19745</v>
      </c>
      <c r="E23336" s="1" t="s">
        <v>7</v>
      </c>
    </row>
    <row r="23337">
      <c r="A23337" s="1">
        <v>4.90912907E8</v>
      </c>
      <c r="B23337" s="3">
        <v>18404.0</v>
      </c>
      <c r="C23337" s="1" t="s">
        <v>5</v>
      </c>
      <c r="D23337" s="1" t="s">
        <v>19746</v>
      </c>
      <c r="E23337" s="1" t="s">
        <v>7</v>
      </c>
    </row>
    <row r="23338">
      <c r="A23338" s="1">
        <v>4.90912922E8</v>
      </c>
      <c r="B23338" s="2">
        <v>18420.0</v>
      </c>
      <c r="C23338" s="1" t="s">
        <v>5</v>
      </c>
      <c r="D23338" s="1" t="s">
        <v>19747</v>
      </c>
      <c r="E23338" s="1" t="s">
        <v>11</v>
      </c>
    </row>
    <row r="23339">
      <c r="A23339" s="1">
        <v>4.90912928E8</v>
      </c>
      <c r="B23339" s="3">
        <v>18414.0</v>
      </c>
      <c r="C23339" s="1" t="s">
        <v>5</v>
      </c>
      <c r="D23339" s="1" t="s">
        <v>19748</v>
      </c>
      <c r="E23339" s="1" t="s">
        <v>7</v>
      </c>
    </row>
    <row r="23340">
      <c r="A23340" s="1">
        <v>4.90912961E8</v>
      </c>
      <c r="B23340" s="2">
        <v>18490.0</v>
      </c>
      <c r="C23340" s="1" t="s">
        <v>5</v>
      </c>
      <c r="D23340" s="1" t="s">
        <v>19749</v>
      </c>
      <c r="E23340" s="1" t="s">
        <v>7</v>
      </c>
    </row>
    <row r="23341">
      <c r="A23341" s="1">
        <v>4.90912986E8</v>
      </c>
      <c r="B23341" s="2">
        <v>18354.0</v>
      </c>
      <c r="C23341" s="1" t="s">
        <v>5</v>
      </c>
      <c r="D23341" s="1" t="s">
        <v>11</v>
      </c>
      <c r="E23341" s="1" t="s">
        <v>7</v>
      </c>
    </row>
    <row r="23342">
      <c r="A23342" s="1">
        <v>4.90913E8</v>
      </c>
      <c r="B23342" s="2">
        <v>18463.0</v>
      </c>
      <c r="C23342" s="1" t="s">
        <v>5</v>
      </c>
      <c r="D23342" s="1" t="s">
        <v>19750</v>
      </c>
      <c r="E23342" s="1" t="s">
        <v>11</v>
      </c>
    </row>
    <row r="23343">
      <c r="A23343" s="1">
        <v>4.90913094E8</v>
      </c>
      <c r="B23343" s="2">
        <v>18418.0</v>
      </c>
      <c r="C23343" s="1" t="s">
        <v>5</v>
      </c>
      <c r="D23343" s="1" t="s">
        <v>11</v>
      </c>
      <c r="E23343" s="1" t="s">
        <v>7</v>
      </c>
    </row>
    <row r="23344">
      <c r="A23344" s="1">
        <v>4.90913121E8</v>
      </c>
      <c r="B23344" s="2">
        <v>18462.0</v>
      </c>
      <c r="C23344" s="1" t="s">
        <v>5</v>
      </c>
      <c r="D23344" s="1" t="s">
        <v>19751</v>
      </c>
      <c r="E23344" s="1" t="s">
        <v>7</v>
      </c>
    </row>
    <row r="23345">
      <c r="A23345" s="1">
        <v>4.90913177E8</v>
      </c>
      <c r="B23345" s="2">
        <v>18418.0</v>
      </c>
      <c r="C23345" s="1" t="s">
        <v>5</v>
      </c>
      <c r="D23345" s="1" t="s">
        <v>19752</v>
      </c>
      <c r="E23345" s="1" t="s">
        <v>7</v>
      </c>
    </row>
    <row r="23346">
      <c r="A23346" s="1">
        <v>4.90913358E8</v>
      </c>
      <c r="B23346" s="2">
        <v>18362.0</v>
      </c>
      <c r="C23346" s="1" t="s">
        <v>5</v>
      </c>
      <c r="D23346" s="1" t="s">
        <v>19753</v>
      </c>
      <c r="E23346" s="1" t="s">
        <v>11</v>
      </c>
    </row>
    <row r="23347">
      <c r="A23347" s="1">
        <v>4.90913427E8</v>
      </c>
      <c r="B23347" s="2">
        <v>18467.0</v>
      </c>
      <c r="C23347" s="1" t="s">
        <v>5</v>
      </c>
      <c r="D23347" s="1" t="s">
        <v>19754</v>
      </c>
      <c r="E23347" s="1" t="s">
        <v>11</v>
      </c>
    </row>
    <row r="23348">
      <c r="A23348" s="1">
        <v>4.90913496E8</v>
      </c>
      <c r="B23348" s="2">
        <v>18486.0</v>
      </c>
      <c r="C23348" s="1" t="s">
        <v>5</v>
      </c>
      <c r="D23348" s="1" t="s">
        <v>19755</v>
      </c>
      <c r="E23348" s="1" t="s">
        <v>7</v>
      </c>
    </row>
    <row r="23349">
      <c r="A23349" s="1">
        <v>4.90913537E8</v>
      </c>
      <c r="B23349" s="2">
        <v>18530.0</v>
      </c>
      <c r="C23349" s="1" t="s">
        <v>5</v>
      </c>
      <c r="D23349" s="1" t="s">
        <v>19756</v>
      </c>
      <c r="E23349" s="1" t="s">
        <v>7</v>
      </c>
    </row>
    <row r="23350">
      <c r="A23350" s="1">
        <v>4.909136E8</v>
      </c>
      <c r="B23350" s="2">
        <v>18460.0</v>
      </c>
      <c r="C23350" s="1" t="s">
        <v>5</v>
      </c>
      <c r="D23350" s="1" t="s">
        <v>19757</v>
      </c>
      <c r="E23350" s="1" t="s">
        <v>11</v>
      </c>
    </row>
    <row r="23351">
      <c r="A23351" s="1">
        <v>4.90913606E8</v>
      </c>
      <c r="B23351" s="3">
        <v>18408.0</v>
      </c>
      <c r="C23351" s="1" t="s">
        <v>5</v>
      </c>
      <c r="D23351" s="1" t="s">
        <v>19758</v>
      </c>
      <c r="E23351" s="1" t="s">
        <v>7</v>
      </c>
    </row>
    <row r="23352">
      <c r="A23352" s="1">
        <v>4.90913608E8</v>
      </c>
      <c r="B23352" s="2">
        <v>18459.0</v>
      </c>
      <c r="C23352" s="1" t="s">
        <v>5</v>
      </c>
      <c r="D23352" s="1" t="s">
        <v>19759</v>
      </c>
      <c r="E23352" s="1" t="s">
        <v>11</v>
      </c>
    </row>
    <row r="23353">
      <c r="A23353" s="1">
        <v>4.90913664E8</v>
      </c>
      <c r="B23353" s="2">
        <v>18415.0</v>
      </c>
      <c r="C23353" s="1" t="s">
        <v>5</v>
      </c>
      <c r="D23353" s="1" t="s">
        <v>19760</v>
      </c>
      <c r="E23353" s="1" t="s">
        <v>7</v>
      </c>
    </row>
    <row r="23354">
      <c r="A23354" s="1">
        <v>4.90913718E8</v>
      </c>
      <c r="B23354" s="3">
        <v>18408.0</v>
      </c>
      <c r="C23354" s="1" t="s">
        <v>5</v>
      </c>
      <c r="D23354" s="1" t="s">
        <v>19761</v>
      </c>
      <c r="E23354" s="1" t="s">
        <v>7</v>
      </c>
    </row>
    <row r="23355">
      <c r="A23355" s="1">
        <v>4.90913802E8</v>
      </c>
      <c r="B23355" s="2">
        <v>18445.0</v>
      </c>
      <c r="C23355" s="1" t="s">
        <v>5</v>
      </c>
      <c r="D23355" s="1" t="s">
        <v>11</v>
      </c>
      <c r="E23355" s="1" t="s">
        <v>7</v>
      </c>
    </row>
    <row r="23356">
      <c r="A23356" s="1">
        <v>4.90913807E8</v>
      </c>
      <c r="B23356" s="2">
        <v>18527.0</v>
      </c>
      <c r="C23356" s="1" t="s">
        <v>5</v>
      </c>
      <c r="D23356" s="1" t="s">
        <v>11</v>
      </c>
      <c r="E23356" s="1" t="s">
        <v>7</v>
      </c>
    </row>
    <row r="23357">
      <c r="A23357" s="1">
        <v>4.9091385E8</v>
      </c>
      <c r="B23357" s="2">
        <v>18466.0</v>
      </c>
      <c r="C23357" s="1" t="s">
        <v>5</v>
      </c>
      <c r="D23357" s="1" t="s">
        <v>19762</v>
      </c>
      <c r="E23357" s="1" t="s">
        <v>11</v>
      </c>
    </row>
    <row r="23358">
      <c r="A23358" s="1">
        <v>4.90913883E8</v>
      </c>
      <c r="B23358" s="2">
        <v>18532.0</v>
      </c>
      <c r="C23358" s="1" t="s">
        <v>5</v>
      </c>
      <c r="D23358" s="1" t="s">
        <v>11</v>
      </c>
      <c r="E23358" s="1" t="s">
        <v>7</v>
      </c>
    </row>
    <row r="23359">
      <c r="A23359" s="1">
        <v>4.90913904E8</v>
      </c>
      <c r="B23359" s="3">
        <v>18395.0</v>
      </c>
      <c r="C23359" s="1" t="s">
        <v>5</v>
      </c>
      <c r="D23359" s="1" t="s">
        <v>19763</v>
      </c>
      <c r="E23359" s="1" t="s">
        <v>7</v>
      </c>
    </row>
    <row r="23360">
      <c r="A23360" s="1">
        <v>4.90913934E8</v>
      </c>
      <c r="B23360" s="2">
        <v>18490.0</v>
      </c>
      <c r="C23360" s="1" t="s">
        <v>5</v>
      </c>
      <c r="D23360" s="1" t="s">
        <v>19764</v>
      </c>
      <c r="E23360" s="1" t="s">
        <v>7</v>
      </c>
    </row>
    <row r="23361">
      <c r="A23361" s="1">
        <v>4.90913936E8</v>
      </c>
      <c r="B23361" s="2">
        <v>18471.0</v>
      </c>
      <c r="C23361" s="1" t="s">
        <v>5</v>
      </c>
      <c r="D23361" s="1" t="s">
        <v>19765</v>
      </c>
      <c r="E23361" s="1" t="s">
        <v>11</v>
      </c>
    </row>
    <row r="23362">
      <c r="A23362" s="1">
        <v>4.90913964E8</v>
      </c>
      <c r="B23362" s="2">
        <v>18486.0</v>
      </c>
      <c r="C23362" s="1" t="s">
        <v>5</v>
      </c>
      <c r="D23362" s="1" t="s">
        <v>19766</v>
      </c>
      <c r="E23362" s="1" t="s">
        <v>11</v>
      </c>
    </row>
    <row r="23363">
      <c r="A23363" s="1">
        <v>4.90914097E8</v>
      </c>
      <c r="B23363" s="2">
        <v>18530.0</v>
      </c>
      <c r="C23363" s="1" t="s">
        <v>5</v>
      </c>
      <c r="D23363" s="1" t="s">
        <v>19767</v>
      </c>
      <c r="E23363" s="1" t="s">
        <v>7</v>
      </c>
    </row>
    <row r="23364">
      <c r="A23364" s="1">
        <v>4.9091421E8</v>
      </c>
      <c r="B23364" s="2">
        <v>18462.0</v>
      </c>
      <c r="C23364" s="1" t="s">
        <v>5</v>
      </c>
      <c r="D23364" s="1" t="s">
        <v>19768</v>
      </c>
      <c r="E23364" s="1" t="s">
        <v>19769</v>
      </c>
    </row>
    <row r="23365">
      <c r="A23365" s="1">
        <v>4.90914282E8</v>
      </c>
      <c r="B23365" s="2">
        <v>18523.0</v>
      </c>
      <c r="C23365" s="1" t="s">
        <v>5</v>
      </c>
      <c r="D23365" s="1" t="s">
        <v>11</v>
      </c>
      <c r="E23365" s="1" t="s">
        <v>7</v>
      </c>
    </row>
    <row r="23366">
      <c r="A23366" s="1">
        <v>4.90914344E8</v>
      </c>
      <c r="B23366" s="2">
        <v>18418.0</v>
      </c>
      <c r="C23366" s="1" t="s">
        <v>5</v>
      </c>
      <c r="D23366" s="1" t="s">
        <v>19770</v>
      </c>
      <c r="E23366" s="1" t="s">
        <v>7</v>
      </c>
    </row>
    <row r="23367">
      <c r="A23367" s="1">
        <v>4.90914371E8</v>
      </c>
      <c r="B23367" s="2">
        <v>18311.0</v>
      </c>
      <c r="C23367" s="1" t="s">
        <v>5</v>
      </c>
      <c r="D23367" s="1" t="s">
        <v>19771</v>
      </c>
      <c r="E23367" s="1" t="s">
        <v>11</v>
      </c>
    </row>
    <row r="23368">
      <c r="A23368" s="1">
        <v>4.90914412E8</v>
      </c>
      <c r="B23368" s="3">
        <v>18410.0</v>
      </c>
      <c r="C23368" s="1" t="s">
        <v>5</v>
      </c>
      <c r="D23368" s="1" t="s">
        <v>19772</v>
      </c>
      <c r="E23368" s="1" t="s">
        <v>11</v>
      </c>
    </row>
    <row r="23369">
      <c r="A23369" s="1">
        <v>4.90914418E8</v>
      </c>
      <c r="B23369" s="2">
        <v>18470.0</v>
      </c>
      <c r="C23369" s="1" t="s">
        <v>5</v>
      </c>
      <c r="D23369" s="1" t="s">
        <v>19773</v>
      </c>
      <c r="E23369" s="1" t="s">
        <v>11</v>
      </c>
    </row>
    <row r="23370">
      <c r="A23370" s="1">
        <v>4.9091445E8</v>
      </c>
      <c r="B23370" s="2">
        <v>18526.0</v>
      </c>
      <c r="C23370" s="1" t="s">
        <v>5</v>
      </c>
      <c r="D23370" s="1" t="s">
        <v>11</v>
      </c>
      <c r="E23370" s="1" t="s">
        <v>7</v>
      </c>
    </row>
    <row r="23371">
      <c r="A23371" s="1">
        <v>4.90914457E8</v>
      </c>
      <c r="B23371" s="3">
        <v>18400.0</v>
      </c>
      <c r="C23371" s="1" t="s">
        <v>5</v>
      </c>
      <c r="D23371" s="1" t="s">
        <v>19774</v>
      </c>
      <c r="E23371" s="1" t="s">
        <v>7</v>
      </c>
    </row>
    <row r="23372">
      <c r="A23372" s="1">
        <v>4.90914482E8</v>
      </c>
      <c r="B23372" s="3">
        <v>18399.0</v>
      </c>
      <c r="C23372" s="1" t="s">
        <v>5</v>
      </c>
      <c r="D23372" s="1" t="s">
        <v>19775</v>
      </c>
      <c r="E23372" s="1" t="s">
        <v>11</v>
      </c>
    </row>
    <row r="23373">
      <c r="A23373" s="1">
        <v>4.90914497E8</v>
      </c>
      <c r="B23373" s="3">
        <v>18399.0</v>
      </c>
      <c r="C23373" s="1" t="s">
        <v>5</v>
      </c>
      <c r="D23373" s="1" t="s">
        <v>19776</v>
      </c>
      <c r="E23373" s="1" t="s">
        <v>11</v>
      </c>
    </row>
    <row r="23374">
      <c r="A23374" s="1">
        <v>4.90914535E8</v>
      </c>
      <c r="B23374" s="2">
        <v>18530.0</v>
      </c>
      <c r="C23374" s="1" t="s">
        <v>5</v>
      </c>
      <c r="D23374" s="1" t="s">
        <v>19777</v>
      </c>
      <c r="E23374" s="1" t="s">
        <v>7</v>
      </c>
    </row>
    <row r="23375">
      <c r="A23375" s="1">
        <v>4.90914561E8</v>
      </c>
      <c r="B23375" s="2">
        <v>18430.0</v>
      </c>
      <c r="C23375" s="1" t="s">
        <v>5</v>
      </c>
      <c r="D23375" s="1" t="s">
        <v>19778</v>
      </c>
      <c r="E23375" s="1" t="s">
        <v>7</v>
      </c>
    </row>
    <row r="23376">
      <c r="A23376" s="1">
        <v>4.90914602E8</v>
      </c>
      <c r="B23376" s="2">
        <v>18466.0</v>
      </c>
      <c r="C23376" s="1" t="s">
        <v>5</v>
      </c>
      <c r="D23376" s="1" t="s">
        <v>11</v>
      </c>
      <c r="E23376" s="1" t="s">
        <v>7</v>
      </c>
    </row>
    <row r="23377">
      <c r="A23377" s="1">
        <v>4.9091474E8</v>
      </c>
      <c r="B23377" s="2">
        <v>18523.0</v>
      </c>
      <c r="C23377" s="1" t="s">
        <v>5</v>
      </c>
      <c r="D23377" s="1" t="s">
        <v>19779</v>
      </c>
      <c r="E23377" s="1" t="s">
        <v>7</v>
      </c>
    </row>
    <row r="23378">
      <c r="A23378" s="1">
        <v>4.90914766E8</v>
      </c>
      <c r="B23378" s="2">
        <v>18486.0</v>
      </c>
      <c r="C23378" s="1" t="s">
        <v>5</v>
      </c>
      <c r="D23378" s="1" t="s">
        <v>19780</v>
      </c>
      <c r="E23378" s="1" t="s">
        <v>7</v>
      </c>
    </row>
    <row r="23379">
      <c r="A23379" s="1">
        <v>4.90914877E8</v>
      </c>
      <c r="B23379" s="2">
        <v>18309.0</v>
      </c>
      <c r="C23379" s="1" t="s">
        <v>5</v>
      </c>
      <c r="D23379" s="1" t="s">
        <v>19781</v>
      </c>
      <c r="E23379" s="1" t="s">
        <v>7</v>
      </c>
    </row>
    <row r="23380">
      <c r="A23380" s="1">
        <v>4.90914898E8</v>
      </c>
      <c r="B23380" s="2">
        <v>18415.0</v>
      </c>
      <c r="C23380" s="1" t="s">
        <v>5</v>
      </c>
      <c r="D23380" s="1" t="s">
        <v>19782</v>
      </c>
      <c r="E23380" s="1" t="s">
        <v>11</v>
      </c>
    </row>
    <row r="23381">
      <c r="A23381" s="1">
        <v>4.90915048E8</v>
      </c>
      <c r="B23381" s="2">
        <v>18455.0</v>
      </c>
      <c r="C23381" s="1" t="s">
        <v>5</v>
      </c>
      <c r="D23381" s="1" t="s">
        <v>19783</v>
      </c>
      <c r="E23381" s="1" t="s">
        <v>11</v>
      </c>
    </row>
    <row r="23382">
      <c r="A23382" s="1">
        <v>4.90915116E8</v>
      </c>
      <c r="B23382" s="3">
        <v>18399.0</v>
      </c>
      <c r="C23382" s="1" t="s">
        <v>5</v>
      </c>
      <c r="D23382" s="1" t="s">
        <v>11</v>
      </c>
      <c r="E23382" s="1" t="s">
        <v>7</v>
      </c>
    </row>
    <row r="23383">
      <c r="A23383" s="1">
        <v>4.90915176E8</v>
      </c>
      <c r="B23383" s="2">
        <v>18472.0</v>
      </c>
      <c r="C23383" s="1" t="s">
        <v>5</v>
      </c>
      <c r="D23383" s="1" t="s">
        <v>19784</v>
      </c>
      <c r="E23383" s="1" t="s">
        <v>7</v>
      </c>
    </row>
    <row r="23384">
      <c r="A23384" s="1">
        <v>4.90915351E8</v>
      </c>
      <c r="B23384" s="2">
        <v>18464.0</v>
      </c>
      <c r="C23384" s="1" t="s">
        <v>5</v>
      </c>
      <c r="D23384" s="1" t="s">
        <v>19785</v>
      </c>
      <c r="E23384" s="1" t="s">
        <v>7</v>
      </c>
    </row>
    <row r="23385">
      <c r="A23385" s="1">
        <v>4.90915353E8</v>
      </c>
      <c r="B23385" s="2">
        <v>18472.0</v>
      </c>
      <c r="C23385" s="1" t="s">
        <v>5</v>
      </c>
      <c r="D23385" s="1" t="s">
        <v>19786</v>
      </c>
      <c r="E23385" s="1" t="s">
        <v>11</v>
      </c>
    </row>
    <row r="23386">
      <c r="A23386" s="1">
        <v>4.90915398E8</v>
      </c>
      <c r="B23386" s="3">
        <v>18397.0</v>
      </c>
      <c r="C23386" s="1" t="s">
        <v>5</v>
      </c>
      <c r="D23386" s="1" t="s">
        <v>19787</v>
      </c>
      <c r="E23386" s="1" t="s">
        <v>7</v>
      </c>
    </row>
    <row r="23387">
      <c r="A23387" s="1">
        <v>4.90915482E8</v>
      </c>
      <c r="B23387" s="2">
        <v>18472.0</v>
      </c>
      <c r="C23387" s="1" t="s">
        <v>5</v>
      </c>
      <c r="D23387" s="1" t="s">
        <v>19788</v>
      </c>
      <c r="E23387" s="1" t="s">
        <v>7</v>
      </c>
    </row>
    <row r="23388">
      <c r="A23388" s="1">
        <v>4.90915488E8</v>
      </c>
      <c r="B23388" s="2">
        <v>18460.0</v>
      </c>
      <c r="C23388" s="1" t="s">
        <v>5</v>
      </c>
      <c r="D23388" s="1" t="s">
        <v>19789</v>
      </c>
      <c r="E23388" s="1" t="s">
        <v>19790</v>
      </c>
    </row>
    <row r="23389">
      <c r="A23389" s="1">
        <v>4.90915549E8</v>
      </c>
      <c r="B23389" s="2">
        <v>18534.0</v>
      </c>
      <c r="C23389" s="1" t="s">
        <v>5</v>
      </c>
      <c r="D23389" s="1" t="s">
        <v>19791</v>
      </c>
      <c r="E23389" s="1" t="s">
        <v>7</v>
      </c>
    </row>
    <row r="23390">
      <c r="A23390" s="1">
        <v>4.90915616E8</v>
      </c>
      <c r="B23390" s="2">
        <v>18520.0</v>
      </c>
      <c r="C23390" s="1" t="s">
        <v>5</v>
      </c>
      <c r="D23390" s="1" t="s">
        <v>19792</v>
      </c>
      <c r="E23390" s="1" t="s">
        <v>7</v>
      </c>
    </row>
    <row r="23391">
      <c r="A23391" s="1">
        <v>4.90915629E8</v>
      </c>
      <c r="B23391" s="2">
        <v>18462.0</v>
      </c>
      <c r="C23391" s="1" t="s">
        <v>5</v>
      </c>
      <c r="D23391" s="1" t="s">
        <v>19793</v>
      </c>
      <c r="E23391" s="1" t="s">
        <v>7</v>
      </c>
    </row>
    <row r="23392">
      <c r="A23392" s="1">
        <v>4.90915669E8</v>
      </c>
      <c r="B23392" s="2">
        <v>18526.0</v>
      </c>
      <c r="C23392" s="1" t="s">
        <v>5</v>
      </c>
      <c r="D23392" s="1" t="s">
        <v>19794</v>
      </c>
      <c r="E23392" s="1" t="s">
        <v>7</v>
      </c>
    </row>
    <row r="23393">
      <c r="A23393" s="1">
        <v>4.90915687E8</v>
      </c>
      <c r="B23393" s="3">
        <v>18392.0</v>
      </c>
      <c r="C23393" s="1" t="s">
        <v>5</v>
      </c>
      <c r="D23393" s="1" t="s">
        <v>11</v>
      </c>
      <c r="E23393" s="1" t="s">
        <v>7</v>
      </c>
    </row>
    <row r="23394">
      <c r="A23394" s="1">
        <v>4.90915759E8</v>
      </c>
      <c r="B23394" s="3">
        <v>18399.0</v>
      </c>
      <c r="C23394" s="1" t="s">
        <v>5</v>
      </c>
      <c r="D23394" s="1" t="s">
        <v>19795</v>
      </c>
      <c r="E23394" s="1" t="s">
        <v>7</v>
      </c>
    </row>
    <row r="23395">
      <c r="A23395" s="1">
        <v>4.90915772E8</v>
      </c>
      <c r="B23395" s="3">
        <v>18395.0</v>
      </c>
      <c r="C23395" s="1" t="s">
        <v>5</v>
      </c>
      <c r="D23395" s="1" t="s">
        <v>11</v>
      </c>
      <c r="E23395" s="1" t="s">
        <v>7</v>
      </c>
    </row>
    <row r="23396">
      <c r="A23396" s="1">
        <v>4.90915808E8</v>
      </c>
      <c r="B23396" s="2">
        <v>18452.0</v>
      </c>
      <c r="C23396" s="1" t="s">
        <v>5</v>
      </c>
      <c r="D23396" s="1" t="s">
        <v>19796</v>
      </c>
      <c r="E23396" s="1" t="s">
        <v>7</v>
      </c>
    </row>
    <row r="23397">
      <c r="A23397" s="1">
        <v>4.9091587E8</v>
      </c>
      <c r="B23397" s="2">
        <v>18455.0</v>
      </c>
      <c r="C23397" s="1" t="s">
        <v>5</v>
      </c>
      <c r="D23397" s="1" t="s">
        <v>19797</v>
      </c>
      <c r="E23397" s="1" t="s">
        <v>7</v>
      </c>
    </row>
    <row r="23398">
      <c r="A23398" s="1">
        <v>4.909159E8</v>
      </c>
      <c r="B23398" s="3">
        <v>18392.0</v>
      </c>
      <c r="C23398" s="1" t="s">
        <v>5</v>
      </c>
      <c r="D23398" s="1" t="s">
        <v>11</v>
      </c>
      <c r="E23398" s="1" t="s">
        <v>7</v>
      </c>
    </row>
    <row r="23399">
      <c r="A23399" s="1">
        <v>4.90916067E8</v>
      </c>
      <c r="B23399" s="2">
        <v>18521.0</v>
      </c>
      <c r="C23399" s="1" t="s">
        <v>5</v>
      </c>
      <c r="D23399" s="1" t="s">
        <v>19798</v>
      </c>
      <c r="E23399" s="1" t="s">
        <v>7</v>
      </c>
    </row>
    <row r="23400">
      <c r="A23400" s="1">
        <v>4.90916198E8</v>
      </c>
      <c r="B23400" s="2">
        <v>18453.0</v>
      </c>
      <c r="C23400" s="1" t="s">
        <v>5</v>
      </c>
      <c r="D23400" s="1" t="s">
        <v>19799</v>
      </c>
      <c r="E23400" s="1" t="s">
        <v>7</v>
      </c>
    </row>
    <row r="23401">
      <c r="A23401" s="1">
        <v>4.90916205E8</v>
      </c>
      <c r="B23401" s="2">
        <v>18518.0</v>
      </c>
      <c r="C23401" s="1" t="s">
        <v>5</v>
      </c>
      <c r="D23401" s="1" t="s">
        <v>19800</v>
      </c>
      <c r="E23401" s="1" t="s">
        <v>7</v>
      </c>
    </row>
    <row r="23402">
      <c r="A23402" s="1">
        <v>4.90916275E8</v>
      </c>
      <c r="B23402" s="2">
        <v>18453.0</v>
      </c>
      <c r="C23402" s="1" t="s">
        <v>5</v>
      </c>
      <c r="D23402" s="1" t="s">
        <v>19801</v>
      </c>
      <c r="E23402" s="1" t="s">
        <v>7</v>
      </c>
    </row>
    <row r="23403">
      <c r="A23403" s="1">
        <v>4.90916288E8</v>
      </c>
      <c r="B23403" s="2">
        <v>18518.0</v>
      </c>
      <c r="C23403" s="1" t="s">
        <v>5</v>
      </c>
      <c r="D23403" s="1" t="s">
        <v>11</v>
      </c>
      <c r="E23403" s="1" t="s">
        <v>7</v>
      </c>
    </row>
    <row r="23404">
      <c r="A23404" s="1">
        <v>4.90916306E8</v>
      </c>
      <c r="B23404" s="2">
        <v>18464.0</v>
      </c>
      <c r="C23404" s="1" t="s">
        <v>5</v>
      </c>
      <c r="D23404" s="1" t="s">
        <v>19802</v>
      </c>
      <c r="E23404" s="1" t="s">
        <v>11</v>
      </c>
    </row>
    <row r="23405">
      <c r="A23405" s="1">
        <v>4.90916328E8</v>
      </c>
      <c r="B23405" s="2">
        <v>18526.0</v>
      </c>
      <c r="C23405" s="1" t="s">
        <v>5</v>
      </c>
      <c r="D23405" s="1" t="s">
        <v>19803</v>
      </c>
      <c r="E23405" s="1" t="s">
        <v>7</v>
      </c>
    </row>
    <row r="23406">
      <c r="A23406" s="1">
        <v>4.90916349E8</v>
      </c>
      <c r="B23406" s="2">
        <v>18520.0</v>
      </c>
      <c r="C23406" s="1" t="s">
        <v>5</v>
      </c>
      <c r="D23406" s="1" t="s">
        <v>11</v>
      </c>
      <c r="E23406" s="1" t="s">
        <v>7</v>
      </c>
    </row>
    <row r="23407">
      <c r="A23407" s="1">
        <v>4.90916356E8</v>
      </c>
      <c r="B23407" s="2">
        <v>18424.0</v>
      </c>
      <c r="C23407" s="1" t="s">
        <v>5</v>
      </c>
      <c r="D23407" s="1" t="s">
        <v>11</v>
      </c>
      <c r="E23407" s="1" t="s">
        <v>7</v>
      </c>
    </row>
    <row r="23408">
      <c r="A23408" s="1">
        <v>4.90916496E8</v>
      </c>
      <c r="B23408" s="2">
        <v>18457.0</v>
      </c>
      <c r="C23408" s="1" t="s">
        <v>5</v>
      </c>
      <c r="D23408" s="1" t="s">
        <v>19804</v>
      </c>
      <c r="E23408" s="1" t="s">
        <v>19805</v>
      </c>
    </row>
    <row r="23409">
      <c r="A23409" s="1">
        <v>4.909165E8</v>
      </c>
      <c r="B23409" s="2">
        <v>18485.0</v>
      </c>
      <c r="C23409" s="1" t="s">
        <v>5</v>
      </c>
      <c r="D23409" s="1" t="s">
        <v>19806</v>
      </c>
      <c r="E23409" s="1" t="s">
        <v>7</v>
      </c>
    </row>
    <row r="23410">
      <c r="A23410" s="1">
        <v>4.90916529E8</v>
      </c>
      <c r="B23410" s="2">
        <v>18308.0</v>
      </c>
      <c r="C23410" s="1" t="s">
        <v>5</v>
      </c>
      <c r="D23410" s="1" t="s">
        <v>19807</v>
      </c>
      <c r="E23410" s="1" t="s">
        <v>11</v>
      </c>
    </row>
    <row r="23411">
      <c r="A23411" s="1">
        <v>4.90916638E8</v>
      </c>
      <c r="B23411" s="2">
        <v>18424.0</v>
      </c>
      <c r="C23411" s="1" t="s">
        <v>5</v>
      </c>
      <c r="D23411" s="1" t="s">
        <v>19808</v>
      </c>
      <c r="E23411" s="1" t="s">
        <v>11</v>
      </c>
    </row>
    <row r="23412">
      <c r="A23412" s="1">
        <v>4.9091673E8</v>
      </c>
      <c r="B23412" s="2">
        <v>18463.0</v>
      </c>
      <c r="C23412" s="1" t="s">
        <v>5</v>
      </c>
      <c r="D23412" s="1" t="s">
        <v>19809</v>
      </c>
      <c r="E23412" s="1" t="s">
        <v>11</v>
      </c>
    </row>
    <row r="23413">
      <c r="A23413" s="1">
        <v>4.90916746E8</v>
      </c>
      <c r="B23413" s="3">
        <v>18394.0</v>
      </c>
      <c r="C23413" s="1" t="s">
        <v>5</v>
      </c>
      <c r="D23413" s="1" t="s">
        <v>19810</v>
      </c>
      <c r="E23413" s="1" t="s">
        <v>7</v>
      </c>
    </row>
    <row r="23414">
      <c r="A23414" s="1">
        <v>4.90916755E8</v>
      </c>
      <c r="B23414" s="2">
        <v>18513.0</v>
      </c>
      <c r="C23414" s="1" t="s">
        <v>5</v>
      </c>
      <c r="D23414" s="1" t="s">
        <v>19811</v>
      </c>
      <c r="E23414" s="1" t="s">
        <v>11</v>
      </c>
    </row>
    <row r="23415">
      <c r="A23415" s="1">
        <v>4.90916779E8</v>
      </c>
      <c r="B23415" s="2">
        <v>18446.0</v>
      </c>
      <c r="C23415" s="1" t="s">
        <v>5</v>
      </c>
      <c r="D23415" s="1" t="s">
        <v>11</v>
      </c>
      <c r="E23415" s="1" t="s">
        <v>7</v>
      </c>
    </row>
    <row r="23416">
      <c r="A23416" s="1">
        <v>4.90916791E8</v>
      </c>
      <c r="B23416" s="2">
        <v>18516.0</v>
      </c>
      <c r="C23416" s="1" t="s">
        <v>5</v>
      </c>
      <c r="D23416" s="1" t="s">
        <v>19812</v>
      </c>
      <c r="E23416" s="1" t="s">
        <v>11</v>
      </c>
    </row>
    <row r="23417">
      <c r="A23417" s="1">
        <v>4.90916918E8</v>
      </c>
      <c r="B23417" s="2">
        <v>18448.0</v>
      </c>
      <c r="C23417" s="1" t="s">
        <v>5</v>
      </c>
      <c r="D23417" s="1" t="s">
        <v>19813</v>
      </c>
      <c r="E23417" s="1" t="s">
        <v>19814</v>
      </c>
    </row>
    <row r="23418">
      <c r="A23418" s="1">
        <v>4.90917078E8</v>
      </c>
      <c r="B23418" s="2">
        <v>18514.0</v>
      </c>
      <c r="C23418" s="1" t="s">
        <v>5</v>
      </c>
      <c r="D23418" s="1" t="s">
        <v>19815</v>
      </c>
      <c r="E23418" s="1" t="s">
        <v>7</v>
      </c>
    </row>
    <row r="23419">
      <c r="A23419" s="1">
        <v>4.90917084E8</v>
      </c>
      <c r="B23419" s="2">
        <v>18511.0</v>
      </c>
      <c r="C23419" s="1" t="s">
        <v>5</v>
      </c>
      <c r="D23419" s="1" t="s">
        <v>19816</v>
      </c>
      <c r="E23419" s="1" t="s">
        <v>19817</v>
      </c>
    </row>
    <row r="23420">
      <c r="A23420" s="1">
        <v>4.90917109E8</v>
      </c>
      <c r="B23420" s="2">
        <v>18516.0</v>
      </c>
      <c r="C23420" s="1" t="s">
        <v>5</v>
      </c>
      <c r="D23420" s="1" t="s">
        <v>11</v>
      </c>
      <c r="E23420" s="1" t="s">
        <v>7</v>
      </c>
    </row>
    <row r="23421">
      <c r="A23421" s="1">
        <v>4.9091714E8</v>
      </c>
      <c r="B23421" s="3">
        <v>18397.0</v>
      </c>
      <c r="C23421" s="1" t="s">
        <v>5</v>
      </c>
      <c r="D23421" s="1" t="s">
        <v>19818</v>
      </c>
      <c r="E23421" s="1" t="s">
        <v>7</v>
      </c>
    </row>
    <row r="23422">
      <c r="A23422" s="1">
        <v>4.9091715E8</v>
      </c>
      <c r="B23422" s="2">
        <v>18460.0</v>
      </c>
      <c r="C23422" s="1" t="s">
        <v>5</v>
      </c>
      <c r="D23422" s="1" t="s">
        <v>11</v>
      </c>
      <c r="E23422" s="1" t="s">
        <v>7</v>
      </c>
    </row>
    <row r="23423">
      <c r="A23423" s="1">
        <v>4.9091725E8</v>
      </c>
      <c r="B23423" s="2">
        <v>18446.0</v>
      </c>
      <c r="C23423" s="1" t="s">
        <v>5</v>
      </c>
      <c r="D23423" s="1" t="s">
        <v>19819</v>
      </c>
      <c r="E23423" s="1" t="s">
        <v>7</v>
      </c>
    </row>
    <row r="23424">
      <c r="A23424" s="1">
        <v>4.9091731E8</v>
      </c>
      <c r="B23424" s="2">
        <v>18457.0</v>
      </c>
      <c r="C23424" s="1" t="s">
        <v>5</v>
      </c>
      <c r="D23424" s="1" t="s">
        <v>19820</v>
      </c>
      <c r="E23424" s="1" t="s">
        <v>19821</v>
      </c>
    </row>
    <row r="23425">
      <c r="A23425" s="1">
        <v>4.9091746E8</v>
      </c>
      <c r="B23425" s="2">
        <v>18451.0</v>
      </c>
      <c r="C23425" s="1" t="s">
        <v>5</v>
      </c>
      <c r="D23425" s="1" t="s">
        <v>19822</v>
      </c>
      <c r="E23425" s="1" t="s">
        <v>7</v>
      </c>
    </row>
    <row r="23426">
      <c r="A23426" s="1">
        <v>4.90917472E8</v>
      </c>
      <c r="B23426" s="2">
        <v>18449.0</v>
      </c>
      <c r="C23426" s="1" t="s">
        <v>5</v>
      </c>
      <c r="D23426" s="1" t="s">
        <v>19823</v>
      </c>
      <c r="E23426" s="1" t="s">
        <v>11</v>
      </c>
    </row>
    <row r="23427">
      <c r="A23427" s="1">
        <v>4.90917495E8</v>
      </c>
      <c r="B23427" s="2">
        <v>18455.0</v>
      </c>
      <c r="C23427" s="1" t="s">
        <v>5</v>
      </c>
      <c r="D23427" s="1" t="s">
        <v>11</v>
      </c>
      <c r="E23427" s="1" t="s">
        <v>7</v>
      </c>
    </row>
    <row r="23428">
      <c r="A23428" s="1">
        <v>4.90917528E8</v>
      </c>
      <c r="B23428" s="2">
        <v>18494.0</v>
      </c>
      <c r="C23428" s="1" t="s">
        <v>5</v>
      </c>
      <c r="D23428" s="1" t="s">
        <v>19824</v>
      </c>
      <c r="E23428" s="1" t="s">
        <v>7</v>
      </c>
    </row>
    <row r="23429">
      <c r="A23429" s="1">
        <v>4.90917537E8</v>
      </c>
      <c r="B23429" s="2">
        <v>18451.0</v>
      </c>
      <c r="C23429" s="1" t="s">
        <v>5</v>
      </c>
      <c r="D23429" s="1" t="s">
        <v>11</v>
      </c>
      <c r="E23429" s="1" t="s">
        <v>7</v>
      </c>
    </row>
    <row r="23430">
      <c r="A23430" s="1">
        <v>4.90917664E8</v>
      </c>
      <c r="B23430" s="2">
        <v>18505.0</v>
      </c>
      <c r="C23430" s="1" t="s">
        <v>5</v>
      </c>
      <c r="D23430" s="1" t="s">
        <v>19825</v>
      </c>
      <c r="E23430" s="1" t="s">
        <v>7</v>
      </c>
    </row>
    <row r="23431">
      <c r="A23431" s="1">
        <v>4.90917718E8</v>
      </c>
      <c r="B23431" s="2">
        <v>18453.0</v>
      </c>
      <c r="C23431" s="1" t="s">
        <v>5</v>
      </c>
      <c r="D23431" s="1" t="s">
        <v>11</v>
      </c>
      <c r="E23431" s="1" t="s">
        <v>7</v>
      </c>
    </row>
    <row r="23432">
      <c r="A23432" s="1">
        <v>4.90917727E8</v>
      </c>
      <c r="B23432" s="2">
        <v>18521.0</v>
      </c>
      <c r="C23432" s="1" t="s">
        <v>5</v>
      </c>
      <c r="D23432" s="1" t="s">
        <v>19826</v>
      </c>
      <c r="E23432" s="1" t="s">
        <v>7</v>
      </c>
    </row>
    <row r="23433">
      <c r="A23433" s="1">
        <v>4.9091773E8</v>
      </c>
      <c r="B23433" s="2">
        <v>18446.0</v>
      </c>
      <c r="C23433" s="1" t="s">
        <v>5</v>
      </c>
      <c r="D23433" s="1" t="s">
        <v>19827</v>
      </c>
      <c r="E23433" s="1" t="s">
        <v>11</v>
      </c>
    </row>
    <row r="23434">
      <c r="A23434" s="1">
        <v>4.90917848E8</v>
      </c>
      <c r="B23434" s="2">
        <v>18453.0</v>
      </c>
      <c r="C23434" s="1" t="s">
        <v>5</v>
      </c>
      <c r="D23434" s="1" t="s">
        <v>19828</v>
      </c>
      <c r="E23434" s="1" t="s">
        <v>19829</v>
      </c>
    </row>
    <row r="23435">
      <c r="A23435" s="1">
        <v>4.9091794E8</v>
      </c>
      <c r="B23435" s="2">
        <v>18537.0</v>
      </c>
      <c r="C23435" s="1" t="s">
        <v>5</v>
      </c>
      <c r="D23435" s="1" t="s">
        <v>19830</v>
      </c>
      <c r="E23435" s="1" t="s">
        <v>7</v>
      </c>
    </row>
    <row r="23436">
      <c r="A23436" s="1">
        <v>4.9091798E8</v>
      </c>
      <c r="B23436" s="2">
        <v>18519.0</v>
      </c>
      <c r="C23436" s="1" t="s">
        <v>5</v>
      </c>
      <c r="D23436" s="1" t="s">
        <v>2384</v>
      </c>
      <c r="E23436" s="1" t="s">
        <v>11</v>
      </c>
    </row>
    <row r="23437">
      <c r="A23437" s="1">
        <v>4.90918031E8</v>
      </c>
      <c r="B23437" s="2">
        <v>18448.0</v>
      </c>
      <c r="C23437" s="1" t="s">
        <v>5</v>
      </c>
      <c r="D23437" s="1" t="s">
        <v>11</v>
      </c>
      <c r="E23437" s="1" t="s">
        <v>7</v>
      </c>
    </row>
    <row r="23438">
      <c r="A23438" s="1">
        <v>4.90918055E8</v>
      </c>
      <c r="B23438" s="2">
        <v>18466.0</v>
      </c>
      <c r="C23438" s="1" t="s">
        <v>5</v>
      </c>
      <c r="D23438" s="1" t="s">
        <v>11</v>
      </c>
      <c r="E23438" s="1" t="s">
        <v>7</v>
      </c>
    </row>
    <row r="23439">
      <c r="A23439" s="1">
        <v>4.90918065E8</v>
      </c>
      <c r="B23439" s="2">
        <v>18452.0</v>
      </c>
      <c r="C23439" s="1" t="s">
        <v>5</v>
      </c>
      <c r="D23439" s="1" t="s">
        <v>19831</v>
      </c>
      <c r="E23439" s="1" t="s">
        <v>11</v>
      </c>
    </row>
    <row r="23440">
      <c r="A23440" s="1">
        <v>4.90918158E8</v>
      </c>
      <c r="B23440" s="2">
        <v>18567.0</v>
      </c>
      <c r="C23440" s="1" t="s">
        <v>5</v>
      </c>
      <c r="D23440" s="1" t="s">
        <v>19832</v>
      </c>
      <c r="E23440" s="1" t="s">
        <v>7</v>
      </c>
    </row>
    <row r="23441">
      <c r="A23441" s="1">
        <v>4.90918218E8</v>
      </c>
      <c r="B23441" s="2">
        <v>18452.0</v>
      </c>
      <c r="C23441" s="1" t="s">
        <v>5</v>
      </c>
      <c r="D23441" s="1" t="s">
        <v>19833</v>
      </c>
      <c r="E23441" s="1" t="s">
        <v>11</v>
      </c>
    </row>
    <row r="23442">
      <c r="A23442" s="1">
        <v>4.90918235E8</v>
      </c>
      <c r="B23442" s="2">
        <v>18420.0</v>
      </c>
      <c r="C23442" s="1" t="s">
        <v>5</v>
      </c>
      <c r="D23442" s="1" t="s">
        <v>19834</v>
      </c>
      <c r="E23442" s="1" t="s">
        <v>11</v>
      </c>
    </row>
    <row r="23443">
      <c r="A23443" s="1">
        <v>4.90918245E8</v>
      </c>
      <c r="B23443" s="2">
        <v>18519.0</v>
      </c>
      <c r="C23443" s="1" t="s">
        <v>5</v>
      </c>
      <c r="D23443" s="1" t="s">
        <v>19835</v>
      </c>
      <c r="E23443" s="1" t="s">
        <v>7</v>
      </c>
    </row>
    <row r="23444">
      <c r="A23444" s="1">
        <v>4.9091825E8</v>
      </c>
      <c r="B23444" s="2">
        <v>18490.0</v>
      </c>
      <c r="C23444" s="1" t="s">
        <v>5</v>
      </c>
      <c r="D23444" s="1" t="s">
        <v>19836</v>
      </c>
      <c r="E23444" s="1" t="s">
        <v>11</v>
      </c>
    </row>
    <row r="23445">
      <c r="A23445" s="1">
        <v>4.90918258E8</v>
      </c>
      <c r="B23445" s="3">
        <v>18392.0</v>
      </c>
      <c r="C23445" s="1" t="s">
        <v>5</v>
      </c>
      <c r="D23445" s="1" t="s">
        <v>19837</v>
      </c>
      <c r="E23445" s="1" t="s">
        <v>11</v>
      </c>
    </row>
    <row r="23446">
      <c r="A23446" s="1">
        <v>4.90918284E8</v>
      </c>
      <c r="B23446" s="2">
        <v>18519.0</v>
      </c>
      <c r="C23446" s="1" t="s">
        <v>5</v>
      </c>
      <c r="D23446" s="1" t="s">
        <v>19838</v>
      </c>
      <c r="E23446" s="1" t="s">
        <v>19839</v>
      </c>
    </row>
    <row r="23447">
      <c r="A23447" s="1">
        <v>4.90918297E8</v>
      </c>
      <c r="B23447" s="2">
        <v>18483.0</v>
      </c>
      <c r="C23447" s="1" t="s">
        <v>5</v>
      </c>
      <c r="D23447" s="1" t="s">
        <v>19840</v>
      </c>
      <c r="E23447" s="1" t="s">
        <v>19841</v>
      </c>
    </row>
    <row r="23448">
      <c r="A23448" s="1">
        <v>4.9091834E8</v>
      </c>
      <c r="B23448" s="2">
        <v>18483.0</v>
      </c>
      <c r="C23448" s="1" t="s">
        <v>5</v>
      </c>
      <c r="D23448" s="1" t="s">
        <v>19842</v>
      </c>
      <c r="E23448" s="1" t="s">
        <v>19843</v>
      </c>
    </row>
    <row r="23449">
      <c r="A23449" s="1">
        <v>4.90918374E8</v>
      </c>
      <c r="B23449" s="2">
        <v>18483.0</v>
      </c>
      <c r="C23449" s="1" t="s">
        <v>5</v>
      </c>
      <c r="D23449" s="1" t="s">
        <v>19844</v>
      </c>
      <c r="E23449" s="1" t="s">
        <v>11</v>
      </c>
    </row>
    <row r="23450">
      <c r="A23450" s="1">
        <v>4.9091844E8</v>
      </c>
      <c r="B23450" s="2">
        <v>18564.0</v>
      </c>
      <c r="C23450" s="1" t="s">
        <v>5</v>
      </c>
      <c r="D23450" s="1" t="s">
        <v>19845</v>
      </c>
      <c r="E23450" s="1" t="s">
        <v>7</v>
      </c>
    </row>
    <row r="23451">
      <c r="A23451" s="1">
        <v>4.9091846E8</v>
      </c>
      <c r="B23451" s="2">
        <v>18508.0</v>
      </c>
      <c r="C23451" s="1" t="s">
        <v>5</v>
      </c>
      <c r="D23451" s="1" t="s">
        <v>19846</v>
      </c>
      <c r="E23451" s="1" t="s">
        <v>7</v>
      </c>
    </row>
    <row r="23452">
      <c r="A23452" s="1">
        <v>4.90918535E8</v>
      </c>
      <c r="B23452" s="2">
        <v>18483.0</v>
      </c>
      <c r="C23452" s="1" t="s">
        <v>5</v>
      </c>
      <c r="D23452" s="1" t="s">
        <v>19847</v>
      </c>
      <c r="E23452" s="1" t="s">
        <v>7</v>
      </c>
    </row>
    <row r="23453">
      <c r="A23453" s="1">
        <v>4.90918638E8</v>
      </c>
      <c r="B23453" s="2">
        <v>18451.0</v>
      </c>
      <c r="C23453" s="1" t="s">
        <v>5</v>
      </c>
      <c r="D23453" s="1" t="s">
        <v>11</v>
      </c>
      <c r="E23453" s="1" t="s">
        <v>7</v>
      </c>
    </row>
    <row r="23454">
      <c r="A23454" s="1">
        <v>4.90918694E8</v>
      </c>
      <c r="B23454" s="2">
        <v>18451.0</v>
      </c>
      <c r="C23454" s="1" t="s">
        <v>5</v>
      </c>
      <c r="D23454" s="1" t="s">
        <v>11</v>
      </c>
      <c r="E23454" s="1" t="s">
        <v>7</v>
      </c>
    </row>
    <row r="23455">
      <c r="A23455" s="1">
        <v>4.90918711E8</v>
      </c>
      <c r="B23455" s="2">
        <v>18516.0</v>
      </c>
      <c r="C23455" s="1" t="s">
        <v>5</v>
      </c>
      <c r="D23455" s="1" t="s">
        <v>19848</v>
      </c>
      <c r="E23455" s="1" t="s">
        <v>7</v>
      </c>
    </row>
    <row r="23456">
      <c r="A23456" s="1">
        <v>4.90918968E8</v>
      </c>
      <c r="B23456" s="2">
        <v>18506.0</v>
      </c>
      <c r="C23456" s="1" t="s">
        <v>5</v>
      </c>
      <c r="D23456" s="1" t="s">
        <v>19849</v>
      </c>
      <c r="E23456" s="1" t="s">
        <v>7</v>
      </c>
    </row>
    <row r="23457">
      <c r="A23457" s="1">
        <v>4.90918969E8</v>
      </c>
      <c r="B23457" s="2">
        <v>18520.0</v>
      </c>
      <c r="C23457" s="1" t="s">
        <v>5</v>
      </c>
      <c r="D23457" s="1" t="s">
        <v>19850</v>
      </c>
      <c r="E23457" s="1" t="s">
        <v>19851</v>
      </c>
    </row>
    <row r="23458">
      <c r="A23458" s="1">
        <v>4.90919065E8</v>
      </c>
      <c r="B23458" s="2">
        <v>18562.0</v>
      </c>
      <c r="C23458" s="1" t="s">
        <v>5</v>
      </c>
      <c r="D23458" s="1" t="s">
        <v>19852</v>
      </c>
      <c r="E23458" s="1" t="s">
        <v>11</v>
      </c>
    </row>
    <row r="23459">
      <c r="A23459" s="1">
        <v>4.90919149E8</v>
      </c>
      <c r="B23459" s="2">
        <v>18509.0</v>
      </c>
      <c r="C23459" s="1" t="s">
        <v>5</v>
      </c>
      <c r="D23459" s="1" t="s">
        <v>19853</v>
      </c>
      <c r="E23459" s="1" t="s">
        <v>11</v>
      </c>
    </row>
    <row r="23460">
      <c r="A23460" s="1">
        <v>4.90919231E8</v>
      </c>
      <c r="B23460" s="2">
        <v>18556.0</v>
      </c>
      <c r="C23460" s="1" t="s">
        <v>5</v>
      </c>
      <c r="D23460" s="1" t="s">
        <v>19854</v>
      </c>
      <c r="E23460" s="1" t="s">
        <v>7</v>
      </c>
    </row>
    <row r="23461">
      <c r="A23461" s="1">
        <v>4.90919257E8</v>
      </c>
      <c r="B23461" s="2">
        <v>18458.0</v>
      </c>
      <c r="C23461" s="1" t="s">
        <v>5</v>
      </c>
      <c r="D23461" s="1" t="s">
        <v>19855</v>
      </c>
      <c r="E23461" s="1" t="s">
        <v>7</v>
      </c>
    </row>
    <row r="23462">
      <c r="A23462" s="1">
        <v>4.90919275E8</v>
      </c>
      <c r="B23462" s="2">
        <v>18565.0</v>
      </c>
      <c r="C23462" s="1" t="s">
        <v>5</v>
      </c>
      <c r="D23462" s="1" t="s">
        <v>19856</v>
      </c>
      <c r="E23462" s="1" t="s">
        <v>7</v>
      </c>
    </row>
    <row r="23463">
      <c r="A23463" s="1">
        <v>4.90919278E8</v>
      </c>
      <c r="B23463" s="2">
        <v>18504.0</v>
      </c>
      <c r="C23463" s="1" t="s">
        <v>5</v>
      </c>
      <c r="D23463" s="1" t="s">
        <v>11</v>
      </c>
      <c r="E23463" s="1" t="s">
        <v>7</v>
      </c>
    </row>
    <row r="23464">
      <c r="A23464" s="1">
        <v>4.90919325E8</v>
      </c>
      <c r="B23464" s="2">
        <v>18556.0</v>
      </c>
      <c r="C23464" s="1" t="s">
        <v>5</v>
      </c>
      <c r="D23464" s="1" t="s">
        <v>19857</v>
      </c>
      <c r="E23464" s="1" t="s">
        <v>11</v>
      </c>
    </row>
    <row r="23465">
      <c r="A23465" s="1">
        <v>4.90919392E8</v>
      </c>
      <c r="B23465" s="2">
        <v>18446.0</v>
      </c>
      <c r="C23465" s="1" t="s">
        <v>5</v>
      </c>
      <c r="D23465" s="1" t="s">
        <v>19858</v>
      </c>
      <c r="E23465" s="1" t="s">
        <v>7</v>
      </c>
    </row>
    <row r="23466">
      <c r="A23466" s="1">
        <v>4.909194E8</v>
      </c>
      <c r="B23466" s="2">
        <v>18500.0</v>
      </c>
      <c r="C23466" s="1" t="s">
        <v>5</v>
      </c>
      <c r="D23466" s="1" t="s">
        <v>19859</v>
      </c>
      <c r="E23466" s="1" t="s">
        <v>7</v>
      </c>
    </row>
    <row r="23467">
      <c r="A23467" s="1">
        <v>4.90919409E8</v>
      </c>
      <c r="B23467" s="2">
        <v>18516.0</v>
      </c>
      <c r="C23467" s="1" t="s">
        <v>5</v>
      </c>
      <c r="D23467" s="1" t="s">
        <v>19860</v>
      </c>
      <c r="E23467" s="1" t="s">
        <v>11</v>
      </c>
    </row>
    <row r="23468">
      <c r="A23468" s="1">
        <v>4.90919432E8</v>
      </c>
      <c r="B23468" s="2">
        <v>18500.0</v>
      </c>
      <c r="C23468" s="1" t="s">
        <v>5</v>
      </c>
      <c r="D23468" s="1" t="s">
        <v>19861</v>
      </c>
      <c r="E23468" s="1" t="s">
        <v>7</v>
      </c>
    </row>
    <row r="23469">
      <c r="A23469" s="1">
        <v>4.90919525E8</v>
      </c>
      <c r="B23469" s="2">
        <v>18453.0</v>
      </c>
      <c r="C23469" s="1" t="s">
        <v>5</v>
      </c>
      <c r="D23469" s="1" t="s">
        <v>19862</v>
      </c>
      <c r="E23469" s="1" t="s">
        <v>11</v>
      </c>
    </row>
    <row r="23470">
      <c r="A23470" s="1">
        <v>4.90919545E8</v>
      </c>
      <c r="B23470" s="2">
        <v>18560.0</v>
      </c>
      <c r="C23470" s="1" t="s">
        <v>5</v>
      </c>
      <c r="D23470" s="1" t="s">
        <v>11</v>
      </c>
      <c r="E23470" s="1" t="s">
        <v>7</v>
      </c>
    </row>
    <row r="23471">
      <c r="A23471" s="1">
        <v>4.90919604E8</v>
      </c>
      <c r="B23471" s="2">
        <v>18550.0</v>
      </c>
      <c r="C23471" s="1" t="s">
        <v>5</v>
      </c>
      <c r="D23471" s="1" t="s">
        <v>19863</v>
      </c>
      <c r="E23471" s="1" t="s">
        <v>19864</v>
      </c>
    </row>
    <row r="23472">
      <c r="A23472" s="1">
        <v>4.90919607E8</v>
      </c>
      <c r="B23472" s="2">
        <v>18494.0</v>
      </c>
      <c r="C23472" s="1" t="s">
        <v>5</v>
      </c>
      <c r="D23472" s="1" t="s">
        <v>11</v>
      </c>
      <c r="E23472" s="1" t="s">
        <v>7</v>
      </c>
    </row>
    <row r="23473">
      <c r="A23473" s="1">
        <v>4.9091961E8</v>
      </c>
      <c r="B23473" s="2">
        <v>18501.0</v>
      </c>
      <c r="C23473" s="1" t="s">
        <v>5</v>
      </c>
      <c r="D23473" s="1" t="s">
        <v>19865</v>
      </c>
      <c r="E23473" s="1" t="s">
        <v>7</v>
      </c>
    </row>
    <row r="23474">
      <c r="A23474" s="1">
        <v>4.90919646E8</v>
      </c>
      <c r="B23474" s="2">
        <v>18563.0</v>
      </c>
      <c r="C23474" s="1" t="s">
        <v>5</v>
      </c>
      <c r="D23474" s="1" t="s">
        <v>11</v>
      </c>
      <c r="E23474" s="1" t="s">
        <v>7</v>
      </c>
    </row>
    <row r="23475">
      <c r="A23475" s="1">
        <v>4.90919657E8</v>
      </c>
      <c r="B23475" s="2">
        <v>18511.0</v>
      </c>
      <c r="C23475" s="1" t="s">
        <v>5</v>
      </c>
      <c r="D23475" s="1" t="s">
        <v>19866</v>
      </c>
      <c r="E23475" s="1" t="s">
        <v>7</v>
      </c>
    </row>
    <row r="23476">
      <c r="A23476" s="1">
        <v>4.90919671E8</v>
      </c>
      <c r="B23476" s="2">
        <v>18562.0</v>
      </c>
      <c r="C23476" s="1" t="s">
        <v>5</v>
      </c>
      <c r="D23476" s="1" t="s">
        <v>19867</v>
      </c>
      <c r="E23476" s="1" t="s">
        <v>11</v>
      </c>
    </row>
    <row r="23477">
      <c r="A23477" s="1">
        <v>4.90919689E8</v>
      </c>
      <c r="B23477" s="2">
        <v>18297.0</v>
      </c>
      <c r="C23477" s="1" t="s">
        <v>5</v>
      </c>
      <c r="D23477" s="1" t="s">
        <v>19868</v>
      </c>
      <c r="E23477" s="1" t="s">
        <v>7</v>
      </c>
    </row>
    <row r="23478">
      <c r="A23478" s="1">
        <v>4.90919726E8</v>
      </c>
      <c r="B23478" s="2">
        <v>18498.0</v>
      </c>
      <c r="C23478" s="1" t="s">
        <v>5</v>
      </c>
      <c r="D23478" s="1" t="s">
        <v>11</v>
      </c>
      <c r="E23478" s="1" t="s">
        <v>7</v>
      </c>
    </row>
    <row r="23479">
      <c r="A23479" s="1">
        <v>4.9091987E8</v>
      </c>
      <c r="B23479" s="2">
        <v>18497.0</v>
      </c>
      <c r="C23479" s="1" t="s">
        <v>5</v>
      </c>
      <c r="D23479" s="1" t="s">
        <v>19869</v>
      </c>
      <c r="E23479" s="1" t="s">
        <v>7</v>
      </c>
    </row>
    <row r="23480">
      <c r="A23480" s="1">
        <v>4.90919938E8</v>
      </c>
      <c r="B23480" s="2">
        <v>18549.0</v>
      </c>
      <c r="C23480" s="1" t="s">
        <v>5</v>
      </c>
      <c r="D23480" s="1" t="s">
        <v>19870</v>
      </c>
      <c r="E23480" s="1" t="s">
        <v>7</v>
      </c>
    </row>
    <row r="23481">
      <c r="A23481" s="1">
        <v>4.90919965E8</v>
      </c>
      <c r="B23481" s="2">
        <v>18492.0</v>
      </c>
      <c r="C23481" s="1" t="s">
        <v>5</v>
      </c>
      <c r="D23481" s="1" t="s">
        <v>19871</v>
      </c>
      <c r="E23481" s="1" t="s">
        <v>7</v>
      </c>
    </row>
    <row r="23482">
      <c r="A23482" s="1">
        <v>4.9091997E8</v>
      </c>
      <c r="B23482" s="2">
        <v>18499.0</v>
      </c>
      <c r="C23482" s="1" t="s">
        <v>5</v>
      </c>
      <c r="D23482" s="1" t="s">
        <v>19872</v>
      </c>
      <c r="E23482" s="1" t="s">
        <v>11</v>
      </c>
    </row>
    <row r="23483">
      <c r="A23483" s="1">
        <v>4.90919992E8</v>
      </c>
      <c r="B23483" s="2">
        <v>18499.0</v>
      </c>
      <c r="C23483" s="1" t="s">
        <v>5</v>
      </c>
      <c r="D23483" s="1" t="s">
        <v>11</v>
      </c>
      <c r="E23483" s="1" t="s">
        <v>7</v>
      </c>
    </row>
    <row r="23484">
      <c r="A23484" s="1">
        <v>4.9092001E8</v>
      </c>
      <c r="B23484" s="2">
        <v>18563.0</v>
      </c>
      <c r="C23484" s="1" t="s">
        <v>5</v>
      </c>
      <c r="D23484" s="1" t="s">
        <v>19873</v>
      </c>
      <c r="E23484" s="1" t="s">
        <v>7</v>
      </c>
    </row>
    <row r="23485">
      <c r="A23485" s="1">
        <v>4.90920067E8</v>
      </c>
      <c r="B23485" s="2">
        <v>18488.0</v>
      </c>
      <c r="C23485" s="1" t="s">
        <v>5</v>
      </c>
      <c r="D23485" s="1" t="s">
        <v>19874</v>
      </c>
      <c r="E23485" s="1" t="s">
        <v>11</v>
      </c>
    </row>
    <row r="23486">
      <c r="A23486" s="1">
        <v>4.90920072E8</v>
      </c>
      <c r="B23486" s="2">
        <v>18508.0</v>
      </c>
      <c r="C23486" s="1" t="s">
        <v>5</v>
      </c>
      <c r="D23486" s="1" t="s">
        <v>19875</v>
      </c>
      <c r="E23486" s="1" t="s">
        <v>7</v>
      </c>
    </row>
    <row r="23487">
      <c r="A23487" s="1">
        <v>4.90920192E8</v>
      </c>
      <c r="B23487" s="2">
        <v>18295.0</v>
      </c>
      <c r="C23487" s="1" t="s">
        <v>5</v>
      </c>
      <c r="D23487" s="1" t="s">
        <v>19876</v>
      </c>
      <c r="E23487" s="1" t="s">
        <v>11</v>
      </c>
    </row>
    <row r="23488">
      <c r="A23488" s="1">
        <v>4.9092031E8</v>
      </c>
      <c r="B23488" s="2">
        <v>18541.0</v>
      </c>
      <c r="C23488" s="1" t="s">
        <v>5</v>
      </c>
      <c r="D23488" s="1" t="s">
        <v>19877</v>
      </c>
      <c r="E23488" s="1" t="s">
        <v>11</v>
      </c>
    </row>
    <row r="23489">
      <c r="A23489" s="1">
        <v>4.90920327E8</v>
      </c>
      <c r="B23489" s="2">
        <v>18486.0</v>
      </c>
      <c r="C23489" s="1" t="s">
        <v>5</v>
      </c>
      <c r="D23489" s="1" t="s">
        <v>19878</v>
      </c>
      <c r="E23489" s="1" t="s">
        <v>19879</v>
      </c>
    </row>
    <row r="23490">
      <c r="A23490" s="1">
        <v>4.90920366E8</v>
      </c>
      <c r="B23490" s="2">
        <v>18511.0</v>
      </c>
      <c r="C23490" s="1" t="s">
        <v>5</v>
      </c>
      <c r="D23490" s="1" t="s">
        <v>11</v>
      </c>
      <c r="E23490" s="1" t="s">
        <v>7</v>
      </c>
    </row>
    <row r="23491">
      <c r="A23491" s="1">
        <v>4.90920399E8</v>
      </c>
      <c r="B23491" s="2">
        <v>18383.0</v>
      </c>
      <c r="C23491" s="1" t="s">
        <v>5</v>
      </c>
      <c r="D23491" s="1" t="s">
        <v>11</v>
      </c>
      <c r="E23491" s="1" t="s">
        <v>7</v>
      </c>
    </row>
    <row r="23492">
      <c r="A23492" s="1">
        <v>4.90920438E8</v>
      </c>
      <c r="B23492" s="2">
        <v>18555.0</v>
      </c>
      <c r="C23492" s="1" t="s">
        <v>5</v>
      </c>
      <c r="D23492" s="1" t="s">
        <v>11</v>
      </c>
      <c r="E23492" s="1" t="s">
        <v>7</v>
      </c>
    </row>
    <row r="23493">
      <c r="A23493" s="1">
        <v>4.90920516E8</v>
      </c>
      <c r="B23493" s="2">
        <v>18509.0</v>
      </c>
      <c r="C23493" s="1" t="s">
        <v>5</v>
      </c>
      <c r="D23493" s="1" t="s">
        <v>11</v>
      </c>
      <c r="E23493" s="1" t="s">
        <v>7</v>
      </c>
    </row>
    <row r="23494">
      <c r="A23494" s="1">
        <v>4.90920565E8</v>
      </c>
      <c r="B23494" s="2">
        <v>18554.0</v>
      </c>
      <c r="C23494" s="1" t="s">
        <v>5</v>
      </c>
      <c r="D23494" s="1" t="s">
        <v>19880</v>
      </c>
      <c r="E23494" s="1" t="s">
        <v>7</v>
      </c>
    </row>
    <row r="23495">
      <c r="A23495" s="1">
        <v>4.90920592E8</v>
      </c>
      <c r="B23495" s="2">
        <v>18504.0</v>
      </c>
      <c r="C23495" s="1" t="s">
        <v>5</v>
      </c>
      <c r="D23495" s="1" t="s">
        <v>19881</v>
      </c>
      <c r="E23495" s="1" t="s">
        <v>11</v>
      </c>
    </row>
    <row r="23496">
      <c r="A23496" s="1">
        <v>4.90920635E8</v>
      </c>
      <c r="B23496" s="2">
        <v>18564.0</v>
      </c>
      <c r="C23496" s="1" t="s">
        <v>5</v>
      </c>
      <c r="D23496" s="1" t="s">
        <v>19882</v>
      </c>
      <c r="E23496" s="1" t="s">
        <v>7</v>
      </c>
    </row>
    <row r="23497">
      <c r="A23497" s="1">
        <v>4.90920696E8</v>
      </c>
      <c r="B23497" s="2">
        <v>18494.0</v>
      </c>
      <c r="C23497" s="1" t="s">
        <v>5</v>
      </c>
      <c r="D23497" s="1" t="s">
        <v>11</v>
      </c>
      <c r="E23497" s="1" t="s">
        <v>7</v>
      </c>
    </row>
    <row r="23498">
      <c r="A23498" s="1">
        <v>4.90920785E8</v>
      </c>
      <c r="B23498" s="2">
        <v>18549.0</v>
      </c>
      <c r="C23498" s="1" t="s">
        <v>5</v>
      </c>
      <c r="D23498" s="1" t="s">
        <v>11</v>
      </c>
      <c r="E23498" s="1" t="s">
        <v>7</v>
      </c>
    </row>
    <row r="23499">
      <c r="A23499" s="1">
        <v>4.90920931E8</v>
      </c>
      <c r="B23499" s="2">
        <v>18556.0</v>
      </c>
      <c r="C23499" s="1" t="s">
        <v>5</v>
      </c>
      <c r="D23499" s="1" t="s">
        <v>19883</v>
      </c>
      <c r="E23499" s="1" t="s">
        <v>7</v>
      </c>
    </row>
    <row r="23500">
      <c r="A23500" s="1">
        <v>4.90921055E8</v>
      </c>
      <c r="B23500" s="2">
        <v>18492.0</v>
      </c>
      <c r="C23500" s="1" t="s">
        <v>5</v>
      </c>
      <c r="D23500" s="1" t="s">
        <v>11</v>
      </c>
      <c r="E23500" s="1" t="s">
        <v>7</v>
      </c>
    </row>
    <row r="23501">
      <c r="A23501" s="1">
        <v>4.90921091E8</v>
      </c>
      <c r="B23501" s="2">
        <v>18492.0</v>
      </c>
      <c r="C23501" s="1" t="s">
        <v>5</v>
      </c>
      <c r="D23501" s="1" t="s">
        <v>19884</v>
      </c>
      <c r="E23501" s="1" t="s">
        <v>7</v>
      </c>
    </row>
    <row r="23502">
      <c r="A23502" s="1">
        <v>4.909211E8</v>
      </c>
      <c r="B23502" s="2">
        <v>18484.0</v>
      </c>
      <c r="C23502" s="1" t="s">
        <v>5</v>
      </c>
      <c r="D23502" s="1" t="s">
        <v>11</v>
      </c>
      <c r="E23502" s="1" t="s">
        <v>7</v>
      </c>
    </row>
    <row r="23503">
      <c r="A23503" s="1">
        <v>4.90921109E8</v>
      </c>
      <c r="B23503" s="2">
        <v>18565.0</v>
      </c>
      <c r="C23503" s="1" t="s">
        <v>5</v>
      </c>
      <c r="D23503" s="1" t="s">
        <v>19885</v>
      </c>
      <c r="E23503" s="1" t="s">
        <v>19886</v>
      </c>
    </row>
    <row r="23504">
      <c r="A23504" s="1">
        <v>4.90921208E8</v>
      </c>
      <c r="B23504" s="2">
        <v>18478.0</v>
      </c>
      <c r="C23504" s="1" t="s">
        <v>5</v>
      </c>
      <c r="D23504" s="1" t="s">
        <v>19887</v>
      </c>
      <c r="E23504" s="1" t="s">
        <v>7</v>
      </c>
    </row>
    <row r="23505">
      <c r="A23505" s="1">
        <v>4.90921216E8</v>
      </c>
      <c r="B23505" s="2">
        <v>18624.0</v>
      </c>
      <c r="C23505" s="1" t="s">
        <v>5</v>
      </c>
      <c r="D23505" s="1" t="s">
        <v>19888</v>
      </c>
      <c r="E23505" s="1" t="s">
        <v>19889</v>
      </c>
    </row>
    <row r="23506">
      <c r="A23506" s="1">
        <v>4.9092122E8</v>
      </c>
      <c r="B23506" s="2">
        <v>18554.0</v>
      </c>
      <c r="C23506" s="1" t="s">
        <v>5</v>
      </c>
      <c r="D23506" s="1" t="s">
        <v>19890</v>
      </c>
      <c r="E23506" s="1" t="s">
        <v>7</v>
      </c>
    </row>
    <row r="23507">
      <c r="A23507" s="1">
        <v>4.90921229E8</v>
      </c>
      <c r="B23507" s="2">
        <v>18491.0</v>
      </c>
      <c r="C23507" s="1" t="s">
        <v>5</v>
      </c>
      <c r="D23507" s="1" t="s">
        <v>19891</v>
      </c>
      <c r="E23507" s="1" t="s">
        <v>7</v>
      </c>
    </row>
    <row r="23508">
      <c r="A23508" s="1">
        <v>4.90921261E8</v>
      </c>
      <c r="B23508" s="2">
        <v>18624.0</v>
      </c>
      <c r="C23508" s="1" t="s">
        <v>5</v>
      </c>
      <c r="D23508" s="1" t="s">
        <v>19892</v>
      </c>
      <c r="E23508" s="1" t="s">
        <v>11</v>
      </c>
    </row>
    <row r="23509">
      <c r="A23509" s="1">
        <v>4.9092128E8</v>
      </c>
      <c r="B23509" s="2">
        <v>18549.0</v>
      </c>
      <c r="C23509" s="1" t="s">
        <v>5</v>
      </c>
      <c r="D23509" s="1" t="s">
        <v>19893</v>
      </c>
      <c r="E23509" s="1" t="s">
        <v>19894</v>
      </c>
    </row>
    <row r="23510">
      <c r="A23510" s="1">
        <v>4.90921285E8</v>
      </c>
      <c r="B23510" s="2">
        <v>18480.0</v>
      </c>
      <c r="C23510" s="1" t="s">
        <v>5</v>
      </c>
      <c r="D23510" s="1" t="s">
        <v>19895</v>
      </c>
      <c r="E23510" s="1" t="s">
        <v>19896</v>
      </c>
    </row>
    <row r="23511">
      <c r="A23511" s="1">
        <v>4.90921297E8</v>
      </c>
      <c r="B23511" s="2">
        <v>18479.0</v>
      </c>
      <c r="C23511" s="1" t="s">
        <v>5</v>
      </c>
      <c r="D23511" s="1" t="s">
        <v>11</v>
      </c>
      <c r="E23511" s="1" t="s">
        <v>7</v>
      </c>
    </row>
    <row r="23512">
      <c r="A23512" s="1">
        <v>4.90921356E8</v>
      </c>
      <c r="B23512" s="2">
        <v>18564.0</v>
      </c>
      <c r="C23512" s="1" t="s">
        <v>5</v>
      </c>
      <c r="D23512" s="1" t="s">
        <v>19897</v>
      </c>
      <c r="E23512" s="1" t="s">
        <v>7</v>
      </c>
    </row>
    <row r="23513">
      <c r="A23513" s="1">
        <v>4.90921407E8</v>
      </c>
      <c r="B23513" s="2">
        <v>18625.0</v>
      </c>
      <c r="C23513" s="1" t="s">
        <v>5</v>
      </c>
      <c r="D23513" s="1" t="s">
        <v>11</v>
      </c>
      <c r="E23513" s="1" t="s">
        <v>7</v>
      </c>
    </row>
    <row r="23514">
      <c r="A23514" s="1">
        <v>4.90921481E8</v>
      </c>
      <c r="B23514" s="2">
        <v>18547.0</v>
      </c>
      <c r="C23514" s="1" t="s">
        <v>5</v>
      </c>
      <c r="D23514" s="1" t="s">
        <v>19898</v>
      </c>
      <c r="E23514" s="1" t="s">
        <v>7</v>
      </c>
    </row>
    <row r="23515">
      <c r="A23515" s="1">
        <v>4.90921525E8</v>
      </c>
      <c r="B23515" s="2">
        <v>18554.0</v>
      </c>
      <c r="C23515" s="1" t="s">
        <v>5</v>
      </c>
      <c r="D23515" s="1" t="s">
        <v>11</v>
      </c>
      <c r="E23515" s="1" t="s">
        <v>7</v>
      </c>
    </row>
    <row r="23516">
      <c r="A23516" s="1">
        <v>4.90921558E8</v>
      </c>
      <c r="B23516" s="2">
        <v>18479.0</v>
      </c>
      <c r="C23516" s="1" t="s">
        <v>5</v>
      </c>
      <c r="D23516" s="1" t="s">
        <v>19899</v>
      </c>
      <c r="E23516" s="1" t="s">
        <v>11</v>
      </c>
    </row>
    <row r="23517">
      <c r="A23517" s="1">
        <v>4.90921728E8</v>
      </c>
      <c r="B23517" s="2">
        <v>18499.0</v>
      </c>
      <c r="C23517" s="1" t="s">
        <v>5</v>
      </c>
      <c r="D23517" s="1" t="s">
        <v>19900</v>
      </c>
      <c r="E23517" s="1" t="s">
        <v>11</v>
      </c>
    </row>
    <row r="23518">
      <c r="A23518" s="1">
        <v>4.9092174E8</v>
      </c>
      <c r="B23518" s="2">
        <v>18549.0</v>
      </c>
      <c r="C23518" s="1" t="s">
        <v>5</v>
      </c>
      <c r="D23518" s="1" t="s">
        <v>19901</v>
      </c>
      <c r="E23518" s="1" t="s">
        <v>11</v>
      </c>
    </row>
    <row r="23519">
      <c r="A23519" s="1">
        <v>4.90921848E8</v>
      </c>
      <c r="B23519" s="2">
        <v>18620.0</v>
      </c>
      <c r="C23519" s="1" t="s">
        <v>5</v>
      </c>
      <c r="D23519" s="1" t="s">
        <v>19902</v>
      </c>
      <c r="E23519" s="1" t="s">
        <v>11</v>
      </c>
    </row>
    <row r="23520">
      <c r="A23520" s="1">
        <v>4.90921904E8</v>
      </c>
      <c r="B23520" s="2">
        <v>18620.0</v>
      </c>
      <c r="C23520" s="1" t="s">
        <v>5</v>
      </c>
      <c r="D23520" s="1" t="s">
        <v>19903</v>
      </c>
      <c r="E23520" s="1" t="s">
        <v>11</v>
      </c>
    </row>
    <row r="23521">
      <c r="A23521" s="1">
        <v>4.90921909E8</v>
      </c>
      <c r="B23521" s="2">
        <v>18543.0</v>
      </c>
      <c r="C23521" s="1" t="s">
        <v>5</v>
      </c>
      <c r="D23521" s="1" t="s">
        <v>19904</v>
      </c>
      <c r="E23521" s="1" t="s">
        <v>7</v>
      </c>
    </row>
    <row r="23522">
      <c r="A23522" s="1">
        <v>4.90921947E8</v>
      </c>
      <c r="B23522" s="2">
        <v>18551.0</v>
      </c>
      <c r="C23522" s="1" t="s">
        <v>5</v>
      </c>
      <c r="D23522" s="1" t="s">
        <v>19905</v>
      </c>
      <c r="E23522" s="1" t="s">
        <v>7</v>
      </c>
    </row>
    <row r="23523">
      <c r="A23523" s="1">
        <v>4.90921981E8</v>
      </c>
      <c r="B23523" s="2">
        <v>18610.0</v>
      </c>
      <c r="C23523" s="1" t="s">
        <v>5</v>
      </c>
      <c r="D23523" s="1" t="s">
        <v>19906</v>
      </c>
      <c r="E23523" s="1" t="s">
        <v>19907</v>
      </c>
    </row>
    <row r="23524">
      <c r="A23524" s="1">
        <v>4.90921995E8</v>
      </c>
      <c r="B23524" s="2">
        <v>18618.0</v>
      </c>
      <c r="C23524" s="1" t="s">
        <v>5</v>
      </c>
      <c r="D23524" s="1" t="s">
        <v>19908</v>
      </c>
      <c r="E23524" s="1" t="s">
        <v>7</v>
      </c>
    </row>
    <row r="23525">
      <c r="A23525" s="1">
        <v>4.90922071E8</v>
      </c>
      <c r="B23525" s="2">
        <v>18495.0</v>
      </c>
      <c r="C23525" s="1" t="s">
        <v>5</v>
      </c>
      <c r="D23525" s="1" t="s">
        <v>11</v>
      </c>
      <c r="E23525" s="1" t="s">
        <v>7</v>
      </c>
    </row>
    <row r="23526">
      <c r="A23526" s="1">
        <v>4.90922078E8</v>
      </c>
      <c r="B23526" s="2">
        <v>18460.0</v>
      </c>
      <c r="C23526" s="1" t="s">
        <v>5</v>
      </c>
      <c r="D23526" s="1" t="s">
        <v>11</v>
      </c>
      <c r="E23526" s="1" t="s">
        <v>7</v>
      </c>
    </row>
    <row r="23527">
      <c r="A23527" s="1">
        <v>4.90922147E8</v>
      </c>
      <c r="B23527" s="2">
        <v>18546.0</v>
      </c>
      <c r="C23527" s="1" t="s">
        <v>5</v>
      </c>
      <c r="D23527" s="1" t="s">
        <v>19909</v>
      </c>
      <c r="E23527" s="1" t="s">
        <v>11</v>
      </c>
    </row>
    <row r="23528">
      <c r="A23528" s="1">
        <v>4.90922149E8</v>
      </c>
      <c r="B23528" s="2">
        <v>18562.0</v>
      </c>
      <c r="C23528" s="1" t="s">
        <v>5</v>
      </c>
      <c r="D23528" s="1" t="s">
        <v>11</v>
      </c>
      <c r="E23528" s="1" t="s">
        <v>7</v>
      </c>
    </row>
    <row r="23529">
      <c r="A23529" s="1">
        <v>4.90922177E8</v>
      </c>
      <c r="B23529" s="2">
        <v>18507.0</v>
      </c>
      <c r="C23529" s="1" t="s">
        <v>5</v>
      </c>
      <c r="D23529" s="1" t="s">
        <v>11</v>
      </c>
      <c r="E23529" s="1" t="s">
        <v>7</v>
      </c>
    </row>
    <row r="23530">
      <c r="A23530" s="1">
        <v>4.90922198E8</v>
      </c>
      <c r="B23530" s="2">
        <v>18617.0</v>
      </c>
      <c r="C23530" s="1" t="s">
        <v>5</v>
      </c>
      <c r="D23530" s="1" t="s">
        <v>11</v>
      </c>
      <c r="E23530" s="1" t="s">
        <v>7</v>
      </c>
    </row>
    <row r="23531">
      <c r="A23531" s="1">
        <v>4.9092225E8</v>
      </c>
      <c r="B23531" s="2">
        <v>18618.0</v>
      </c>
      <c r="C23531" s="1" t="s">
        <v>5</v>
      </c>
      <c r="D23531" s="1" t="s">
        <v>11</v>
      </c>
      <c r="E23531" s="1" t="s">
        <v>7</v>
      </c>
    </row>
    <row r="23532">
      <c r="A23532" s="1">
        <v>4.90922269E8</v>
      </c>
      <c r="B23532" s="2">
        <v>18620.0</v>
      </c>
      <c r="C23532" s="1" t="s">
        <v>5</v>
      </c>
      <c r="D23532" s="1" t="s">
        <v>19910</v>
      </c>
      <c r="E23532" s="1" t="s">
        <v>7</v>
      </c>
    </row>
    <row r="23533">
      <c r="A23533" s="1">
        <v>4.9092227E8</v>
      </c>
      <c r="B23533" s="2">
        <v>18614.0</v>
      </c>
      <c r="C23533" s="1" t="s">
        <v>5</v>
      </c>
      <c r="D23533" s="1" t="s">
        <v>19911</v>
      </c>
      <c r="E23533" s="1" t="s">
        <v>11</v>
      </c>
    </row>
    <row r="23534">
      <c r="A23534" s="1">
        <v>4.90922296E8</v>
      </c>
      <c r="B23534" s="2">
        <v>18617.0</v>
      </c>
      <c r="C23534" s="1" t="s">
        <v>5</v>
      </c>
      <c r="D23534" s="1" t="s">
        <v>19912</v>
      </c>
      <c r="E23534" s="1" t="s">
        <v>19913</v>
      </c>
    </row>
    <row r="23535">
      <c r="A23535" s="1">
        <v>4.90922389E8</v>
      </c>
      <c r="B23535" s="2">
        <v>18479.0</v>
      </c>
      <c r="C23535" s="1" t="s">
        <v>5</v>
      </c>
      <c r="D23535" s="1" t="s">
        <v>19914</v>
      </c>
      <c r="E23535" s="1" t="s">
        <v>7</v>
      </c>
    </row>
    <row r="23536">
      <c r="A23536" s="1">
        <v>4.9092256E8</v>
      </c>
      <c r="B23536" s="2">
        <v>18507.0</v>
      </c>
      <c r="C23536" s="1" t="s">
        <v>5</v>
      </c>
      <c r="D23536" s="1" t="s">
        <v>19915</v>
      </c>
      <c r="E23536" s="1" t="s">
        <v>7</v>
      </c>
    </row>
    <row r="23537">
      <c r="A23537" s="1">
        <v>4.90922565E8</v>
      </c>
      <c r="B23537" s="2">
        <v>18617.0</v>
      </c>
      <c r="C23537" s="1" t="s">
        <v>5</v>
      </c>
      <c r="D23537" s="1" t="s">
        <v>11</v>
      </c>
      <c r="E23537" s="1" t="s">
        <v>7</v>
      </c>
    </row>
    <row r="23538">
      <c r="A23538" s="1">
        <v>4.90922568E8</v>
      </c>
      <c r="B23538" s="2">
        <v>18560.0</v>
      </c>
      <c r="C23538" s="1" t="s">
        <v>5</v>
      </c>
      <c r="D23538" s="1" t="s">
        <v>19916</v>
      </c>
      <c r="E23538" s="1" t="s">
        <v>11</v>
      </c>
    </row>
    <row r="23539">
      <c r="A23539" s="1">
        <v>4.90922624E8</v>
      </c>
      <c r="B23539" s="2">
        <v>18541.0</v>
      </c>
      <c r="C23539" s="1" t="s">
        <v>5</v>
      </c>
      <c r="D23539" s="1" t="s">
        <v>19917</v>
      </c>
      <c r="E23539" s="1" t="s">
        <v>19918</v>
      </c>
    </row>
    <row r="23540">
      <c r="A23540" s="1">
        <v>4.90922648E8</v>
      </c>
      <c r="B23540" s="2">
        <v>18617.0</v>
      </c>
      <c r="C23540" s="1" t="s">
        <v>5</v>
      </c>
      <c r="D23540" s="1" t="s">
        <v>7</v>
      </c>
      <c r="E23540" s="1" t="s">
        <v>7</v>
      </c>
    </row>
    <row r="23541">
      <c r="A23541" s="1">
        <v>4.90922745E8</v>
      </c>
      <c r="B23541" s="2">
        <v>18554.0</v>
      </c>
      <c r="C23541" s="1" t="s">
        <v>5</v>
      </c>
      <c r="D23541" s="1" t="s">
        <v>19919</v>
      </c>
      <c r="E23541" s="1" t="s">
        <v>11</v>
      </c>
    </row>
    <row r="23542">
      <c r="A23542" s="1">
        <v>4.90922934E8</v>
      </c>
      <c r="B23542" s="2">
        <v>18485.0</v>
      </c>
      <c r="C23542" s="1" t="s">
        <v>5</v>
      </c>
      <c r="D23542" s="1" t="s">
        <v>11</v>
      </c>
      <c r="E23542" s="1" t="s">
        <v>7</v>
      </c>
    </row>
    <row r="23543">
      <c r="A23543" s="1">
        <v>4.90922951E8</v>
      </c>
      <c r="B23543" s="2">
        <v>18554.0</v>
      </c>
      <c r="C23543" s="1" t="s">
        <v>5</v>
      </c>
      <c r="D23543" s="1" t="s">
        <v>19920</v>
      </c>
      <c r="E23543" s="1" t="s">
        <v>19921</v>
      </c>
    </row>
    <row r="23544">
      <c r="A23544" s="1">
        <v>4.90923038E8</v>
      </c>
      <c r="B23544" s="2">
        <v>18529.0</v>
      </c>
      <c r="C23544" s="1" t="s">
        <v>5</v>
      </c>
      <c r="D23544" s="1" t="s">
        <v>19922</v>
      </c>
      <c r="E23544" s="1" t="s">
        <v>11</v>
      </c>
    </row>
    <row r="23545">
      <c r="A23545" s="1">
        <v>4.90923078E8</v>
      </c>
      <c r="B23545" s="2">
        <v>18494.0</v>
      </c>
      <c r="C23545" s="1" t="s">
        <v>5</v>
      </c>
      <c r="D23545" s="1" t="s">
        <v>11</v>
      </c>
      <c r="E23545" s="1" t="s">
        <v>7</v>
      </c>
    </row>
    <row r="23546">
      <c r="A23546" s="1">
        <v>4.90923084E8</v>
      </c>
      <c r="B23546" s="2">
        <v>18611.0</v>
      </c>
      <c r="C23546" s="1" t="s">
        <v>5</v>
      </c>
      <c r="D23546" s="1" t="s">
        <v>19923</v>
      </c>
      <c r="E23546" s="1" t="s">
        <v>7</v>
      </c>
    </row>
    <row r="23547">
      <c r="A23547" s="1">
        <v>4.90923128E8</v>
      </c>
      <c r="B23547" s="2">
        <v>18540.0</v>
      </c>
      <c r="C23547" s="1" t="s">
        <v>5</v>
      </c>
      <c r="D23547" s="1" t="s">
        <v>11</v>
      </c>
      <c r="E23547" s="1" t="s">
        <v>7</v>
      </c>
    </row>
    <row r="23548">
      <c r="A23548" s="1">
        <v>4.90923189E8</v>
      </c>
      <c r="B23548" s="2">
        <v>18557.0</v>
      </c>
      <c r="C23548" s="1" t="s">
        <v>5</v>
      </c>
      <c r="D23548" s="1" t="s">
        <v>19924</v>
      </c>
      <c r="E23548" s="1" t="s">
        <v>7</v>
      </c>
    </row>
    <row r="23549">
      <c r="A23549" s="1">
        <v>4.90923251E8</v>
      </c>
      <c r="B23549" s="2">
        <v>18476.0</v>
      </c>
      <c r="C23549" s="1" t="s">
        <v>5</v>
      </c>
      <c r="D23549" s="1" t="s">
        <v>19925</v>
      </c>
      <c r="E23549" s="1" t="s">
        <v>7</v>
      </c>
    </row>
    <row r="23550">
      <c r="A23550" s="1">
        <v>4.90923319E8</v>
      </c>
      <c r="B23550" s="2">
        <v>18492.0</v>
      </c>
      <c r="C23550" s="1" t="s">
        <v>5</v>
      </c>
      <c r="D23550" s="1" t="s">
        <v>11</v>
      </c>
      <c r="E23550" s="1" t="s">
        <v>7</v>
      </c>
    </row>
    <row r="23551">
      <c r="A23551" s="1">
        <v>4.90923347E8</v>
      </c>
      <c r="B23551" s="2">
        <v>18541.0</v>
      </c>
      <c r="C23551" s="1" t="s">
        <v>5</v>
      </c>
      <c r="D23551" s="1" t="s">
        <v>19926</v>
      </c>
      <c r="E23551" s="1" t="s">
        <v>7</v>
      </c>
    </row>
    <row r="23552">
      <c r="A23552" s="1">
        <v>4.90923398E8</v>
      </c>
      <c r="B23552" s="2">
        <v>18610.0</v>
      </c>
      <c r="C23552" s="1" t="s">
        <v>5</v>
      </c>
      <c r="D23552" s="1" t="s">
        <v>19927</v>
      </c>
      <c r="E23552" s="1" t="s">
        <v>7</v>
      </c>
    </row>
    <row r="23553">
      <c r="A23553" s="1">
        <v>4.90923469E8</v>
      </c>
      <c r="B23553" s="2">
        <v>18550.0</v>
      </c>
      <c r="C23553" s="1" t="s">
        <v>5</v>
      </c>
      <c r="D23553" s="1" t="s">
        <v>19928</v>
      </c>
      <c r="E23553" s="1" t="s">
        <v>19929</v>
      </c>
    </row>
    <row r="23554">
      <c r="A23554" s="1">
        <v>4.90923497E8</v>
      </c>
      <c r="B23554" s="2">
        <v>18596.0</v>
      </c>
      <c r="C23554" s="1" t="s">
        <v>5</v>
      </c>
      <c r="D23554" s="1" t="s">
        <v>19930</v>
      </c>
      <c r="E23554" s="1" t="s">
        <v>11</v>
      </c>
    </row>
    <row r="23555">
      <c r="A23555" s="1">
        <v>4.90923518E8</v>
      </c>
      <c r="B23555" s="2">
        <v>18543.0</v>
      </c>
      <c r="C23555" s="1" t="s">
        <v>5</v>
      </c>
      <c r="D23555" s="1" t="s">
        <v>19931</v>
      </c>
      <c r="E23555" s="1" t="s">
        <v>7</v>
      </c>
    </row>
    <row r="23556">
      <c r="A23556" s="1">
        <v>4.9092354E8</v>
      </c>
      <c r="B23556" s="2">
        <v>18607.0</v>
      </c>
      <c r="C23556" s="1" t="s">
        <v>5</v>
      </c>
      <c r="D23556" s="1" t="s">
        <v>11</v>
      </c>
      <c r="E23556" s="1" t="s">
        <v>7</v>
      </c>
    </row>
    <row r="23557">
      <c r="A23557" s="1">
        <v>4.9092364E8</v>
      </c>
      <c r="B23557" s="2">
        <v>18606.0</v>
      </c>
      <c r="C23557" s="1" t="s">
        <v>5</v>
      </c>
      <c r="D23557" s="1" t="s">
        <v>11</v>
      </c>
      <c r="E23557" s="1" t="s">
        <v>7</v>
      </c>
    </row>
    <row r="23558">
      <c r="A23558" s="1">
        <v>4.90923709E8</v>
      </c>
      <c r="B23558" s="2">
        <v>18555.0</v>
      </c>
      <c r="C23558" s="1" t="s">
        <v>5</v>
      </c>
      <c r="D23558" s="1" t="s">
        <v>19932</v>
      </c>
      <c r="E23558" s="1" t="s">
        <v>19933</v>
      </c>
    </row>
    <row r="23559">
      <c r="A23559" s="1">
        <v>4.90923797E8</v>
      </c>
      <c r="B23559" s="2">
        <v>18494.0</v>
      </c>
      <c r="C23559" s="1" t="s">
        <v>5</v>
      </c>
      <c r="D23559" s="1" t="s">
        <v>19934</v>
      </c>
      <c r="E23559" s="1" t="s">
        <v>7</v>
      </c>
    </row>
    <row r="23560">
      <c r="A23560" s="1">
        <v>4.90923835E8</v>
      </c>
      <c r="B23560" s="2">
        <v>18365.0</v>
      </c>
      <c r="C23560" s="1" t="s">
        <v>5</v>
      </c>
      <c r="D23560" s="1" t="s">
        <v>19935</v>
      </c>
      <c r="E23560" s="1" t="s">
        <v>11</v>
      </c>
    </row>
    <row r="23561">
      <c r="A23561" s="1">
        <v>4.9092388E8</v>
      </c>
      <c r="B23561" s="2">
        <v>18658.0</v>
      </c>
      <c r="C23561" s="1" t="s">
        <v>5</v>
      </c>
      <c r="D23561" s="1" t="s">
        <v>19936</v>
      </c>
      <c r="E23561" s="1" t="s">
        <v>19937</v>
      </c>
    </row>
    <row r="23562">
      <c r="A23562" s="1">
        <v>4.90923909E8</v>
      </c>
      <c r="B23562" s="2">
        <v>18658.0</v>
      </c>
      <c r="C23562" s="1" t="s">
        <v>5</v>
      </c>
      <c r="D23562" s="1" t="s">
        <v>19938</v>
      </c>
      <c r="E23562" s="1" t="s">
        <v>19939</v>
      </c>
    </row>
    <row r="23563">
      <c r="A23563" s="1">
        <v>4.90923937E8</v>
      </c>
      <c r="B23563" s="2">
        <v>18575.0</v>
      </c>
      <c r="C23563" s="1" t="s">
        <v>5</v>
      </c>
      <c r="D23563" s="1" t="s">
        <v>19940</v>
      </c>
      <c r="E23563" s="1" t="s">
        <v>7</v>
      </c>
    </row>
    <row r="23564">
      <c r="A23564" s="1">
        <v>4.90923951E8</v>
      </c>
      <c r="B23564" s="2">
        <v>18656.0</v>
      </c>
      <c r="C23564" s="1" t="s">
        <v>5</v>
      </c>
      <c r="D23564" s="1" t="s">
        <v>19941</v>
      </c>
      <c r="E23564" s="1" t="s">
        <v>7</v>
      </c>
    </row>
    <row r="23565">
      <c r="A23565" s="1">
        <v>4.90924085E8</v>
      </c>
      <c r="B23565" s="2">
        <v>18486.0</v>
      </c>
      <c r="C23565" s="1" t="s">
        <v>5</v>
      </c>
      <c r="D23565" s="1" t="s">
        <v>19942</v>
      </c>
      <c r="E23565" s="1" t="s">
        <v>19943</v>
      </c>
    </row>
    <row r="23566">
      <c r="A23566" s="1">
        <v>4.90924125E8</v>
      </c>
      <c r="B23566" s="2">
        <v>18596.0</v>
      </c>
      <c r="C23566" s="1" t="s">
        <v>5</v>
      </c>
      <c r="D23566" s="1" t="s">
        <v>11</v>
      </c>
      <c r="E23566" s="1" t="s">
        <v>7</v>
      </c>
    </row>
    <row r="23567">
      <c r="A23567" s="1">
        <v>4.90924196E8</v>
      </c>
      <c r="B23567" s="2">
        <v>18541.0</v>
      </c>
      <c r="C23567" s="1" t="s">
        <v>5</v>
      </c>
      <c r="D23567" s="1" t="s">
        <v>19944</v>
      </c>
      <c r="E23567" s="1" t="s">
        <v>7</v>
      </c>
    </row>
    <row r="23568">
      <c r="A23568" s="1">
        <v>4.90924332E8</v>
      </c>
      <c r="B23568" s="2">
        <v>18593.0</v>
      </c>
      <c r="C23568" s="1" t="s">
        <v>5</v>
      </c>
      <c r="D23568" s="1" t="s">
        <v>19945</v>
      </c>
      <c r="E23568" s="1" t="s">
        <v>11</v>
      </c>
    </row>
    <row r="23569">
      <c r="A23569" s="1">
        <v>4.90924467E8</v>
      </c>
      <c r="B23569" s="2">
        <v>18613.0</v>
      </c>
      <c r="C23569" s="1" t="s">
        <v>5</v>
      </c>
      <c r="D23569" s="1" t="s">
        <v>19946</v>
      </c>
      <c r="E23569" s="1" t="s">
        <v>11</v>
      </c>
    </row>
    <row r="23570">
      <c r="A23570" s="1">
        <v>4.9092453E8</v>
      </c>
      <c r="B23570" s="2">
        <v>18596.0</v>
      </c>
      <c r="C23570" s="1" t="s">
        <v>5</v>
      </c>
      <c r="D23570" s="1" t="s">
        <v>11</v>
      </c>
      <c r="E23570" s="1" t="s">
        <v>7</v>
      </c>
    </row>
    <row r="23571">
      <c r="A23571" s="1">
        <v>4.90924559E8</v>
      </c>
      <c r="B23571" s="2">
        <v>18613.0</v>
      </c>
      <c r="C23571" s="1" t="s">
        <v>5</v>
      </c>
      <c r="D23571" s="1" t="s">
        <v>19947</v>
      </c>
      <c r="E23571" s="1" t="s">
        <v>7</v>
      </c>
    </row>
    <row r="23572">
      <c r="A23572" s="1">
        <v>4.90924598E8</v>
      </c>
      <c r="B23572" s="2">
        <v>18602.0</v>
      </c>
      <c r="C23572" s="1" t="s">
        <v>5</v>
      </c>
      <c r="D23572" s="1" t="s">
        <v>11</v>
      </c>
      <c r="E23572" s="1" t="s">
        <v>7</v>
      </c>
    </row>
    <row r="23573">
      <c r="A23573" s="1">
        <v>4.90924845E8</v>
      </c>
      <c r="B23573" s="2">
        <v>18602.0</v>
      </c>
      <c r="C23573" s="1" t="s">
        <v>5</v>
      </c>
      <c r="D23573" s="1" t="s">
        <v>19948</v>
      </c>
      <c r="E23573" s="1" t="s">
        <v>7</v>
      </c>
    </row>
    <row r="23574">
      <c r="A23574" s="1">
        <v>4.90924867E8</v>
      </c>
      <c r="B23574" s="2">
        <v>18515.0</v>
      </c>
      <c r="C23574" s="1" t="s">
        <v>5</v>
      </c>
      <c r="D23574" s="1" t="s">
        <v>11</v>
      </c>
      <c r="E23574" s="1" t="s">
        <v>7</v>
      </c>
    </row>
    <row r="23575">
      <c r="A23575" s="1">
        <v>4.90924916E8</v>
      </c>
      <c r="B23575" s="2">
        <v>18626.0</v>
      </c>
      <c r="C23575" s="1" t="s">
        <v>5</v>
      </c>
      <c r="D23575" s="1" t="s">
        <v>19949</v>
      </c>
      <c r="E23575" s="1" t="s">
        <v>11</v>
      </c>
    </row>
    <row r="23576">
      <c r="A23576" s="1">
        <v>4.90924946E8</v>
      </c>
      <c r="B23576" s="2">
        <v>18477.0</v>
      </c>
      <c r="C23576" s="1" t="s">
        <v>5</v>
      </c>
      <c r="D23576" s="1" t="s">
        <v>19950</v>
      </c>
      <c r="E23576" s="1" t="s">
        <v>7</v>
      </c>
    </row>
    <row r="23577">
      <c r="A23577" s="1">
        <v>4.90924949E8</v>
      </c>
      <c r="B23577" s="2">
        <v>18551.0</v>
      </c>
      <c r="C23577" s="1" t="s">
        <v>5</v>
      </c>
      <c r="D23577" s="1" t="s">
        <v>19951</v>
      </c>
      <c r="E23577" s="1" t="s">
        <v>11</v>
      </c>
    </row>
    <row r="23578">
      <c r="A23578" s="1">
        <v>4.90925067E8</v>
      </c>
      <c r="B23578" s="2">
        <v>18625.0</v>
      </c>
      <c r="C23578" s="1" t="s">
        <v>5</v>
      </c>
      <c r="D23578" s="1" t="s">
        <v>11</v>
      </c>
      <c r="E23578" s="1" t="s">
        <v>7</v>
      </c>
    </row>
    <row r="23579">
      <c r="A23579" s="1">
        <v>4.90925071E8</v>
      </c>
      <c r="B23579" s="2">
        <v>18648.0</v>
      </c>
      <c r="C23579" s="1" t="s">
        <v>5</v>
      </c>
      <c r="D23579" s="1" t="s">
        <v>19952</v>
      </c>
      <c r="E23579" s="1" t="s">
        <v>19953</v>
      </c>
    </row>
    <row r="23580">
      <c r="A23580" s="1">
        <v>4.90925166E8</v>
      </c>
      <c r="B23580" s="2">
        <v>18592.0</v>
      </c>
      <c r="C23580" s="1" t="s">
        <v>5</v>
      </c>
      <c r="D23580" s="1" t="s">
        <v>11</v>
      </c>
      <c r="E23580" s="1" t="s">
        <v>7</v>
      </c>
    </row>
    <row r="23581">
      <c r="A23581" s="1">
        <v>4.9092518E8</v>
      </c>
      <c r="B23581" s="2">
        <v>18500.0</v>
      </c>
      <c r="C23581" s="1" t="s">
        <v>5</v>
      </c>
      <c r="D23581" s="1" t="s">
        <v>19954</v>
      </c>
      <c r="E23581" s="1" t="s">
        <v>11</v>
      </c>
    </row>
    <row r="23582">
      <c r="A23582" s="1">
        <v>4.9092522E8</v>
      </c>
      <c r="B23582" s="2">
        <v>18619.0</v>
      </c>
      <c r="C23582" s="1" t="s">
        <v>5</v>
      </c>
      <c r="D23582" s="1" t="s">
        <v>19955</v>
      </c>
      <c r="E23582" s="1" t="s">
        <v>7</v>
      </c>
    </row>
    <row r="23583">
      <c r="A23583" s="1">
        <v>4.90925272E8</v>
      </c>
      <c r="B23583" s="2">
        <v>18355.0</v>
      </c>
      <c r="C23583" s="1" t="s">
        <v>5</v>
      </c>
      <c r="D23583" s="1" t="s">
        <v>19956</v>
      </c>
      <c r="E23583" s="1" t="s">
        <v>7</v>
      </c>
    </row>
    <row r="23584">
      <c r="A23584" s="1">
        <v>4.90925321E8</v>
      </c>
      <c r="B23584" s="2">
        <v>18626.0</v>
      </c>
      <c r="C23584" s="1" t="s">
        <v>5</v>
      </c>
      <c r="D23584" s="1" t="s">
        <v>11</v>
      </c>
      <c r="E23584" s="1" t="s">
        <v>7</v>
      </c>
    </row>
    <row r="23585">
      <c r="A23585" s="1">
        <v>4.90925358E8</v>
      </c>
      <c r="B23585" s="2">
        <v>18355.0</v>
      </c>
      <c r="C23585" s="1" t="s">
        <v>5</v>
      </c>
      <c r="D23585" s="1" t="s">
        <v>19957</v>
      </c>
      <c r="E23585" s="1" t="s">
        <v>7</v>
      </c>
    </row>
    <row r="23586">
      <c r="A23586" s="1">
        <v>4.90925368E8</v>
      </c>
      <c r="B23586" s="2">
        <v>18602.0</v>
      </c>
      <c r="C23586" s="1" t="s">
        <v>5</v>
      </c>
      <c r="D23586" s="1" t="s">
        <v>19958</v>
      </c>
      <c r="E23586" s="1" t="s">
        <v>11</v>
      </c>
    </row>
    <row r="23587">
      <c r="A23587" s="1">
        <v>4.90925432E8</v>
      </c>
      <c r="B23587" s="2">
        <v>18583.0</v>
      </c>
      <c r="C23587" s="1" t="s">
        <v>5</v>
      </c>
      <c r="D23587" s="1" t="s">
        <v>19959</v>
      </c>
      <c r="E23587" s="1" t="s">
        <v>7</v>
      </c>
    </row>
    <row r="23588">
      <c r="A23588" s="1">
        <v>4.90925448E8</v>
      </c>
      <c r="B23588" s="2">
        <v>18476.0</v>
      </c>
      <c r="C23588" s="1" t="s">
        <v>5</v>
      </c>
      <c r="D23588" s="1" t="s">
        <v>19960</v>
      </c>
      <c r="E23588" s="1" t="s">
        <v>7</v>
      </c>
    </row>
    <row r="23589">
      <c r="A23589" s="1">
        <v>4.90925478E8</v>
      </c>
      <c r="B23589" s="2">
        <v>18542.0</v>
      </c>
      <c r="C23589" s="1" t="s">
        <v>5</v>
      </c>
      <c r="D23589" s="1" t="s">
        <v>11</v>
      </c>
      <c r="E23589" s="1" t="s">
        <v>7</v>
      </c>
    </row>
    <row r="23590">
      <c r="A23590" s="1">
        <v>4.90925558E8</v>
      </c>
      <c r="B23590" s="2">
        <v>18546.0</v>
      </c>
      <c r="C23590" s="1" t="s">
        <v>5</v>
      </c>
      <c r="D23590" s="1" t="s">
        <v>19961</v>
      </c>
      <c r="E23590" s="1" t="s">
        <v>7</v>
      </c>
    </row>
    <row r="23591">
      <c r="A23591" s="1">
        <v>4.90925598E8</v>
      </c>
      <c r="B23591" s="2">
        <v>18617.0</v>
      </c>
      <c r="C23591" s="1" t="s">
        <v>5</v>
      </c>
      <c r="D23591" s="1" t="s">
        <v>19962</v>
      </c>
      <c r="E23591" s="1" t="s">
        <v>11</v>
      </c>
    </row>
    <row r="23592">
      <c r="A23592" s="1">
        <v>4.90925647E8</v>
      </c>
      <c r="B23592" s="2">
        <v>18541.0</v>
      </c>
      <c r="C23592" s="1" t="s">
        <v>5</v>
      </c>
      <c r="D23592" s="1" t="s">
        <v>19963</v>
      </c>
      <c r="E23592" s="1" t="s">
        <v>7</v>
      </c>
    </row>
    <row r="23593">
      <c r="A23593" s="1">
        <v>4.90925684E8</v>
      </c>
      <c r="B23593" s="2">
        <v>18544.0</v>
      </c>
      <c r="C23593" s="1" t="s">
        <v>5</v>
      </c>
      <c r="D23593" s="1" t="s">
        <v>19964</v>
      </c>
      <c r="E23593" s="1" t="s">
        <v>7</v>
      </c>
    </row>
    <row r="23594">
      <c r="A23594" s="1">
        <v>4.90925838E8</v>
      </c>
      <c r="B23594" s="2">
        <v>18528.0</v>
      </c>
      <c r="C23594" s="1" t="s">
        <v>5</v>
      </c>
      <c r="D23594" s="1" t="s">
        <v>19965</v>
      </c>
      <c r="E23594" s="1" t="s">
        <v>7</v>
      </c>
    </row>
    <row r="23595">
      <c r="A23595" s="1">
        <v>4.90925886E8</v>
      </c>
      <c r="B23595" s="2">
        <v>18539.0</v>
      </c>
      <c r="C23595" s="1" t="s">
        <v>5</v>
      </c>
      <c r="D23595" s="1" t="s">
        <v>19966</v>
      </c>
      <c r="E23595" s="1" t="s">
        <v>7</v>
      </c>
    </row>
    <row r="23596">
      <c r="A23596" s="1">
        <v>4.90925957E8</v>
      </c>
      <c r="B23596" s="2">
        <v>18515.0</v>
      </c>
      <c r="C23596" s="1" t="s">
        <v>5</v>
      </c>
      <c r="D23596" s="1" t="s">
        <v>19967</v>
      </c>
      <c r="E23596" s="1" t="s">
        <v>19968</v>
      </c>
    </row>
    <row r="23597">
      <c r="A23597" s="1">
        <v>4.90926006E8</v>
      </c>
      <c r="B23597" s="2">
        <v>18478.0</v>
      </c>
      <c r="C23597" s="1" t="s">
        <v>5</v>
      </c>
      <c r="D23597" s="1" t="s">
        <v>11</v>
      </c>
      <c r="E23597" s="1" t="s">
        <v>7</v>
      </c>
    </row>
    <row r="23598">
      <c r="A23598" s="1">
        <v>4.9092607E8</v>
      </c>
      <c r="B23598" s="2">
        <v>18654.0</v>
      </c>
      <c r="C23598" s="1" t="s">
        <v>5</v>
      </c>
      <c r="D23598" s="1" t="s">
        <v>19969</v>
      </c>
      <c r="E23598" s="1" t="s">
        <v>7</v>
      </c>
    </row>
    <row r="23599">
      <c r="A23599" s="1">
        <v>4.90926108E8</v>
      </c>
      <c r="B23599" s="2">
        <v>18532.0</v>
      </c>
      <c r="C23599" s="1" t="s">
        <v>5</v>
      </c>
      <c r="D23599" s="1" t="s">
        <v>19970</v>
      </c>
      <c r="E23599" s="1" t="s">
        <v>19971</v>
      </c>
    </row>
    <row r="23600">
      <c r="A23600" s="1">
        <v>4.909262E8</v>
      </c>
      <c r="B23600" s="3">
        <v>18414.0</v>
      </c>
      <c r="C23600" s="1" t="s">
        <v>5</v>
      </c>
      <c r="D23600" s="1" t="s">
        <v>19972</v>
      </c>
      <c r="E23600" s="1" t="s">
        <v>11</v>
      </c>
    </row>
    <row r="23601">
      <c r="A23601" s="1">
        <v>4.90926207E8</v>
      </c>
      <c r="B23601" s="2">
        <v>18618.0</v>
      </c>
      <c r="C23601" s="1" t="s">
        <v>5</v>
      </c>
      <c r="D23601" s="1" t="s">
        <v>19973</v>
      </c>
      <c r="E23601" s="1" t="s">
        <v>11</v>
      </c>
    </row>
    <row r="23602">
      <c r="A23602" s="1">
        <v>4.90926257E8</v>
      </c>
      <c r="B23602" s="2">
        <v>18495.0</v>
      </c>
      <c r="C23602" s="1" t="s">
        <v>5</v>
      </c>
      <c r="D23602" s="1" t="s">
        <v>19974</v>
      </c>
      <c r="E23602" s="1" t="s">
        <v>7</v>
      </c>
    </row>
    <row r="23603">
      <c r="A23603" s="1">
        <v>4.90926279E8</v>
      </c>
      <c r="B23603" s="2">
        <v>18495.0</v>
      </c>
      <c r="C23603" s="1" t="s">
        <v>5</v>
      </c>
      <c r="D23603" s="1" t="s">
        <v>19975</v>
      </c>
      <c r="E23603" s="1" t="s">
        <v>7</v>
      </c>
    </row>
    <row r="23604">
      <c r="A23604" s="1">
        <v>4.90926429E8</v>
      </c>
      <c r="B23604" s="2">
        <v>18476.0</v>
      </c>
      <c r="C23604" s="1" t="s">
        <v>5</v>
      </c>
      <c r="D23604" s="1" t="s">
        <v>19976</v>
      </c>
      <c r="E23604" s="1" t="s">
        <v>19977</v>
      </c>
    </row>
    <row r="23605">
      <c r="A23605" s="1">
        <v>4.90926487E8</v>
      </c>
      <c r="B23605" s="2">
        <v>18656.0</v>
      </c>
      <c r="C23605" s="1" t="s">
        <v>5</v>
      </c>
      <c r="D23605" s="1" t="s">
        <v>19978</v>
      </c>
      <c r="E23605" s="1" t="s">
        <v>7</v>
      </c>
    </row>
    <row r="23606">
      <c r="A23606" s="1">
        <v>4.90926514E8</v>
      </c>
      <c r="B23606" s="2">
        <v>18610.0</v>
      </c>
      <c r="C23606" s="1" t="s">
        <v>5</v>
      </c>
      <c r="D23606" s="1" t="s">
        <v>11</v>
      </c>
      <c r="E23606" s="1" t="s">
        <v>7</v>
      </c>
    </row>
    <row r="23607">
      <c r="A23607" s="1">
        <v>4.9092652E8</v>
      </c>
      <c r="B23607" s="2">
        <v>18494.0</v>
      </c>
      <c r="C23607" s="1" t="s">
        <v>5</v>
      </c>
      <c r="D23607" s="1" t="s">
        <v>19979</v>
      </c>
      <c r="E23607" s="1" t="s">
        <v>11</v>
      </c>
    </row>
    <row r="23608">
      <c r="A23608" s="1">
        <v>4.90926611E8</v>
      </c>
      <c r="B23608" s="2">
        <v>18542.0</v>
      </c>
      <c r="C23608" s="1" t="s">
        <v>5</v>
      </c>
      <c r="D23608" s="1" t="s">
        <v>11</v>
      </c>
      <c r="E23608" s="1" t="s">
        <v>7</v>
      </c>
    </row>
    <row r="23609">
      <c r="A23609" s="1">
        <v>4.90926678E8</v>
      </c>
      <c r="B23609" s="2">
        <v>18534.0</v>
      </c>
      <c r="C23609" s="1" t="s">
        <v>5</v>
      </c>
      <c r="D23609" s="1" t="s">
        <v>19980</v>
      </c>
      <c r="E23609" s="1" t="s">
        <v>11</v>
      </c>
    </row>
    <row r="23610">
      <c r="A23610" s="1">
        <v>4.90926716E8</v>
      </c>
      <c r="B23610" s="2">
        <v>18529.0</v>
      </c>
      <c r="C23610" s="1" t="s">
        <v>5</v>
      </c>
      <c r="D23610" s="1" t="s">
        <v>19981</v>
      </c>
      <c r="E23610" s="1" t="s">
        <v>11</v>
      </c>
    </row>
    <row r="23611">
      <c r="A23611" s="1">
        <v>4.90926797E8</v>
      </c>
      <c r="B23611" s="2">
        <v>18571.0</v>
      </c>
      <c r="C23611" s="1" t="s">
        <v>5</v>
      </c>
      <c r="D23611" s="1" t="s">
        <v>19982</v>
      </c>
      <c r="E23611" s="1" t="s">
        <v>7</v>
      </c>
    </row>
    <row r="23612">
      <c r="A23612" s="1">
        <v>4.90926878E8</v>
      </c>
      <c r="B23612" s="2">
        <v>18649.0</v>
      </c>
      <c r="C23612" s="1" t="s">
        <v>5</v>
      </c>
      <c r="D23612" s="1" t="s">
        <v>19983</v>
      </c>
      <c r="E23612" s="1" t="s">
        <v>7</v>
      </c>
    </row>
    <row r="23613">
      <c r="A23613" s="1">
        <v>4.90926879E8</v>
      </c>
      <c r="B23613" s="2">
        <v>18589.0</v>
      </c>
      <c r="C23613" s="1" t="s">
        <v>5</v>
      </c>
      <c r="D23613" s="1" t="s">
        <v>19984</v>
      </c>
      <c r="E23613" s="1" t="s">
        <v>7</v>
      </c>
    </row>
    <row r="23614">
      <c r="A23614" s="1">
        <v>4.90927046E8</v>
      </c>
      <c r="B23614" s="2">
        <v>18645.0</v>
      </c>
      <c r="C23614" s="1" t="s">
        <v>5</v>
      </c>
      <c r="D23614" s="1" t="s">
        <v>11</v>
      </c>
      <c r="E23614" s="1" t="s">
        <v>7</v>
      </c>
    </row>
    <row r="23615">
      <c r="A23615" s="1">
        <v>4.90927228E8</v>
      </c>
      <c r="B23615" s="2">
        <v>18613.0</v>
      </c>
      <c r="C23615" s="1" t="s">
        <v>5</v>
      </c>
      <c r="D23615" s="1" t="s">
        <v>19985</v>
      </c>
      <c r="E23615" s="1" t="s">
        <v>7</v>
      </c>
    </row>
    <row r="23616">
      <c r="A23616" s="1">
        <v>4.90927234E8</v>
      </c>
      <c r="B23616" s="2">
        <v>18596.0</v>
      </c>
      <c r="C23616" s="1" t="s">
        <v>5</v>
      </c>
      <c r="D23616" s="1" t="s">
        <v>19986</v>
      </c>
      <c r="E23616" s="1" t="s">
        <v>11</v>
      </c>
    </row>
    <row r="23617">
      <c r="A23617" s="1">
        <v>4.90927309E8</v>
      </c>
      <c r="B23617" s="2">
        <v>18585.0</v>
      </c>
      <c r="C23617" s="1" t="s">
        <v>5</v>
      </c>
      <c r="D23617" s="1" t="s">
        <v>11</v>
      </c>
      <c r="E23617" s="1" t="s">
        <v>7</v>
      </c>
    </row>
    <row r="23618">
      <c r="A23618" s="1">
        <v>4.9092744E8</v>
      </c>
      <c r="B23618" s="2">
        <v>18595.0</v>
      </c>
      <c r="C23618" s="1" t="s">
        <v>5</v>
      </c>
      <c r="D23618" s="1" t="s">
        <v>11</v>
      </c>
      <c r="E23618" s="1" t="s">
        <v>7</v>
      </c>
    </row>
    <row r="23619">
      <c r="A23619" s="1">
        <v>4.90927478E8</v>
      </c>
      <c r="B23619" s="2">
        <v>18583.0</v>
      </c>
      <c r="C23619" s="1" t="s">
        <v>5</v>
      </c>
      <c r="D23619" s="1" t="s">
        <v>19987</v>
      </c>
      <c r="E23619" s="1" t="s">
        <v>7</v>
      </c>
    </row>
    <row r="23620">
      <c r="A23620" s="1">
        <v>4.90927504E8</v>
      </c>
      <c r="B23620" s="2">
        <v>18582.0</v>
      </c>
      <c r="C23620" s="1" t="s">
        <v>5</v>
      </c>
      <c r="D23620" s="1" t="s">
        <v>11</v>
      </c>
      <c r="E23620" s="1" t="s">
        <v>7</v>
      </c>
    </row>
    <row r="23621">
      <c r="A23621" s="1">
        <v>4.90927509E8</v>
      </c>
      <c r="B23621" s="2">
        <v>18581.0</v>
      </c>
      <c r="C23621" s="1" t="s">
        <v>5</v>
      </c>
      <c r="D23621" s="1" t="s">
        <v>19988</v>
      </c>
      <c r="E23621" s="1" t="s">
        <v>7</v>
      </c>
    </row>
    <row r="23622">
      <c r="A23622" s="1">
        <v>4.9092765E8</v>
      </c>
      <c r="B23622" s="2">
        <v>18584.0</v>
      </c>
      <c r="C23622" s="1" t="s">
        <v>5</v>
      </c>
      <c r="D23622" s="1" t="s">
        <v>7</v>
      </c>
      <c r="E23622" s="1" t="s">
        <v>7</v>
      </c>
    </row>
    <row r="23623">
      <c r="A23623" s="1">
        <v>4.90927736E8</v>
      </c>
      <c r="B23623" s="2">
        <v>18583.0</v>
      </c>
      <c r="C23623" s="1" t="s">
        <v>5</v>
      </c>
      <c r="D23623" s="1" t="s">
        <v>19989</v>
      </c>
      <c r="E23623" s="1" t="s">
        <v>19990</v>
      </c>
    </row>
    <row r="23624">
      <c r="A23624" s="1">
        <v>4.90927765E8</v>
      </c>
      <c r="B23624" s="2">
        <v>18583.0</v>
      </c>
      <c r="C23624" s="1" t="s">
        <v>5</v>
      </c>
      <c r="D23624" s="1" t="s">
        <v>19991</v>
      </c>
      <c r="E23624" s="1" t="s">
        <v>7</v>
      </c>
    </row>
    <row r="23625">
      <c r="A23625" s="1">
        <v>4.90927767E8</v>
      </c>
      <c r="B23625" s="2">
        <v>18647.0</v>
      </c>
      <c r="C23625" s="1" t="s">
        <v>5</v>
      </c>
      <c r="D23625" s="1" t="s">
        <v>11</v>
      </c>
      <c r="E23625" s="1" t="s">
        <v>7</v>
      </c>
    </row>
    <row r="23626">
      <c r="A23626" s="1">
        <v>4.90927802E8</v>
      </c>
      <c r="B23626" s="2">
        <v>18484.0</v>
      </c>
      <c r="C23626" s="1" t="s">
        <v>5</v>
      </c>
      <c r="D23626" s="1" t="s">
        <v>19992</v>
      </c>
      <c r="E23626" s="1" t="s">
        <v>11</v>
      </c>
    </row>
    <row r="23627">
      <c r="A23627" s="1">
        <v>4.9092799E8</v>
      </c>
      <c r="B23627" s="2">
        <v>18578.0</v>
      </c>
      <c r="C23627" s="1" t="s">
        <v>5</v>
      </c>
      <c r="D23627" s="1" t="s">
        <v>11</v>
      </c>
      <c r="E23627" s="1" t="s">
        <v>7</v>
      </c>
    </row>
    <row r="23628">
      <c r="A23628" s="1">
        <v>4.90928007E8</v>
      </c>
      <c r="B23628" s="2">
        <v>18595.0</v>
      </c>
      <c r="C23628" s="1" t="s">
        <v>5</v>
      </c>
      <c r="D23628" s="1" t="s">
        <v>11</v>
      </c>
      <c r="E23628" s="1" t="s">
        <v>7</v>
      </c>
    </row>
    <row r="23629">
      <c r="A23629" s="1">
        <v>4.90928151E8</v>
      </c>
      <c r="B23629" s="2">
        <v>18479.0</v>
      </c>
      <c r="C23629" s="1" t="s">
        <v>5</v>
      </c>
      <c r="D23629" s="1" t="s">
        <v>19993</v>
      </c>
      <c r="E23629" s="1" t="s">
        <v>7</v>
      </c>
    </row>
    <row r="23630">
      <c r="A23630" s="1">
        <v>4.90928175E8</v>
      </c>
      <c r="B23630" s="2">
        <v>18638.0</v>
      </c>
      <c r="C23630" s="1" t="s">
        <v>5</v>
      </c>
      <c r="D23630" s="1" t="s">
        <v>11</v>
      </c>
      <c r="E23630" s="1" t="s">
        <v>7</v>
      </c>
    </row>
    <row r="23631">
      <c r="A23631" s="1">
        <v>4.90928359E8</v>
      </c>
      <c r="B23631" s="2">
        <v>18637.0</v>
      </c>
      <c r="C23631" s="1" t="s">
        <v>5</v>
      </c>
      <c r="D23631" s="1" t="s">
        <v>11</v>
      </c>
      <c r="E23631" s="1" t="s">
        <v>7</v>
      </c>
    </row>
    <row r="23632">
      <c r="A23632" s="1">
        <v>4.9092842E8</v>
      </c>
      <c r="B23632" s="2">
        <v>18599.0</v>
      </c>
      <c r="C23632" s="1" t="s">
        <v>5</v>
      </c>
      <c r="D23632" s="1" t="s">
        <v>19994</v>
      </c>
      <c r="E23632" s="1" t="s">
        <v>11</v>
      </c>
    </row>
    <row r="23633">
      <c r="A23633" s="1">
        <v>4.90928469E8</v>
      </c>
      <c r="B23633" s="2">
        <v>18599.0</v>
      </c>
      <c r="C23633" s="1" t="s">
        <v>5</v>
      </c>
      <c r="D23633" s="1" t="s">
        <v>19995</v>
      </c>
      <c r="E23633" s="1" t="s">
        <v>11</v>
      </c>
    </row>
    <row r="23634">
      <c r="A23634" s="1">
        <v>4.909285E8</v>
      </c>
      <c r="B23634" s="2">
        <v>18602.0</v>
      </c>
      <c r="C23634" s="1" t="s">
        <v>5</v>
      </c>
      <c r="D23634" s="1" t="s">
        <v>11</v>
      </c>
      <c r="E23634" s="1" t="s">
        <v>7</v>
      </c>
    </row>
    <row r="23635">
      <c r="A23635" s="1">
        <v>4.90928562E8</v>
      </c>
      <c r="B23635" s="2">
        <v>18593.0</v>
      </c>
      <c r="C23635" s="1" t="s">
        <v>5</v>
      </c>
      <c r="D23635" s="1" t="s">
        <v>19996</v>
      </c>
      <c r="E23635" s="1" t="s">
        <v>7</v>
      </c>
    </row>
    <row r="23636">
      <c r="A23636" s="1">
        <v>4.90928589E8</v>
      </c>
      <c r="B23636" s="2">
        <v>18642.0</v>
      </c>
      <c r="C23636" s="1" t="s">
        <v>5</v>
      </c>
      <c r="D23636" s="1" t="s">
        <v>19997</v>
      </c>
      <c r="E23636" s="1" t="s">
        <v>11</v>
      </c>
    </row>
    <row r="23637">
      <c r="A23637" s="1">
        <v>4.90928591E8</v>
      </c>
      <c r="B23637" s="2">
        <v>18600.0</v>
      </c>
      <c r="C23637" s="1" t="s">
        <v>5</v>
      </c>
      <c r="D23637" s="1" t="s">
        <v>11</v>
      </c>
      <c r="E23637" s="1" t="s">
        <v>7</v>
      </c>
    </row>
    <row r="23638">
      <c r="A23638" s="1">
        <v>4.90928716E8</v>
      </c>
      <c r="B23638" s="2">
        <v>18586.0</v>
      </c>
      <c r="C23638" s="1" t="s">
        <v>5</v>
      </c>
      <c r="D23638" s="1" t="s">
        <v>19998</v>
      </c>
      <c r="E23638" s="1" t="s">
        <v>11</v>
      </c>
    </row>
    <row r="23639">
      <c r="A23639" s="1">
        <v>4.90928757E8</v>
      </c>
      <c r="B23639" s="2">
        <v>18679.0</v>
      </c>
      <c r="C23639" s="1" t="s">
        <v>5</v>
      </c>
      <c r="D23639" s="1" t="s">
        <v>11</v>
      </c>
      <c r="E23639" s="1" t="s">
        <v>7</v>
      </c>
    </row>
    <row r="23640">
      <c r="A23640" s="1">
        <v>4.90928799E8</v>
      </c>
      <c r="B23640" s="2">
        <v>18644.0</v>
      </c>
      <c r="C23640" s="1" t="s">
        <v>5</v>
      </c>
      <c r="D23640" s="1" t="s">
        <v>19999</v>
      </c>
      <c r="E23640" s="1" t="s">
        <v>7</v>
      </c>
    </row>
    <row r="23641">
      <c r="A23641" s="1">
        <v>4.9092894E8</v>
      </c>
      <c r="B23641" s="2">
        <v>18600.0</v>
      </c>
      <c r="C23641" s="1" t="s">
        <v>5</v>
      </c>
      <c r="D23641" s="1" t="s">
        <v>20000</v>
      </c>
      <c r="E23641" s="1" t="s">
        <v>7</v>
      </c>
    </row>
    <row r="23642">
      <c r="A23642" s="1">
        <v>4.90929047E8</v>
      </c>
      <c r="B23642" s="2">
        <v>18642.0</v>
      </c>
      <c r="C23642" s="1" t="s">
        <v>5</v>
      </c>
      <c r="D23642" s="1" t="s">
        <v>20001</v>
      </c>
      <c r="E23642" s="1" t="s">
        <v>7</v>
      </c>
    </row>
    <row r="23643">
      <c r="A23643" s="1">
        <v>4.90929216E8</v>
      </c>
      <c r="B23643" s="2">
        <v>18640.0</v>
      </c>
      <c r="C23643" s="1" t="s">
        <v>5</v>
      </c>
      <c r="D23643" s="1" t="s">
        <v>20002</v>
      </c>
      <c r="E23643" s="1" t="s">
        <v>7</v>
      </c>
    </row>
    <row r="23644">
      <c r="A23644" s="1">
        <v>4.90929358E8</v>
      </c>
      <c r="B23644" s="2">
        <v>18585.0</v>
      </c>
      <c r="C23644" s="1" t="s">
        <v>5</v>
      </c>
      <c r="D23644" s="1" t="s">
        <v>20003</v>
      </c>
      <c r="E23644" s="1" t="s">
        <v>7</v>
      </c>
    </row>
    <row r="23645">
      <c r="A23645" s="1">
        <v>4.90929452E8</v>
      </c>
      <c r="B23645" s="2">
        <v>18626.0</v>
      </c>
      <c r="C23645" s="1" t="s">
        <v>5</v>
      </c>
      <c r="D23645" s="1" t="s">
        <v>20004</v>
      </c>
      <c r="E23645" s="1" t="s">
        <v>11</v>
      </c>
    </row>
    <row r="23646">
      <c r="A23646" s="1">
        <v>4.909296E8</v>
      </c>
      <c r="B23646" s="2">
        <v>18638.0</v>
      </c>
      <c r="C23646" s="1" t="s">
        <v>5</v>
      </c>
      <c r="D23646" s="1" t="s">
        <v>20005</v>
      </c>
      <c r="E23646" s="1" t="s">
        <v>11</v>
      </c>
    </row>
    <row r="23647">
      <c r="A23647" s="1">
        <v>4.9092966E8</v>
      </c>
      <c r="B23647" s="2">
        <v>18655.0</v>
      </c>
      <c r="C23647" s="1" t="s">
        <v>5</v>
      </c>
      <c r="D23647" s="1" t="s">
        <v>11</v>
      </c>
      <c r="E23647" s="1" t="s">
        <v>7</v>
      </c>
    </row>
    <row r="23648">
      <c r="A23648" s="1">
        <v>4.90929799E8</v>
      </c>
      <c r="B23648" s="2">
        <v>18620.0</v>
      </c>
      <c r="C23648" s="1" t="s">
        <v>5</v>
      </c>
      <c r="D23648" s="1" t="s">
        <v>20006</v>
      </c>
      <c r="E23648" s="1" t="s">
        <v>20007</v>
      </c>
    </row>
    <row r="23649">
      <c r="A23649" s="1">
        <v>4.90929802E8</v>
      </c>
      <c r="B23649" s="2">
        <v>18604.0</v>
      </c>
      <c r="C23649" s="1" t="s">
        <v>5</v>
      </c>
      <c r="D23649" s="1" t="s">
        <v>20008</v>
      </c>
      <c r="E23649" s="1" t="s">
        <v>11</v>
      </c>
    </row>
    <row r="23650">
      <c r="A23650" s="1">
        <v>4.90929838E8</v>
      </c>
      <c r="B23650" s="2">
        <v>18637.0</v>
      </c>
      <c r="C23650" s="1" t="s">
        <v>5</v>
      </c>
      <c r="D23650" s="1" t="s">
        <v>11</v>
      </c>
      <c r="E23650" s="1" t="s">
        <v>7</v>
      </c>
    </row>
    <row r="23651">
      <c r="A23651" s="1">
        <v>4.90930016E8</v>
      </c>
      <c r="B23651" s="2">
        <v>18634.0</v>
      </c>
      <c r="C23651" s="1" t="s">
        <v>5</v>
      </c>
      <c r="D23651" s="1" t="s">
        <v>20009</v>
      </c>
      <c r="E23651" s="1" t="s">
        <v>7</v>
      </c>
    </row>
    <row r="23652">
      <c r="A23652" s="1">
        <v>4.90930019E8</v>
      </c>
      <c r="B23652" s="2">
        <v>18628.0</v>
      </c>
      <c r="C23652" s="1" t="s">
        <v>5</v>
      </c>
      <c r="D23652" s="1" t="s">
        <v>20010</v>
      </c>
      <c r="E23652" s="1" t="s">
        <v>7</v>
      </c>
    </row>
    <row r="23653">
      <c r="A23653" s="1">
        <v>4.90930239E8</v>
      </c>
      <c r="B23653" s="2">
        <v>18652.0</v>
      </c>
      <c r="C23653" s="1" t="s">
        <v>5</v>
      </c>
      <c r="D23653" s="1" t="s">
        <v>20011</v>
      </c>
      <c r="E23653" s="1" t="s">
        <v>11</v>
      </c>
    </row>
    <row r="23654">
      <c r="A23654" s="1">
        <v>4.90930576E8</v>
      </c>
      <c r="B23654" s="2">
        <v>18579.0</v>
      </c>
      <c r="C23654" s="1" t="s">
        <v>5</v>
      </c>
      <c r="D23654" s="1" t="s">
        <v>20012</v>
      </c>
      <c r="E23654" s="1" t="s">
        <v>7</v>
      </c>
    </row>
    <row r="23655">
      <c r="A23655" s="1">
        <v>4.90930637E8</v>
      </c>
      <c r="B23655" s="2">
        <v>18735.0</v>
      </c>
      <c r="C23655" s="1" t="s">
        <v>5</v>
      </c>
      <c r="D23655" s="1" t="s">
        <v>20013</v>
      </c>
      <c r="E23655" s="1" t="s">
        <v>11</v>
      </c>
    </row>
    <row r="23656">
      <c r="A23656" s="1">
        <v>4.90930646E8</v>
      </c>
      <c r="B23656" s="2">
        <v>18731.0</v>
      </c>
      <c r="C23656" s="1" t="s">
        <v>5</v>
      </c>
      <c r="D23656" s="1" t="s">
        <v>11</v>
      </c>
      <c r="E23656" s="1" t="s">
        <v>7</v>
      </c>
    </row>
    <row r="23657">
      <c r="A23657" s="1">
        <v>4.90930717E8</v>
      </c>
      <c r="B23657" s="2">
        <v>18653.0</v>
      </c>
      <c r="C23657" s="1" t="s">
        <v>5</v>
      </c>
      <c r="D23657" s="1" t="s">
        <v>20014</v>
      </c>
      <c r="E23657" s="1" t="s">
        <v>7</v>
      </c>
    </row>
    <row r="23658">
      <c r="A23658" s="1">
        <v>4.90930729E8</v>
      </c>
      <c r="B23658" s="2">
        <v>18648.0</v>
      </c>
      <c r="C23658" s="1" t="s">
        <v>5</v>
      </c>
      <c r="D23658" s="1" t="s">
        <v>20015</v>
      </c>
      <c r="E23658" s="1" t="s">
        <v>7</v>
      </c>
    </row>
    <row r="23659">
      <c r="A23659" s="1">
        <v>4.90930769E8</v>
      </c>
      <c r="B23659" s="2">
        <v>18607.0</v>
      </c>
      <c r="C23659" s="1" t="s">
        <v>5</v>
      </c>
      <c r="D23659" s="1" t="s">
        <v>20016</v>
      </c>
      <c r="E23659" s="1" t="s">
        <v>7</v>
      </c>
    </row>
    <row r="23660">
      <c r="A23660" s="1">
        <v>4.90930869E8</v>
      </c>
      <c r="B23660" s="2">
        <v>18631.0</v>
      </c>
      <c r="C23660" s="1" t="s">
        <v>5</v>
      </c>
      <c r="D23660" s="1" t="s">
        <v>20017</v>
      </c>
      <c r="E23660" s="1" t="s">
        <v>11</v>
      </c>
    </row>
    <row r="23661">
      <c r="A23661" s="1">
        <v>4.90931054E8</v>
      </c>
      <c r="B23661" s="2">
        <v>18627.0</v>
      </c>
      <c r="C23661" s="1" t="s">
        <v>5</v>
      </c>
      <c r="D23661" s="1" t="s">
        <v>20018</v>
      </c>
      <c r="E23661" s="1" t="s">
        <v>7</v>
      </c>
    </row>
    <row r="23662">
      <c r="A23662" s="1">
        <v>4.90931209E8</v>
      </c>
      <c r="B23662" s="2">
        <v>18647.0</v>
      </c>
      <c r="C23662" s="1" t="s">
        <v>5</v>
      </c>
      <c r="D23662" s="1" t="s">
        <v>20019</v>
      </c>
      <c r="E23662" s="1" t="s">
        <v>7</v>
      </c>
    </row>
    <row r="23663">
      <c r="A23663" s="1">
        <v>4.90931248E8</v>
      </c>
      <c r="B23663" s="2">
        <v>18687.0</v>
      </c>
      <c r="C23663" s="1" t="s">
        <v>5</v>
      </c>
      <c r="D23663" s="1" t="s">
        <v>11</v>
      </c>
      <c r="E23663" s="1" t="s">
        <v>7</v>
      </c>
    </row>
    <row r="23664">
      <c r="A23664" s="1">
        <v>4.90931606E8</v>
      </c>
      <c r="B23664" s="2">
        <v>18576.0</v>
      </c>
      <c r="C23664" s="1" t="s">
        <v>5</v>
      </c>
      <c r="D23664" s="1" t="s">
        <v>20020</v>
      </c>
      <c r="E23664" s="1" t="s">
        <v>7</v>
      </c>
    </row>
    <row r="23665">
      <c r="A23665" s="1">
        <v>4.90931646E8</v>
      </c>
      <c r="B23665" s="2">
        <v>18574.0</v>
      </c>
      <c r="C23665" s="1" t="s">
        <v>5</v>
      </c>
      <c r="D23665" s="1" t="s">
        <v>20021</v>
      </c>
      <c r="E23665" s="1" t="s">
        <v>20022</v>
      </c>
    </row>
    <row r="23666">
      <c r="A23666" s="1">
        <v>4.90931677E8</v>
      </c>
      <c r="B23666" s="2">
        <v>18725.0</v>
      </c>
      <c r="C23666" s="1" t="s">
        <v>5</v>
      </c>
      <c r="D23666" s="1" t="s">
        <v>20023</v>
      </c>
      <c r="E23666" s="1" t="s">
        <v>20024</v>
      </c>
    </row>
    <row r="23667">
      <c r="A23667" s="1">
        <v>4.90931869E8</v>
      </c>
      <c r="B23667" s="2">
        <v>18572.0</v>
      </c>
      <c r="C23667" s="1" t="s">
        <v>5</v>
      </c>
      <c r="D23667" s="1" t="s">
        <v>20025</v>
      </c>
      <c r="E23667" s="1" t="s">
        <v>11</v>
      </c>
    </row>
    <row r="23668">
      <c r="A23668" s="1">
        <v>4.90931876E8</v>
      </c>
      <c r="B23668" s="2">
        <v>18644.0</v>
      </c>
      <c r="C23668" s="1" t="s">
        <v>5</v>
      </c>
      <c r="D23668" s="1" t="s">
        <v>11</v>
      </c>
      <c r="E23668" s="1" t="s">
        <v>7</v>
      </c>
    </row>
    <row r="23669">
      <c r="A23669" s="1">
        <v>4.90931891E8</v>
      </c>
      <c r="B23669" s="2">
        <v>18621.0</v>
      </c>
      <c r="C23669" s="1" t="s">
        <v>5</v>
      </c>
      <c r="D23669" s="1" t="s">
        <v>20026</v>
      </c>
      <c r="E23669" s="1" t="s">
        <v>11</v>
      </c>
    </row>
    <row r="23670">
      <c r="A23670" s="1">
        <v>4.90932242E8</v>
      </c>
      <c r="B23670" s="2">
        <v>18724.0</v>
      </c>
      <c r="C23670" s="1" t="s">
        <v>5</v>
      </c>
      <c r="D23670" s="1" t="s">
        <v>11</v>
      </c>
      <c r="E23670" s="1" t="s">
        <v>7</v>
      </c>
    </row>
    <row r="23671">
      <c r="A23671" s="1">
        <v>4.90932312E8</v>
      </c>
      <c r="B23671" s="2">
        <v>18722.0</v>
      </c>
      <c r="C23671" s="1" t="s">
        <v>5</v>
      </c>
      <c r="D23671" s="1" t="s">
        <v>20027</v>
      </c>
      <c r="E23671" s="1" t="s">
        <v>7</v>
      </c>
    </row>
    <row r="23672">
      <c r="A23672" s="1">
        <v>4.90932327E8</v>
      </c>
      <c r="B23672" s="2">
        <v>18722.0</v>
      </c>
      <c r="C23672" s="1" t="s">
        <v>5</v>
      </c>
      <c r="D23672" s="1" t="s">
        <v>7</v>
      </c>
      <c r="E23672" s="1" t="s">
        <v>7</v>
      </c>
    </row>
    <row r="23673">
      <c r="A23673" s="1">
        <v>4.90932482E8</v>
      </c>
      <c r="B23673" s="2">
        <v>18630.0</v>
      </c>
      <c r="C23673" s="1" t="s">
        <v>5</v>
      </c>
      <c r="D23673" s="1" t="s">
        <v>20028</v>
      </c>
      <c r="E23673" s="1" t="s">
        <v>7</v>
      </c>
    </row>
    <row r="23674">
      <c r="A23674" s="1">
        <v>4.90932535E8</v>
      </c>
      <c r="B23674" s="2">
        <v>18722.0</v>
      </c>
      <c r="C23674" s="1" t="s">
        <v>5</v>
      </c>
      <c r="D23674" s="1" t="s">
        <v>20029</v>
      </c>
      <c r="E23674" s="1" t="s">
        <v>7</v>
      </c>
    </row>
    <row r="23675">
      <c r="A23675" s="1">
        <v>4.90932592E8</v>
      </c>
      <c r="B23675" s="2">
        <v>18722.0</v>
      </c>
      <c r="C23675" s="1" t="s">
        <v>5</v>
      </c>
      <c r="D23675" s="1" t="s">
        <v>20030</v>
      </c>
      <c r="E23675" s="1" t="s">
        <v>7</v>
      </c>
    </row>
    <row r="23676">
      <c r="A23676" s="1">
        <v>4.90932691E8</v>
      </c>
      <c r="B23676" s="2">
        <v>18631.0</v>
      </c>
      <c r="C23676" s="1" t="s">
        <v>5</v>
      </c>
      <c r="D23676" s="1" t="s">
        <v>11</v>
      </c>
      <c r="E23676" s="1" t="s">
        <v>7</v>
      </c>
    </row>
    <row r="23677">
      <c r="A23677" s="1">
        <v>4.90932695E8</v>
      </c>
      <c r="B23677" s="2">
        <v>18606.0</v>
      </c>
      <c r="C23677" s="1" t="s">
        <v>5</v>
      </c>
      <c r="D23677" s="1" t="s">
        <v>7</v>
      </c>
      <c r="E23677" s="1" t="s">
        <v>7</v>
      </c>
    </row>
    <row r="23678">
      <c r="A23678" s="1">
        <v>4.90932722E8</v>
      </c>
      <c r="B23678" s="2">
        <v>18723.0</v>
      </c>
      <c r="C23678" s="1" t="s">
        <v>5</v>
      </c>
      <c r="D23678" s="1" t="s">
        <v>20031</v>
      </c>
      <c r="E23678" s="1" t="s">
        <v>7</v>
      </c>
    </row>
    <row r="23679">
      <c r="A23679" s="1">
        <v>4.90932824E8</v>
      </c>
      <c r="B23679" s="2">
        <v>18642.0</v>
      </c>
      <c r="C23679" s="1" t="s">
        <v>5</v>
      </c>
      <c r="D23679" s="1" t="s">
        <v>11</v>
      </c>
      <c r="E23679" s="1" t="s">
        <v>7</v>
      </c>
    </row>
    <row r="23680">
      <c r="A23680" s="1">
        <v>4.90932856E8</v>
      </c>
      <c r="B23680" s="2">
        <v>18665.0</v>
      </c>
      <c r="C23680" s="1" t="s">
        <v>5</v>
      </c>
      <c r="D23680" s="1" t="s">
        <v>20032</v>
      </c>
      <c r="E23680" s="1" t="s">
        <v>11</v>
      </c>
    </row>
    <row r="23681">
      <c r="A23681" s="1">
        <v>4.90932892E8</v>
      </c>
      <c r="B23681" s="2">
        <v>18719.0</v>
      </c>
      <c r="C23681" s="1" t="s">
        <v>5</v>
      </c>
      <c r="D23681" s="1" t="s">
        <v>20033</v>
      </c>
      <c r="E23681" s="1" t="s">
        <v>11</v>
      </c>
    </row>
    <row r="23682">
      <c r="A23682" s="1">
        <v>4.90933157E8</v>
      </c>
      <c r="B23682" s="2">
        <v>18676.0</v>
      </c>
      <c r="C23682" s="1" t="s">
        <v>5</v>
      </c>
      <c r="D23682" s="1" t="s">
        <v>20034</v>
      </c>
      <c r="E23682" s="1" t="s">
        <v>7</v>
      </c>
    </row>
    <row r="23683">
      <c r="A23683" s="1">
        <v>4.90933329E8</v>
      </c>
      <c r="B23683" s="2">
        <v>18642.0</v>
      </c>
      <c r="C23683" s="1" t="s">
        <v>5</v>
      </c>
      <c r="D23683" s="1" t="s">
        <v>20035</v>
      </c>
      <c r="E23683" s="1" t="s">
        <v>7</v>
      </c>
    </row>
    <row r="23684">
      <c r="A23684" s="1">
        <v>4.90933497E8</v>
      </c>
      <c r="B23684" s="2">
        <v>18679.0</v>
      </c>
      <c r="C23684" s="1" t="s">
        <v>5</v>
      </c>
      <c r="D23684" s="1" t="s">
        <v>20036</v>
      </c>
      <c r="E23684" s="1" t="s">
        <v>7</v>
      </c>
    </row>
    <row r="23685">
      <c r="A23685" s="1">
        <v>4.90933534E8</v>
      </c>
      <c r="B23685" s="2">
        <v>18634.0</v>
      </c>
      <c r="C23685" s="1" t="s">
        <v>5</v>
      </c>
      <c r="D23685" s="1" t="s">
        <v>20037</v>
      </c>
      <c r="E23685" s="1" t="s">
        <v>7</v>
      </c>
    </row>
    <row r="23686">
      <c r="A23686" s="1">
        <v>4.90933602E8</v>
      </c>
      <c r="B23686" s="3">
        <v>18773.0</v>
      </c>
      <c r="C23686" s="1" t="s">
        <v>5</v>
      </c>
      <c r="D23686" s="1" t="s">
        <v>20038</v>
      </c>
      <c r="E23686" s="1" t="s">
        <v>11</v>
      </c>
    </row>
    <row r="23687">
      <c r="A23687" s="1">
        <v>4.90933624E8</v>
      </c>
      <c r="B23687" s="3">
        <v>18779.0</v>
      </c>
      <c r="C23687" s="1" t="s">
        <v>5</v>
      </c>
      <c r="D23687" s="1" t="s">
        <v>11</v>
      </c>
      <c r="E23687" s="1" t="s">
        <v>7</v>
      </c>
    </row>
    <row r="23688">
      <c r="A23688" s="1">
        <v>4.90933797E8</v>
      </c>
      <c r="B23688" s="2">
        <v>18668.0</v>
      </c>
      <c r="C23688" s="1" t="s">
        <v>5</v>
      </c>
      <c r="D23688" s="1" t="s">
        <v>20039</v>
      </c>
      <c r="E23688" s="1" t="s">
        <v>7</v>
      </c>
    </row>
    <row r="23689">
      <c r="A23689" s="1">
        <v>4.90933856E8</v>
      </c>
      <c r="B23689" s="2">
        <v>18660.0</v>
      </c>
      <c r="C23689" s="1" t="s">
        <v>5</v>
      </c>
      <c r="D23689" s="1" t="s">
        <v>20040</v>
      </c>
      <c r="E23689" s="1" t="s">
        <v>11</v>
      </c>
    </row>
    <row r="23690">
      <c r="A23690" s="1">
        <v>4.90933938E8</v>
      </c>
      <c r="B23690" s="2">
        <v>18626.0</v>
      </c>
      <c r="C23690" s="1" t="s">
        <v>5</v>
      </c>
      <c r="D23690" s="1" t="s">
        <v>20041</v>
      </c>
      <c r="E23690" s="1" t="s">
        <v>7</v>
      </c>
    </row>
    <row r="23691">
      <c r="A23691" s="1">
        <v>4.90933941E8</v>
      </c>
      <c r="B23691" s="2">
        <v>18673.0</v>
      </c>
      <c r="C23691" s="1" t="s">
        <v>5</v>
      </c>
      <c r="D23691" s="1" t="s">
        <v>20042</v>
      </c>
      <c r="E23691" s="1" t="s">
        <v>11</v>
      </c>
    </row>
    <row r="23692">
      <c r="A23692" s="1">
        <v>4.90934042E8</v>
      </c>
      <c r="B23692" s="3">
        <v>18778.0</v>
      </c>
      <c r="C23692" s="1" t="s">
        <v>5</v>
      </c>
      <c r="D23692" s="1" t="s">
        <v>11</v>
      </c>
      <c r="E23692" s="1" t="s">
        <v>7</v>
      </c>
    </row>
    <row r="23693">
      <c r="A23693" s="1">
        <v>4.90934208E8</v>
      </c>
      <c r="B23693" s="2">
        <v>18621.0</v>
      </c>
      <c r="C23693" s="1" t="s">
        <v>5</v>
      </c>
      <c r="D23693" s="1" t="s">
        <v>20043</v>
      </c>
      <c r="E23693" s="1" t="s">
        <v>11</v>
      </c>
    </row>
    <row r="23694">
      <c r="A23694" s="1">
        <v>4.90934322E8</v>
      </c>
      <c r="B23694" s="3">
        <v>18774.0</v>
      </c>
      <c r="C23694" s="1" t="s">
        <v>5</v>
      </c>
      <c r="D23694" s="1" t="s">
        <v>11</v>
      </c>
      <c r="E23694" s="1" t="s">
        <v>7</v>
      </c>
    </row>
    <row r="23695">
      <c r="A23695" s="1">
        <v>4.90934532E8</v>
      </c>
      <c r="B23695" s="2">
        <v>18621.0</v>
      </c>
      <c r="C23695" s="1" t="s">
        <v>5</v>
      </c>
      <c r="D23695" s="1" t="s">
        <v>20044</v>
      </c>
      <c r="E23695" s="1" t="s">
        <v>7</v>
      </c>
    </row>
    <row r="23696">
      <c r="A23696" s="1">
        <v>4.90934569E8</v>
      </c>
      <c r="B23696" s="3">
        <v>18777.0</v>
      </c>
      <c r="C23696" s="1" t="s">
        <v>5</v>
      </c>
      <c r="D23696" s="1" t="s">
        <v>20045</v>
      </c>
      <c r="E23696" s="1" t="s">
        <v>7</v>
      </c>
    </row>
    <row r="23697">
      <c r="A23697" s="1">
        <v>4.90934769E8</v>
      </c>
      <c r="B23697" s="2">
        <v>18677.0</v>
      </c>
      <c r="C23697" s="1" t="s">
        <v>5</v>
      </c>
      <c r="D23697" s="1" t="s">
        <v>11</v>
      </c>
      <c r="E23697" s="1" t="s">
        <v>7</v>
      </c>
    </row>
    <row r="23698">
      <c r="A23698" s="1">
        <v>4.9093479E8</v>
      </c>
      <c r="B23698" s="2">
        <v>18728.0</v>
      </c>
      <c r="C23698" s="1" t="s">
        <v>5</v>
      </c>
      <c r="D23698" s="1" t="s">
        <v>11</v>
      </c>
      <c r="E23698" s="1" t="s">
        <v>7</v>
      </c>
    </row>
    <row r="23699">
      <c r="A23699" s="1">
        <v>4.90934809E8</v>
      </c>
      <c r="B23699" s="3">
        <v>18765.0</v>
      </c>
      <c r="C23699" s="1" t="s">
        <v>5</v>
      </c>
      <c r="D23699" s="1" t="s">
        <v>20046</v>
      </c>
      <c r="E23699" s="1" t="s">
        <v>11</v>
      </c>
    </row>
    <row r="23700">
      <c r="A23700" s="1">
        <v>4.90934951E8</v>
      </c>
      <c r="B23700" s="2">
        <v>18735.0</v>
      </c>
      <c r="C23700" s="1" t="s">
        <v>5</v>
      </c>
      <c r="D23700" s="1" t="s">
        <v>20047</v>
      </c>
      <c r="E23700" s="1" t="s">
        <v>11</v>
      </c>
    </row>
    <row r="23701">
      <c r="A23701" s="1">
        <v>4.90935056E8</v>
      </c>
      <c r="B23701" s="3">
        <v>18768.0</v>
      </c>
      <c r="C23701" s="1" t="s">
        <v>5</v>
      </c>
      <c r="D23701" s="1" t="s">
        <v>20048</v>
      </c>
      <c r="E23701" s="1" t="s">
        <v>7</v>
      </c>
    </row>
    <row r="23702">
      <c r="A23702" s="1">
        <v>4.90935059E8</v>
      </c>
      <c r="B23702" s="3">
        <v>18772.0</v>
      </c>
      <c r="C23702" s="1" t="s">
        <v>5</v>
      </c>
      <c r="D23702" s="1" t="s">
        <v>20049</v>
      </c>
      <c r="E23702" s="1" t="s">
        <v>7</v>
      </c>
    </row>
    <row r="23703">
      <c r="A23703" s="1">
        <v>4.909351E8</v>
      </c>
      <c r="B23703" s="2">
        <v>18666.0</v>
      </c>
      <c r="C23703" s="1" t="s">
        <v>5</v>
      </c>
      <c r="D23703" s="1" t="s">
        <v>20050</v>
      </c>
      <c r="E23703" s="1" t="s">
        <v>7</v>
      </c>
    </row>
    <row r="23704">
      <c r="A23704" s="1">
        <v>4.90935372E8</v>
      </c>
      <c r="B23704" s="2">
        <v>18665.0</v>
      </c>
      <c r="C23704" s="1" t="s">
        <v>5</v>
      </c>
      <c r="D23704" s="1" t="s">
        <v>20051</v>
      </c>
      <c r="E23704" s="1" t="s">
        <v>7</v>
      </c>
    </row>
    <row r="23705">
      <c r="A23705" s="1">
        <v>4.90935496E8</v>
      </c>
      <c r="B23705" s="3">
        <v>18765.0</v>
      </c>
      <c r="C23705" s="1" t="s">
        <v>5</v>
      </c>
      <c r="D23705" s="1" t="s">
        <v>11</v>
      </c>
      <c r="E23705" s="1" t="s">
        <v>7</v>
      </c>
    </row>
    <row r="23706">
      <c r="A23706" s="1">
        <v>4.90935589E8</v>
      </c>
      <c r="B23706" s="2">
        <v>18663.0</v>
      </c>
      <c r="C23706" s="1" t="s">
        <v>5</v>
      </c>
      <c r="D23706" s="1" t="s">
        <v>20052</v>
      </c>
      <c r="E23706" s="1" t="s">
        <v>20053</v>
      </c>
    </row>
    <row r="23707">
      <c r="A23707" s="1">
        <v>4.90935784E8</v>
      </c>
      <c r="B23707" s="2">
        <v>18722.0</v>
      </c>
      <c r="C23707" s="1" t="s">
        <v>5</v>
      </c>
      <c r="D23707" s="1" t="s">
        <v>11</v>
      </c>
      <c r="E23707" s="1" t="s">
        <v>7</v>
      </c>
    </row>
    <row r="23708">
      <c r="A23708" s="1">
        <v>4.90935976E8</v>
      </c>
      <c r="B23708" s="2">
        <v>18683.0</v>
      </c>
      <c r="C23708" s="1" t="s">
        <v>5</v>
      </c>
      <c r="D23708" s="1" t="s">
        <v>20054</v>
      </c>
      <c r="E23708" s="1" t="s">
        <v>7</v>
      </c>
    </row>
    <row r="23709">
      <c r="A23709" s="1">
        <v>4.90936045E8</v>
      </c>
      <c r="B23709" s="2">
        <v>18660.0</v>
      </c>
      <c r="C23709" s="1" t="s">
        <v>5</v>
      </c>
      <c r="D23709" s="1" t="s">
        <v>11</v>
      </c>
      <c r="E23709" s="1" t="s">
        <v>7</v>
      </c>
    </row>
    <row r="23710">
      <c r="A23710" s="1">
        <v>4.90936296E8</v>
      </c>
      <c r="B23710" s="2">
        <v>18641.0</v>
      </c>
      <c r="C23710" s="1" t="s">
        <v>5</v>
      </c>
      <c r="D23710" s="1" t="s">
        <v>20055</v>
      </c>
      <c r="E23710" s="1" t="s">
        <v>11</v>
      </c>
    </row>
    <row r="23711">
      <c r="A23711" s="1">
        <v>4.90936299E8</v>
      </c>
      <c r="B23711" s="2">
        <v>18660.0</v>
      </c>
      <c r="C23711" s="1" t="s">
        <v>5</v>
      </c>
      <c r="D23711" s="1" t="s">
        <v>11</v>
      </c>
      <c r="E23711" s="1" t="s">
        <v>7</v>
      </c>
    </row>
    <row r="23712">
      <c r="A23712" s="1">
        <v>4.90936325E8</v>
      </c>
      <c r="B23712" s="2">
        <v>18669.0</v>
      </c>
      <c r="C23712" s="1" t="s">
        <v>5</v>
      </c>
      <c r="D23712" s="1" t="s">
        <v>20056</v>
      </c>
      <c r="E23712" s="1" t="s">
        <v>11</v>
      </c>
    </row>
    <row r="23713">
      <c r="A23713" s="1">
        <v>4.90936332E8</v>
      </c>
      <c r="B23713" s="3">
        <v>18756.0</v>
      </c>
      <c r="C23713" s="1" t="s">
        <v>5</v>
      </c>
      <c r="D23713" s="1" t="s">
        <v>11</v>
      </c>
      <c r="E23713" s="1" t="s">
        <v>7</v>
      </c>
    </row>
    <row r="23714">
      <c r="A23714" s="1">
        <v>4.90936336E8</v>
      </c>
      <c r="B23714" s="3">
        <v>18766.0</v>
      </c>
      <c r="C23714" s="1" t="s">
        <v>5</v>
      </c>
      <c r="D23714" s="1" t="s">
        <v>20057</v>
      </c>
      <c r="E23714" s="1" t="s">
        <v>7</v>
      </c>
    </row>
    <row r="23715">
      <c r="A23715" s="1">
        <v>4.9093635E8</v>
      </c>
      <c r="B23715" s="2">
        <v>18703.0</v>
      </c>
      <c r="C23715" s="1" t="s">
        <v>5</v>
      </c>
      <c r="D23715" s="1" t="s">
        <v>20058</v>
      </c>
      <c r="E23715" s="1" t="s">
        <v>7</v>
      </c>
    </row>
    <row r="23716">
      <c r="A23716" s="1">
        <v>4.90936391E8</v>
      </c>
      <c r="B23716" s="2">
        <v>18668.0</v>
      </c>
      <c r="C23716" s="1" t="s">
        <v>5</v>
      </c>
      <c r="D23716" s="1" t="s">
        <v>11</v>
      </c>
      <c r="E23716" s="1" t="s">
        <v>7</v>
      </c>
    </row>
    <row r="23717">
      <c r="A23717" s="1">
        <v>4.90936544E8</v>
      </c>
      <c r="B23717" s="3">
        <v>18757.0</v>
      </c>
      <c r="C23717" s="1" t="s">
        <v>5</v>
      </c>
      <c r="D23717" s="1" t="s">
        <v>20059</v>
      </c>
      <c r="E23717" s="1" t="s">
        <v>7</v>
      </c>
    </row>
    <row r="23718">
      <c r="A23718" s="1">
        <v>4.90936578E8</v>
      </c>
      <c r="B23718" s="3">
        <v>18761.0</v>
      </c>
      <c r="C23718" s="1" t="s">
        <v>5</v>
      </c>
      <c r="D23718" s="1" t="s">
        <v>11</v>
      </c>
      <c r="E23718" s="1" t="s">
        <v>7</v>
      </c>
    </row>
    <row r="23719">
      <c r="A23719" s="1">
        <v>4.90936629E8</v>
      </c>
      <c r="B23719" s="2">
        <v>18683.0</v>
      </c>
      <c r="C23719" s="1" t="s">
        <v>5</v>
      </c>
      <c r="D23719" s="1" t="s">
        <v>20060</v>
      </c>
      <c r="E23719" s="1" t="s">
        <v>11</v>
      </c>
    </row>
    <row r="23720">
      <c r="A23720" s="1">
        <v>4.90936779E8</v>
      </c>
      <c r="B23720" s="3">
        <v>18764.0</v>
      </c>
      <c r="C23720" s="1" t="s">
        <v>5</v>
      </c>
      <c r="D23720" s="1" t="s">
        <v>20061</v>
      </c>
      <c r="E23720" s="1" t="s">
        <v>7</v>
      </c>
    </row>
    <row r="23721">
      <c r="A23721" s="1">
        <v>4.90936998E8</v>
      </c>
      <c r="B23721" s="2">
        <v>18712.0</v>
      </c>
      <c r="C23721" s="1" t="s">
        <v>5</v>
      </c>
      <c r="D23721" s="1" t="s">
        <v>11</v>
      </c>
      <c r="E23721" s="1" t="s">
        <v>7</v>
      </c>
    </row>
    <row r="23722">
      <c r="A23722" s="1">
        <v>4.90937116E8</v>
      </c>
      <c r="B23722" s="2">
        <v>18712.0</v>
      </c>
      <c r="C23722" s="1" t="s">
        <v>5</v>
      </c>
      <c r="D23722" s="1" t="s">
        <v>11</v>
      </c>
      <c r="E23722" s="1" t="s">
        <v>7</v>
      </c>
    </row>
    <row r="23723">
      <c r="A23723" s="1">
        <v>4.90937136E8</v>
      </c>
      <c r="B23723" s="3">
        <v>18760.0</v>
      </c>
      <c r="C23723" s="1" t="s">
        <v>5</v>
      </c>
      <c r="D23723" s="1" t="s">
        <v>11</v>
      </c>
      <c r="E23723" s="1" t="s">
        <v>7</v>
      </c>
    </row>
    <row r="23724">
      <c r="A23724" s="1">
        <v>4.9093715E8</v>
      </c>
      <c r="B23724" s="2">
        <v>18697.0</v>
      </c>
      <c r="C23724" s="1" t="s">
        <v>5</v>
      </c>
      <c r="D23724" s="1" t="s">
        <v>20062</v>
      </c>
      <c r="E23724" s="1" t="s">
        <v>7</v>
      </c>
    </row>
    <row r="23725">
      <c r="A23725" s="1">
        <v>4.90937264E8</v>
      </c>
      <c r="B23725" s="2">
        <v>18639.0</v>
      </c>
      <c r="C23725" s="1" t="s">
        <v>5</v>
      </c>
      <c r="D23725" s="1" t="s">
        <v>18110</v>
      </c>
      <c r="E23725" s="1" t="s">
        <v>7</v>
      </c>
    </row>
    <row r="23726">
      <c r="A23726" s="1">
        <v>4.90937322E8</v>
      </c>
      <c r="B23726" s="3">
        <v>18760.0</v>
      </c>
      <c r="C23726" s="1" t="s">
        <v>5</v>
      </c>
      <c r="D23726" s="1" t="s">
        <v>20063</v>
      </c>
      <c r="E23726" s="1" t="s">
        <v>7</v>
      </c>
    </row>
    <row r="23727">
      <c r="A23727" s="1">
        <v>4.90937458E8</v>
      </c>
      <c r="B23727" s="2">
        <v>18639.0</v>
      </c>
      <c r="C23727" s="1" t="s">
        <v>5</v>
      </c>
      <c r="D23727" s="1" t="s">
        <v>20064</v>
      </c>
      <c r="E23727" s="1" t="s">
        <v>7</v>
      </c>
    </row>
    <row r="23728">
      <c r="A23728" s="1">
        <v>4.90937609E8</v>
      </c>
      <c r="B23728" s="2">
        <v>18708.0</v>
      </c>
      <c r="C23728" s="1" t="s">
        <v>5</v>
      </c>
      <c r="D23728" s="1" t="s">
        <v>20065</v>
      </c>
      <c r="E23728" s="1" t="s">
        <v>11</v>
      </c>
    </row>
    <row r="23729">
      <c r="A23729" s="1">
        <v>4.90937635E8</v>
      </c>
      <c r="B23729" s="3">
        <v>18764.0</v>
      </c>
      <c r="C23729" s="1" t="s">
        <v>5</v>
      </c>
      <c r="D23729" s="1" t="s">
        <v>20066</v>
      </c>
      <c r="E23729" s="1" t="s">
        <v>11</v>
      </c>
    </row>
    <row r="23730">
      <c r="A23730" s="1">
        <v>4.90937696E8</v>
      </c>
      <c r="B23730" s="3">
        <v>18763.0</v>
      </c>
      <c r="C23730" s="1" t="s">
        <v>5</v>
      </c>
      <c r="D23730" s="1" t="s">
        <v>20067</v>
      </c>
      <c r="E23730" s="1" t="s">
        <v>7</v>
      </c>
    </row>
    <row r="23731">
      <c r="A23731" s="1">
        <v>4.90937737E8</v>
      </c>
      <c r="B23731" s="3">
        <v>18770.0</v>
      </c>
      <c r="C23731" s="1" t="s">
        <v>5</v>
      </c>
      <c r="D23731" s="1" t="s">
        <v>20068</v>
      </c>
      <c r="E23731" s="1" t="s">
        <v>20069</v>
      </c>
    </row>
    <row r="23732">
      <c r="A23732" s="1">
        <v>4.90937739E8</v>
      </c>
      <c r="B23732" s="3">
        <v>18749.0</v>
      </c>
      <c r="C23732" s="1" t="s">
        <v>5</v>
      </c>
      <c r="D23732" s="1" t="s">
        <v>20070</v>
      </c>
      <c r="E23732" s="1" t="s">
        <v>11</v>
      </c>
    </row>
    <row r="23733">
      <c r="A23733" s="1">
        <v>4.90937796E8</v>
      </c>
      <c r="B23733" s="2">
        <v>18809.0</v>
      </c>
      <c r="C23733" s="1" t="s">
        <v>5</v>
      </c>
      <c r="D23733" s="1" t="s">
        <v>20071</v>
      </c>
      <c r="E23733" s="1" t="s">
        <v>7</v>
      </c>
    </row>
    <row r="23734">
      <c r="A23734" s="1">
        <v>4.90937816E8</v>
      </c>
      <c r="B23734" s="2">
        <v>18809.0</v>
      </c>
      <c r="C23734" s="1" t="s">
        <v>5</v>
      </c>
      <c r="D23734" s="1" t="s">
        <v>20072</v>
      </c>
      <c r="E23734" s="1" t="s">
        <v>7</v>
      </c>
    </row>
    <row r="23735">
      <c r="A23735" s="1">
        <v>4.90937904E8</v>
      </c>
      <c r="B23735" s="3">
        <v>18770.0</v>
      </c>
      <c r="C23735" s="1" t="s">
        <v>5</v>
      </c>
      <c r="D23735" s="1" t="s">
        <v>11</v>
      </c>
      <c r="E23735" s="1" t="s">
        <v>7</v>
      </c>
    </row>
    <row r="23736">
      <c r="A23736" s="1">
        <v>4.90938006E8</v>
      </c>
      <c r="B23736" s="2">
        <v>18705.0</v>
      </c>
      <c r="C23736" s="1" t="s">
        <v>5</v>
      </c>
      <c r="D23736" s="1" t="s">
        <v>20073</v>
      </c>
      <c r="E23736" s="1" t="s">
        <v>20074</v>
      </c>
    </row>
    <row r="23737">
      <c r="A23737" s="1">
        <v>4.90938089E8</v>
      </c>
      <c r="B23737" s="3">
        <v>18754.0</v>
      </c>
      <c r="C23737" s="1" t="s">
        <v>5</v>
      </c>
      <c r="D23737" s="1" t="s">
        <v>20075</v>
      </c>
      <c r="E23737" s="1" t="s">
        <v>7</v>
      </c>
    </row>
    <row r="23738">
      <c r="A23738" s="1">
        <v>4.90938135E8</v>
      </c>
      <c r="B23738" s="2">
        <v>18705.0</v>
      </c>
      <c r="C23738" s="1" t="s">
        <v>5</v>
      </c>
      <c r="D23738" s="1" t="s">
        <v>11</v>
      </c>
      <c r="E23738" s="1" t="s">
        <v>7</v>
      </c>
    </row>
    <row r="23739">
      <c r="A23739" s="1">
        <v>4.90938179E8</v>
      </c>
      <c r="B23739" s="2">
        <v>18666.0</v>
      </c>
      <c r="C23739" s="1" t="s">
        <v>5</v>
      </c>
      <c r="D23739" s="1" t="s">
        <v>11</v>
      </c>
      <c r="E23739" s="1" t="s">
        <v>7</v>
      </c>
    </row>
    <row r="23740">
      <c r="A23740" s="1">
        <v>4.9093819E8</v>
      </c>
      <c r="B23740" s="2">
        <v>18742.0</v>
      </c>
      <c r="C23740" s="1" t="s">
        <v>5</v>
      </c>
      <c r="D23740" s="1" t="s">
        <v>20076</v>
      </c>
      <c r="E23740" s="1" t="s">
        <v>11</v>
      </c>
    </row>
    <row r="23741">
      <c r="A23741" s="1">
        <v>4.90938374E8</v>
      </c>
      <c r="B23741" s="2">
        <v>18667.0</v>
      </c>
      <c r="C23741" s="1" t="s">
        <v>5</v>
      </c>
      <c r="D23741" s="1" t="s">
        <v>20077</v>
      </c>
      <c r="E23741" s="1" t="s">
        <v>20078</v>
      </c>
    </row>
    <row r="23742">
      <c r="A23742" s="1">
        <v>4.90938376E8</v>
      </c>
      <c r="B23742" s="3">
        <v>18753.0</v>
      </c>
      <c r="C23742" s="1" t="s">
        <v>5</v>
      </c>
      <c r="D23742" s="1" t="s">
        <v>20079</v>
      </c>
      <c r="E23742" s="1" t="s">
        <v>11</v>
      </c>
    </row>
    <row r="23743">
      <c r="A23743" s="1">
        <v>4.90938419E8</v>
      </c>
      <c r="B23743" s="2">
        <v>18704.0</v>
      </c>
      <c r="C23743" s="1" t="s">
        <v>5</v>
      </c>
      <c r="D23743" s="1" t="s">
        <v>20080</v>
      </c>
      <c r="E23743" s="1" t="s">
        <v>7</v>
      </c>
    </row>
    <row r="23744">
      <c r="A23744" s="1">
        <v>4.90938577E8</v>
      </c>
      <c r="B23744" s="2">
        <v>18707.0</v>
      </c>
      <c r="C23744" s="1" t="s">
        <v>5</v>
      </c>
      <c r="D23744" s="1" t="s">
        <v>20081</v>
      </c>
      <c r="E23744" s="1" t="s">
        <v>7</v>
      </c>
    </row>
    <row r="23745">
      <c r="A23745" s="1">
        <v>4.90938656E8</v>
      </c>
      <c r="B23745" s="2">
        <v>18708.0</v>
      </c>
      <c r="C23745" s="1" t="s">
        <v>5</v>
      </c>
      <c r="D23745" s="1" t="s">
        <v>20082</v>
      </c>
      <c r="E23745" s="1" t="s">
        <v>7</v>
      </c>
    </row>
    <row r="23746">
      <c r="A23746" s="1">
        <v>4.90938802E8</v>
      </c>
      <c r="B23746" s="2">
        <v>18795.0</v>
      </c>
      <c r="C23746" s="1" t="s">
        <v>5</v>
      </c>
      <c r="D23746" s="1" t="s">
        <v>20083</v>
      </c>
      <c r="E23746" s="1" t="s">
        <v>11</v>
      </c>
    </row>
    <row r="23747">
      <c r="A23747" s="1">
        <v>4.90938834E8</v>
      </c>
      <c r="B23747" s="2">
        <v>18672.0</v>
      </c>
      <c r="C23747" s="1" t="s">
        <v>5</v>
      </c>
      <c r="D23747" s="1" t="s">
        <v>20084</v>
      </c>
      <c r="E23747" s="1" t="s">
        <v>11</v>
      </c>
    </row>
    <row r="23748">
      <c r="A23748" s="1">
        <v>4.9093887E8</v>
      </c>
      <c r="B23748" s="2">
        <v>18665.0</v>
      </c>
      <c r="C23748" s="1" t="s">
        <v>5</v>
      </c>
      <c r="D23748" s="1" t="s">
        <v>18803</v>
      </c>
      <c r="E23748" s="1" t="s">
        <v>7</v>
      </c>
    </row>
    <row r="23749">
      <c r="A23749" s="1">
        <v>4.90938967E8</v>
      </c>
      <c r="B23749" s="3">
        <v>18754.0</v>
      </c>
      <c r="C23749" s="1" t="s">
        <v>5</v>
      </c>
      <c r="D23749" s="1" t="s">
        <v>11</v>
      </c>
      <c r="E23749" s="1" t="s">
        <v>7</v>
      </c>
    </row>
    <row r="23750">
      <c r="A23750" s="1">
        <v>4.90939051E8</v>
      </c>
      <c r="B23750" s="3">
        <v>18753.0</v>
      </c>
      <c r="C23750" s="1" t="s">
        <v>5</v>
      </c>
      <c r="D23750" s="1" t="s">
        <v>20085</v>
      </c>
      <c r="E23750" s="1" t="s">
        <v>11</v>
      </c>
    </row>
    <row r="23751">
      <c r="A23751" s="1">
        <v>4.90939082E8</v>
      </c>
      <c r="B23751" s="2">
        <v>18792.0</v>
      </c>
      <c r="C23751" s="1" t="s">
        <v>5</v>
      </c>
      <c r="D23751" s="1" t="s">
        <v>11</v>
      </c>
      <c r="E23751" s="1" t="s">
        <v>7</v>
      </c>
    </row>
    <row r="23752">
      <c r="A23752" s="1">
        <v>4.90939372E8</v>
      </c>
      <c r="B23752" s="2">
        <v>18737.0</v>
      </c>
      <c r="C23752" s="1" t="s">
        <v>5</v>
      </c>
      <c r="D23752" s="1" t="s">
        <v>20086</v>
      </c>
      <c r="E23752" s="1" t="s">
        <v>11</v>
      </c>
    </row>
    <row r="23753">
      <c r="A23753" s="1">
        <v>4.90939556E8</v>
      </c>
      <c r="B23753" s="2">
        <v>18796.0</v>
      </c>
      <c r="C23753" s="1" t="s">
        <v>5</v>
      </c>
      <c r="D23753" s="1" t="s">
        <v>20087</v>
      </c>
      <c r="E23753" s="1" t="s">
        <v>7</v>
      </c>
    </row>
    <row r="23754">
      <c r="A23754" s="1">
        <v>4.90939568E8</v>
      </c>
      <c r="B23754" s="2">
        <v>18718.0</v>
      </c>
      <c r="C23754" s="1" t="s">
        <v>5</v>
      </c>
      <c r="D23754" s="1" t="s">
        <v>20088</v>
      </c>
      <c r="E23754" s="1" t="s">
        <v>11</v>
      </c>
    </row>
    <row r="23755">
      <c r="A23755" s="1">
        <v>4.90939622E8</v>
      </c>
      <c r="B23755" s="2">
        <v>18744.0</v>
      </c>
      <c r="C23755" s="1" t="s">
        <v>5</v>
      </c>
      <c r="D23755" s="1" t="s">
        <v>20089</v>
      </c>
      <c r="E23755" s="1" t="s">
        <v>7</v>
      </c>
    </row>
    <row r="23756">
      <c r="A23756" s="1">
        <v>4.90939712E8</v>
      </c>
      <c r="B23756" s="2">
        <v>18718.0</v>
      </c>
      <c r="C23756" s="1" t="s">
        <v>5</v>
      </c>
      <c r="D23756" s="1" t="s">
        <v>20090</v>
      </c>
      <c r="E23756" s="1" t="s">
        <v>11</v>
      </c>
    </row>
    <row r="23757">
      <c r="A23757" s="1">
        <v>4.9093979E8</v>
      </c>
      <c r="B23757" s="2">
        <v>18786.0</v>
      </c>
      <c r="C23757" s="1" t="s">
        <v>5</v>
      </c>
      <c r="D23757" s="1" t="s">
        <v>11</v>
      </c>
      <c r="E23757" s="1" t="s">
        <v>7</v>
      </c>
    </row>
    <row r="23758">
      <c r="A23758" s="1">
        <v>4.90939967E8</v>
      </c>
      <c r="B23758" s="2">
        <v>18701.0</v>
      </c>
      <c r="C23758" s="1" t="s">
        <v>5</v>
      </c>
      <c r="D23758" s="1" t="s">
        <v>20091</v>
      </c>
      <c r="E23758" s="1" t="s">
        <v>7</v>
      </c>
    </row>
    <row r="23759">
      <c r="A23759" s="1">
        <v>4.90940031E8</v>
      </c>
      <c r="B23759" s="2">
        <v>18701.0</v>
      </c>
      <c r="C23759" s="1" t="s">
        <v>5</v>
      </c>
      <c r="D23759" s="1" t="s">
        <v>20092</v>
      </c>
      <c r="E23759" s="1" t="s">
        <v>11</v>
      </c>
    </row>
    <row r="23760">
      <c r="A23760" s="1">
        <v>4.9094018E8</v>
      </c>
      <c r="B23760" s="2">
        <v>18694.0</v>
      </c>
      <c r="C23760" s="1" t="s">
        <v>5</v>
      </c>
      <c r="D23760" s="1" t="s">
        <v>11</v>
      </c>
      <c r="E23760" s="1" t="s">
        <v>7</v>
      </c>
    </row>
    <row r="23761">
      <c r="A23761" s="1">
        <v>4.9094024E8</v>
      </c>
      <c r="B23761" s="2">
        <v>18730.0</v>
      </c>
      <c r="C23761" s="1" t="s">
        <v>5</v>
      </c>
      <c r="D23761" s="1" t="s">
        <v>11</v>
      </c>
      <c r="E23761" s="1" t="s">
        <v>7</v>
      </c>
    </row>
    <row r="23762">
      <c r="A23762" s="1">
        <v>4.90940247E8</v>
      </c>
      <c r="B23762" s="2">
        <v>18833.0</v>
      </c>
      <c r="C23762" s="1" t="s">
        <v>5</v>
      </c>
      <c r="D23762" s="1" t="s">
        <v>20093</v>
      </c>
      <c r="E23762" s="1" t="s">
        <v>7</v>
      </c>
    </row>
    <row r="23763">
      <c r="A23763" s="1">
        <v>4.90940314E8</v>
      </c>
      <c r="B23763" s="2">
        <v>18700.0</v>
      </c>
      <c r="C23763" s="1" t="s">
        <v>5</v>
      </c>
      <c r="D23763" s="1" t="s">
        <v>20094</v>
      </c>
      <c r="E23763" s="1" t="s">
        <v>11</v>
      </c>
    </row>
    <row r="23764">
      <c r="A23764" s="1">
        <v>4.9094035E8</v>
      </c>
      <c r="B23764" s="2">
        <v>18789.0</v>
      </c>
      <c r="C23764" s="1" t="s">
        <v>5</v>
      </c>
      <c r="D23764" s="1" t="s">
        <v>20095</v>
      </c>
      <c r="E23764" s="1" t="s">
        <v>11</v>
      </c>
    </row>
    <row r="23765">
      <c r="A23765" s="1">
        <v>4.90940536E8</v>
      </c>
      <c r="B23765" s="2">
        <v>18782.0</v>
      </c>
      <c r="C23765" s="1" t="s">
        <v>5</v>
      </c>
      <c r="D23765" s="1" t="s">
        <v>20096</v>
      </c>
      <c r="E23765" s="1" t="s">
        <v>11</v>
      </c>
    </row>
    <row r="23766">
      <c r="A23766" s="1">
        <v>4.90940641E8</v>
      </c>
      <c r="B23766" s="2">
        <v>18817.0</v>
      </c>
      <c r="C23766" s="1" t="s">
        <v>5</v>
      </c>
      <c r="D23766" s="1" t="s">
        <v>20097</v>
      </c>
      <c r="E23766" s="1" t="s">
        <v>7</v>
      </c>
    </row>
    <row r="23767">
      <c r="A23767" s="1">
        <v>4.90940791E8</v>
      </c>
      <c r="B23767" s="2">
        <v>18824.0</v>
      </c>
      <c r="C23767" s="1" t="s">
        <v>5</v>
      </c>
      <c r="D23767" s="1" t="s">
        <v>11</v>
      </c>
      <c r="E23767" s="1" t="s">
        <v>7</v>
      </c>
    </row>
    <row r="23768">
      <c r="A23768" s="1">
        <v>4.90940812E8</v>
      </c>
      <c r="B23768" s="2">
        <v>18803.0</v>
      </c>
      <c r="C23768" s="1" t="s">
        <v>5</v>
      </c>
      <c r="D23768" s="1" t="s">
        <v>20098</v>
      </c>
      <c r="E23768" s="1" t="s">
        <v>7</v>
      </c>
    </row>
    <row r="23769">
      <c r="A23769" s="1">
        <v>4.90940899E8</v>
      </c>
      <c r="B23769" s="2">
        <v>18817.0</v>
      </c>
      <c r="C23769" s="1" t="s">
        <v>5</v>
      </c>
      <c r="D23769" s="1" t="s">
        <v>20099</v>
      </c>
      <c r="E23769" s="1" t="s">
        <v>11</v>
      </c>
    </row>
    <row r="23770">
      <c r="A23770" s="1">
        <v>4.90940927E8</v>
      </c>
      <c r="B23770" s="2">
        <v>18700.0</v>
      </c>
      <c r="C23770" s="1" t="s">
        <v>5</v>
      </c>
      <c r="D23770" s="1" t="s">
        <v>20100</v>
      </c>
      <c r="E23770" s="1" t="s">
        <v>11</v>
      </c>
    </row>
    <row r="23771">
      <c r="A23771" s="1">
        <v>4.90940952E8</v>
      </c>
      <c r="B23771" s="2">
        <v>18815.0</v>
      </c>
      <c r="C23771" s="1" t="s">
        <v>5</v>
      </c>
      <c r="D23771" s="1" t="s">
        <v>11</v>
      </c>
      <c r="E23771" s="1" t="s">
        <v>7</v>
      </c>
    </row>
    <row r="23772">
      <c r="A23772" s="1">
        <v>4.90941E8</v>
      </c>
      <c r="B23772" s="2">
        <v>18693.0</v>
      </c>
      <c r="C23772" s="1" t="s">
        <v>5</v>
      </c>
      <c r="D23772" s="1" t="s">
        <v>20101</v>
      </c>
      <c r="E23772" s="1" t="s">
        <v>7</v>
      </c>
    </row>
    <row r="23773">
      <c r="A23773" s="1">
        <v>4.90941072E8</v>
      </c>
      <c r="B23773" s="2">
        <v>18834.0</v>
      </c>
      <c r="C23773" s="1" t="s">
        <v>5</v>
      </c>
      <c r="D23773" s="1" t="s">
        <v>11</v>
      </c>
      <c r="E23773" s="1" t="s">
        <v>7</v>
      </c>
    </row>
    <row r="23774">
      <c r="A23774" s="1">
        <v>4.90941076E8</v>
      </c>
      <c r="B23774" s="2">
        <v>18828.0</v>
      </c>
      <c r="C23774" s="1" t="s">
        <v>5</v>
      </c>
      <c r="D23774" s="1" t="s">
        <v>20102</v>
      </c>
      <c r="E23774" s="1" t="s">
        <v>11</v>
      </c>
    </row>
    <row r="23775">
      <c r="A23775" s="1">
        <v>4.90941246E8</v>
      </c>
      <c r="B23775" s="2">
        <v>18698.0</v>
      </c>
      <c r="C23775" s="1" t="s">
        <v>5</v>
      </c>
      <c r="D23775" s="1" t="s">
        <v>20103</v>
      </c>
      <c r="E23775" s="1" t="s">
        <v>11</v>
      </c>
    </row>
    <row r="23776">
      <c r="A23776" s="1">
        <v>4.90941248E8</v>
      </c>
      <c r="B23776" s="2">
        <v>18822.0</v>
      </c>
      <c r="C23776" s="1" t="s">
        <v>5</v>
      </c>
      <c r="D23776" s="1" t="s">
        <v>20104</v>
      </c>
      <c r="E23776" s="1" t="s">
        <v>7</v>
      </c>
    </row>
    <row r="23777">
      <c r="A23777" s="1">
        <v>4.90941285E8</v>
      </c>
      <c r="B23777" s="2">
        <v>18682.0</v>
      </c>
      <c r="C23777" s="1" t="s">
        <v>5</v>
      </c>
      <c r="D23777" s="1" t="s">
        <v>11</v>
      </c>
      <c r="E23777" s="1" t="s">
        <v>7</v>
      </c>
    </row>
    <row r="23778">
      <c r="A23778" s="1">
        <v>4.9094136E8</v>
      </c>
      <c r="B23778" s="2">
        <v>18693.0</v>
      </c>
      <c r="C23778" s="1" t="s">
        <v>5</v>
      </c>
      <c r="D23778" s="1" t="s">
        <v>20105</v>
      </c>
      <c r="E23778" s="1" t="s">
        <v>7</v>
      </c>
    </row>
    <row r="23779">
      <c r="A23779" s="1">
        <v>4.90941384E8</v>
      </c>
      <c r="B23779" s="2">
        <v>18785.0</v>
      </c>
      <c r="C23779" s="1" t="s">
        <v>5</v>
      </c>
      <c r="D23779" s="1" t="s">
        <v>20106</v>
      </c>
      <c r="E23779" s="1" t="s">
        <v>7</v>
      </c>
    </row>
    <row r="23780">
      <c r="A23780" s="1">
        <v>4.90941436E8</v>
      </c>
      <c r="B23780" s="2">
        <v>18830.0</v>
      </c>
      <c r="C23780" s="1" t="s">
        <v>5</v>
      </c>
      <c r="D23780" s="1" t="s">
        <v>11</v>
      </c>
      <c r="E23780" s="1" t="s">
        <v>7</v>
      </c>
    </row>
    <row r="23781">
      <c r="A23781" s="1">
        <v>4.9094152E8</v>
      </c>
      <c r="B23781" s="2">
        <v>18697.0</v>
      </c>
      <c r="C23781" s="1" t="s">
        <v>5</v>
      </c>
      <c r="D23781" s="1" t="s">
        <v>11</v>
      </c>
      <c r="E23781" s="1" t="s">
        <v>7</v>
      </c>
    </row>
    <row r="23782">
      <c r="A23782" s="1">
        <v>4.90941544E8</v>
      </c>
      <c r="B23782" s="2">
        <v>18710.0</v>
      </c>
      <c r="C23782" s="1" t="s">
        <v>5</v>
      </c>
      <c r="D23782" s="1" t="s">
        <v>20107</v>
      </c>
      <c r="E23782" s="1" t="s">
        <v>7</v>
      </c>
    </row>
    <row r="23783">
      <c r="A23783" s="1">
        <v>4.90941556E8</v>
      </c>
      <c r="B23783" s="2">
        <v>18819.0</v>
      </c>
      <c r="C23783" s="1" t="s">
        <v>5</v>
      </c>
      <c r="D23783" s="1" t="s">
        <v>11</v>
      </c>
      <c r="E23783" s="1" t="s">
        <v>7</v>
      </c>
    </row>
    <row r="23784">
      <c r="A23784" s="1">
        <v>4.90941562E8</v>
      </c>
      <c r="B23784" s="2">
        <v>18782.0</v>
      </c>
      <c r="C23784" s="1" t="s">
        <v>5</v>
      </c>
      <c r="D23784" s="1" t="s">
        <v>20108</v>
      </c>
      <c r="E23784" s="1" t="s">
        <v>7</v>
      </c>
    </row>
    <row r="23785">
      <c r="A23785" s="1">
        <v>4.90941699E8</v>
      </c>
      <c r="B23785" s="2">
        <v>18824.0</v>
      </c>
      <c r="C23785" s="1" t="s">
        <v>5</v>
      </c>
      <c r="D23785" s="1" t="s">
        <v>20109</v>
      </c>
      <c r="E23785" s="1" t="s">
        <v>11</v>
      </c>
    </row>
    <row r="23786">
      <c r="A23786" s="1">
        <v>4.90941739E8</v>
      </c>
      <c r="B23786" s="2">
        <v>18806.0</v>
      </c>
      <c r="C23786" s="1" t="s">
        <v>5</v>
      </c>
      <c r="D23786" s="1" t="s">
        <v>20110</v>
      </c>
      <c r="E23786" s="1" t="s">
        <v>7</v>
      </c>
    </row>
    <row r="23787">
      <c r="A23787" s="1">
        <v>4.90941829E8</v>
      </c>
      <c r="B23787" s="2">
        <v>18871.0</v>
      </c>
      <c r="C23787" s="1" t="s">
        <v>5</v>
      </c>
      <c r="D23787" s="1" t="s">
        <v>20111</v>
      </c>
      <c r="E23787" s="1" t="s">
        <v>11</v>
      </c>
    </row>
    <row r="23788">
      <c r="A23788" s="1">
        <v>4.9094186E8</v>
      </c>
      <c r="B23788" s="2">
        <v>18780.0</v>
      </c>
      <c r="C23788" s="1" t="s">
        <v>5</v>
      </c>
      <c r="D23788" s="1" t="s">
        <v>20112</v>
      </c>
      <c r="E23788" s="1" t="s">
        <v>11</v>
      </c>
    </row>
    <row r="23789">
      <c r="A23789" s="1">
        <v>4.90941911E8</v>
      </c>
      <c r="B23789" s="2">
        <v>18815.0</v>
      </c>
      <c r="C23789" s="1" t="s">
        <v>5</v>
      </c>
      <c r="D23789" s="1" t="s">
        <v>20113</v>
      </c>
      <c r="E23789" s="1" t="s">
        <v>20114</v>
      </c>
    </row>
    <row r="23790">
      <c r="A23790" s="1">
        <v>4.90942162E8</v>
      </c>
      <c r="B23790" s="3">
        <v>18752.0</v>
      </c>
      <c r="C23790" s="1" t="s">
        <v>5</v>
      </c>
      <c r="D23790" s="1" t="s">
        <v>11</v>
      </c>
      <c r="E23790" s="1" t="s">
        <v>7</v>
      </c>
    </row>
    <row r="23791">
      <c r="A23791" s="1">
        <v>4.90942192E8</v>
      </c>
      <c r="B23791" s="2">
        <v>18780.0</v>
      </c>
      <c r="C23791" s="1" t="s">
        <v>5</v>
      </c>
      <c r="D23791" s="1" t="s">
        <v>20115</v>
      </c>
      <c r="E23791" s="1" t="s">
        <v>7</v>
      </c>
    </row>
    <row r="23792">
      <c r="A23792" s="1">
        <v>4.90942251E8</v>
      </c>
      <c r="B23792" s="2">
        <v>18823.0</v>
      </c>
      <c r="C23792" s="1" t="s">
        <v>5</v>
      </c>
      <c r="D23792" s="1" t="s">
        <v>11</v>
      </c>
      <c r="E23792" s="1" t="s">
        <v>7</v>
      </c>
    </row>
    <row r="23793">
      <c r="A23793" s="1">
        <v>4.90942259E8</v>
      </c>
      <c r="B23793" s="2">
        <v>18781.0</v>
      </c>
      <c r="C23793" s="1" t="s">
        <v>5</v>
      </c>
      <c r="D23793" s="1" t="s">
        <v>20116</v>
      </c>
      <c r="E23793" s="1" t="s">
        <v>11</v>
      </c>
    </row>
    <row r="23794">
      <c r="A23794" s="1">
        <v>4.90942304E8</v>
      </c>
      <c r="B23794" s="2">
        <v>18816.0</v>
      </c>
      <c r="C23794" s="1" t="s">
        <v>5</v>
      </c>
      <c r="D23794" s="1" t="s">
        <v>11</v>
      </c>
      <c r="E23794" s="1" t="s">
        <v>7</v>
      </c>
    </row>
    <row r="23795">
      <c r="A23795" s="1">
        <v>4.90942556E8</v>
      </c>
      <c r="B23795" s="2">
        <v>18690.0</v>
      </c>
      <c r="C23795" s="1" t="s">
        <v>5</v>
      </c>
      <c r="D23795" s="1" t="s">
        <v>20117</v>
      </c>
      <c r="E23795" s="1" t="s">
        <v>7</v>
      </c>
    </row>
    <row r="23796">
      <c r="A23796" s="1">
        <v>4.90942606E8</v>
      </c>
      <c r="B23796" s="2">
        <v>18794.0</v>
      </c>
      <c r="C23796" s="1" t="s">
        <v>5</v>
      </c>
      <c r="D23796" s="1" t="s">
        <v>20118</v>
      </c>
      <c r="E23796" s="1" t="s">
        <v>11</v>
      </c>
    </row>
    <row r="23797">
      <c r="A23797" s="1">
        <v>4.9094263E8</v>
      </c>
      <c r="B23797" s="2">
        <v>18800.0</v>
      </c>
      <c r="C23797" s="1" t="s">
        <v>5</v>
      </c>
      <c r="D23797" s="1" t="s">
        <v>20119</v>
      </c>
      <c r="E23797" s="1" t="s">
        <v>7</v>
      </c>
    </row>
    <row r="23798">
      <c r="A23798" s="1">
        <v>4.90942659E8</v>
      </c>
      <c r="B23798" s="2">
        <v>18794.0</v>
      </c>
      <c r="C23798" s="1" t="s">
        <v>5</v>
      </c>
      <c r="D23798" s="1" t="s">
        <v>20120</v>
      </c>
      <c r="E23798" s="1" t="s">
        <v>7</v>
      </c>
    </row>
    <row r="23799">
      <c r="A23799" s="1">
        <v>4.90942664E8</v>
      </c>
      <c r="B23799" s="2">
        <v>18746.0</v>
      </c>
      <c r="C23799" s="1" t="s">
        <v>5</v>
      </c>
      <c r="D23799" s="1" t="s">
        <v>11</v>
      </c>
      <c r="E23799" s="1" t="s">
        <v>7</v>
      </c>
    </row>
    <row r="23800">
      <c r="A23800" s="1">
        <v>4.90942684E8</v>
      </c>
      <c r="B23800" s="2">
        <v>18704.0</v>
      </c>
      <c r="C23800" s="1" t="s">
        <v>5</v>
      </c>
      <c r="D23800" s="1" t="s">
        <v>20121</v>
      </c>
      <c r="E23800" s="1" t="s">
        <v>11</v>
      </c>
    </row>
    <row r="23801">
      <c r="A23801" s="1">
        <v>4.9094275E8</v>
      </c>
      <c r="B23801" s="2">
        <v>18709.0</v>
      </c>
      <c r="C23801" s="1" t="s">
        <v>5</v>
      </c>
      <c r="D23801" s="1" t="s">
        <v>20122</v>
      </c>
      <c r="E23801" s="1" t="s">
        <v>11</v>
      </c>
    </row>
    <row r="23802">
      <c r="A23802" s="1">
        <v>4.90942782E8</v>
      </c>
      <c r="B23802" s="2">
        <v>18677.0</v>
      </c>
      <c r="C23802" s="1" t="s">
        <v>5</v>
      </c>
      <c r="D23802" s="1" t="s">
        <v>20123</v>
      </c>
      <c r="E23802" s="1" t="s">
        <v>7</v>
      </c>
    </row>
    <row r="23803">
      <c r="A23803" s="1">
        <v>4.90942869E8</v>
      </c>
      <c r="B23803" s="2">
        <v>18828.0</v>
      </c>
      <c r="C23803" s="1" t="s">
        <v>5</v>
      </c>
      <c r="D23803" s="1" t="s">
        <v>20124</v>
      </c>
      <c r="E23803" s="1" t="s">
        <v>7</v>
      </c>
    </row>
    <row r="23804">
      <c r="A23804" s="1">
        <v>4.90943076E8</v>
      </c>
      <c r="B23804" s="2">
        <v>18742.0</v>
      </c>
      <c r="C23804" s="1" t="s">
        <v>5</v>
      </c>
      <c r="D23804" s="1" t="s">
        <v>20125</v>
      </c>
      <c r="E23804" s="1" t="s">
        <v>7</v>
      </c>
    </row>
    <row r="23805">
      <c r="A23805" s="1">
        <v>4.90943081E8</v>
      </c>
      <c r="B23805" s="2">
        <v>18817.0</v>
      </c>
      <c r="C23805" s="1" t="s">
        <v>5</v>
      </c>
      <c r="D23805" s="1" t="s">
        <v>20126</v>
      </c>
      <c r="E23805" s="1" t="s">
        <v>7</v>
      </c>
    </row>
    <row r="23806">
      <c r="A23806" s="1">
        <v>4.9094311E8</v>
      </c>
      <c r="B23806" s="2">
        <v>18869.0</v>
      </c>
      <c r="C23806" s="1" t="s">
        <v>5</v>
      </c>
      <c r="D23806" s="1" t="s">
        <v>11</v>
      </c>
      <c r="E23806" s="1" t="s">
        <v>7</v>
      </c>
    </row>
    <row r="23807">
      <c r="A23807" s="1">
        <v>4.90943131E8</v>
      </c>
      <c r="B23807" s="2">
        <v>18868.0</v>
      </c>
      <c r="C23807" s="1" t="s">
        <v>5</v>
      </c>
      <c r="D23807" s="1" t="s">
        <v>20127</v>
      </c>
      <c r="E23807" s="1" t="s">
        <v>20128</v>
      </c>
    </row>
    <row r="23808">
      <c r="A23808" s="1">
        <v>4.90943167E8</v>
      </c>
      <c r="B23808" s="2">
        <v>18708.0</v>
      </c>
      <c r="C23808" s="1" t="s">
        <v>5</v>
      </c>
      <c r="D23808" s="1" t="s">
        <v>11</v>
      </c>
      <c r="E23808" s="1" t="s">
        <v>7</v>
      </c>
    </row>
    <row r="23809">
      <c r="A23809" s="1">
        <v>4.90943339E8</v>
      </c>
      <c r="B23809" s="2">
        <v>18740.0</v>
      </c>
      <c r="C23809" s="1" t="s">
        <v>5</v>
      </c>
      <c r="D23809" s="1" t="s">
        <v>20129</v>
      </c>
      <c r="E23809" s="1" t="s">
        <v>7</v>
      </c>
    </row>
    <row r="23810">
      <c r="A23810" s="1">
        <v>4.90943355E8</v>
      </c>
      <c r="B23810" s="2">
        <v>18870.0</v>
      </c>
      <c r="C23810" s="1" t="s">
        <v>5</v>
      </c>
      <c r="D23810" s="1" t="s">
        <v>20130</v>
      </c>
      <c r="E23810" s="1" t="s">
        <v>11</v>
      </c>
    </row>
    <row r="23811">
      <c r="A23811" s="1">
        <v>4.90943358E8</v>
      </c>
      <c r="B23811" s="2">
        <v>18831.0</v>
      </c>
      <c r="C23811" s="1" t="s">
        <v>5</v>
      </c>
      <c r="D23811" s="1" t="s">
        <v>20131</v>
      </c>
      <c r="E23811" s="1" t="s">
        <v>7</v>
      </c>
    </row>
    <row r="23812">
      <c r="A23812" s="1">
        <v>4.90943411E8</v>
      </c>
      <c r="B23812" s="2">
        <v>18831.0</v>
      </c>
      <c r="C23812" s="1" t="s">
        <v>5</v>
      </c>
      <c r="D23812" s="1" t="s">
        <v>11</v>
      </c>
      <c r="E23812" s="1" t="s">
        <v>7</v>
      </c>
    </row>
    <row r="23813">
      <c r="A23813" s="1">
        <v>4.90943556E8</v>
      </c>
      <c r="B23813" s="2">
        <v>18737.0</v>
      </c>
      <c r="C23813" s="1" t="s">
        <v>5</v>
      </c>
      <c r="D23813" s="1" t="s">
        <v>11</v>
      </c>
      <c r="E23813" s="1" t="s">
        <v>7</v>
      </c>
    </row>
    <row r="23814">
      <c r="A23814" s="1">
        <v>4.90943591E8</v>
      </c>
      <c r="B23814" s="2">
        <v>18824.0</v>
      </c>
      <c r="C23814" s="1" t="s">
        <v>5</v>
      </c>
      <c r="D23814" s="1" t="s">
        <v>11</v>
      </c>
      <c r="E23814" s="1" t="s">
        <v>7</v>
      </c>
    </row>
    <row r="23815">
      <c r="A23815" s="1">
        <v>4.90943604E8</v>
      </c>
      <c r="B23815" s="2">
        <v>18703.0</v>
      </c>
      <c r="C23815" s="1" t="s">
        <v>5</v>
      </c>
      <c r="D23815" s="1" t="s">
        <v>20132</v>
      </c>
      <c r="E23815" s="1" t="s">
        <v>7</v>
      </c>
    </row>
    <row r="23816">
      <c r="A23816" s="1">
        <v>4.9094363E8</v>
      </c>
      <c r="B23816" s="2">
        <v>18842.0</v>
      </c>
      <c r="C23816" s="1" t="s">
        <v>5</v>
      </c>
      <c r="D23816" s="1" t="s">
        <v>20133</v>
      </c>
      <c r="E23816" s="1" t="s">
        <v>11</v>
      </c>
    </row>
    <row r="23817">
      <c r="A23817" s="1">
        <v>4.90943739E8</v>
      </c>
      <c r="B23817" s="2">
        <v>18703.0</v>
      </c>
      <c r="C23817" s="1" t="s">
        <v>5</v>
      </c>
      <c r="D23817" s="1" t="s">
        <v>20134</v>
      </c>
      <c r="E23817" s="1" t="s">
        <v>11</v>
      </c>
    </row>
    <row r="23818">
      <c r="A23818" s="1">
        <v>4.9094375E8</v>
      </c>
      <c r="B23818" s="2">
        <v>18840.0</v>
      </c>
      <c r="C23818" s="1" t="s">
        <v>5</v>
      </c>
      <c r="D23818" s="1" t="s">
        <v>20135</v>
      </c>
      <c r="E23818" s="1" t="s">
        <v>7</v>
      </c>
    </row>
    <row r="23819">
      <c r="A23819" s="1">
        <v>4.90943807E8</v>
      </c>
      <c r="B23819" s="2">
        <v>18745.0</v>
      </c>
      <c r="C23819" s="1" t="s">
        <v>5</v>
      </c>
      <c r="D23819" s="1" t="s">
        <v>20136</v>
      </c>
      <c r="E23819" s="1" t="s">
        <v>7</v>
      </c>
    </row>
    <row r="23820">
      <c r="A23820" s="1">
        <v>4.90943961E8</v>
      </c>
      <c r="B23820" s="2">
        <v>18733.0</v>
      </c>
      <c r="C23820" s="1" t="s">
        <v>5</v>
      </c>
      <c r="D23820" s="1" t="s">
        <v>20137</v>
      </c>
      <c r="E23820" s="1" t="s">
        <v>7</v>
      </c>
    </row>
    <row r="23821">
      <c r="A23821" s="1">
        <v>4.90944004E8</v>
      </c>
      <c r="B23821" s="2">
        <v>18733.0</v>
      </c>
      <c r="C23821" s="1" t="s">
        <v>5</v>
      </c>
      <c r="D23821" s="1" t="s">
        <v>20138</v>
      </c>
      <c r="E23821" s="1" t="s">
        <v>7</v>
      </c>
    </row>
    <row r="23822">
      <c r="A23822" s="1">
        <v>4.90944139E8</v>
      </c>
      <c r="B23822" s="2">
        <v>18670.0</v>
      </c>
      <c r="C23822" s="1" t="s">
        <v>5</v>
      </c>
      <c r="D23822" s="1" t="s">
        <v>20139</v>
      </c>
      <c r="E23822" s="1" t="s">
        <v>11</v>
      </c>
    </row>
    <row r="23823">
      <c r="A23823" s="1">
        <v>4.90944207E8</v>
      </c>
      <c r="B23823" s="2">
        <v>18833.0</v>
      </c>
      <c r="C23823" s="1" t="s">
        <v>5</v>
      </c>
      <c r="D23823" s="1" t="s">
        <v>20140</v>
      </c>
      <c r="E23823" s="1" t="s">
        <v>7</v>
      </c>
    </row>
    <row r="23824">
      <c r="A23824" s="1">
        <v>4.9094424E8</v>
      </c>
      <c r="B23824" s="2">
        <v>18798.0</v>
      </c>
      <c r="C23824" s="1" t="s">
        <v>5</v>
      </c>
      <c r="D23824" s="1" t="s">
        <v>20141</v>
      </c>
      <c r="E23824" s="1" t="s">
        <v>20142</v>
      </c>
    </row>
    <row r="23825">
      <c r="A23825" s="1">
        <v>4.90944251E8</v>
      </c>
      <c r="B23825" s="2">
        <v>18732.0</v>
      </c>
      <c r="C23825" s="1" t="s">
        <v>5</v>
      </c>
      <c r="D23825" s="1" t="s">
        <v>20143</v>
      </c>
      <c r="E23825" s="1" t="s">
        <v>11</v>
      </c>
    </row>
    <row r="23826">
      <c r="A23826" s="1">
        <v>4.90944292E8</v>
      </c>
      <c r="B23826" s="2">
        <v>18732.0</v>
      </c>
      <c r="C23826" s="1" t="s">
        <v>5</v>
      </c>
      <c r="D23826" s="1" t="s">
        <v>11</v>
      </c>
      <c r="E23826" s="1" t="s">
        <v>7</v>
      </c>
    </row>
    <row r="23827">
      <c r="A23827" s="1">
        <v>4.90944339E8</v>
      </c>
      <c r="B23827" s="2">
        <v>18864.0</v>
      </c>
      <c r="C23827" s="1" t="s">
        <v>5</v>
      </c>
      <c r="D23827" s="1" t="s">
        <v>20144</v>
      </c>
      <c r="E23827" s="1" t="s">
        <v>7</v>
      </c>
    </row>
    <row r="23828">
      <c r="A23828" s="1">
        <v>4.90944449E8</v>
      </c>
      <c r="B23828" s="2">
        <v>18781.0</v>
      </c>
      <c r="C23828" s="1" t="s">
        <v>5</v>
      </c>
      <c r="D23828" s="1" t="s">
        <v>20145</v>
      </c>
      <c r="E23828" s="1" t="s">
        <v>20146</v>
      </c>
    </row>
    <row r="23829">
      <c r="A23829" s="1">
        <v>4.90944472E8</v>
      </c>
      <c r="B23829" s="2">
        <v>18786.0</v>
      </c>
      <c r="C23829" s="1" t="s">
        <v>5</v>
      </c>
      <c r="D23829" s="1" t="s">
        <v>11</v>
      </c>
      <c r="E23829" s="1" t="s">
        <v>7</v>
      </c>
    </row>
    <row r="23830">
      <c r="A23830" s="1">
        <v>4.90944696E8</v>
      </c>
      <c r="B23830" s="2">
        <v>18862.0</v>
      </c>
      <c r="C23830" s="1" t="s">
        <v>5</v>
      </c>
      <c r="D23830" s="1" t="s">
        <v>20147</v>
      </c>
      <c r="E23830" s="1" t="s">
        <v>11</v>
      </c>
    </row>
    <row r="23831">
      <c r="A23831" s="1">
        <v>4.90944721E8</v>
      </c>
      <c r="B23831" s="2">
        <v>18837.0</v>
      </c>
      <c r="C23831" s="1" t="s">
        <v>5</v>
      </c>
      <c r="D23831" s="1" t="s">
        <v>20148</v>
      </c>
      <c r="E23831" s="1" t="s">
        <v>7</v>
      </c>
    </row>
    <row r="23832">
      <c r="A23832" s="1">
        <v>4.9094496E8</v>
      </c>
      <c r="B23832" s="2">
        <v>18866.0</v>
      </c>
      <c r="C23832" s="1" t="s">
        <v>5</v>
      </c>
      <c r="D23832" s="1" t="s">
        <v>11</v>
      </c>
      <c r="E23832" s="1" t="s">
        <v>7</v>
      </c>
    </row>
    <row r="23833">
      <c r="A23833" s="1">
        <v>4.90945009E8</v>
      </c>
      <c r="B23833" s="2">
        <v>18733.0</v>
      </c>
      <c r="C23833" s="1" t="s">
        <v>5</v>
      </c>
      <c r="D23833" s="1" t="s">
        <v>11</v>
      </c>
      <c r="E23833" s="1" t="s">
        <v>7</v>
      </c>
    </row>
    <row r="23834">
      <c r="A23834" s="1">
        <v>4.90945122E8</v>
      </c>
      <c r="B23834" s="2">
        <v>18810.0</v>
      </c>
      <c r="C23834" s="1" t="s">
        <v>5</v>
      </c>
      <c r="D23834" s="1" t="s">
        <v>20149</v>
      </c>
      <c r="E23834" s="1" t="s">
        <v>7</v>
      </c>
    </row>
    <row r="23835">
      <c r="A23835" s="1">
        <v>4.90945162E8</v>
      </c>
      <c r="B23835" s="2">
        <v>18827.0</v>
      </c>
      <c r="C23835" s="1" t="s">
        <v>5</v>
      </c>
      <c r="D23835" s="1" t="s">
        <v>20150</v>
      </c>
      <c r="E23835" s="1" t="s">
        <v>7</v>
      </c>
    </row>
    <row r="23836">
      <c r="A23836" s="1">
        <v>4.90945231E8</v>
      </c>
      <c r="B23836" s="2">
        <v>18859.0</v>
      </c>
      <c r="C23836" s="1" t="s">
        <v>5</v>
      </c>
      <c r="D23836" s="1" t="s">
        <v>20151</v>
      </c>
      <c r="E23836" s="1" t="s">
        <v>11</v>
      </c>
    </row>
    <row r="23837">
      <c r="A23837" s="1">
        <v>4.90945259E8</v>
      </c>
      <c r="B23837" s="2">
        <v>18700.0</v>
      </c>
      <c r="C23837" s="1" t="s">
        <v>5</v>
      </c>
      <c r="D23837" s="1" t="s">
        <v>20152</v>
      </c>
      <c r="E23837" s="1" t="s">
        <v>7</v>
      </c>
    </row>
    <row r="23838">
      <c r="A23838" s="1">
        <v>4.90945311E8</v>
      </c>
      <c r="B23838" s="2">
        <v>18816.0</v>
      </c>
      <c r="C23838" s="1" t="s">
        <v>5</v>
      </c>
      <c r="D23838" s="1" t="s">
        <v>11</v>
      </c>
      <c r="E23838" s="1" t="s">
        <v>7</v>
      </c>
    </row>
    <row r="23839">
      <c r="A23839" s="1">
        <v>4.90945411E8</v>
      </c>
      <c r="B23839" s="2">
        <v>18729.0</v>
      </c>
      <c r="C23839" s="1" t="s">
        <v>5</v>
      </c>
      <c r="D23839" s="1" t="s">
        <v>20153</v>
      </c>
      <c r="E23839" s="1" t="s">
        <v>11</v>
      </c>
    </row>
    <row r="23840">
      <c r="A23840" s="1">
        <v>4.90945478E8</v>
      </c>
      <c r="B23840" s="2">
        <v>18691.0</v>
      </c>
      <c r="C23840" s="1" t="s">
        <v>5</v>
      </c>
      <c r="D23840" s="1" t="s">
        <v>20154</v>
      </c>
      <c r="E23840" s="1" t="s">
        <v>7</v>
      </c>
    </row>
    <row r="23841">
      <c r="A23841" s="1">
        <v>4.90945486E8</v>
      </c>
      <c r="B23841" s="2">
        <v>18857.0</v>
      </c>
      <c r="C23841" s="1" t="s">
        <v>5</v>
      </c>
      <c r="D23841" s="1" t="s">
        <v>11</v>
      </c>
      <c r="E23841" s="1" t="s">
        <v>7</v>
      </c>
    </row>
    <row r="23842">
      <c r="A23842" s="1">
        <v>4.90945515E8</v>
      </c>
      <c r="B23842" s="2">
        <v>18798.0</v>
      </c>
      <c r="C23842" s="1" t="s">
        <v>5</v>
      </c>
      <c r="D23842" s="1" t="s">
        <v>11</v>
      </c>
      <c r="E23842" s="1" t="s">
        <v>7</v>
      </c>
    </row>
    <row r="23843">
      <c r="A23843" s="1">
        <v>4.90945522E8</v>
      </c>
      <c r="B23843" s="2">
        <v>18824.0</v>
      </c>
      <c r="C23843" s="1" t="s">
        <v>5</v>
      </c>
      <c r="D23843" s="1" t="s">
        <v>7</v>
      </c>
      <c r="E23843" s="1" t="s">
        <v>7</v>
      </c>
    </row>
    <row r="23844">
      <c r="A23844" s="1">
        <v>4.90945872E8</v>
      </c>
      <c r="B23844" s="2">
        <v>18871.0</v>
      </c>
      <c r="C23844" s="1" t="s">
        <v>5</v>
      </c>
      <c r="D23844" s="1" t="s">
        <v>20155</v>
      </c>
      <c r="E23844" s="1" t="s">
        <v>11</v>
      </c>
    </row>
    <row r="23845">
      <c r="A23845" s="1">
        <v>4.90945896E8</v>
      </c>
      <c r="B23845" s="2">
        <v>18661.0</v>
      </c>
      <c r="C23845" s="1" t="s">
        <v>5</v>
      </c>
      <c r="D23845" s="1" t="s">
        <v>11</v>
      </c>
      <c r="E23845" s="1" t="s">
        <v>7</v>
      </c>
    </row>
    <row r="23846">
      <c r="A23846" s="1">
        <v>4.90945897E8</v>
      </c>
      <c r="B23846" s="2">
        <v>18796.0</v>
      </c>
      <c r="C23846" s="1" t="s">
        <v>5</v>
      </c>
      <c r="D23846" s="1" t="s">
        <v>20156</v>
      </c>
      <c r="E23846" s="1" t="s">
        <v>7</v>
      </c>
    </row>
    <row r="23847">
      <c r="A23847" s="1">
        <v>4.90945976E8</v>
      </c>
      <c r="B23847" s="2">
        <v>18868.0</v>
      </c>
      <c r="C23847" s="1" t="s">
        <v>5</v>
      </c>
      <c r="D23847" s="1" t="s">
        <v>20157</v>
      </c>
      <c r="E23847" s="1" t="s">
        <v>7</v>
      </c>
    </row>
    <row r="23848">
      <c r="A23848" s="1">
        <v>4.9094599E8</v>
      </c>
      <c r="B23848" s="2">
        <v>18821.0</v>
      </c>
      <c r="C23848" s="1" t="s">
        <v>5</v>
      </c>
      <c r="D23848" s="1" t="s">
        <v>20158</v>
      </c>
      <c r="E23848" s="1" t="s">
        <v>7</v>
      </c>
    </row>
    <row r="23849">
      <c r="A23849" s="1">
        <v>4.90946131E8</v>
      </c>
      <c r="B23849" s="2">
        <v>18856.0</v>
      </c>
      <c r="C23849" s="1" t="s">
        <v>5</v>
      </c>
      <c r="D23849" s="1" t="s">
        <v>20159</v>
      </c>
      <c r="E23849" s="1" t="s">
        <v>11</v>
      </c>
    </row>
    <row r="23850">
      <c r="A23850" s="1">
        <v>4.90946376E8</v>
      </c>
      <c r="B23850" s="2">
        <v>18789.0</v>
      </c>
      <c r="C23850" s="1" t="s">
        <v>5</v>
      </c>
      <c r="D23850" s="1" t="s">
        <v>11</v>
      </c>
      <c r="E23850" s="1" t="s">
        <v>7</v>
      </c>
    </row>
    <row r="23851">
      <c r="A23851" s="1">
        <v>4.90946459E8</v>
      </c>
      <c r="B23851" s="2">
        <v>18850.0</v>
      </c>
      <c r="C23851" s="1" t="s">
        <v>5</v>
      </c>
      <c r="D23851" s="1" t="s">
        <v>11</v>
      </c>
      <c r="E23851" s="1" t="s">
        <v>7</v>
      </c>
    </row>
    <row r="23852">
      <c r="A23852" s="1">
        <v>4.90946614E8</v>
      </c>
      <c r="B23852" s="2">
        <v>18812.0</v>
      </c>
      <c r="C23852" s="1" t="s">
        <v>5</v>
      </c>
      <c r="D23852" s="1" t="s">
        <v>20160</v>
      </c>
      <c r="E23852" s="1" t="s">
        <v>11</v>
      </c>
    </row>
    <row r="23853">
      <c r="A23853" s="1">
        <v>4.90946635E8</v>
      </c>
      <c r="B23853" s="2">
        <v>18858.0</v>
      </c>
      <c r="C23853" s="1" t="s">
        <v>5</v>
      </c>
      <c r="D23853" s="1" t="s">
        <v>11</v>
      </c>
      <c r="E23853" s="1" t="s">
        <v>7</v>
      </c>
    </row>
    <row r="23854">
      <c r="A23854" s="1">
        <v>4.9094668E8</v>
      </c>
      <c r="B23854" s="2">
        <v>18850.0</v>
      </c>
      <c r="C23854" s="1" t="s">
        <v>5</v>
      </c>
      <c r="D23854" s="1" t="s">
        <v>20161</v>
      </c>
      <c r="E23854" s="1" t="s">
        <v>7</v>
      </c>
    </row>
    <row r="23855">
      <c r="A23855" s="1">
        <v>4.90946695E8</v>
      </c>
      <c r="B23855" s="2">
        <v>18787.0</v>
      </c>
      <c r="C23855" s="1" t="s">
        <v>5</v>
      </c>
      <c r="D23855" s="1" t="s">
        <v>20162</v>
      </c>
      <c r="E23855" s="1" t="s">
        <v>11</v>
      </c>
    </row>
    <row r="23856">
      <c r="A23856" s="1">
        <v>4.90946706E8</v>
      </c>
      <c r="B23856" s="2">
        <v>18744.0</v>
      </c>
      <c r="C23856" s="1" t="s">
        <v>5</v>
      </c>
      <c r="D23856" s="1" t="s">
        <v>20163</v>
      </c>
      <c r="E23856" s="1" t="s">
        <v>7</v>
      </c>
    </row>
    <row r="23857">
      <c r="A23857" s="1">
        <v>4.90946835E8</v>
      </c>
      <c r="B23857" s="2">
        <v>18717.0</v>
      </c>
      <c r="C23857" s="1" t="s">
        <v>5</v>
      </c>
      <c r="D23857" s="1" t="s">
        <v>20164</v>
      </c>
      <c r="E23857" s="1" t="s">
        <v>7</v>
      </c>
    </row>
    <row r="23858">
      <c r="A23858" s="1">
        <v>4.90946949E8</v>
      </c>
      <c r="B23858" s="2">
        <v>18791.0</v>
      </c>
      <c r="C23858" s="1" t="s">
        <v>5</v>
      </c>
      <c r="D23858" s="1" t="s">
        <v>14519</v>
      </c>
      <c r="E23858" s="1" t="s">
        <v>7</v>
      </c>
    </row>
    <row r="23859">
      <c r="A23859" s="1">
        <v>4.90947041E8</v>
      </c>
      <c r="B23859" s="2">
        <v>18849.0</v>
      </c>
      <c r="C23859" s="1" t="s">
        <v>5</v>
      </c>
      <c r="D23859" s="1" t="s">
        <v>20165</v>
      </c>
      <c r="E23859" s="1" t="s">
        <v>7</v>
      </c>
    </row>
    <row r="23860">
      <c r="A23860" s="1">
        <v>4.90947171E8</v>
      </c>
      <c r="B23860" s="2">
        <v>18841.0</v>
      </c>
      <c r="C23860" s="1" t="s">
        <v>5</v>
      </c>
      <c r="D23860" s="1" t="s">
        <v>20166</v>
      </c>
      <c r="E23860" s="1" t="s">
        <v>7</v>
      </c>
    </row>
    <row r="23861">
      <c r="A23861" s="1">
        <v>4.90947459E8</v>
      </c>
      <c r="B23861" s="2">
        <v>18781.0</v>
      </c>
      <c r="C23861" s="1" t="s">
        <v>5</v>
      </c>
      <c r="D23861" s="1" t="s">
        <v>20167</v>
      </c>
      <c r="E23861" s="1" t="s">
        <v>7</v>
      </c>
    </row>
    <row r="23862">
      <c r="A23862" s="1">
        <v>4.9094748E8</v>
      </c>
      <c r="B23862" s="2">
        <v>18840.0</v>
      </c>
      <c r="C23862" s="1" t="s">
        <v>5</v>
      </c>
      <c r="D23862" s="1" t="s">
        <v>20168</v>
      </c>
      <c r="E23862" s="1" t="s">
        <v>7</v>
      </c>
    </row>
    <row r="23863">
      <c r="A23863" s="1">
        <v>4.90947725E8</v>
      </c>
      <c r="B23863" s="2">
        <v>18729.0</v>
      </c>
      <c r="C23863" s="1" t="s">
        <v>5</v>
      </c>
      <c r="D23863" s="1" t="s">
        <v>20169</v>
      </c>
      <c r="E23863" s="1" t="s">
        <v>7</v>
      </c>
    </row>
    <row r="23864">
      <c r="A23864" s="1">
        <v>4.90947732E8</v>
      </c>
      <c r="B23864" s="2">
        <v>18852.0</v>
      </c>
      <c r="C23864" s="1" t="s">
        <v>5</v>
      </c>
      <c r="D23864" s="1" t="s">
        <v>20170</v>
      </c>
      <c r="E23864" s="1" t="s">
        <v>11</v>
      </c>
    </row>
    <row r="23865">
      <c r="A23865" s="1">
        <v>4.9094777E8</v>
      </c>
      <c r="B23865" s="2">
        <v>18898.0</v>
      </c>
      <c r="C23865" s="1" t="s">
        <v>5</v>
      </c>
      <c r="D23865" s="1" t="s">
        <v>11</v>
      </c>
      <c r="E23865" s="1" t="s">
        <v>7</v>
      </c>
    </row>
    <row r="23866">
      <c r="A23866" s="1">
        <v>4.90947775E8</v>
      </c>
      <c r="B23866" s="2">
        <v>18852.0</v>
      </c>
      <c r="C23866" s="1" t="s">
        <v>5</v>
      </c>
      <c r="D23866" s="1" t="s">
        <v>20171</v>
      </c>
      <c r="E23866" s="1" t="s">
        <v>11</v>
      </c>
    </row>
    <row r="23867">
      <c r="A23867" s="1">
        <v>4.90947805E8</v>
      </c>
      <c r="B23867" s="2">
        <v>18781.0</v>
      </c>
      <c r="C23867" s="1" t="s">
        <v>5</v>
      </c>
      <c r="D23867" s="1" t="s">
        <v>11</v>
      </c>
      <c r="E23867" s="1" t="s">
        <v>7</v>
      </c>
    </row>
    <row r="23868">
      <c r="A23868" s="1">
        <v>4.90948001E8</v>
      </c>
      <c r="B23868" s="2">
        <v>18893.0</v>
      </c>
      <c r="C23868" s="1" t="s">
        <v>5</v>
      </c>
      <c r="D23868" s="1" t="s">
        <v>20172</v>
      </c>
      <c r="E23868" s="1" t="s">
        <v>7</v>
      </c>
    </row>
    <row r="23869">
      <c r="A23869" s="1">
        <v>4.90948059E8</v>
      </c>
      <c r="B23869" s="2">
        <v>18852.0</v>
      </c>
      <c r="C23869" s="1" t="s">
        <v>5</v>
      </c>
      <c r="D23869" s="1" t="s">
        <v>20173</v>
      </c>
      <c r="E23869" s="1" t="s">
        <v>7</v>
      </c>
    </row>
    <row r="23870">
      <c r="A23870" s="1">
        <v>4.90948081E8</v>
      </c>
      <c r="B23870" s="2">
        <v>18836.0</v>
      </c>
      <c r="C23870" s="1" t="s">
        <v>5</v>
      </c>
      <c r="D23870" s="1" t="s">
        <v>20174</v>
      </c>
      <c r="E23870" s="1" t="s">
        <v>7</v>
      </c>
    </row>
    <row r="23871">
      <c r="A23871" s="1">
        <v>4.909481E8</v>
      </c>
      <c r="B23871" s="2">
        <v>18898.0</v>
      </c>
      <c r="C23871" s="1" t="s">
        <v>5</v>
      </c>
      <c r="D23871" s="1" t="s">
        <v>20175</v>
      </c>
      <c r="E23871" s="1" t="s">
        <v>20176</v>
      </c>
    </row>
    <row r="23872">
      <c r="A23872" s="1">
        <v>4.9094824E8</v>
      </c>
      <c r="B23872" s="2">
        <v>18780.0</v>
      </c>
      <c r="C23872" s="1" t="s">
        <v>5</v>
      </c>
      <c r="D23872" s="1" t="s">
        <v>20177</v>
      </c>
      <c r="E23872" s="1" t="s">
        <v>7</v>
      </c>
    </row>
    <row r="23873">
      <c r="A23873" s="1">
        <v>4.90948285E8</v>
      </c>
      <c r="B23873" s="2">
        <v>18847.0</v>
      </c>
      <c r="C23873" s="1" t="s">
        <v>5</v>
      </c>
      <c r="D23873" s="1" t="s">
        <v>20178</v>
      </c>
      <c r="E23873" s="1" t="s">
        <v>11</v>
      </c>
    </row>
    <row r="23874">
      <c r="A23874" s="1">
        <v>4.90948297E8</v>
      </c>
      <c r="B23874" s="2">
        <v>18859.0</v>
      </c>
      <c r="C23874" s="1" t="s">
        <v>5</v>
      </c>
      <c r="D23874" s="1" t="s">
        <v>20179</v>
      </c>
      <c r="E23874" s="1" t="s">
        <v>7</v>
      </c>
    </row>
    <row r="23875">
      <c r="A23875" s="1">
        <v>4.90948305E8</v>
      </c>
      <c r="B23875" s="2">
        <v>18847.0</v>
      </c>
      <c r="C23875" s="1" t="s">
        <v>5</v>
      </c>
      <c r="D23875" s="1" t="s">
        <v>11</v>
      </c>
      <c r="E23875" s="1" t="s">
        <v>7</v>
      </c>
    </row>
    <row r="23876">
      <c r="A23876" s="1">
        <v>4.90948325E8</v>
      </c>
      <c r="B23876" s="2">
        <v>18891.0</v>
      </c>
      <c r="C23876" s="1" t="s">
        <v>5</v>
      </c>
      <c r="D23876" s="1" t="s">
        <v>20180</v>
      </c>
      <c r="E23876" s="1" t="s">
        <v>11</v>
      </c>
    </row>
    <row r="23877">
      <c r="A23877" s="1">
        <v>4.90948509E8</v>
      </c>
      <c r="B23877" s="2">
        <v>18847.0</v>
      </c>
      <c r="C23877" s="1" t="s">
        <v>5</v>
      </c>
      <c r="D23877" s="1" t="s">
        <v>20181</v>
      </c>
      <c r="E23877" s="1" t="s">
        <v>20182</v>
      </c>
    </row>
    <row r="23878">
      <c r="A23878" s="1">
        <v>4.9094851E8</v>
      </c>
      <c r="B23878" s="2">
        <v>18858.0</v>
      </c>
      <c r="C23878" s="1" t="s">
        <v>5</v>
      </c>
      <c r="D23878" s="1" t="s">
        <v>20183</v>
      </c>
      <c r="E23878" s="1" t="s">
        <v>11</v>
      </c>
    </row>
    <row r="23879">
      <c r="A23879" s="1">
        <v>4.90948511E8</v>
      </c>
      <c r="B23879" s="2">
        <v>18836.0</v>
      </c>
      <c r="C23879" s="1" t="s">
        <v>5</v>
      </c>
      <c r="D23879" s="1" t="s">
        <v>11</v>
      </c>
      <c r="E23879" s="1" t="s">
        <v>7</v>
      </c>
    </row>
    <row r="23880">
      <c r="A23880" s="1">
        <v>4.90948525E8</v>
      </c>
      <c r="B23880" s="2">
        <v>18847.0</v>
      </c>
      <c r="C23880" s="1" t="s">
        <v>5</v>
      </c>
      <c r="D23880" s="1" t="s">
        <v>20184</v>
      </c>
      <c r="E23880" s="1" t="s">
        <v>20185</v>
      </c>
    </row>
    <row r="23881">
      <c r="A23881" s="1">
        <v>4.90948566E8</v>
      </c>
      <c r="B23881" s="2">
        <v>18836.0</v>
      </c>
      <c r="C23881" s="1" t="s">
        <v>5</v>
      </c>
      <c r="D23881" s="1" t="s">
        <v>20186</v>
      </c>
      <c r="E23881" s="1" t="s">
        <v>7</v>
      </c>
    </row>
    <row r="23882">
      <c r="A23882" s="1">
        <v>4.9094858E8</v>
      </c>
      <c r="B23882" s="2">
        <v>18889.0</v>
      </c>
      <c r="C23882" s="1" t="s">
        <v>5</v>
      </c>
      <c r="D23882" s="1" t="s">
        <v>20187</v>
      </c>
      <c r="E23882" s="1" t="s">
        <v>11</v>
      </c>
    </row>
    <row r="23883">
      <c r="A23883" s="1">
        <v>4.90948728E8</v>
      </c>
      <c r="B23883" s="2">
        <v>18901.0</v>
      </c>
      <c r="C23883" s="1" t="s">
        <v>5</v>
      </c>
      <c r="D23883" s="1" t="s">
        <v>20188</v>
      </c>
      <c r="E23883" s="1" t="s">
        <v>11</v>
      </c>
    </row>
    <row r="23884">
      <c r="A23884" s="1">
        <v>4.90948767E8</v>
      </c>
      <c r="B23884" s="2">
        <v>18901.0</v>
      </c>
      <c r="C23884" s="1" t="s">
        <v>5</v>
      </c>
      <c r="D23884" s="1" t="s">
        <v>11</v>
      </c>
      <c r="E23884" s="1" t="s">
        <v>7</v>
      </c>
    </row>
    <row r="23885">
      <c r="A23885" s="1">
        <v>4.9094877E8</v>
      </c>
      <c r="B23885" s="2">
        <v>18847.0</v>
      </c>
      <c r="C23885" s="1" t="s">
        <v>5</v>
      </c>
      <c r="D23885" s="1" t="s">
        <v>20189</v>
      </c>
      <c r="E23885" s="1" t="s">
        <v>7</v>
      </c>
    </row>
    <row r="23886">
      <c r="A23886" s="1">
        <v>4.90948866E8</v>
      </c>
      <c r="B23886" s="2">
        <v>18831.0</v>
      </c>
      <c r="C23886" s="1" t="s">
        <v>5</v>
      </c>
      <c r="D23886" s="1" t="s">
        <v>20190</v>
      </c>
      <c r="E23886" s="1" t="s">
        <v>11</v>
      </c>
    </row>
    <row r="23887">
      <c r="A23887" s="1">
        <v>4.90948881E8</v>
      </c>
      <c r="B23887" s="2">
        <v>18826.0</v>
      </c>
      <c r="C23887" s="1" t="s">
        <v>5</v>
      </c>
      <c r="D23887" s="1" t="s">
        <v>18110</v>
      </c>
      <c r="E23887" s="1" t="s">
        <v>7</v>
      </c>
    </row>
    <row r="23888">
      <c r="A23888" s="1">
        <v>4.90948895E8</v>
      </c>
      <c r="B23888" s="2">
        <v>18838.0</v>
      </c>
      <c r="C23888" s="1" t="s">
        <v>5</v>
      </c>
      <c r="D23888" s="1" t="s">
        <v>20191</v>
      </c>
      <c r="E23888" s="1" t="s">
        <v>7</v>
      </c>
    </row>
    <row r="23889">
      <c r="A23889" s="1">
        <v>4.90949081E8</v>
      </c>
      <c r="B23889" s="2">
        <v>18899.0</v>
      </c>
      <c r="C23889" s="1" t="s">
        <v>5</v>
      </c>
      <c r="D23889" s="1" t="s">
        <v>20192</v>
      </c>
      <c r="E23889" s="1" t="s">
        <v>20193</v>
      </c>
    </row>
    <row r="23890">
      <c r="A23890" s="1">
        <v>4.90949174E8</v>
      </c>
      <c r="B23890" s="2">
        <v>18960.0</v>
      </c>
      <c r="C23890" s="1" t="s">
        <v>5</v>
      </c>
      <c r="D23890" s="1" t="s">
        <v>11</v>
      </c>
      <c r="E23890" s="1" t="s">
        <v>7</v>
      </c>
    </row>
    <row r="23891">
      <c r="A23891" s="1">
        <v>4.90949245E8</v>
      </c>
      <c r="B23891" s="2">
        <v>18885.0</v>
      </c>
      <c r="C23891" s="1" t="s">
        <v>5</v>
      </c>
      <c r="D23891" s="1" t="s">
        <v>20194</v>
      </c>
      <c r="E23891" s="1" t="s">
        <v>20195</v>
      </c>
    </row>
    <row r="23892">
      <c r="A23892" s="1">
        <v>4.90949391E8</v>
      </c>
      <c r="B23892" s="2">
        <v>18843.0</v>
      </c>
      <c r="C23892" s="1" t="s">
        <v>5</v>
      </c>
      <c r="D23892" s="1" t="s">
        <v>20196</v>
      </c>
      <c r="E23892" s="1" t="s">
        <v>20197</v>
      </c>
    </row>
    <row r="23893">
      <c r="A23893" s="1">
        <v>4.90949396E8</v>
      </c>
      <c r="B23893" s="2">
        <v>18959.0</v>
      </c>
      <c r="C23893" s="1" t="s">
        <v>5</v>
      </c>
      <c r="D23893" s="1" t="s">
        <v>11</v>
      </c>
      <c r="E23893" s="1" t="s">
        <v>7</v>
      </c>
    </row>
    <row r="23894">
      <c r="A23894" s="1">
        <v>4.9094947E8</v>
      </c>
      <c r="B23894" s="2">
        <v>18843.0</v>
      </c>
      <c r="C23894" s="1" t="s">
        <v>5</v>
      </c>
      <c r="D23894" s="1" t="s">
        <v>20198</v>
      </c>
      <c r="E23894" s="1" t="s">
        <v>7</v>
      </c>
    </row>
    <row r="23895">
      <c r="A23895" s="1">
        <v>4.90949534E8</v>
      </c>
      <c r="B23895" s="2">
        <v>18953.0</v>
      </c>
      <c r="C23895" s="1" t="s">
        <v>5</v>
      </c>
      <c r="D23895" s="1" t="s">
        <v>20199</v>
      </c>
      <c r="E23895" s="1" t="s">
        <v>11</v>
      </c>
    </row>
    <row r="23896">
      <c r="A23896" s="1">
        <v>4.90949539E8</v>
      </c>
      <c r="B23896" s="2">
        <v>18695.0</v>
      </c>
      <c r="C23896" s="1" t="s">
        <v>5</v>
      </c>
      <c r="D23896" s="1" t="s">
        <v>20200</v>
      </c>
      <c r="E23896" s="1" t="s">
        <v>7</v>
      </c>
    </row>
    <row r="23897">
      <c r="A23897" s="1">
        <v>4.90949779E8</v>
      </c>
      <c r="B23897" s="2">
        <v>18827.0</v>
      </c>
      <c r="C23897" s="1" t="s">
        <v>5</v>
      </c>
      <c r="D23897" s="1" t="s">
        <v>11</v>
      </c>
      <c r="E23897" s="1" t="s">
        <v>7</v>
      </c>
    </row>
    <row r="23898">
      <c r="A23898" s="1">
        <v>4.90949956E8</v>
      </c>
      <c r="B23898" s="2">
        <v>18959.0</v>
      </c>
      <c r="C23898" s="1" t="s">
        <v>5</v>
      </c>
      <c r="D23898" s="1" t="s">
        <v>20201</v>
      </c>
      <c r="E23898" s="1" t="s">
        <v>7</v>
      </c>
    </row>
    <row r="23899">
      <c r="A23899" s="1">
        <v>4.90949971E8</v>
      </c>
      <c r="B23899" s="2">
        <v>18901.0</v>
      </c>
      <c r="C23899" s="1" t="s">
        <v>5</v>
      </c>
      <c r="D23899" s="1" t="s">
        <v>20202</v>
      </c>
      <c r="E23899" s="1" t="s">
        <v>7</v>
      </c>
    </row>
    <row r="23900">
      <c r="A23900" s="1">
        <v>4.90949991E8</v>
      </c>
      <c r="B23900" s="2">
        <v>18889.0</v>
      </c>
      <c r="C23900" s="1" t="s">
        <v>5</v>
      </c>
      <c r="D23900" s="1" t="s">
        <v>11</v>
      </c>
      <c r="E23900" s="1" t="s">
        <v>7</v>
      </c>
    </row>
    <row r="23901">
      <c r="A23901" s="1">
        <v>4.90950011E8</v>
      </c>
      <c r="B23901" s="2">
        <v>18891.0</v>
      </c>
      <c r="C23901" s="1" t="s">
        <v>5</v>
      </c>
      <c r="D23901" s="1" t="s">
        <v>20203</v>
      </c>
      <c r="E23901" s="1" t="s">
        <v>7</v>
      </c>
    </row>
    <row r="23902">
      <c r="A23902" s="1">
        <v>4.90950036E8</v>
      </c>
      <c r="B23902" s="2">
        <v>18901.0</v>
      </c>
      <c r="C23902" s="1" t="s">
        <v>5</v>
      </c>
      <c r="D23902" s="1" t="s">
        <v>20204</v>
      </c>
      <c r="E23902" s="1" t="s">
        <v>7</v>
      </c>
    </row>
    <row r="23903">
      <c r="A23903" s="1">
        <v>4.90950059E8</v>
      </c>
      <c r="B23903" s="2">
        <v>18880.0</v>
      </c>
      <c r="C23903" s="1" t="s">
        <v>5</v>
      </c>
      <c r="D23903" s="1" t="s">
        <v>11</v>
      </c>
      <c r="E23903" s="1" t="s">
        <v>7</v>
      </c>
    </row>
    <row r="23904">
      <c r="A23904" s="1">
        <v>4.90950118E8</v>
      </c>
      <c r="B23904" s="2">
        <v>18896.0</v>
      </c>
      <c r="C23904" s="1" t="s">
        <v>5</v>
      </c>
      <c r="D23904" s="1" t="s">
        <v>20205</v>
      </c>
      <c r="E23904" s="1" t="s">
        <v>20206</v>
      </c>
    </row>
    <row r="23905">
      <c r="A23905" s="1">
        <v>4.90950166E8</v>
      </c>
      <c r="B23905" s="2">
        <v>18821.0</v>
      </c>
      <c r="C23905" s="1" t="s">
        <v>5</v>
      </c>
      <c r="D23905" s="1" t="s">
        <v>11</v>
      </c>
      <c r="E23905" s="1" t="s">
        <v>7</v>
      </c>
    </row>
    <row r="23906">
      <c r="A23906" s="1">
        <v>4.90950339E8</v>
      </c>
      <c r="B23906" s="2">
        <v>18885.0</v>
      </c>
      <c r="C23906" s="1" t="s">
        <v>5</v>
      </c>
      <c r="D23906" s="1" t="s">
        <v>7</v>
      </c>
      <c r="E23906" s="1" t="s">
        <v>7</v>
      </c>
    </row>
    <row r="23907">
      <c r="A23907" s="1">
        <v>4.90950366E8</v>
      </c>
      <c r="B23907" s="2">
        <v>18827.0</v>
      </c>
      <c r="C23907" s="1" t="s">
        <v>5</v>
      </c>
      <c r="D23907" s="1" t="s">
        <v>11</v>
      </c>
      <c r="E23907" s="1" t="s">
        <v>7</v>
      </c>
    </row>
    <row r="23908">
      <c r="A23908" s="1">
        <v>4.90950487E8</v>
      </c>
      <c r="B23908" s="2">
        <v>18940.0</v>
      </c>
      <c r="C23908" s="1" t="s">
        <v>5</v>
      </c>
      <c r="D23908" s="1" t="s">
        <v>11</v>
      </c>
      <c r="E23908" s="1" t="s">
        <v>7</v>
      </c>
    </row>
    <row r="23909">
      <c r="A23909" s="1">
        <v>4.9095053E8</v>
      </c>
      <c r="B23909" s="2">
        <v>18946.0</v>
      </c>
      <c r="C23909" s="1" t="s">
        <v>5</v>
      </c>
      <c r="D23909" s="1" t="s">
        <v>20207</v>
      </c>
      <c r="E23909" s="1" t="s">
        <v>7</v>
      </c>
    </row>
    <row r="23910">
      <c r="A23910" s="1">
        <v>4.90950539E8</v>
      </c>
      <c r="B23910" s="2">
        <v>18884.0</v>
      </c>
      <c r="C23910" s="1" t="s">
        <v>5</v>
      </c>
      <c r="D23910" s="1" t="s">
        <v>20208</v>
      </c>
      <c r="E23910" s="1" t="s">
        <v>11</v>
      </c>
    </row>
    <row r="23911">
      <c r="A23911" s="1">
        <v>4.9095058E8</v>
      </c>
      <c r="B23911" s="2">
        <v>18878.0</v>
      </c>
      <c r="C23911" s="1" t="s">
        <v>5</v>
      </c>
      <c r="D23911" s="1" t="s">
        <v>20209</v>
      </c>
      <c r="E23911" s="1" t="s">
        <v>7</v>
      </c>
    </row>
    <row r="23912">
      <c r="A23912" s="1">
        <v>4.90950612E8</v>
      </c>
      <c r="B23912" s="2">
        <v>18826.0</v>
      </c>
      <c r="C23912" s="1" t="s">
        <v>5</v>
      </c>
      <c r="D23912" s="1" t="s">
        <v>20210</v>
      </c>
      <c r="E23912" s="1" t="s">
        <v>7</v>
      </c>
    </row>
    <row r="23913">
      <c r="A23913" s="1">
        <v>4.90950636E8</v>
      </c>
      <c r="B23913" s="2">
        <v>18814.0</v>
      </c>
      <c r="C23913" s="1" t="s">
        <v>5</v>
      </c>
      <c r="D23913" s="1" t="s">
        <v>7</v>
      </c>
      <c r="E23913" s="1" t="s">
        <v>7</v>
      </c>
    </row>
    <row r="23914">
      <c r="A23914" s="1">
        <v>4.90950688E8</v>
      </c>
      <c r="B23914" s="2">
        <v>18945.0</v>
      </c>
      <c r="C23914" s="1" t="s">
        <v>5</v>
      </c>
      <c r="D23914" s="1" t="s">
        <v>20211</v>
      </c>
      <c r="E23914" s="1" t="s">
        <v>11</v>
      </c>
    </row>
    <row r="23915">
      <c r="A23915" s="1">
        <v>4.90950885E8</v>
      </c>
      <c r="B23915" s="2">
        <v>18955.0</v>
      </c>
      <c r="C23915" s="1" t="s">
        <v>5</v>
      </c>
      <c r="D23915" s="1" t="s">
        <v>20212</v>
      </c>
      <c r="E23915" s="1" t="s">
        <v>7</v>
      </c>
    </row>
    <row r="23916">
      <c r="A23916" s="1">
        <v>4.90950889E8</v>
      </c>
      <c r="B23916" s="2">
        <v>18827.0</v>
      </c>
      <c r="C23916" s="1" t="s">
        <v>5</v>
      </c>
      <c r="D23916" s="1" t="s">
        <v>20213</v>
      </c>
      <c r="E23916" s="1" t="s">
        <v>11</v>
      </c>
    </row>
    <row r="23917">
      <c r="A23917" s="1">
        <v>4.9095105E8</v>
      </c>
      <c r="B23917" s="2">
        <v>18938.0</v>
      </c>
      <c r="C23917" s="1" t="s">
        <v>5</v>
      </c>
      <c r="D23917" s="1" t="s">
        <v>11</v>
      </c>
      <c r="E23917" s="1" t="s">
        <v>7</v>
      </c>
    </row>
    <row r="23918">
      <c r="A23918" s="1">
        <v>4.90951059E8</v>
      </c>
      <c r="B23918" s="2">
        <v>18943.0</v>
      </c>
      <c r="C23918" s="1" t="s">
        <v>5</v>
      </c>
      <c r="D23918" s="1" t="s">
        <v>11</v>
      </c>
      <c r="E23918" s="1" t="s">
        <v>7</v>
      </c>
    </row>
    <row r="23919">
      <c r="A23919" s="1">
        <v>4.9095116E8</v>
      </c>
      <c r="B23919" s="2">
        <v>18880.0</v>
      </c>
      <c r="C23919" s="1" t="s">
        <v>5</v>
      </c>
      <c r="D23919" s="1" t="s">
        <v>20214</v>
      </c>
      <c r="E23919" s="1" t="s">
        <v>11</v>
      </c>
    </row>
    <row r="23920">
      <c r="A23920" s="1">
        <v>4.90951205E8</v>
      </c>
      <c r="B23920" s="2">
        <v>18875.0</v>
      </c>
      <c r="C23920" s="1" t="s">
        <v>5</v>
      </c>
      <c r="D23920" s="1" t="s">
        <v>20215</v>
      </c>
      <c r="E23920" s="1" t="s">
        <v>7</v>
      </c>
    </row>
    <row r="23921">
      <c r="A23921" s="1">
        <v>4.90951321E8</v>
      </c>
      <c r="B23921" s="2">
        <v>18901.0</v>
      </c>
      <c r="C23921" s="1" t="s">
        <v>5</v>
      </c>
      <c r="D23921" s="1" t="s">
        <v>20216</v>
      </c>
      <c r="E23921" s="1" t="s">
        <v>20217</v>
      </c>
    </row>
    <row r="23922">
      <c r="A23922" s="1">
        <v>4.90951322E8</v>
      </c>
      <c r="B23922" s="2">
        <v>18943.0</v>
      </c>
      <c r="C23922" s="1" t="s">
        <v>5</v>
      </c>
      <c r="D23922" s="1" t="s">
        <v>20218</v>
      </c>
      <c r="E23922" s="1" t="s">
        <v>7</v>
      </c>
    </row>
    <row r="23923">
      <c r="A23923" s="1">
        <v>4.90951361E8</v>
      </c>
      <c r="B23923" s="2">
        <v>18950.0</v>
      </c>
      <c r="C23923" s="1" t="s">
        <v>5</v>
      </c>
      <c r="D23923" s="1" t="s">
        <v>20219</v>
      </c>
      <c r="E23923" s="1" t="s">
        <v>20220</v>
      </c>
    </row>
    <row r="23924">
      <c r="A23924" s="1">
        <v>4.9095153E8</v>
      </c>
      <c r="B23924" s="2">
        <v>18940.0</v>
      </c>
      <c r="C23924" s="1" t="s">
        <v>5</v>
      </c>
      <c r="D23924" s="1" t="s">
        <v>20221</v>
      </c>
      <c r="E23924" s="1" t="s">
        <v>7</v>
      </c>
    </row>
    <row r="23925">
      <c r="A23925" s="1">
        <v>4.90951811E8</v>
      </c>
      <c r="B23925" s="2">
        <v>18829.0</v>
      </c>
      <c r="C23925" s="1" t="s">
        <v>5</v>
      </c>
      <c r="D23925" s="1" t="s">
        <v>20222</v>
      </c>
      <c r="E23925" s="1" t="s">
        <v>7</v>
      </c>
    </row>
    <row r="23926">
      <c r="A23926" s="1">
        <v>4.90951879E8</v>
      </c>
      <c r="B23926" s="2">
        <v>18950.0</v>
      </c>
      <c r="C23926" s="1" t="s">
        <v>5</v>
      </c>
      <c r="D23926" s="1" t="s">
        <v>20223</v>
      </c>
      <c r="E23926" s="1" t="s">
        <v>7</v>
      </c>
    </row>
    <row r="23927">
      <c r="A23927" s="1">
        <v>4.90951935E8</v>
      </c>
      <c r="B23927" s="2">
        <v>18934.0</v>
      </c>
      <c r="C23927" s="1" t="s">
        <v>5</v>
      </c>
      <c r="D23927" s="1" t="s">
        <v>20224</v>
      </c>
      <c r="E23927" s="1" t="s">
        <v>7</v>
      </c>
    </row>
    <row r="23928">
      <c r="A23928" s="1">
        <v>4.90952036E8</v>
      </c>
      <c r="B23928" s="2">
        <v>18886.0</v>
      </c>
      <c r="C23928" s="1" t="s">
        <v>5</v>
      </c>
      <c r="D23928" s="1" t="s">
        <v>20225</v>
      </c>
      <c r="E23928" s="1" t="s">
        <v>20226</v>
      </c>
    </row>
    <row r="23929">
      <c r="A23929" s="1">
        <v>4.90952128E8</v>
      </c>
      <c r="B23929" s="2">
        <v>18942.0</v>
      </c>
      <c r="C23929" s="1" t="s">
        <v>5</v>
      </c>
      <c r="D23929" s="1" t="s">
        <v>20227</v>
      </c>
      <c r="E23929" s="1" t="s">
        <v>7</v>
      </c>
    </row>
    <row r="23930">
      <c r="A23930" s="1">
        <v>4.90952176E8</v>
      </c>
      <c r="B23930" s="2">
        <v>18884.0</v>
      </c>
      <c r="C23930" s="1" t="s">
        <v>5</v>
      </c>
      <c r="D23930" s="1" t="s">
        <v>20228</v>
      </c>
      <c r="E23930" s="1" t="s">
        <v>20229</v>
      </c>
    </row>
    <row r="23931">
      <c r="A23931" s="1">
        <v>4.9095219E8</v>
      </c>
      <c r="B23931" s="2">
        <v>18942.0</v>
      </c>
      <c r="C23931" s="1" t="s">
        <v>5</v>
      </c>
      <c r="D23931" s="1" t="s">
        <v>20230</v>
      </c>
      <c r="E23931" s="1" t="s">
        <v>11</v>
      </c>
    </row>
    <row r="23932">
      <c r="A23932" s="1">
        <v>4.9095223E8</v>
      </c>
      <c r="B23932" s="2">
        <v>18875.0</v>
      </c>
      <c r="C23932" s="1" t="s">
        <v>5</v>
      </c>
      <c r="D23932" s="1" t="s">
        <v>20231</v>
      </c>
      <c r="E23932" s="1" t="s">
        <v>20232</v>
      </c>
    </row>
    <row r="23933">
      <c r="A23933" s="1">
        <v>4.90952245E8</v>
      </c>
      <c r="B23933" s="2">
        <v>18931.0</v>
      </c>
      <c r="C23933" s="1" t="s">
        <v>5</v>
      </c>
      <c r="D23933" s="1" t="s">
        <v>20233</v>
      </c>
      <c r="E23933" s="1" t="s">
        <v>11</v>
      </c>
    </row>
    <row r="23934">
      <c r="A23934" s="1">
        <v>4.90952256E8</v>
      </c>
      <c r="B23934" s="2">
        <v>18738.0</v>
      </c>
      <c r="C23934" s="1" t="s">
        <v>5</v>
      </c>
      <c r="D23934" s="1" t="s">
        <v>20234</v>
      </c>
      <c r="E23934" s="1" t="s">
        <v>7</v>
      </c>
    </row>
    <row r="23935">
      <c r="A23935" s="1">
        <v>4.90952278E8</v>
      </c>
      <c r="B23935" s="2">
        <v>18931.0</v>
      </c>
      <c r="C23935" s="1" t="s">
        <v>5</v>
      </c>
      <c r="D23935" s="1" t="s">
        <v>20235</v>
      </c>
      <c r="E23935" s="1" t="s">
        <v>11</v>
      </c>
    </row>
    <row r="23936">
      <c r="A23936" s="1">
        <v>4.90952328E8</v>
      </c>
      <c r="B23936" s="2">
        <v>18899.0</v>
      </c>
      <c r="C23936" s="1" t="s">
        <v>5</v>
      </c>
      <c r="D23936" s="1" t="s">
        <v>20236</v>
      </c>
      <c r="E23936" s="1" t="s">
        <v>11</v>
      </c>
    </row>
    <row r="23937">
      <c r="A23937" s="1">
        <v>4.90952418E8</v>
      </c>
      <c r="B23937" s="2">
        <v>18873.0</v>
      </c>
      <c r="C23937" s="1" t="s">
        <v>5</v>
      </c>
      <c r="D23937" s="1" t="s">
        <v>20237</v>
      </c>
      <c r="E23937" s="1" t="s">
        <v>7</v>
      </c>
    </row>
    <row r="23938">
      <c r="A23938" s="1">
        <v>4.90952448E8</v>
      </c>
      <c r="B23938" s="2">
        <v>18814.0</v>
      </c>
      <c r="C23938" s="1" t="s">
        <v>5</v>
      </c>
      <c r="D23938" s="1" t="s">
        <v>20238</v>
      </c>
      <c r="E23938" s="1" t="s">
        <v>11</v>
      </c>
    </row>
    <row r="23939">
      <c r="A23939" s="1">
        <v>4.90952525E8</v>
      </c>
      <c r="B23939" s="2">
        <v>18814.0</v>
      </c>
      <c r="C23939" s="1" t="s">
        <v>5</v>
      </c>
      <c r="D23939" s="1" t="s">
        <v>20239</v>
      </c>
      <c r="E23939" s="1" t="s">
        <v>7</v>
      </c>
    </row>
    <row r="23940">
      <c r="A23940" s="1">
        <v>4.90952562E8</v>
      </c>
      <c r="B23940" s="2">
        <v>18871.0</v>
      </c>
      <c r="C23940" s="1" t="s">
        <v>5</v>
      </c>
      <c r="D23940" s="1" t="s">
        <v>20240</v>
      </c>
      <c r="E23940" s="1" t="s">
        <v>11</v>
      </c>
    </row>
    <row r="23941">
      <c r="A23941" s="1">
        <v>4.90952574E8</v>
      </c>
      <c r="B23941" s="2">
        <v>18873.0</v>
      </c>
      <c r="C23941" s="1" t="s">
        <v>5</v>
      </c>
      <c r="D23941" s="1" t="s">
        <v>20241</v>
      </c>
      <c r="E23941" s="1" t="s">
        <v>11</v>
      </c>
    </row>
    <row r="23942">
      <c r="A23942" s="1">
        <v>4.90952575E8</v>
      </c>
      <c r="B23942" s="2">
        <v>18939.0</v>
      </c>
      <c r="C23942" s="1" t="s">
        <v>5</v>
      </c>
      <c r="D23942" s="1" t="s">
        <v>20242</v>
      </c>
      <c r="E23942" s="1" t="s">
        <v>11</v>
      </c>
    </row>
    <row r="23943">
      <c r="A23943" s="1">
        <v>4.9095269E8</v>
      </c>
      <c r="B23943" s="2">
        <v>18880.0</v>
      </c>
      <c r="C23943" s="1" t="s">
        <v>5</v>
      </c>
      <c r="D23943" s="1" t="s">
        <v>20243</v>
      </c>
      <c r="E23943" s="1" t="s">
        <v>7</v>
      </c>
    </row>
    <row r="23944">
      <c r="A23944" s="1">
        <v>4.909527E8</v>
      </c>
      <c r="B23944" s="2">
        <v>18978.0</v>
      </c>
      <c r="C23944" s="1" t="s">
        <v>5</v>
      </c>
      <c r="D23944" s="1" t="s">
        <v>20244</v>
      </c>
      <c r="E23944" s="1" t="s">
        <v>11</v>
      </c>
    </row>
    <row r="23945">
      <c r="A23945" s="1">
        <v>4.90952725E8</v>
      </c>
      <c r="B23945" s="2">
        <v>18929.0</v>
      </c>
      <c r="C23945" s="1" t="s">
        <v>5</v>
      </c>
      <c r="D23945" s="1" t="s">
        <v>20245</v>
      </c>
      <c r="E23945" s="1" t="s">
        <v>20246</v>
      </c>
    </row>
    <row r="23946">
      <c r="A23946" s="1">
        <v>4.9095275E8</v>
      </c>
      <c r="B23946" s="2">
        <v>18978.0</v>
      </c>
      <c r="C23946" s="1" t="s">
        <v>5</v>
      </c>
      <c r="D23946" s="1" t="s">
        <v>20247</v>
      </c>
      <c r="E23946" s="1" t="s">
        <v>11</v>
      </c>
    </row>
    <row r="23947">
      <c r="A23947" s="1">
        <v>4.90952889E8</v>
      </c>
      <c r="B23947" s="2">
        <v>18880.0</v>
      </c>
      <c r="C23947" s="1" t="s">
        <v>5</v>
      </c>
      <c r="D23947" s="1" t="s">
        <v>20248</v>
      </c>
      <c r="E23947" s="1" t="s">
        <v>7</v>
      </c>
    </row>
    <row r="23948">
      <c r="A23948" s="1">
        <v>4.90952899E8</v>
      </c>
      <c r="B23948" s="2">
        <v>18879.0</v>
      </c>
      <c r="C23948" s="1" t="s">
        <v>5</v>
      </c>
      <c r="D23948" s="1" t="s">
        <v>20249</v>
      </c>
      <c r="E23948" s="1" t="s">
        <v>7</v>
      </c>
    </row>
    <row r="23949">
      <c r="A23949" s="1">
        <v>4.9095296E8</v>
      </c>
      <c r="B23949" s="2">
        <v>18990.0</v>
      </c>
      <c r="C23949" s="1" t="s">
        <v>5</v>
      </c>
      <c r="D23949" s="1" t="s">
        <v>20250</v>
      </c>
      <c r="E23949" s="1" t="s">
        <v>11</v>
      </c>
    </row>
    <row r="23950">
      <c r="A23950" s="1">
        <v>4.9095304E8</v>
      </c>
      <c r="B23950" s="2">
        <v>18889.0</v>
      </c>
      <c r="C23950" s="1" t="s">
        <v>5</v>
      </c>
      <c r="D23950" s="1" t="s">
        <v>11</v>
      </c>
      <c r="E23950" s="1" t="s">
        <v>7</v>
      </c>
    </row>
    <row r="23951">
      <c r="A23951" s="1">
        <v>4.90953049E8</v>
      </c>
      <c r="B23951" s="2">
        <v>18978.0</v>
      </c>
      <c r="C23951" s="1" t="s">
        <v>5</v>
      </c>
      <c r="D23951" s="1" t="s">
        <v>20251</v>
      </c>
      <c r="E23951" s="1" t="s">
        <v>20252</v>
      </c>
    </row>
    <row r="23952">
      <c r="A23952" s="1">
        <v>4.90953085E8</v>
      </c>
      <c r="B23952" s="2">
        <v>18878.0</v>
      </c>
      <c r="C23952" s="1" t="s">
        <v>5</v>
      </c>
      <c r="D23952" s="1" t="s">
        <v>20253</v>
      </c>
      <c r="E23952" s="1" t="s">
        <v>7</v>
      </c>
    </row>
    <row r="23953">
      <c r="A23953" s="1">
        <v>4.9095316E8</v>
      </c>
      <c r="B23953" s="2">
        <v>18978.0</v>
      </c>
      <c r="C23953" s="1" t="s">
        <v>5</v>
      </c>
      <c r="D23953" s="1" t="s">
        <v>20254</v>
      </c>
      <c r="E23953" s="1" t="s">
        <v>7</v>
      </c>
    </row>
    <row r="23954">
      <c r="A23954" s="1">
        <v>4.90953299E8</v>
      </c>
      <c r="B23954" s="2">
        <v>18933.0</v>
      </c>
      <c r="C23954" s="1" t="s">
        <v>5</v>
      </c>
      <c r="D23954" s="1" t="s">
        <v>20255</v>
      </c>
      <c r="E23954" s="1" t="s">
        <v>7</v>
      </c>
    </row>
    <row r="23955">
      <c r="A23955" s="1">
        <v>4.90953459E8</v>
      </c>
      <c r="B23955" s="2">
        <v>18884.0</v>
      </c>
      <c r="C23955" s="1" t="s">
        <v>5</v>
      </c>
      <c r="D23955" s="1" t="s">
        <v>11</v>
      </c>
      <c r="E23955" s="1" t="s">
        <v>7</v>
      </c>
    </row>
    <row r="23956">
      <c r="A23956" s="1">
        <v>4.9095348E8</v>
      </c>
      <c r="B23956" s="2">
        <v>18935.0</v>
      </c>
      <c r="C23956" s="1" t="s">
        <v>5</v>
      </c>
      <c r="D23956" s="1" t="s">
        <v>11</v>
      </c>
      <c r="E23956" s="1" t="s">
        <v>7</v>
      </c>
    </row>
    <row r="23957">
      <c r="A23957" s="1">
        <v>4.9095369E8</v>
      </c>
      <c r="B23957" s="2">
        <v>18928.0</v>
      </c>
      <c r="C23957" s="1" t="s">
        <v>5</v>
      </c>
      <c r="D23957" s="1" t="s">
        <v>11</v>
      </c>
      <c r="E23957" s="1" t="s">
        <v>7</v>
      </c>
    </row>
    <row r="23958">
      <c r="A23958" s="1">
        <v>4.90953722E8</v>
      </c>
      <c r="B23958" s="2">
        <v>18933.0</v>
      </c>
      <c r="C23958" s="1" t="s">
        <v>5</v>
      </c>
      <c r="D23958" s="1" t="s">
        <v>20256</v>
      </c>
      <c r="E23958" s="1" t="s">
        <v>11</v>
      </c>
    </row>
    <row r="23959">
      <c r="A23959" s="1">
        <v>4.90953819E8</v>
      </c>
      <c r="B23959" s="2">
        <v>18812.0</v>
      </c>
      <c r="C23959" s="1" t="s">
        <v>5</v>
      </c>
      <c r="D23959" s="1" t="s">
        <v>20257</v>
      </c>
      <c r="E23959" s="1" t="s">
        <v>7</v>
      </c>
    </row>
    <row r="23960">
      <c r="A23960" s="1">
        <v>4.9095395E8</v>
      </c>
      <c r="B23960" s="2">
        <v>18990.0</v>
      </c>
      <c r="C23960" s="1" t="s">
        <v>5</v>
      </c>
      <c r="D23960" s="1" t="s">
        <v>20258</v>
      </c>
      <c r="E23960" s="1" t="s">
        <v>7</v>
      </c>
    </row>
    <row r="23961">
      <c r="A23961" s="1">
        <v>4.90954291E8</v>
      </c>
      <c r="B23961" s="2">
        <v>18985.0</v>
      </c>
      <c r="C23961" s="1" t="s">
        <v>5</v>
      </c>
      <c r="D23961" s="1" t="s">
        <v>11</v>
      </c>
      <c r="E23961" s="1" t="s">
        <v>7</v>
      </c>
    </row>
    <row r="23962">
      <c r="A23962" s="1">
        <v>4.90954412E8</v>
      </c>
      <c r="B23962" s="2">
        <v>18985.0</v>
      </c>
      <c r="C23962" s="1" t="s">
        <v>5</v>
      </c>
      <c r="D23962" s="1" t="s">
        <v>20259</v>
      </c>
      <c r="E23962" s="1" t="s">
        <v>7</v>
      </c>
    </row>
    <row r="23963">
      <c r="A23963" s="1">
        <v>4.90954497E8</v>
      </c>
      <c r="B23963" s="2">
        <v>18872.0</v>
      </c>
      <c r="C23963" s="1" t="s">
        <v>5</v>
      </c>
      <c r="D23963" s="1" t="s">
        <v>20260</v>
      </c>
      <c r="E23963" s="1" t="s">
        <v>7</v>
      </c>
    </row>
    <row r="23964">
      <c r="A23964" s="1">
        <v>4.90954601E8</v>
      </c>
      <c r="B23964" s="2">
        <v>18988.0</v>
      </c>
      <c r="C23964" s="1" t="s">
        <v>5</v>
      </c>
      <c r="D23964" s="1" t="s">
        <v>20261</v>
      </c>
      <c r="E23964" s="1" t="s">
        <v>7</v>
      </c>
    </row>
    <row r="23965">
      <c r="A23965" s="1">
        <v>4.90954608E8</v>
      </c>
      <c r="B23965" s="2">
        <v>18985.0</v>
      </c>
      <c r="C23965" s="1" t="s">
        <v>5</v>
      </c>
      <c r="D23965" s="1" t="s">
        <v>20262</v>
      </c>
      <c r="E23965" s="1" t="s">
        <v>11</v>
      </c>
    </row>
    <row r="23966">
      <c r="A23966" s="1">
        <v>4.90954731E8</v>
      </c>
      <c r="B23966" s="2">
        <v>18915.0</v>
      </c>
      <c r="C23966" s="1" t="s">
        <v>5</v>
      </c>
      <c r="D23966" s="1" t="s">
        <v>20263</v>
      </c>
      <c r="E23966" s="1" t="s">
        <v>11</v>
      </c>
    </row>
    <row r="23967">
      <c r="A23967" s="1">
        <v>4.90954846E8</v>
      </c>
      <c r="B23967" s="2">
        <v>18984.0</v>
      </c>
      <c r="C23967" s="1" t="s">
        <v>5</v>
      </c>
      <c r="D23967" s="1" t="s">
        <v>11</v>
      </c>
      <c r="E23967" s="1" t="s">
        <v>7</v>
      </c>
    </row>
    <row r="23968">
      <c r="A23968" s="1">
        <v>4.90954847E8</v>
      </c>
      <c r="B23968" s="2">
        <v>18927.0</v>
      </c>
      <c r="C23968" s="1" t="s">
        <v>5</v>
      </c>
      <c r="D23968" s="1" t="s">
        <v>20264</v>
      </c>
      <c r="E23968" s="1" t="s">
        <v>20265</v>
      </c>
    </row>
    <row r="23969">
      <c r="A23969" s="1">
        <v>4.90954865E8</v>
      </c>
      <c r="B23969" s="2">
        <v>18983.0</v>
      </c>
      <c r="C23969" s="1" t="s">
        <v>5</v>
      </c>
      <c r="D23969" s="1" t="s">
        <v>20266</v>
      </c>
      <c r="E23969" s="1" t="s">
        <v>7</v>
      </c>
    </row>
    <row r="23970">
      <c r="A23970" s="1">
        <v>4.9095488E8</v>
      </c>
      <c r="B23970" s="2">
        <v>18983.0</v>
      </c>
      <c r="C23970" s="1" t="s">
        <v>5</v>
      </c>
      <c r="D23970" s="1" t="s">
        <v>20267</v>
      </c>
      <c r="E23970" s="1" t="s">
        <v>7</v>
      </c>
    </row>
    <row r="23971">
      <c r="A23971" s="1">
        <v>4.90954881E8</v>
      </c>
      <c r="B23971" s="2">
        <v>18984.0</v>
      </c>
      <c r="C23971" s="1" t="s">
        <v>5</v>
      </c>
      <c r="D23971" s="1" t="s">
        <v>20268</v>
      </c>
      <c r="E23971" s="1" t="s">
        <v>7</v>
      </c>
    </row>
    <row r="23972">
      <c r="A23972" s="1">
        <v>4.90955077E8</v>
      </c>
      <c r="B23972" s="2">
        <v>18987.0</v>
      </c>
      <c r="C23972" s="1" t="s">
        <v>5</v>
      </c>
      <c r="D23972" s="1" t="s">
        <v>11</v>
      </c>
      <c r="E23972" s="1" t="s">
        <v>7</v>
      </c>
    </row>
    <row r="23973">
      <c r="A23973" s="1">
        <v>4.90955126E8</v>
      </c>
      <c r="B23973" s="2">
        <v>18914.0</v>
      </c>
      <c r="C23973" s="1" t="s">
        <v>5</v>
      </c>
      <c r="D23973" s="1" t="s">
        <v>20269</v>
      </c>
      <c r="E23973" s="1" t="s">
        <v>7</v>
      </c>
    </row>
    <row r="23974">
      <c r="A23974" s="1">
        <v>4.90955158E8</v>
      </c>
      <c r="B23974" s="2">
        <v>18932.0</v>
      </c>
      <c r="C23974" s="1" t="s">
        <v>5</v>
      </c>
      <c r="D23974" s="1" t="s">
        <v>20270</v>
      </c>
      <c r="E23974" s="1" t="s">
        <v>7</v>
      </c>
    </row>
    <row r="23975">
      <c r="A23975" s="1">
        <v>4.9095523E8</v>
      </c>
      <c r="B23975" s="2">
        <v>18983.0</v>
      </c>
      <c r="C23975" s="1" t="s">
        <v>5</v>
      </c>
      <c r="D23975" s="1" t="s">
        <v>20271</v>
      </c>
      <c r="E23975" s="1" t="s">
        <v>7</v>
      </c>
    </row>
    <row r="23976">
      <c r="A23976" s="1">
        <v>4.90955288E8</v>
      </c>
      <c r="B23976" s="2">
        <v>18980.0</v>
      </c>
      <c r="C23976" s="1" t="s">
        <v>5</v>
      </c>
      <c r="D23976" s="1" t="s">
        <v>20272</v>
      </c>
      <c r="E23976" s="1" t="s">
        <v>7</v>
      </c>
    </row>
    <row r="23977">
      <c r="A23977" s="1">
        <v>4.90955355E8</v>
      </c>
      <c r="B23977" s="2">
        <v>18987.0</v>
      </c>
      <c r="C23977" s="1" t="s">
        <v>5</v>
      </c>
      <c r="D23977" s="1" t="s">
        <v>20273</v>
      </c>
      <c r="E23977" s="1" t="s">
        <v>7</v>
      </c>
    </row>
    <row r="23978">
      <c r="A23978" s="1">
        <v>4.90955377E8</v>
      </c>
      <c r="B23978" s="2">
        <v>18877.0</v>
      </c>
      <c r="C23978" s="1" t="s">
        <v>5</v>
      </c>
      <c r="D23978" s="1" t="s">
        <v>20274</v>
      </c>
      <c r="E23978" s="1" t="s">
        <v>7</v>
      </c>
    </row>
    <row r="23979">
      <c r="A23979" s="1">
        <v>4.90955479E8</v>
      </c>
      <c r="B23979" s="2">
        <v>18924.0</v>
      </c>
      <c r="C23979" s="1" t="s">
        <v>5</v>
      </c>
      <c r="D23979" s="1" t="s">
        <v>20275</v>
      </c>
      <c r="E23979" s="1" t="s">
        <v>7</v>
      </c>
    </row>
    <row r="23980">
      <c r="A23980" s="1">
        <v>4.90955489E8</v>
      </c>
      <c r="B23980" s="2">
        <v>18977.0</v>
      </c>
      <c r="C23980" s="1" t="s">
        <v>5</v>
      </c>
      <c r="D23980" s="1" t="s">
        <v>11</v>
      </c>
      <c r="E23980" s="1" t="s">
        <v>7</v>
      </c>
    </row>
    <row r="23981">
      <c r="A23981" s="1">
        <v>4.90955557E8</v>
      </c>
      <c r="B23981" s="2">
        <v>18872.0</v>
      </c>
      <c r="C23981" s="1" t="s">
        <v>5</v>
      </c>
      <c r="D23981" s="1" t="s">
        <v>20276</v>
      </c>
      <c r="E23981" s="1" t="s">
        <v>20277</v>
      </c>
    </row>
    <row r="23982">
      <c r="A23982" s="1">
        <v>4.90955651E8</v>
      </c>
      <c r="B23982" s="2">
        <v>18984.0</v>
      </c>
      <c r="C23982" s="1" t="s">
        <v>5</v>
      </c>
      <c r="D23982" s="1" t="s">
        <v>20278</v>
      </c>
      <c r="E23982" s="1" t="s">
        <v>11</v>
      </c>
    </row>
    <row r="23983">
      <c r="A23983" s="1">
        <v>4.90955765E8</v>
      </c>
      <c r="B23983" s="2">
        <v>18970.0</v>
      </c>
      <c r="C23983" s="1" t="s">
        <v>5</v>
      </c>
      <c r="D23983" s="1" t="s">
        <v>11</v>
      </c>
      <c r="E23983" s="1" t="s">
        <v>7</v>
      </c>
    </row>
    <row r="23984">
      <c r="A23984" s="1">
        <v>4.90955775E8</v>
      </c>
      <c r="B23984" s="2">
        <v>18910.0</v>
      </c>
      <c r="C23984" s="1" t="s">
        <v>5</v>
      </c>
      <c r="D23984" s="1" t="s">
        <v>11</v>
      </c>
      <c r="E23984" s="1" t="s">
        <v>7</v>
      </c>
    </row>
    <row r="23985">
      <c r="A23985" s="1">
        <v>4.90955921E8</v>
      </c>
      <c r="B23985" s="2">
        <v>18905.0</v>
      </c>
      <c r="C23985" s="1" t="s">
        <v>5</v>
      </c>
      <c r="D23985" s="1" t="s">
        <v>20279</v>
      </c>
      <c r="E23985" s="1" t="s">
        <v>7</v>
      </c>
    </row>
    <row r="23986">
      <c r="A23986" s="1">
        <v>4.9095594E8</v>
      </c>
      <c r="B23986" s="2">
        <v>18973.0</v>
      </c>
      <c r="C23986" s="1" t="s">
        <v>5</v>
      </c>
      <c r="D23986" s="1" t="s">
        <v>20280</v>
      </c>
      <c r="E23986" s="1" t="s">
        <v>7</v>
      </c>
    </row>
    <row r="23987">
      <c r="A23987" s="1">
        <v>4.9095608E8</v>
      </c>
      <c r="B23987" s="2">
        <v>18982.0</v>
      </c>
      <c r="C23987" s="1" t="s">
        <v>5</v>
      </c>
      <c r="D23987" s="1" t="s">
        <v>11</v>
      </c>
      <c r="E23987" s="1" t="s">
        <v>7</v>
      </c>
    </row>
    <row r="23988">
      <c r="A23988" s="1">
        <v>4.90956285E8</v>
      </c>
      <c r="B23988" s="2">
        <v>18906.0</v>
      </c>
      <c r="C23988" s="1" t="s">
        <v>5</v>
      </c>
      <c r="D23988" s="1" t="s">
        <v>20281</v>
      </c>
      <c r="E23988" s="1" t="s">
        <v>20282</v>
      </c>
    </row>
    <row r="23989">
      <c r="A23989" s="1">
        <v>4.90956307E8</v>
      </c>
      <c r="B23989" s="2">
        <v>18904.0</v>
      </c>
      <c r="C23989" s="1" t="s">
        <v>5</v>
      </c>
      <c r="D23989" s="1" t="s">
        <v>20283</v>
      </c>
      <c r="E23989" s="1" t="s">
        <v>7</v>
      </c>
    </row>
    <row r="23990">
      <c r="A23990" s="1">
        <v>4.90956365E8</v>
      </c>
      <c r="B23990" s="2">
        <v>18911.0</v>
      </c>
      <c r="C23990" s="1" t="s">
        <v>5</v>
      </c>
      <c r="D23990" s="1" t="s">
        <v>20284</v>
      </c>
      <c r="E23990" s="1" t="s">
        <v>20285</v>
      </c>
    </row>
    <row r="23991">
      <c r="A23991" s="1">
        <v>4.90956394E8</v>
      </c>
      <c r="B23991" s="2">
        <v>18971.0</v>
      </c>
      <c r="C23991" s="1" t="s">
        <v>5</v>
      </c>
      <c r="D23991" s="1" t="s">
        <v>20286</v>
      </c>
      <c r="E23991" s="1" t="s">
        <v>11</v>
      </c>
    </row>
    <row r="23992">
      <c r="A23992" s="1">
        <v>4.9095648E8</v>
      </c>
      <c r="B23992" s="2">
        <v>18975.0</v>
      </c>
      <c r="C23992" s="1" t="s">
        <v>5</v>
      </c>
      <c r="D23992" s="1" t="s">
        <v>20287</v>
      </c>
      <c r="E23992" s="1" t="s">
        <v>11</v>
      </c>
    </row>
    <row r="23993">
      <c r="A23993" s="1">
        <v>4.90956725E8</v>
      </c>
      <c r="B23993" s="2">
        <v>18920.0</v>
      </c>
      <c r="C23993" s="1" t="s">
        <v>5</v>
      </c>
      <c r="D23993" s="1" t="s">
        <v>20288</v>
      </c>
      <c r="E23993" s="1" t="s">
        <v>7</v>
      </c>
    </row>
    <row r="23994">
      <c r="A23994" s="1">
        <v>4.90956887E8</v>
      </c>
      <c r="B23994" s="2">
        <v>18984.0</v>
      </c>
      <c r="C23994" s="1" t="s">
        <v>5</v>
      </c>
      <c r="D23994" s="1" t="s">
        <v>20289</v>
      </c>
      <c r="E23994" s="1" t="s">
        <v>7</v>
      </c>
    </row>
    <row r="23995">
      <c r="A23995" s="1">
        <v>4.90956931E8</v>
      </c>
      <c r="B23995" s="2">
        <v>18973.0</v>
      </c>
      <c r="C23995" s="1" t="s">
        <v>5</v>
      </c>
      <c r="D23995" s="1" t="s">
        <v>11</v>
      </c>
      <c r="E23995" s="1" t="s">
        <v>7</v>
      </c>
    </row>
    <row r="23996">
      <c r="A23996" s="1">
        <v>4.90956939E8</v>
      </c>
      <c r="B23996" s="2">
        <v>18981.0</v>
      </c>
      <c r="C23996" s="1" t="s">
        <v>5</v>
      </c>
      <c r="D23996" s="1" t="s">
        <v>20290</v>
      </c>
      <c r="E23996" s="1" t="s">
        <v>7</v>
      </c>
    </row>
    <row r="23997">
      <c r="A23997" s="1">
        <v>4.90956971E8</v>
      </c>
      <c r="B23997" s="2">
        <v>18971.0</v>
      </c>
      <c r="C23997" s="1" t="s">
        <v>5</v>
      </c>
      <c r="D23997" s="1" t="s">
        <v>20291</v>
      </c>
      <c r="E23997" s="1" t="s">
        <v>7</v>
      </c>
    </row>
    <row r="23998">
      <c r="A23998" s="1">
        <v>4.90957042E8</v>
      </c>
      <c r="B23998" s="2">
        <v>18998.0</v>
      </c>
      <c r="C23998" s="1" t="s">
        <v>5</v>
      </c>
      <c r="D23998" s="1" t="s">
        <v>11</v>
      </c>
      <c r="E23998" s="1" t="s">
        <v>7</v>
      </c>
    </row>
    <row r="23999">
      <c r="A23999" s="1">
        <v>4.90957086E8</v>
      </c>
      <c r="B23999" s="2">
        <v>18969.0</v>
      </c>
      <c r="C23999" s="1" t="s">
        <v>5</v>
      </c>
      <c r="D23999" s="1" t="s">
        <v>11</v>
      </c>
      <c r="E23999" s="1" t="s">
        <v>7</v>
      </c>
    </row>
    <row r="24000">
      <c r="A24000" s="1">
        <v>4.90957119E8</v>
      </c>
      <c r="B24000" s="2">
        <v>18976.0</v>
      </c>
      <c r="C24000" s="1" t="s">
        <v>5</v>
      </c>
      <c r="D24000" s="1" t="s">
        <v>20292</v>
      </c>
      <c r="E24000" s="1" t="s">
        <v>11</v>
      </c>
    </row>
    <row r="24001">
      <c r="A24001" s="1">
        <v>4.90957166E8</v>
      </c>
      <c r="B24001" s="2">
        <v>19024.0</v>
      </c>
      <c r="C24001" s="1" t="s">
        <v>5</v>
      </c>
      <c r="D24001" s="1" t="s">
        <v>20293</v>
      </c>
      <c r="E24001" s="1" t="s">
        <v>11</v>
      </c>
    </row>
    <row r="24002">
      <c r="A24002" s="1">
        <v>4.90957171E8</v>
      </c>
      <c r="B24002" s="2">
        <v>18964.0</v>
      </c>
      <c r="C24002" s="1" t="s">
        <v>5</v>
      </c>
      <c r="D24002" s="1" t="s">
        <v>20294</v>
      </c>
      <c r="E24002" s="1" t="s">
        <v>7</v>
      </c>
    </row>
    <row r="24003">
      <c r="A24003" s="1">
        <v>4.90957179E8</v>
      </c>
      <c r="B24003" s="2">
        <v>18963.0</v>
      </c>
      <c r="C24003" s="1" t="s">
        <v>5</v>
      </c>
      <c r="D24003" s="1" t="s">
        <v>20295</v>
      </c>
      <c r="E24003" s="1" t="s">
        <v>11</v>
      </c>
    </row>
    <row r="24004">
      <c r="A24004" s="1">
        <v>4.90957267E8</v>
      </c>
      <c r="B24004" s="2">
        <v>18975.0</v>
      </c>
      <c r="C24004" s="1" t="s">
        <v>5</v>
      </c>
      <c r="D24004" s="1" t="s">
        <v>11</v>
      </c>
      <c r="E24004" s="1" t="s">
        <v>7</v>
      </c>
    </row>
    <row r="24005">
      <c r="A24005" s="1">
        <v>4.90957314E8</v>
      </c>
      <c r="B24005" s="2">
        <v>18919.0</v>
      </c>
      <c r="C24005" s="1" t="s">
        <v>5</v>
      </c>
      <c r="D24005" s="1" t="s">
        <v>11</v>
      </c>
      <c r="E24005" s="1" t="s">
        <v>7</v>
      </c>
    </row>
    <row r="24006">
      <c r="A24006" s="1">
        <v>4.90957365E8</v>
      </c>
      <c r="B24006" s="2">
        <v>18915.0</v>
      </c>
      <c r="C24006" s="1" t="s">
        <v>5</v>
      </c>
      <c r="D24006" s="1" t="s">
        <v>20296</v>
      </c>
      <c r="E24006" s="1" t="s">
        <v>7</v>
      </c>
    </row>
    <row r="24007">
      <c r="A24007" s="1">
        <v>4.90957416E8</v>
      </c>
      <c r="B24007" s="2">
        <v>18876.0</v>
      </c>
      <c r="C24007" s="1" t="s">
        <v>5</v>
      </c>
      <c r="D24007" s="1" t="s">
        <v>20297</v>
      </c>
      <c r="E24007" s="1" t="s">
        <v>7</v>
      </c>
    </row>
    <row r="24008">
      <c r="A24008" s="1">
        <v>4.90957434E8</v>
      </c>
      <c r="B24008" s="2">
        <v>18980.0</v>
      </c>
      <c r="C24008" s="1" t="s">
        <v>5</v>
      </c>
      <c r="D24008" s="1" t="s">
        <v>20298</v>
      </c>
      <c r="E24008" s="1" t="s">
        <v>11</v>
      </c>
    </row>
    <row r="24009">
      <c r="A24009" s="1">
        <v>4.90957531E8</v>
      </c>
      <c r="B24009" s="2">
        <v>18924.0</v>
      </c>
      <c r="C24009" s="1" t="s">
        <v>5</v>
      </c>
      <c r="D24009" s="1" t="s">
        <v>11</v>
      </c>
      <c r="E24009" s="1" t="s">
        <v>7</v>
      </c>
    </row>
    <row r="24010">
      <c r="A24010" s="1">
        <v>4.90957654E8</v>
      </c>
      <c r="B24010" s="2">
        <v>18970.0</v>
      </c>
      <c r="C24010" s="1" t="s">
        <v>5</v>
      </c>
      <c r="D24010" s="1" t="s">
        <v>11</v>
      </c>
      <c r="E24010" s="1" t="s">
        <v>7</v>
      </c>
    </row>
    <row r="24011">
      <c r="A24011" s="1">
        <v>4.90957739E8</v>
      </c>
      <c r="B24011" s="2">
        <v>18914.0</v>
      </c>
      <c r="C24011" s="1" t="s">
        <v>5</v>
      </c>
      <c r="D24011" s="1" t="s">
        <v>20299</v>
      </c>
      <c r="E24011" s="1" t="s">
        <v>7</v>
      </c>
    </row>
    <row r="24012">
      <c r="A24012" s="1">
        <v>4.90957802E8</v>
      </c>
      <c r="B24012" s="2">
        <v>18948.0</v>
      </c>
      <c r="C24012" s="1" t="s">
        <v>5</v>
      </c>
      <c r="D24012" s="1" t="s">
        <v>20300</v>
      </c>
      <c r="E24012" s="1" t="s">
        <v>11</v>
      </c>
    </row>
    <row r="24013">
      <c r="A24013" s="1">
        <v>4.90957821E8</v>
      </c>
      <c r="B24013" s="2">
        <v>19022.0</v>
      </c>
      <c r="C24013" s="1" t="s">
        <v>5</v>
      </c>
      <c r="D24013" s="1" t="s">
        <v>20301</v>
      </c>
      <c r="E24013" s="1" t="s">
        <v>11</v>
      </c>
    </row>
    <row r="24014">
      <c r="A24014" s="1">
        <v>4.90957829E8</v>
      </c>
      <c r="B24014" s="2">
        <v>18969.0</v>
      </c>
      <c r="C24014" s="1" t="s">
        <v>5</v>
      </c>
      <c r="D24014" s="1" t="s">
        <v>20302</v>
      </c>
      <c r="E24014" s="1" t="s">
        <v>7</v>
      </c>
    </row>
    <row r="24015">
      <c r="A24015" s="1">
        <v>4.90957845E8</v>
      </c>
      <c r="B24015" s="2">
        <v>19020.0</v>
      </c>
      <c r="C24015" s="1" t="s">
        <v>5</v>
      </c>
      <c r="D24015" s="1" t="s">
        <v>20303</v>
      </c>
      <c r="E24015" s="1" t="s">
        <v>7</v>
      </c>
    </row>
    <row r="24016">
      <c r="A24016" s="1">
        <v>4.90957929E8</v>
      </c>
      <c r="B24016" s="2">
        <v>18903.0</v>
      </c>
      <c r="C24016" s="1" t="s">
        <v>5</v>
      </c>
      <c r="D24016" s="1" t="s">
        <v>20304</v>
      </c>
      <c r="E24016" s="1" t="s">
        <v>7</v>
      </c>
    </row>
    <row r="24017">
      <c r="A24017" s="1">
        <v>4.90957964E8</v>
      </c>
      <c r="B24017" s="2">
        <v>18964.0</v>
      </c>
      <c r="C24017" s="1" t="s">
        <v>5</v>
      </c>
      <c r="D24017" s="1" t="s">
        <v>20305</v>
      </c>
      <c r="E24017" s="1" t="s">
        <v>20306</v>
      </c>
    </row>
    <row r="24018">
      <c r="A24018" s="1">
        <v>4.90958132E8</v>
      </c>
      <c r="B24018" s="2">
        <v>18969.0</v>
      </c>
      <c r="C24018" s="1" t="s">
        <v>5</v>
      </c>
      <c r="D24018" s="1" t="s">
        <v>20307</v>
      </c>
      <c r="E24018" s="1" t="s">
        <v>7</v>
      </c>
    </row>
    <row r="24019">
      <c r="A24019" s="1">
        <v>4.9095817E8</v>
      </c>
      <c r="B24019" s="2">
        <v>18998.0</v>
      </c>
      <c r="C24019" s="1" t="s">
        <v>5</v>
      </c>
      <c r="D24019" s="1" t="s">
        <v>20308</v>
      </c>
      <c r="E24019" s="1" t="s">
        <v>11</v>
      </c>
    </row>
    <row r="24020">
      <c r="A24020" s="1">
        <v>4.90958194E8</v>
      </c>
      <c r="B24020" s="2">
        <v>18912.0</v>
      </c>
      <c r="C24020" s="1" t="s">
        <v>5</v>
      </c>
      <c r="D24020" s="1" t="s">
        <v>20309</v>
      </c>
      <c r="E24020" s="1" t="s">
        <v>7</v>
      </c>
    </row>
    <row r="24021">
      <c r="A24021" s="1">
        <v>4.90958271E8</v>
      </c>
      <c r="B24021" s="2">
        <v>18910.0</v>
      </c>
      <c r="C24021" s="1" t="s">
        <v>5</v>
      </c>
      <c r="D24021" s="1" t="s">
        <v>20310</v>
      </c>
      <c r="E24021" s="1" t="s">
        <v>7</v>
      </c>
    </row>
    <row r="24022">
      <c r="A24022" s="1">
        <v>4.90958586E8</v>
      </c>
      <c r="B24022" s="2">
        <v>18962.0</v>
      </c>
      <c r="C24022" s="1" t="s">
        <v>5</v>
      </c>
      <c r="D24022" s="1" t="s">
        <v>20311</v>
      </c>
      <c r="E24022" s="1" t="s">
        <v>7</v>
      </c>
    </row>
    <row r="24023">
      <c r="A24023" s="1">
        <v>4.90958599E8</v>
      </c>
      <c r="B24023" s="2">
        <v>18932.0</v>
      </c>
      <c r="C24023" s="1" t="s">
        <v>5</v>
      </c>
      <c r="D24023" s="1" t="s">
        <v>11</v>
      </c>
      <c r="E24023" s="1" t="s">
        <v>7</v>
      </c>
    </row>
    <row r="24024">
      <c r="A24024" s="1">
        <v>4.90958614E8</v>
      </c>
      <c r="B24024" s="2">
        <v>19050.0</v>
      </c>
      <c r="C24024" s="1" t="s">
        <v>5</v>
      </c>
      <c r="D24024" s="1" t="s">
        <v>20312</v>
      </c>
      <c r="E24024" s="1" t="s">
        <v>11</v>
      </c>
    </row>
    <row r="24025">
      <c r="A24025" s="1">
        <v>4.90958619E8</v>
      </c>
      <c r="B24025" s="2">
        <v>18908.0</v>
      </c>
      <c r="C24025" s="1" t="s">
        <v>5</v>
      </c>
      <c r="D24025" s="1" t="s">
        <v>11</v>
      </c>
      <c r="E24025" s="1" t="s">
        <v>7</v>
      </c>
    </row>
    <row r="24026">
      <c r="A24026" s="1">
        <v>4.90958874E8</v>
      </c>
      <c r="B24026" s="2">
        <v>18910.0</v>
      </c>
      <c r="C24026" s="1" t="s">
        <v>5</v>
      </c>
      <c r="D24026" s="1" t="s">
        <v>11</v>
      </c>
      <c r="E24026" s="1" t="s">
        <v>7</v>
      </c>
    </row>
    <row r="24027">
      <c r="A24027" s="1">
        <v>4.90958974E8</v>
      </c>
      <c r="B24027" s="2">
        <v>19050.0</v>
      </c>
      <c r="C24027" s="1" t="s">
        <v>5</v>
      </c>
      <c r="D24027" s="1" t="s">
        <v>20313</v>
      </c>
      <c r="E24027" s="1" t="s">
        <v>11</v>
      </c>
    </row>
    <row r="24028">
      <c r="A24028" s="1">
        <v>4.90959031E8</v>
      </c>
      <c r="B24028" s="2">
        <v>19045.0</v>
      </c>
      <c r="C24028" s="1" t="s">
        <v>5</v>
      </c>
      <c r="D24028" s="1" t="s">
        <v>11</v>
      </c>
      <c r="E24028" s="1" t="s">
        <v>7</v>
      </c>
    </row>
    <row r="24029">
      <c r="A24029" s="1">
        <v>4.90959035E8</v>
      </c>
      <c r="B24029" s="2">
        <v>18970.0</v>
      </c>
      <c r="C24029" s="1" t="s">
        <v>5</v>
      </c>
      <c r="D24029" s="1" t="s">
        <v>11</v>
      </c>
      <c r="E24029" s="1" t="s">
        <v>7</v>
      </c>
    </row>
    <row r="24030">
      <c r="A24030" s="1">
        <v>4.90959076E8</v>
      </c>
      <c r="B24030" s="2">
        <v>19053.0</v>
      </c>
      <c r="C24030" s="1" t="s">
        <v>5</v>
      </c>
      <c r="D24030" s="1" t="s">
        <v>20314</v>
      </c>
      <c r="E24030" s="1" t="s">
        <v>11</v>
      </c>
    </row>
    <row r="24031">
      <c r="A24031" s="1">
        <v>4.9095917E8</v>
      </c>
      <c r="B24031" s="2">
        <v>19020.0</v>
      </c>
      <c r="C24031" s="1" t="s">
        <v>5</v>
      </c>
      <c r="D24031" s="1" t="s">
        <v>20315</v>
      </c>
      <c r="E24031" s="1" t="s">
        <v>7</v>
      </c>
    </row>
    <row r="24032">
      <c r="A24032" s="1">
        <v>4.90959246E8</v>
      </c>
      <c r="B24032" s="2">
        <v>19048.0</v>
      </c>
      <c r="C24032" s="1" t="s">
        <v>5</v>
      </c>
      <c r="D24032" s="1" t="s">
        <v>20316</v>
      </c>
      <c r="E24032" s="1" t="s">
        <v>7</v>
      </c>
    </row>
    <row r="24033">
      <c r="A24033" s="1">
        <v>4.90959319E8</v>
      </c>
      <c r="B24033" s="2">
        <v>18948.0</v>
      </c>
      <c r="C24033" s="1" t="s">
        <v>5</v>
      </c>
      <c r="D24033" s="1" t="s">
        <v>20317</v>
      </c>
      <c r="E24033" s="1" t="s">
        <v>7</v>
      </c>
    </row>
    <row r="24034">
      <c r="A24034" s="1">
        <v>4.90959355E8</v>
      </c>
      <c r="B24034" s="2">
        <v>19048.0</v>
      </c>
      <c r="C24034" s="1" t="s">
        <v>5</v>
      </c>
      <c r="D24034" s="1" t="s">
        <v>20318</v>
      </c>
      <c r="E24034" s="1" t="s">
        <v>11</v>
      </c>
    </row>
    <row r="24035">
      <c r="A24035" s="1">
        <v>4.90959479E8</v>
      </c>
      <c r="B24035" s="2">
        <v>18913.0</v>
      </c>
      <c r="C24035" s="1" t="s">
        <v>5</v>
      </c>
      <c r="D24035" s="1" t="s">
        <v>20319</v>
      </c>
      <c r="E24035" s="1" t="s">
        <v>11</v>
      </c>
    </row>
    <row r="24036">
      <c r="A24036" s="1">
        <v>4.90959556E8</v>
      </c>
      <c r="B24036" s="2">
        <v>18927.0</v>
      </c>
      <c r="C24036" s="1" t="s">
        <v>5</v>
      </c>
      <c r="D24036" s="1" t="s">
        <v>20320</v>
      </c>
      <c r="E24036" s="1" t="s">
        <v>11</v>
      </c>
    </row>
    <row r="24037">
      <c r="A24037" s="1">
        <v>4.90959597E8</v>
      </c>
      <c r="B24037" s="2">
        <v>19016.0</v>
      </c>
      <c r="C24037" s="1" t="s">
        <v>5</v>
      </c>
      <c r="D24037" s="1" t="s">
        <v>11</v>
      </c>
      <c r="E24037" s="1" t="s">
        <v>7</v>
      </c>
    </row>
    <row r="24038">
      <c r="A24038" s="1">
        <v>4.90959602E8</v>
      </c>
      <c r="B24038" s="2">
        <v>19047.0</v>
      </c>
      <c r="C24038" s="1" t="s">
        <v>5</v>
      </c>
      <c r="D24038" s="1" t="s">
        <v>20321</v>
      </c>
      <c r="E24038" s="1" t="s">
        <v>7</v>
      </c>
    </row>
    <row r="24039">
      <c r="A24039" s="1">
        <v>4.90959636E8</v>
      </c>
      <c r="B24039" s="2">
        <v>18908.0</v>
      </c>
      <c r="C24039" s="1" t="s">
        <v>5</v>
      </c>
      <c r="D24039" s="1" t="s">
        <v>20322</v>
      </c>
      <c r="E24039" s="1" t="s">
        <v>11</v>
      </c>
    </row>
    <row r="24040">
      <c r="A24040" s="1">
        <v>4.90959639E8</v>
      </c>
      <c r="B24040" s="2">
        <v>19016.0</v>
      </c>
      <c r="C24040" s="1" t="s">
        <v>5</v>
      </c>
      <c r="D24040" s="1" t="s">
        <v>20323</v>
      </c>
      <c r="E24040" s="1" t="s">
        <v>7</v>
      </c>
    </row>
    <row r="24041">
      <c r="A24041" s="1">
        <v>4.90959806E8</v>
      </c>
      <c r="B24041" s="2">
        <v>19044.0</v>
      </c>
      <c r="C24041" s="1" t="s">
        <v>5</v>
      </c>
      <c r="D24041" s="1" t="s">
        <v>11</v>
      </c>
      <c r="E24041" s="1" t="s">
        <v>7</v>
      </c>
    </row>
    <row r="24042">
      <c r="A24042" s="1">
        <v>4.90959817E8</v>
      </c>
      <c r="B24042" s="2">
        <v>18903.0</v>
      </c>
      <c r="C24042" s="1" t="s">
        <v>5</v>
      </c>
      <c r="D24042" s="1" t="s">
        <v>20324</v>
      </c>
      <c r="E24042" s="1" t="s">
        <v>7</v>
      </c>
    </row>
    <row r="24043">
      <c r="A24043" s="1">
        <v>4.90959914E8</v>
      </c>
      <c r="B24043" s="2">
        <v>19041.0</v>
      </c>
      <c r="C24043" s="1" t="s">
        <v>5</v>
      </c>
      <c r="D24043" s="1" t="s">
        <v>20325</v>
      </c>
      <c r="E24043" s="1" t="s">
        <v>7</v>
      </c>
    </row>
    <row r="24044">
      <c r="A24044" s="1">
        <v>4.90959956E8</v>
      </c>
      <c r="B24044" s="2">
        <v>19041.0</v>
      </c>
      <c r="C24044" s="1" t="s">
        <v>5</v>
      </c>
      <c r="D24044" s="1" t="s">
        <v>20326</v>
      </c>
      <c r="E24044" s="1" t="s">
        <v>7</v>
      </c>
    </row>
    <row r="24045">
      <c r="A24045" s="1">
        <v>4.90959999E8</v>
      </c>
      <c r="B24045" s="2">
        <v>19039.0</v>
      </c>
      <c r="C24045" s="1" t="s">
        <v>5</v>
      </c>
      <c r="D24045" s="1" t="s">
        <v>20327</v>
      </c>
      <c r="E24045" s="1" t="s">
        <v>7</v>
      </c>
    </row>
    <row r="24046">
      <c r="A24046" s="1">
        <v>4.90960339E8</v>
      </c>
      <c r="B24046" s="2">
        <v>19015.0</v>
      </c>
      <c r="C24046" s="1" t="s">
        <v>5</v>
      </c>
      <c r="D24046" s="1" t="s">
        <v>20328</v>
      </c>
      <c r="E24046" s="1" t="s">
        <v>20329</v>
      </c>
    </row>
    <row r="24047">
      <c r="A24047" s="1">
        <v>4.90960351E8</v>
      </c>
      <c r="B24047" s="2">
        <v>19015.0</v>
      </c>
      <c r="C24047" s="1" t="s">
        <v>5</v>
      </c>
      <c r="D24047" s="1" t="s">
        <v>20330</v>
      </c>
      <c r="E24047" s="1" t="s">
        <v>7</v>
      </c>
    </row>
    <row r="24048">
      <c r="A24048" s="1">
        <v>4.90960371E8</v>
      </c>
      <c r="B24048" s="2">
        <v>19050.0</v>
      </c>
      <c r="C24048" s="1" t="s">
        <v>5</v>
      </c>
      <c r="D24048" s="1" t="s">
        <v>20331</v>
      </c>
      <c r="E24048" s="1" t="s">
        <v>11</v>
      </c>
    </row>
    <row r="24049">
      <c r="A24049" s="1">
        <v>4.90960591E8</v>
      </c>
      <c r="B24049" s="2">
        <v>18963.0</v>
      </c>
      <c r="C24049" s="1" t="s">
        <v>5</v>
      </c>
      <c r="D24049" s="1" t="s">
        <v>11</v>
      </c>
      <c r="E24049" s="1" t="s">
        <v>7</v>
      </c>
    </row>
    <row r="24050">
      <c r="A24050" s="1">
        <v>4.90960677E8</v>
      </c>
      <c r="B24050" s="2">
        <v>19010.0</v>
      </c>
      <c r="C24050" s="1" t="s">
        <v>5</v>
      </c>
      <c r="D24050" s="1" t="s">
        <v>20332</v>
      </c>
      <c r="E24050" s="1" t="s">
        <v>7</v>
      </c>
    </row>
    <row r="24051">
      <c r="A24051" s="1">
        <v>4.90960735E8</v>
      </c>
      <c r="B24051" s="2">
        <v>18941.0</v>
      </c>
      <c r="C24051" s="1" t="s">
        <v>5</v>
      </c>
      <c r="D24051" s="1" t="s">
        <v>20333</v>
      </c>
      <c r="E24051" s="1" t="s">
        <v>11</v>
      </c>
    </row>
    <row r="24052">
      <c r="A24052" s="1">
        <v>4.90960976E8</v>
      </c>
      <c r="B24052" s="2">
        <v>19009.0</v>
      </c>
      <c r="C24052" s="1" t="s">
        <v>5</v>
      </c>
      <c r="D24052" s="1" t="s">
        <v>20334</v>
      </c>
      <c r="E24052" s="1" t="s">
        <v>11</v>
      </c>
    </row>
    <row r="24053">
      <c r="A24053" s="1">
        <v>4.90960984E8</v>
      </c>
      <c r="B24053" s="2">
        <v>19024.0</v>
      </c>
      <c r="C24053" s="1" t="s">
        <v>5</v>
      </c>
      <c r="D24053" s="1" t="s">
        <v>20335</v>
      </c>
      <c r="E24053" s="1" t="s">
        <v>7</v>
      </c>
    </row>
    <row r="24054">
      <c r="A24054" s="1">
        <v>4.90961002E8</v>
      </c>
      <c r="B24054" s="2">
        <v>19011.0</v>
      </c>
      <c r="C24054" s="1" t="s">
        <v>5</v>
      </c>
      <c r="D24054" s="1" t="s">
        <v>20336</v>
      </c>
      <c r="E24054" s="1" t="s">
        <v>11</v>
      </c>
    </row>
    <row r="24055">
      <c r="A24055" s="1">
        <v>4.90961009E8</v>
      </c>
      <c r="B24055" s="2">
        <v>19017.0</v>
      </c>
      <c r="C24055" s="1" t="s">
        <v>5</v>
      </c>
      <c r="D24055" s="1" t="s">
        <v>11</v>
      </c>
      <c r="E24055" s="1" t="s">
        <v>7</v>
      </c>
    </row>
    <row r="24056">
      <c r="A24056" s="1">
        <v>4.90961079E8</v>
      </c>
      <c r="B24056" s="2">
        <v>18949.0</v>
      </c>
      <c r="C24056" s="1" t="s">
        <v>5</v>
      </c>
      <c r="D24056" s="1" t="s">
        <v>20337</v>
      </c>
      <c r="E24056" s="1" t="s">
        <v>7</v>
      </c>
    </row>
    <row r="24057">
      <c r="A24057" s="1">
        <v>4.9096125E8</v>
      </c>
      <c r="B24057" s="2">
        <v>19046.0</v>
      </c>
      <c r="C24057" s="1" t="s">
        <v>5</v>
      </c>
      <c r="D24057" s="1" t="s">
        <v>20338</v>
      </c>
      <c r="E24057" s="1" t="s">
        <v>7</v>
      </c>
    </row>
    <row r="24058">
      <c r="A24058" s="1">
        <v>4.90961277E8</v>
      </c>
      <c r="B24058" s="2">
        <v>19039.0</v>
      </c>
      <c r="C24058" s="1" t="s">
        <v>5</v>
      </c>
      <c r="D24058" s="1" t="s">
        <v>20339</v>
      </c>
      <c r="E24058" s="1" t="s">
        <v>11</v>
      </c>
    </row>
    <row r="24059">
      <c r="A24059" s="1">
        <v>4.90961331E8</v>
      </c>
      <c r="B24059" s="2">
        <v>19010.0</v>
      </c>
      <c r="C24059" s="1" t="s">
        <v>5</v>
      </c>
      <c r="D24059" s="1" t="s">
        <v>20340</v>
      </c>
      <c r="E24059" s="1" t="s">
        <v>7</v>
      </c>
    </row>
    <row r="24060">
      <c r="A24060" s="1">
        <v>4.90961366E8</v>
      </c>
      <c r="B24060" s="2">
        <v>19039.0</v>
      </c>
      <c r="C24060" s="1" t="s">
        <v>5</v>
      </c>
      <c r="D24060" s="1" t="s">
        <v>20341</v>
      </c>
      <c r="E24060" s="1" t="s">
        <v>7</v>
      </c>
    </row>
    <row r="24061">
      <c r="A24061" s="1">
        <v>4.90961636E8</v>
      </c>
      <c r="B24061" s="2">
        <v>19031.0</v>
      </c>
      <c r="C24061" s="1" t="s">
        <v>5</v>
      </c>
      <c r="D24061" s="1" t="s">
        <v>20342</v>
      </c>
      <c r="E24061" s="1" t="s">
        <v>7</v>
      </c>
    </row>
    <row r="24062">
      <c r="A24062" s="1">
        <v>4.90961789E8</v>
      </c>
      <c r="B24062" s="2">
        <v>19004.0</v>
      </c>
      <c r="C24062" s="1" t="s">
        <v>5</v>
      </c>
      <c r="D24062" s="1" t="s">
        <v>20343</v>
      </c>
      <c r="E24062" s="1" t="s">
        <v>20344</v>
      </c>
    </row>
    <row r="24063">
      <c r="A24063" s="1">
        <v>4.90961804E8</v>
      </c>
      <c r="B24063" s="2">
        <v>19040.0</v>
      </c>
      <c r="C24063" s="1" t="s">
        <v>5</v>
      </c>
      <c r="D24063" s="1" t="s">
        <v>20345</v>
      </c>
      <c r="E24063" s="1" t="s">
        <v>7</v>
      </c>
    </row>
    <row r="24064">
      <c r="A24064" s="1">
        <v>4.90961814E8</v>
      </c>
      <c r="B24064" s="2">
        <v>19004.0</v>
      </c>
      <c r="C24064" s="1" t="s">
        <v>5</v>
      </c>
      <c r="D24064" s="1" t="s">
        <v>7</v>
      </c>
      <c r="E24064" s="1" t="s">
        <v>7</v>
      </c>
    </row>
    <row r="24065">
      <c r="A24065" s="1">
        <v>4.90961846E8</v>
      </c>
      <c r="B24065" s="2">
        <v>19010.0</v>
      </c>
      <c r="C24065" s="1" t="s">
        <v>5</v>
      </c>
      <c r="D24065" s="1" t="s">
        <v>20346</v>
      </c>
      <c r="E24065" s="1" t="s">
        <v>7</v>
      </c>
    </row>
    <row r="24066">
      <c r="A24066" s="1">
        <v>4.90961886E8</v>
      </c>
      <c r="B24066" s="2">
        <v>18905.0</v>
      </c>
      <c r="C24066" s="1" t="s">
        <v>5</v>
      </c>
      <c r="D24066" s="1" t="s">
        <v>20347</v>
      </c>
      <c r="E24066" s="1" t="s">
        <v>11</v>
      </c>
    </row>
    <row r="24067">
      <c r="A24067" s="1">
        <v>4.90962191E8</v>
      </c>
      <c r="B24067" s="2">
        <v>19032.0</v>
      </c>
      <c r="C24067" s="1" t="s">
        <v>5</v>
      </c>
      <c r="D24067" s="1" t="s">
        <v>20348</v>
      </c>
      <c r="E24067" s="1" t="s">
        <v>7</v>
      </c>
    </row>
    <row r="24068">
      <c r="A24068" s="1">
        <v>4.90962241E8</v>
      </c>
      <c r="B24068" s="2">
        <v>19005.0</v>
      </c>
      <c r="C24068" s="1" t="s">
        <v>5</v>
      </c>
      <c r="D24068" s="1" t="s">
        <v>20349</v>
      </c>
      <c r="E24068" s="1" t="s">
        <v>7</v>
      </c>
    </row>
    <row r="24069">
      <c r="A24069" s="1">
        <v>4.90962272E8</v>
      </c>
      <c r="B24069" s="2">
        <v>19080.0</v>
      </c>
      <c r="C24069" s="1" t="s">
        <v>5</v>
      </c>
      <c r="D24069" s="1" t="s">
        <v>20350</v>
      </c>
      <c r="E24069" s="1" t="s">
        <v>7</v>
      </c>
    </row>
    <row r="24070">
      <c r="A24070" s="1">
        <v>4.9096229E8</v>
      </c>
      <c r="B24070" s="2">
        <v>19080.0</v>
      </c>
      <c r="C24070" s="1" t="s">
        <v>5</v>
      </c>
      <c r="D24070" s="1" t="s">
        <v>20351</v>
      </c>
      <c r="E24070" s="1" t="s">
        <v>7</v>
      </c>
    </row>
    <row r="24071">
      <c r="A24071" s="1">
        <v>4.90962421E8</v>
      </c>
      <c r="B24071" s="2">
        <v>19025.0</v>
      </c>
      <c r="C24071" s="1" t="s">
        <v>5</v>
      </c>
      <c r="D24071" s="1" t="s">
        <v>11</v>
      </c>
      <c r="E24071" s="1" t="s">
        <v>7</v>
      </c>
    </row>
    <row r="24072">
      <c r="A24072" s="1">
        <v>4.90962599E8</v>
      </c>
      <c r="B24072" s="2">
        <v>19032.0</v>
      </c>
      <c r="C24072" s="1" t="s">
        <v>5</v>
      </c>
      <c r="D24072" s="1" t="s">
        <v>11</v>
      </c>
      <c r="E24072" s="1" t="s">
        <v>7</v>
      </c>
    </row>
    <row r="24073">
      <c r="A24073" s="1">
        <v>4.9096265E8</v>
      </c>
      <c r="B24073" s="2">
        <v>19020.0</v>
      </c>
      <c r="C24073" s="1" t="s">
        <v>5</v>
      </c>
      <c r="D24073" s="1" t="s">
        <v>11</v>
      </c>
      <c r="E24073" s="1" t="s">
        <v>7</v>
      </c>
    </row>
    <row r="24074">
      <c r="A24074" s="1">
        <v>4.90962677E8</v>
      </c>
      <c r="B24074" s="2">
        <v>19032.0</v>
      </c>
      <c r="C24074" s="1" t="s">
        <v>5</v>
      </c>
      <c r="D24074" s="1" t="s">
        <v>20352</v>
      </c>
      <c r="E24074" s="1" t="s">
        <v>7</v>
      </c>
    </row>
    <row r="24075">
      <c r="A24075" s="1">
        <v>4.90962729E8</v>
      </c>
      <c r="B24075" s="2">
        <v>19026.0</v>
      </c>
      <c r="C24075" s="1" t="s">
        <v>5</v>
      </c>
      <c r="D24075" s="1" t="s">
        <v>11</v>
      </c>
      <c r="E24075" s="1" t="s">
        <v>7</v>
      </c>
    </row>
    <row r="24076">
      <c r="A24076" s="1">
        <v>4.9096285E8</v>
      </c>
      <c r="B24076" s="2">
        <v>19012.0</v>
      </c>
      <c r="C24076" s="1" t="s">
        <v>5</v>
      </c>
      <c r="D24076" s="1" t="s">
        <v>20353</v>
      </c>
      <c r="E24076" s="1" t="s">
        <v>20354</v>
      </c>
    </row>
    <row r="24077">
      <c r="A24077" s="1">
        <v>4.90962916E8</v>
      </c>
      <c r="B24077" s="2">
        <v>19026.0</v>
      </c>
      <c r="C24077" s="1" t="s">
        <v>5</v>
      </c>
      <c r="D24077" s="1" t="s">
        <v>20355</v>
      </c>
      <c r="E24077" s="1" t="s">
        <v>11</v>
      </c>
    </row>
    <row r="24078">
      <c r="A24078" s="1">
        <v>4.90962994E8</v>
      </c>
      <c r="B24078" s="2">
        <v>19016.0</v>
      </c>
      <c r="C24078" s="1" t="s">
        <v>5</v>
      </c>
      <c r="D24078" s="1" t="s">
        <v>20356</v>
      </c>
      <c r="E24078" s="1" t="s">
        <v>11</v>
      </c>
    </row>
    <row r="24079">
      <c r="A24079" s="1">
        <v>4.90963159E8</v>
      </c>
      <c r="B24079" s="2">
        <v>19080.0</v>
      </c>
      <c r="C24079" s="1" t="s">
        <v>5</v>
      </c>
      <c r="D24079" s="1" t="s">
        <v>20357</v>
      </c>
      <c r="E24079" s="1" t="s">
        <v>11</v>
      </c>
    </row>
    <row r="24080">
      <c r="A24080" s="1">
        <v>4.90963231E8</v>
      </c>
      <c r="B24080" s="2">
        <v>19080.0</v>
      </c>
      <c r="C24080" s="1" t="s">
        <v>5</v>
      </c>
      <c r="D24080" s="1" t="s">
        <v>11</v>
      </c>
      <c r="E24080" s="1" t="s">
        <v>7</v>
      </c>
    </row>
    <row r="24081">
      <c r="A24081" s="1">
        <v>4.90963245E8</v>
      </c>
      <c r="B24081" s="2">
        <v>19026.0</v>
      </c>
      <c r="C24081" s="1" t="s">
        <v>5</v>
      </c>
      <c r="D24081" s="1" t="s">
        <v>20358</v>
      </c>
      <c r="E24081" s="1" t="s">
        <v>11</v>
      </c>
    </row>
    <row r="24082">
      <c r="A24082" s="1">
        <v>4.90963492E8</v>
      </c>
      <c r="B24082" s="2">
        <v>19078.0</v>
      </c>
      <c r="C24082" s="1" t="s">
        <v>5</v>
      </c>
      <c r="D24082" s="1" t="s">
        <v>11</v>
      </c>
      <c r="E24082" s="1" t="s">
        <v>7</v>
      </c>
    </row>
    <row r="24083">
      <c r="A24083" s="1">
        <v>4.9096369E8</v>
      </c>
      <c r="B24083" s="2">
        <v>19013.0</v>
      </c>
      <c r="C24083" s="1" t="s">
        <v>5</v>
      </c>
      <c r="D24083" s="1" t="s">
        <v>20359</v>
      </c>
      <c r="E24083" s="1" t="s">
        <v>7</v>
      </c>
    </row>
    <row r="24084">
      <c r="A24084" s="1">
        <v>4.90963712E8</v>
      </c>
      <c r="B24084" s="2">
        <v>19034.0</v>
      </c>
      <c r="C24084" s="1" t="s">
        <v>5</v>
      </c>
      <c r="D24084" s="1" t="s">
        <v>11</v>
      </c>
      <c r="E24084" s="1" t="s">
        <v>7</v>
      </c>
    </row>
    <row r="24085">
      <c r="A24085" s="1">
        <v>4.90963725E8</v>
      </c>
      <c r="B24085" s="2">
        <v>19080.0</v>
      </c>
      <c r="C24085" s="1" t="s">
        <v>5</v>
      </c>
      <c r="D24085" s="1" t="s">
        <v>20360</v>
      </c>
      <c r="E24085" s="1" t="s">
        <v>20361</v>
      </c>
    </row>
    <row r="24086">
      <c r="A24086" s="1">
        <v>4.90963739E8</v>
      </c>
      <c r="B24086" s="2">
        <v>19078.0</v>
      </c>
      <c r="C24086" s="1" t="s">
        <v>5</v>
      </c>
      <c r="D24086" s="1" t="s">
        <v>20362</v>
      </c>
      <c r="E24086" s="1" t="s">
        <v>7</v>
      </c>
    </row>
    <row r="24087">
      <c r="A24087" s="1">
        <v>4.90963846E8</v>
      </c>
      <c r="B24087" s="2">
        <v>18994.0</v>
      </c>
      <c r="C24087" s="1" t="s">
        <v>5</v>
      </c>
      <c r="D24087" s="1" t="s">
        <v>20363</v>
      </c>
      <c r="E24087" s="1" t="s">
        <v>11</v>
      </c>
    </row>
    <row r="24088">
      <c r="A24088" s="1">
        <v>4.90963974E8</v>
      </c>
      <c r="B24088" s="2">
        <v>19033.0</v>
      </c>
      <c r="C24088" s="1" t="s">
        <v>5</v>
      </c>
      <c r="D24088" s="1" t="s">
        <v>11</v>
      </c>
      <c r="E24088" s="1" t="s">
        <v>7</v>
      </c>
    </row>
    <row r="24089">
      <c r="A24089" s="1">
        <v>4.90963992E8</v>
      </c>
      <c r="B24089" s="2">
        <v>19075.0</v>
      </c>
      <c r="C24089" s="1" t="s">
        <v>5</v>
      </c>
      <c r="D24089" s="1" t="s">
        <v>20364</v>
      </c>
      <c r="E24089" s="1" t="s">
        <v>11</v>
      </c>
    </row>
    <row r="24090">
      <c r="A24090" s="1">
        <v>4.90964059E8</v>
      </c>
      <c r="B24090" s="2">
        <v>18947.0</v>
      </c>
      <c r="C24090" s="1" t="s">
        <v>5</v>
      </c>
      <c r="D24090" s="1" t="s">
        <v>11</v>
      </c>
      <c r="E24090" s="1" t="s">
        <v>7</v>
      </c>
    </row>
    <row r="24091">
      <c r="A24091" s="1">
        <v>4.90964064E8</v>
      </c>
      <c r="B24091" s="2">
        <v>19003.0</v>
      </c>
      <c r="C24091" s="1" t="s">
        <v>5</v>
      </c>
      <c r="D24091" s="1" t="s">
        <v>20365</v>
      </c>
      <c r="E24091" s="1" t="s">
        <v>7</v>
      </c>
    </row>
    <row r="24092">
      <c r="A24092" s="1">
        <v>4.90964127E8</v>
      </c>
      <c r="B24092" s="2">
        <v>19078.0</v>
      </c>
      <c r="C24092" s="1" t="s">
        <v>5</v>
      </c>
      <c r="D24092" s="1" t="s">
        <v>11</v>
      </c>
      <c r="E24092" s="1" t="s">
        <v>7</v>
      </c>
    </row>
    <row r="24093">
      <c r="A24093" s="1">
        <v>4.90964534E8</v>
      </c>
      <c r="B24093" s="2">
        <v>19074.0</v>
      </c>
      <c r="C24093" s="1" t="s">
        <v>5</v>
      </c>
      <c r="D24093" s="1" t="s">
        <v>20366</v>
      </c>
      <c r="E24093" s="1" t="s">
        <v>20367</v>
      </c>
    </row>
    <row r="24094">
      <c r="A24094" s="1">
        <v>4.90964684E8</v>
      </c>
      <c r="B24094" s="2">
        <v>19001.0</v>
      </c>
      <c r="C24094" s="1" t="s">
        <v>5</v>
      </c>
      <c r="D24094" s="1" t="s">
        <v>20368</v>
      </c>
      <c r="E24094" s="1" t="s">
        <v>7</v>
      </c>
    </row>
    <row r="24095">
      <c r="A24095" s="1">
        <v>4.90964685E8</v>
      </c>
      <c r="B24095" s="2">
        <v>19066.0</v>
      </c>
      <c r="C24095" s="1" t="s">
        <v>5</v>
      </c>
      <c r="D24095" s="1" t="s">
        <v>20369</v>
      </c>
      <c r="E24095" s="1" t="s">
        <v>7</v>
      </c>
    </row>
    <row r="24096">
      <c r="A24096" s="1">
        <v>4.90964774E8</v>
      </c>
      <c r="B24096" s="2">
        <v>19069.0</v>
      </c>
      <c r="C24096" s="1" t="s">
        <v>5</v>
      </c>
      <c r="D24096" s="1" t="s">
        <v>20370</v>
      </c>
      <c r="E24096" s="1" t="s">
        <v>7</v>
      </c>
    </row>
    <row r="24097">
      <c r="A24097" s="1">
        <v>4.90964831E8</v>
      </c>
      <c r="B24097" s="2">
        <v>19003.0</v>
      </c>
      <c r="C24097" s="1" t="s">
        <v>5</v>
      </c>
      <c r="D24097" s="1" t="s">
        <v>11</v>
      </c>
      <c r="E24097" s="1" t="s">
        <v>7</v>
      </c>
    </row>
    <row r="24098">
      <c r="A24098" s="1">
        <v>4.90964926E8</v>
      </c>
      <c r="B24098" s="2">
        <v>19068.0</v>
      </c>
      <c r="C24098" s="1" t="s">
        <v>5</v>
      </c>
      <c r="D24098" s="1" t="s">
        <v>20371</v>
      </c>
      <c r="E24098" s="1" t="s">
        <v>11</v>
      </c>
    </row>
    <row r="24099">
      <c r="A24099" s="1">
        <v>4.90964979E8</v>
      </c>
      <c r="B24099" s="2">
        <v>19025.0</v>
      </c>
      <c r="C24099" s="1" t="s">
        <v>5</v>
      </c>
      <c r="D24099" s="1" t="s">
        <v>20372</v>
      </c>
      <c r="E24099" s="1" t="s">
        <v>11</v>
      </c>
    </row>
    <row r="24100">
      <c r="A24100" s="1">
        <v>4.9096505E8</v>
      </c>
      <c r="B24100" s="2">
        <v>19025.0</v>
      </c>
      <c r="C24100" s="1" t="s">
        <v>5</v>
      </c>
      <c r="D24100" s="1" t="s">
        <v>11</v>
      </c>
      <c r="E24100" s="1" t="s">
        <v>7</v>
      </c>
    </row>
    <row r="24101">
      <c r="A24101" s="1">
        <v>4.90965054E8</v>
      </c>
      <c r="B24101" s="2">
        <v>19067.0</v>
      </c>
      <c r="C24101" s="1" t="s">
        <v>5</v>
      </c>
      <c r="D24101" s="1" t="s">
        <v>7</v>
      </c>
      <c r="E24101" s="1" t="s">
        <v>7</v>
      </c>
    </row>
    <row r="24102">
      <c r="A24102" s="1">
        <v>4.90965129E8</v>
      </c>
      <c r="B24102" s="2">
        <v>19076.0</v>
      </c>
      <c r="C24102" s="1" t="s">
        <v>5</v>
      </c>
      <c r="D24102" s="1" t="s">
        <v>20373</v>
      </c>
      <c r="E24102" s="1" t="s">
        <v>7</v>
      </c>
    </row>
    <row r="24103">
      <c r="A24103" s="1">
        <v>4.90965395E8</v>
      </c>
      <c r="B24103" s="2">
        <v>19030.0</v>
      </c>
      <c r="C24103" s="1" t="s">
        <v>5</v>
      </c>
      <c r="D24103" s="1" t="s">
        <v>20374</v>
      </c>
      <c r="E24103" s="1" t="s">
        <v>7</v>
      </c>
    </row>
    <row r="24104">
      <c r="A24104" s="1">
        <v>4.90965407E8</v>
      </c>
      <c r="B24104" s="2">
        <v>19066.0</v>
      </c>
      <c r="C24104" s="1" t="s">
        <v>5</v>
      </c>
      <c r="D24104" s="1" t="s">
        <v>20375</v>
      </c>
      <c r="E24104" s="1" t="s">
        <v>7</v>
      </c>
    </row>
    <row r="24105">
      <c r="A24105" s="1">
        <v>4.90965416E8</v>
      </c>
      <c r="B24105" s="2">
        <v>18995.0</v>
      </c>
      <c r="C24105" s="1" t="s">
        <v>5</v>
      </c>
      <c r="D24105" s="1" t="s">
        <v>20376</v>
      </c>
      <c r="E24105" s="1" t="s">
        <v>20377</v>
      </c>
    </row>
    <row r="24106">
      <c r="A24106" s="1">
        <v>4.90965496E8</v>
      </c>
      <c r="B24106" s="2">
        <v>18996.0</v>
      </c>
      <c r="C24106" s="1" t="s">
        <v>5</v>
      </c>
      <c r="D24106" s="1" t="s">
        <v>11</v>
      </c>
      <c r="E24106" s="1" t="s">
        <v>7</v>
      </c>
    </row>
    <row r="24107">
      <c r="A24107" s="1">
        <v>4.90965536E8</v>
      </c>
      <c r="B24107" s="2">
        <v>19073.0</v>
      </c>
      <c r="C24107" s="1" t="s">
        <v>5</v>
      </c>
      <c r="D24107" s="1" t="s">
        <v>20378</v>
      </c>
      <c r="E24107" s="1" t="s">
        <v>7</v>
      </c>
    </row>
    <row r="24108">
      <c r="A24108" s="1">
        <v>4.90965546E8</v>
      </c>
      <c r="B24108" s="2">
        <v>18995.0</v>
      </c>
      <c r="C24108" s="1" t="s">
        <v>5</v>
      </c>
      <c r="D24108" s="1" t="s">
        <v>20379</v>
      </c>
      <c r="E24108" s="1" t="s">
        <v>7</v>
      </c>
    </row>
    <row r="24109">
      <c r="A24109" s="1">
        <v>4.90965671E8</v>
      </c>
      <c r="B24109" s="2">
        <v>19073.0</v>
      </c>
      <c r="C24109" s="1" t="s">
        <v>5</v>
      </c>
      <c r="D24109" s="1" t="s">
        <v>11</v>
      </c>
      <c r="E24109" s="1" t="s">
        <v>7</v>
      </c>
    </row>
    <row r="24110">
      <c r="A24110" s="1">
        <v>4.90965718E8</v>
      </c>
      <c r="B24110" s="2">
        <v>19065.0</v>
      </c>
      <c r="C24110" s="1" t="s">
        <v>5</v>
      </c>
      <c r="D24110" s="1" t="s">
        <v>20380</v>
      </c>
      <c r="E24110" s="1" t="s">
        <v>7</v>
      </c>
    </row>
    <row r="24111">
      <c r="A24111" s="1">
        <v>4.90965921E8</v>
      </c>
      <c r="B24111" s="2">
        <v>19080.0</v>
      </c>
      <c r="C24111" s="1" t="s">
        <v>5</v>
      </c>
      <c r="D24111" s="1" t="s">
        <v>11</v>
      </c>
      <c r="E24111" s="1" t="s">
        <v>7</v>
      </c>
    </row>
    <row r="24112">
      <c r="A24112" s="1">
        <v>4.90966072E8</v>
      </c>
      <c r="B24112" s="2">
        <v>19052.0</v>
      </c>
      <c r="C24112" s="1" t="s">
        <v>5</v>
      </c>
      <c r="D24112" s="1" t="s">
        <v>20381</v>
      </c>
      <c r="E24112" s="1" t="s">
        <v>11</v>
      </c>
    </row>
    <row r="24113">
      <c r="A24113" s="1">
        <v>4.90966112E8</v>
      </c>
      <c r="B24113" s="2">
        <v>19061.0</v>
      </c>
      <c r="C24113" s="1" t="s">
        <v>5</v>
      </c>
      <c r="D24113" s="1" t="s">
        <v>20382</v>
      </c>
      <c r="E24113" s="1" t="s">
        <v>11</v>
      </c>
    </row>
    <row r="24114">
      <c r="A24114" s="1">
        <v>4.9096617E8</v>
      </c>
      <c r="B24114" s="2">
        <v>19096.0</v>
      </c>
      <c r="C24114" s="1" t="s">
        <v>5</v>
      </c>
      <c r="D24114" s="1" t="s">
        <v>18803</v>
      </c>
      <c r="E24114" s="1" t="s">
        <v>7</v>
      </c>
    </row>
    <row r="24115">
      <c r="A24115" s="1">
        <v>4.90966514E8</v>
      </c>
      <c r="B24115" s="2">
        <v>19061.0</v>
      </c>
      <c r="C24115" s="1" t="s">
        <v>5</v>
      </c>
      <c r="D24115" s="1" t="s">
        <v>20383</v>
      </c>
      <c r="E24115" s="1" t="s">
        <v>11</v>
      </c>
    </row>
    <row r="24116">
      <c r="A24116" s="1">
        <v>4.90966555E8</v>
      </c>
      <c r="B24116" s="2">
        <v>19054.0</v>
      </c>
      <c r="C24116" s="1" t="s">
        <v>5</v>
      </c>
      <c r="D24116" s="1" t="s">
        <v>20384</v>
      </c>
      <c r="E24116" s="1" t="s">
        <v>7</v>
      </c>
    </row>
    <row r="24117">
      <c r="A24117" s="1">
        <v>4.90966784E8</v>
      </c>
      <c r="B24117" s="2">
        <v>19071.0</v>
      </c>
      <c r="C24117" s="1" t="s">
        <v>5</v>
      </c>
      <c r="D24117" s="1" t="s">
        <v>20385</v>
      </c>
      <c r="E24117" s="1" t="s">
        <v>11</v>
      </c>
    </row>
    <row r="24118">
      <c r="A24118" s="1">
        <v>4.90966798E8</v>
      </c>
      <c r="B24118" s="2">
        <v>19110.0</v>
      </c>
      <c r="C24118" s="1" t="s">
        <v>5</v>
      </c>
      <c r="D24118" s="1" t="s">
        <v>20386</v>
      </c>
      <c r="E24118" s="1" t="s">
        <v>7</v>
      </c>
    </row>
    <row r="24119">
      <c r="A24119" s="1">
        <v>4.9096685E8</v>
      </c>
      <c r="B24119" s="2">
        <v>19113.0</v>
      </c>
      <c r="C24119" s="1" t="s">
        <v>5</v>
      </c>
      <c r="D24119" s="1" t="s">
        <v>20387</v>
      </c>
      <c r="E24119" s="1" t="s">
        <v>7</v>
      </c>
    </row>
    <row r="24120">
      <c r="A24120" s="1">
        <v>4.90966857E8</v>
      </c>
      <c r="B24120" s="2">
        <v>19114.0</v>
      </c>
      <c r="C24120" s="1" t="s">
        <v>5</v>
      </c>
      <c r="D24120" s="1" t="s">
        <v>20388</v>
      </c>
      <c r="E24120" s="1" t="s">
        <v>7</v>
      </c>
    </row>
    <row r="24121">
      <c r="A24121" s="1">
        <v>4.90966897E8</v>
      </c>
      <c r="B24121" s="2">
        <v>19096.0</v>
      </c>
      <c r="C24121" s="1" t="s">
        <v>5</v>
      </c>
      <c r="D24121" s="1" t="s">
        <v>20389</v>
      </c>
      <c r="E24121" s="1" t="s">
        <v>7</v>
      </c>
    </row>
    <row r="24122">
      <c r="A24122" s="1">
        <v>4.90966916E8</v>
      </c>
      <c r="B24122" s="2">
        <v>19109.0</v>
      </c>
      <c r="C24122" s="1" t="s">
        <v>5</v>
      </c>
      <c r="D24122" s="1" t="s">
        <v>20390</v>
      </c>
      <c r="E24122" s="1" t="s">
        <v>7</v>
      </c>
    </row>
    <row r="24123">
      <c r="A24123" s="1">
        <v>4.90966937E8</v>
      </c>
      <c r="B24123" s="2">
        <v>19096.0</v>
      </c>
      <c r="C24123" s="1" t="s">
        <v>5</v>
      </c>
      <c r="D24123" s="1" t="s">
        <v>20391</v>
      </c>
      <c r="E24123" s="1" t="s">
        <v>7</v>
      </c>
    </row>
    <row r="24124">
      <c r="A24124" s="1">
        <v>4.90967076E8</v>
      </c>
      <c r="B24124" s="2">
        <v>19068.0</v>
      </c>
      <c r="C24124" s="1" t="s">
        <v>5</v>
      </c>
      <c r="D24124" s="1" t="s">
        <v>20392</v>
      </c>
      <c r="E24124" s="1" t="s">
        <v>7</v>
      </c>
    </row>
    <row r="24125">
      <c r="A24125" s="1">
        <v>4.90967131E8</v>
      </c>
      <c r="B24125" s="2">
        <v>19113.0</v>
      </c>
      <c r="C24125" s="1" t="s">
        <v>5</v>
      </c>
      <c r="D24125" s="1" t="s">
        <v>11</v>
      </c>
      <c r="E24125" s="1" t="s">
        <v>7</v>
      </c>
    </row>
    <row r="24126">
      <c r="A24126" s="1">
        <v>4.90967224E8</v>
      </c>
      <c r="B24126" s="2">
        <v>19113.0</v>
      </c>
      <c r="C24126" s="1" t="s">
        <v>5</v>
      </c>
      <c r="D24126" s="1" t="s">
        <v>20393</v>
      </c>
      <c r="E24126" s="1" t="s">
        <v>20394</v>
      </c>
    </row>
    <row r="24127">
      <c r="A24127" s="1">
        <v>4.90967272E8</v>
      </c>
      <c r="B24127" s="2">
        <v>19060.0</v>
      </c>
      <c r="C24127" s="1" t="s">
        <v>5</v>
      </c>
      <c r="D24127" s="1" t="s">
        <v>20395</v>
      </c>
      <c r="E24127" s="1" t="s">
        <v>7</v>
      </c>
    </row>
    <row r="24128">
      <c r="A24128" s="1">
        <v>4.90967696E8</v>
      </c>
      <c r="B24128" s="3">
        <v>19137.0</v>
      </c>
      <c r="C24128" s="1" t="s">
        <v>5</v>
      </c>
      <c r="D24128" s="1" t="s">
        <v>11</v>
      </c>
      <c r="E24128" s="1" t="s">
        <v>7</v>
      </c>
    </row>
    <row r="24129">
      <c r="A24129" s="1">
        <v>4.9096791E8</v>
      </c>
      <c r="B24129" s="3">
        <v>19136.0</v>
      </c>
      <c r="C24129" s="1" t="s">
        <v>5</v>
      </c>
      <c r="D24129" s="1" t="s">
        <v>11</v>
      </c>
      <c r="E24129" s="1" t="s">
        <v>7</v>
      </c>
    </row>
    <row r="24130">
      <c r="A24130" s="1">
        <v>4.90968069E8</v>
      </c>
      <c r="B24130" s="2">
        <v>19094.0</v>
      </c>
      <c r="C24130" s="1" t="s">
        <v>5</v>
      </c>
      <c r="D24130" s="1" t="s">
        <v>20396</v>
      </c>
      <c r="E24130" s="1" t="s">
        <v>7</v>
      </c>
    </row>
    <row r="24131">
      <c r="A24131" s="1">
        <v>4.90968177E8</v>
      </c>
      <c r="B24131" s="2">
        <v>19104.0</v>
      </c>
      <c r="C24131" s="1" t="s">
        <v>5</v>
      </c>
      <c r="D24131" s="1" t="s">
        <v>20397</v>
      </c>
      <c r="E24131" s="1" t="s">
        <v>7</v>
      </c>
    </row>
    <row r="24132">
      <c r="A24132" s="1">
        <v>4.90968299E8</v>
      </c>
      <c r="B24132" s="2">
        <v>19067.0</v>
      </c>
      <c r="C24132" s="1" t="s">
        <v>5</v>
      </c>
      <c r="D24132" s="1" t="s">
        <v>11</v>
      </c>
      <c r="E24132" s="1" t="s">
        <v>7</v>
      </c>
    </row>
    <row r="24133">
      <c r="A24133" s="1">
        <v>4.9096832E8</v>
      </c>
      <c r="B24133" s="2">
        <v>19104.0</v>
      </c>
      <c r="C24133" s="1" t="s">
        <v>5</v>
      </c>
      <c r="D24133" s="1" t="s">
        <v>11</v>
      </c>
      <c r="E24133" s="1" t="s">
        <v>7</v>
      </c>
    </row>
    <row r="24134">
      <c r="A24134" s="1">
        <v>4.90968337E8</v>
      </c>
      <c r="B24134" s="3">
        <v>19134.0</v>
      </c>
      <c r="C24134" s="1" t="s">
        <v>5</v>
      </c>
      <c r="D24134" s="1" t="s">
        <v>11</v>
      </c>
      <c r="E24134" s="1" t="s">
        <v>7</v>
      </c>
    </row>
    <row r="24135">
      <c r="A24135" s="1">
        <v>4.90968409E8</v>
      </c>
      <c r="B24135" s="2">
        <v>19100.0</v>
      </c>
      <c r="C24135" s="1" t="s">
        <v>5</v>
      </c>
      <c r="D24135" s="1" t="s">
        <v>20398</v>
      </c>
      <c r="E24135" s="1" t="s">
        <v>7</v>
      </c>
    </row>
    <row r="24136">
      <c r="A24136" s="1">
        <v>4.90968449E8</v>
      </c>
      <c r="B24136" s="3">
        <v>19144.0</v>
      </c>
      <c r="C24136" s="1" t="s">
        <v>5</v>
      </c>
      <c r="D24136" s="1" t="s">
        <v>20399</v>
      </c>
      <c r="E24136" s="1" t="s">
        <v>7</v>
      </c>
    </row>
    <row r="24137">
      <c r="A24137" s="1">
        <v>4.90968454E8</v>
      </c>
      <c r="B24137" s="2">
        <v>19102.0</v>
      </c>
      <c r="C24137" s="1" t="s">
        <v>5</v>
      </c>
      <c r="D24137" s="1" t="s">
        <v>20400</v>
      </c>
      <c r="E24137" s="1" t="s">
        <v>7</v>
      </c>
    </row>
    <row r="24138">
      <c r="A24138" s="1">
        <v>4.90968518E8</v>
      </c>
      <c r="B24138" s="2">
        <v>19102.0</v>
      </c>
      <c r="C24138" s="1" t="s">
        <v>5</v>
      </c>
      <c r="D24138" s="1" t="s">
        <v>20401</v>
      </c>
      <c r="E24138" s="1" t="s">
        <v>7</v>
      </c>
    </row>
    <row r="24139">
      <c r="A24139" s="1">
        <v>4.90968579E8</v>
      </c>
      <c r="B24139" s="2">
        <v>19097.0</v>
      </c>
      <c r="C24139" s="1" t="s">
        <v>5</v>
      </c>
      <c r="D24139" s="1" t="s">
        <v>20402</v>
      </c>
      <c r="E24139" s="1" t="s">
        <v>7</v>
      </c>
    </row>
    <row r="24140">
      <c r="A24140" s="1">
        <v>4.90968731E8</v>
      </c>
      <c r="B24140" s="2">
        <v>19097.0</v>
      </c>
      <c r="C24140" s="1" t="s">
        <v>5</v>
      </c>
      <c r="D24140" s="1" t="s">
        <v>20403</v>
      </c>
      <c r="E24140" s="1" t="s">
        <v>7</v>
      </c>
    </row>
    <row r="24141">
      <c r="A24141" s="1">
        <v>4.90969055E8</v>
      </c>
      <c r="B24141" s="2">
        <v>19097.0</v>
      </c>
      <c r="C24141" s="1" t="s">
        <v>5</v>
      </c>
      <c r="D24141" s="1" t="s">
        <v>20404</v>
      </c>
      <c r="E24141" s="1" t="s">
        <v>20405</v>
      </c>
    </row>
    <row r="24142">
      <c r="A24142" s="1">
        <v>4.90969289E8</v>
      </c>
      <c r="B24142" s="2">
        <v>19060.0</v>
      </c>
      <c r="C24142" s="1" t="s">
        <v>5</v>
      </c>
      <c r="D24142" s="1" t="s">
        <v>11</v>
      </c>
      <c r="E24142" s="1" t="s">
        <v>7</v>
      </c>
    </row>
    <row r="24143">
      <c r="A24143" s="1">
        <v>4.90969409E8</v>
      </c>
      <c r="B24143" s="3">
        <v>19138.0</v>
      </c>
      <c r="C24143" s="1" t="s">
        <v>5</v>
      </c>
      <c r="D24143" s="1" t="s">
        <v>20406</v>
      </c>
      <c r="E24143" s="1" t="s">
        <v>11</v>
      </c>
    </row>
    <row r="24144">
      <c r="A24144" s="1">
        <v>4.90969469E8</v>
      </c>
      <c r="B24144" s="2">
        <v>19089.0</v>
      </c>
      <c r="C24144" s="1" t="s">
        <v>5</v>
      </c>
      <c r="D24144" s="1" t="s">
        <v>20407</v>
      </c>
      <c r="E24144" s="1" t="s">
        <v>11</v>
      </c>
    </row>
    <row r="24145">
      <c r="A24145" s="1">
        <v>4.90969688E8</v>
      </c>
      <c r="B24145" s="3">
        <v>19125.0</v>
      </c>
      <c r="C24145" s="1" t="s">
        <v>5</v>
      </c>
      <c r="D24145" s="1" t="s">
        <v>20408</v>
      </c>
      <c r="E24145" s="1" t="s">
        <v>7</v>
      </c>
    </row>
    <row r="24146">
      <c r="A24146" s="1">
        <v>4.90969759E8</v>
      </c>
      <c r="B24146" s="3">
        <v>19137.0</v>
      </c>
      <c r="C24146" s="1" t="s">
        <v>5</v>
      </c>
      <c r="D24146" s="1" t="s">
        <v>20409</v>
      </c>
      <c r="E24146" s="1" t="s">
        <v>20410</v>
      </c>
    </row>
    <row r="24147">
      <c r="A24147" s="1">
        <v>4.90969859E8</v>
      </c>
      <c r="B24147" s="3">
        <v>19122.0</v>
      </c>
      <c r="C24147" s="1" t="s">
        <v>5</v>
      </c>
      <c r="D24147" s="1" t="s">
        <v>11</v>
      </c>
      <c r="E24147" s="1" t="s">
        <v>7</v>
      </c>
    </row>
    <row r="24148">
      <c r="A24148" s="1">
        <v>4.9096988E8</v>
      </c>
      <c r="B24148" s="3">
        <v>19145.0</v>
      </c>
      <c r="C24148" s="1" t="s">
        <v>5</v>
      </c>
      <c r="D24148" s="1" t="s">
        <v>11</v>
      </c>
      <c r="E24148" s="1" t="s">
        <v>7</v>
      </c>
    </row>
    <row r="24149">
      <c r="A24149" s="1">
        <v>4.90969907E8</v>
      </c>
      <c r="B24149" s="2">
        <v>19114.0</v>
      </c>
      <c r="C24149" s="1" t="s">
        <v>5</v>
      </c>
      <c r="D24149" s="1" t="s">
        <v>11</v>
      </c>
      <c r="E24149" s="1" t="s">
        <v>7</v>
      </c>
    </row>
    <row r="24150">
      <c r="A24150" s="1">
        <v>4.90970016E8</v>
      </c>
      <c r="B24150" s="3">
        <v>19122.0</v>
      </c>
      <c r="C24150" s="1" t="s">
        <v>5</v>
      </c>
      <c r="D24150" s="1" t="s">
        <v>20411</v>
      </c>
      <c r="E24150" s="1" t="s">
        <v>7</v>
      </c>
    </row>
    <row r="24151">
      <c r="A24151" s="1">
        <v>4.90970054E8</v>
      </c>
      <c r="B24151" s="3">
        <v>19132.0</v>
      </c>
      <c r="C24151" s="1" t="s">
        <v>5</v>
      </c>
      <c r="D24151" s="1" t="s">
        <v>20412</v>
      </c>
      <c r="E24151" s="1" t="s">
        <v>7</v>
      </c>
    </row>
    <row r="24152">
      <c r="A24152" s="1">
        <v>4.90970071E8</v>
      </c>
      <c r="B24152" s="3">
        <v>19143.0</v>
      </c>
      <c r="C24152" s="1" t="s">
        <v>5</v>
      </c>
      <c r="D24152" s="1" t="s">
        <v>20413</v>
      </c>
      <c r="E24152" s="1" t="s">
        <v>20414</v>
      </c>
    </row>
    <row r="24153">
      <c r="A24153" s="1">
        <v>4.90970219E8</v>
      </c>
      <c r="B24153" s="3">
        <v>19134.0</v>
      </c>
      <c r="C24153" s="1" t="s">
        <v>5</v>
      </c>
      <c r="D24153" s="1" t="s">
        <v>20415</v>
      </c>
      <c r="E24153" s="1" t="s">
        <v>7</v>
      </c>
    </row>
    <row r="24154">
      <c r="A24154" s="1">
        <v>4.90970416E8</v>
      </c>
      <c r="B24154" s="3">
        <v>19130.0</v>
      </c>
      <c r="C24154" s="1" t="s">
        <v>5</v>
      </c>
      <c r="D24154" s="1" t="s">
        <v>20416</v>
      </c>
      <c r="E24154" s="1" t="s">
        <v>7</v>
      </c>
    </row>
    <row r="24155">
      <c r="A24155" s="1">
        <v>4.90970476E8</v>
      </c>
      <c r="B24155" s="3">
        <v>19134.0</v>
      </c>
      <c r="C24155" s="1" t="s">
        <v>5</v>
      </c>
      <c r="D24155" s="1" t="s">
        <v>20417</v>
      </c>
      <c r="E24155" s="1" t="s">
        <v>11</v>
      </c>
    </row>
    <row r="24156">
      <c r="A24156" s="1">
        <v>4.90970491E8</v>
      </c>
      <c r="B24156" s="3">
        <v>19134.0</v>
      </c>
      <c r="C24156" s="1" t="s">
        <v>5</v>
      </c>
      <c r="D24156" s="1" t="s">
        <v>20418</v>
      </c>
      <c r="E24156" s="1" t="s">
        <v>7</v>
      </c>
    </row>
    <row r="24157">
      <c r="A24157" s="1">
        <v>4.90970524E8</v>
      </c>
      <c r="B24157" s="3">
        <v>19131.0</v>
      </c>
      <c r="C24157" s="1" t="s">
        <v>5</v>
      </c>
      <c r="D24157" s="1" t="s">
        <v>20419</v>
      </c>
      <c r="E24157" s="1" t="s">
        <v>7</v>
      </c>
    </row>
    <row r="24158">
      <c r="A24158" s="1">
        <v>4.90970629E8</v>
      </c>
      <c r="B24158" s="3">
        <v>19124.0</v>
      </c>
      <c r="C24158" s="1" t="s">
        <v>5</v>
      </c>
      <c r="D24158" s="1" t="s">
        <v>20420</v>
      </c>
      <c r="E24158" s="1" t="s">
        <v>7</v>
      </c>
    </row>
    <row r="24159">
      <c r="A24159" s="1">
        <v>4.90970636E8</v>
      </c>
      <c r="B24159" s="3">
        <v>19128.0</v>
      </c>
      <c r="C24159" s="1" t="s">
        <v>5</v>
      </c>
      <c r="D24159" s="1" t="s">
        <v>11</v>
      </c>
      <c r="E24159" s="1" t="s">
        <v>7</v>
      </c>
    </row>
    <row r="24160">
      <c r="A24160" s="1">
        <v>4.90970816E8</v>
      </c>
      <c r="B24160" s="2">
        <v>19095.0</v>
      </c>
      <c r="C24160" s="1" t="s">
        <v>5</v>
      </c>
      <c r="D24160" s="1" t="s">
        <v>11</v>
      </c>
      <c r="E24160" s="1" t="s">
        <v>7</v>
      </c>
    </row>
    <row r="24161">
      <c r="A24161" s="1">
        <v>4.90970871E8</v>
      </c>
      <c r="B24161" s="2">
        <v>19155.0</v>
      </c>
      <c r="C24161" s="1" t="s">
        <v>5</v>
      </c>
      <c r="D24161" s="1" t="s">
        <v>20421</v>
      </c>
      <c r="E24161" s="1" t="s">
        <v>7</v>
      </c>
    </row>
    <row r="24162">
      <c r="A24162" s="1">
        <v>4.90970956E8</v>
      </c>
      <c r="B24162" s="2">
        <v>19113.0</v>
      </c>
      <c r="C24162" s="1" t="s">
        <v>5</v>
      </c>
      <c r="D24162" s="1" t="s">
        <v>20422</v>
      </c>
      <c r="E24162" s="1" t="s">
        <v>20423</v>
      </c>
    </row>
    <row r="24163">
      <c r="A24163" s="1">
        <v>4.90971215E8</v>
      </c>
      <c r="B24163" s="2">
        <v>19172.0</v>
      </c>
      <c r="C24163" s="1" t="s">
        <v>5</v>
      </c>
      <c r="D24163" s="1" t="s">
        <v>20424</v>
      </c>
      <c r="E24163" s="1" t="s">
        <v>7</v>
      </c>
    </row>
    <row r="24164">
      <c r="A24164" s="1">
        <v>4.90971256E8</v>
      </c>
      <c r="B24164" s="3">
        <v>19124.0</v>
      </c>
      <c r="C24164" s="1" t="s">
        <v>5</v>
      </c>
      <c r="D24164" s="1" t="s">
        <v>11</v>
      </c>
      <c r="E24164" s="1" t="s">
        <v>7</v>
      </c>
    </row>
    <row r="24165">
      <c r="A24165" s="1">
        <v>4.90971327E8</v>
      </c>
      <c r="B24165" s="3">
        <v>19136.0</v>
      </c>
      <c r="C24165" s="1" t="s">
        <v>5</v>
      </c>
      <c r="D24165" s="1" t="s">
        <v>11</v>
      </c>
      <c r="E24165" s="1" t="s">
        <v>7</v>
      </c>
    </row>
    <row r="24166">
      <c r="A24166" s="1">
        <v>4.9097141E8</v>
      </c>
      <c r="B24166" s="2">
        <v>19155.0</v>
      </c>
      <c r="C24166" s="1" t="s">
        <v>5</v>
      </c>
      <c r="D24166" s="1" t="s">
        <v>20425</v>
      </c>
      <c r="E24166" s="1" t="s">
        <v>11</v>
      </c>
    </row>
    <row r="24167">
      <c r="A24167" s="1">
        <v>4.90972027E8</v>
      </c>
      <c r="B24167" s="2">
        <v>19167.0</v>
      </c>
      <c r="C24167" s="1" t="s">
        <v>5</v>
      </c>
      <c r="D24167" s="1" t="s">
        <v>11</v>
      </c>
      <c r="E24167" s="1" t="s">
        <v>7</v>
      </c>
    </row>
    <row r="24168">
      <c r="A24168" s="1">
        <v>4.90972111E8</v>
      </c>
      <c r="B24168" s="2">
        <v>19163.0</v>
      </c>
      <c r="C24168" s="1" t="s">
        <v>5</v>
      </c>
      <c r="D24168" s="1" t="s">
        <v>11</v>
      </c>
      <c r="E24168" s="1" t="s">
        <v>7</v>
      </c>
    </row>
    <row r="24169">
      <c r="A24169" s="1">
        <v>4.90972158E8</v>
      </c>
      <c r="B24169" s="3">
        <v>19123.0</v>
      </c>
      <c r="C24169" s="1" t="s">
        <v>5</v>
      </c>
      <c r="D24169" s="1" t="s">
        <v>11</v>
      </c>
      <c r="E24169" s="1" t="s">
        <v>7</v>
      </c>
    </row>
    <row r="24170">
      <c r="A24170" s="1">
        <v>4.90972169E8</v>
      </c>
      <c r="B24170" s="3">
        <v>19123.0</v>
      </c>
      <c r="C24170" s="1" t="s">
        <v>5</v>
      </c>
      <c r="D24170" s="1" t="s">
        <v>11</v>
      </c>
      <c r="E24170" s="1" t="s">
        <v>7</v>
      </c>
    </row>
    <row r="24171">
      <c r="A24171" s="1">
        <v>4.90972324E8</v>
      </c>
      <c r="B24171" s="3">
        <v>19125.0</v>
      </c>
      <c r="C24171" s="1" t="s">
        <v>5</v>
      </c>
      <c r="D24171" s="1" t="s">
        <v>20426</v>
      </c>
      <c r="E24171" s="1" t="s">
        <v>7</v>
      </c>
    </row>
    <row r="24172">
      <c r="A24172" s="1">
        <v>4.90972347E8</v>
      </c>
      <c r="B24172" s="3">
        <v>19120.0</v>
      </c>
      <c r="C24172" s="1" t="s">
        <v>5</v>
      </c>
      <c r="D24172" s="1" t="s">
        <v>20427</v>
      </c>
      <c r="E24172" s="1" t="s">
        <v>7</v>
      </c>
    </row>
    <row r="24173">
      <c r="A24173" s="1">
        <v>4.90972449E8</v>
      </c>
      <c r="B24173" s="2">
        <v>19100.0</v>
      </c>
      <c r="C24173" s="1" t="s">
        <v>5</v>
      </c>
      <c r="D24173" s="1" t="s">
        <v>11</v>
      </c>
      <c r="E24173" s="1" t="s">
        <v>7</v>
      </c>
    </row>
    <row r="24174">
      <c r="A24174" s="1">
        <v>4.90972494E8</v>
      </c>
      <c r="B24174" s="3">
        <v>19145.0</v>
      </c>
      <c r="C24174" s="1" t="s">
        <v>5</v>
      </c>
      <c r="D24174" s="1" t="s">
        <v>11</v>
      </c>
      <c r="E24174" s="1" t="s">
        <v>7</v>
      </c>
    </row>
    <row r="24175">
      <c r="A24175" s="1">
        <v>4.90972516E8</v>
      </c>
      <c r="B24175" s="2">
        <v>19172.0</v>
      </c>
      <c r="C24175" s="1" t="s">
        <v>5</v>
      </c>
      <c r="D24175" s="1" t="s">
        <v>20428</v>
      </c>
      <c r="E24175" s="1" t="s">
        <v>7</v>
      </c>
    </row>
    <row r="24176">
      <c r="A24176" s="1">
        <v>4.90972631E8</v>
      </c>
      <c r="B24176" s="2">
        <v>19170.0</v>
      </c>
      <c r="C24176" s="1" t="s">
        <v>5</v>
      </c>
      <c r="D24176" s="1" t="s">
        <v>11</v>
      </c>
      <c r="E24176" s="1" t="s">
        <v>7</v>
      </c>
    </row>
    <row r="24177">
      <c r="A24177" s="1">
        <v>4.90972681E8</v>
      </c>
      <c r="B24177" s="2">
        <v>19097.0</v>
      </c>
      <c r="C24177" s="1" t="s">
        <v>5</v>
      </c>
      <c r="D24177" s="1" t="s">
        <v>20429</v>
      </c>
      <c r="E24177" s="1" t="s">
        <v>11</v>
      </c>
    </row>
    <row r="24178">
      <c r="A24178" s="1">
        <v>4.90972716E8</v>
      </c>
      <c r="B24178" s="2">
        <v>19172.0</v>
      </c>
      <c r="C24178" s="1" t="s">
        <v>5</v>
      </c>
      <c r="D24178" s="1" t="s">
        <v>11</v>
      </c>
      <c r="E24178" s="1" t="s">
        <v>7</v>
      </c>
    </row>
    <row r="24179">
      <c r="A24179" s="1">
        <v>4.90972764E8</v>
      </c>
      <c r="B24179" s="2">
        <v>19090.0</v>
      </c>
      <c r="C24179" s="1" t="s">
        <v>5</v>
      </c>
      <c r="D24179" s="1" t="s">
        <v>20430</v>
      </c>
      <c r="E24179" s="1" t="s">
        <v>7</v>
      </c>
    </row>
    <row r="24180">
      <c r="A24180" s="1">
        <v>4.90972894E8</v>
      </c>
      <c r="B24180" s="2">
        <v>19156.0</v>
      </c>
      <c r="C24180" s="1" t="s">
        <v>5</v>
      </c>
      <c r="D24180" s="1" t="s">
        <v>20431</v>
      </c>
      <c r="E24180" s="1" t="s">
        <v>7</v>
      </c>
    </row>
    <row r="24181">
      <c r="A24181" s="1">
        <v>4.9097292E8</v>
      </c>
      <c r="B24181" s="2">
        <v>19093.0</v>
      </c>
      <c r="C24181" s="1" t="s">
        <v>5</v>
      </c>
      <c r="D24181" s="1" t="s">
        <v>20432</v>
      </c>
      <c r="E24181" s="1" t="s">
        <v>7</v>
      </c>
    </row>
    <row r="24182">
      <c r="A24182" s="1">
        <v>4.90972959E8</v>
      </c>
      <c r="B24182" s="2">
        <v>19165.0</v>
      </c>
      <c r="C24182" s="1" t="s">
        <v>5</v>
      </c>
      <c r="D24182" s="1" t="s">
        <v>20433</v>
      </c>
      <c r="E24182" s="1" t="s">
        <v>7</v>
      </c>
    </row>
    <row r="24183">
      <c r="A24183" s="1">
        <v>4.90972969E8</v>
      </c>
      <c r="B24183" s="2">
        <v>19088.0</v>
      </c>
      <c r="C24183" s="1" t="s">
        <v>5</v>
      </c>
      <c r="D24183" s="1" t="s">
        <v>20434</v>
      </c>
      <c r="E24183" s="1" t="s">
        <v>11</v>
      </c>
    </row>
    <row r="24184">
      <c r="A24184" s="1">
        <v>4.9097331E8</v>
      </c>
      <c r="B24184" s="3">
        <v>19120.0</v>
      </c>
      <c r="C24184" s="1" t="s">
        <v>5</v>
      </c>
      <c r="D24184" s="1" t="s">
        <v>11</v>
      </c>
      <c r="E24184" s="1" t="s">
        <v>7</v>
      </c>
    </row>
    <row r="24185">
      <c r="A24185" s="1">
        <v>4.90973359E8</v>
      </c>
      <c r="B24185" s="2">
        <v>19153.0</v>
      </c>
      <c r="C24185" s="1" t="s">
        <v>5</v>
      </c>
      <c r="D24185" s="1" t="s">
        <v>20435</v>
      </c>
      <c r="E24185" s="1" t="s">
        <v>11</v>
      </c>
    </row>
    <row r="24186">
      <c r="A24186" s="1">
        <v>4.90973536E8</v>
      </c>
      <c r="B24186" s="2">
        <v>19152.0</v>
      </c>
      <c r="C24186" s="1" t="s">
        <v>5</v>
      </c>
      <c r="D24186" s="1" t="s">
        <v>20436</v>
      </c>
      <c r="E24186" s="1" t="s">
        <v>7</v>
      </c>
    </row>
    <row r="24187">
      <c r="A24187" s="1">
        <v>4.90973537E8</v>
      </c>
      <c r="B24187" s="2">
        <v>19171.0</v>
      </c>
      <c r="C24187" s="1" t="s">
        <v>5</v>
      </c>
      <c r="D24187" s="1" t="s">
        <v>20437</v>
      </c>
      <c r="E24187" s="1" t="s">
        <v>7</v>
      </c>
    </row>
    <row r="24188">
      <c r="A24188" s="1">
        <v>4.90973666E8</v>
      </c>
      <c r="B24188" s="2">
        <v>19159.0</v>
      </c>
      <c r="C24188" s="1" t="s">
        <v>5</v>
      </c>
      <c r="D24188" s="1" t="s">
        <v>20438</v>
      </c>
      <c r="E24188" s="1" t="s">
        <v>11</v>
      </c>
    </row>
    <row r="24189">
      <c r="A24189" s="1">
        <v>4.90973937E8</v>
      </c>
      <c r="B24189" s="2">
        <v>19153.0</v>
      </c>
      <c r="C24189" s="1" t="s">
        <v>5</v>
      </c>
      <c r="D24189" s="1" t="s">
        <v>20439</v>
      </c>
      <c r="E24189" s="1" t="s">
        <v>11</v>
      </c>
    </row>
    <row r="24190">
      <c r="A24190" s="1">
        <v>4.90974161E8</v>
      </c>
      <c r="B24190" s="2">
        <v>19152.0</v>
      </c>
      <c r="C24190" s="1" t="s">
        <v>5</v>
      </c>
      <c r="D24190" s="1" t="s">
        <v>20440</v>
      </c>
      <c r="E24190" s="1" t="s">
        <v>11</v>
      </c>
    </row>
    <row r="24191">
      <c r="A24191" s="1">
        <v>4.90974177E8</v>
      </c>
      <c r="B24191" s="2">
        <v>19150.0</v>
      </c>
      <c r="C24191" s="1" t="s">
        <v>5</v>
      </c>
      <c r="D24191" s="1" t="s">
        <v>20441</v>
      </c>
      <c r="E24191" s="1" t="s">
        <v>7</v>
      </c>
    </row>
    <row r="24192">
      <c r="A24192" s="1">
        <v>4.9097423E8</v>
      </c>
      <c r="B24192" s="2">
        <v>19228.0</v>
      </c>
      <c r="C24192" s="1" t="s">
        <v>5</v>
      </c>
      <c r="D24192" s="1" t="s">
        <v>11</v>
      </c>
      <c r="E24192" s="1" t="s">
        <v>7</v>
      </c>
    </row>
    <row r="24193">
      <c r="A24193" s="1">
        <v>4.90974251E8</v>
      </c>
      <c r="B24193" s="2">
        <v>19160.0</v>
      </c>
      <c r="C24193" s="1" t="s">
        <v>5</v>
      </c>
      <c r="D24193" s="1" t="s">
        <v>20442</v>
      </c>
      <c r="E24193" s="1" t="s">
        <v>7</v>
      </c>
    </row>
    <row r="24194">
      <c r="A24194" s="1">
        <v>4.90974471E8</v>
      </c>
      <c r="B24194" s="2">
        <v>19176.0</v>
      </c>
      <c r="C24194" s="1" t="s">
        <v>5</v>
      </c>
      <c r="D24194" s="1" t="s">
        <v>20443</v>
      </c>
      <c r="E24194" s="1" t="s">
        <v>20444</v>
      </c>
    </row>
    <row r="24195">
      <c r="A24195" s="1">
        <v>4.90974714E8</v>
      </c>
      <c r="B24195" s="2">
        <v>19222.0</v>
      </c>
      <c r="C24195" s="1" t="s">
        <v>5</v>
      </c>
      <c r="D24195" s="1" t="s">
        <v>20445</v>
      </c>
      <c r="E24195" s="1" t="s">
        <v>7</v>
      </c>
    </row>
    <row r="24196">
      <c r="A24196" s="1">
        <v>4.90974759E8</v>
      </c>
      <c r="B24196" s="2">
        <v>19201.0</v>
      </c>
      <c r="C24196" s="1" t="s">
        <v>5</v>
      </c>
      <c r="D24196" s="1" t="s">
        <v>20446</v>
      </c>
      <c r="E24196" s="1" t="s">
        <v>11</v>
      </c>
    </row>
    <row r="24197">
      <c r="A24197" s="1">
        <v>4.9097483E8</v>
      </c>
      <c r="B24197" s="2">
        <v>19160.0</v>
      </c>
      <c r="C24197" s="1" t="s">
        <v>5</v>
      </c>
      <c r="D24197" s="1" t="s">
        <v>20447</v>
      </c>
      <c r="E24197" s="1" t="s">
        <v>7</v>
      </c>
    </row>
    <row r="24198">
      <c r="A24198" s="1">
        <v>4.90974834E8</v>
      </c>
      <c r="B24198" s="2">
        <v>19159.0</v>
      </c>
      <c r="C24198" s="1" t="s">
        <v>5</v>
      </c>
      <c r="D24198" s="1" t="s">
        <v>20448</v>
      </c>
      <c r="E24198" s="1" t="s">
        <v>7</v>
      </c>
    </row>
    <row r="24199">
      <c r="A24199" s="1">
        <v>4.90974961E8</v>
      </c>
      <c r="B24199" s="2">
        <v>19146.0</v>
      </c>
      <c r="C24199" s="1" t="s">
        <v>5</v>
      </c>
      <c r="D24199" s="1" t="s">
        <v>20449</v>
      </c>
      <c r="E24199" s="1" t="s">
        <v>7</v>
      </c>
    </row>
    <row r="24200">
      <c r="A24200" s="1">
        <v>4.90975009E8</v>
      </c>
      <c r="B24200" s="2">
        <v>19178.0</v>
      </c>
      <c r="C24200" s="1" t="s">
        <v>5</v>
      </c>
      <c r="D24200" s="1" t="s">
        <v>11</v>
      </c>
      <c r="E24200" s="1" t="s">
        <v>7</v>
      </c>
    </row>
    <row r="24201">
      <c r="A24201" s="1">
        <v>4.90975289E8</v>
      </c>
      <c r="B24201" s="2">
        <v>19227.0</v>
      </c>
      <c r="C24201" s="1" t="s">
        <v>5</v>
      </c>
      <c r="D24201" s="1" t="s">
        <v>20450</v>
      </c>
      <c r="E24201" s="1" t="s">
        <v>11</v>
      </c>
    </row>
    <row r="24202">
      <c r="A24202" s="1">
        <v>4.9097532E8</v>
      </c>
      <c r="B24202" s="2">
        <v>19197.0</v>
      </c>
      <c r="C24202" s="1" t="s">
        <v>5</v>
      </c>
      <c r="D24202" s="1" t="s">
        <v>20451</v>
      </c>
      <c r="E24202" s="1" t="s">
        <v>7</v>
      </c>
    </row>
    <row r="24203">
      <c r="A24203" s="1">
        <v>4.90975335E8</v>
      </c>
      <c r="B24203" s="2">
        <v>19153.0</v>
      </c>
      <c r="C24203" s="1" t="s">
        <v>5</v>
      </c>
      <c r="D24203" s="1" t="s">
        <v>20452</v>
      </c>
      <c r="E24203" s="1" t="s">
        <v>7</v>
      </c>
    </row>
    <row r="24204">
      <c r="A24204" s="1">
        <v>4.90975609E8</v>
      </c>
      <c r="B24204" s="2">
        <v>19153.0</v>
      </c>
      <c r="C24204" s="1" t="s">
        <v>5</v>
      </c>
      <c r="D24204" s="1" t="s">
        <v>11</v>
      </c>
      <c r="E24204" s="1" t="s">
        <v>7</v>
      </c>
    </row>
    <row r="24205">
      <c r="A24205" s="1">
        <v>4.90975657E8</v>
      </c>
      <c r="B24205" s="2">
        <v>19188.0</v>
      </c>
      <c r="C24205" s="1" t="s">
        <v>5</v>
      </c>
      <c r="D24205" s="1" t="s">
        <v>20453</v>
      </c>
      <c r="E24205" s="1" t="s">
        <v>7</v>
      </c>
    </row>
    <row r="24206">
      <c r="A24206" s="1">
        <v>4.90975791E8</v>
      </c>
      <c r="B24206" s="2">
        <v>19221.0</v>
      </c>
      <c r="C24206" s="1" t="s">
        <v>5</v>
      </c>
      <c r="D24206" s="1" t="s">
        <v>20454</v>
      </c>
      <c r="E24206" s="1" t="s">
        <v>11</v>
      </c>
    </row>
    <row r="24207">
      <c r="A24207" s="1">
        <v>4.90975871E8</v>
      </c>
      <c r="B24207" s="2">
        <v>19201.0</v>
      </c>
      <c r="C24207" s="1" t="s">
        <v>5</v>
      </c>
      <c r="D24207" s="1" t="s">
        <v>20455</v>
      </c>
      <c r="E24207" s="1" t="s">
        <v>7</v>
      </c>
    </row>
    <row r="24208">
      <c r="A24208" s="1">
        <v>4.90976196E8</v>
      </c>
      <c r="B24208" s="2">
        <v>19191.0</v>
      </c>
      <c r="C24208" s="1" t="s">
        <v>5</v>
      </c>
      <c r="D24208" s="1" t="s">
        <v>11</v>
      </c>
      <c r="E24208" s="1" t="s">
        <v>7</v>
      </c>
    </row>
    <row r="24209">
      <c r="A24209" s="1">
        <v>4.90976264E8</v>
      </c>
      <c r="B24209" s="2">
        <v>19209.0</v>
      </c>
      <c r="C24209" s="1" t="s">
        <v>5</v>
      </c>
      <c r="D24209" s="1" t="s">
        <v>20456</v>
      </c>
      <c r="E24209" s="1" t="s">
        <v>11</v>
      </c>
    </row>
    <row r="24210">
      <c r="A24210" s="1">
        <v>4.90976446E8</v>
      </c>
      <c r="B24210" s="2">
        <v>19230.0</v>
      </c>
      <c r="C24210" s="1" t="s">
        <v>5</v>
      </c>
      <c r="D24210" s="1" t="s">
        <v>20457</v>
      </c>
      <c r="E24210" s="1" t="s">
        <v>20458</v>
      </c>
    </row>
    <row r="24211">
      <c r="A24211" s="1">
        <v>4.90976571E8</v>
      </c>
      <c r="B24211" s="2">
        <v>19229.0</v>
      </c>
      <c r="C24211" s="1" t="s">
        <v>5</v>
      </c>
      <c r="D24211" s="1" t="s">
        <v>20459</v>
      </c>
      <c r="E24211" s="1" t="s">
        <v>7</v>
      </c>
    </row>
    <row r="24212">
      <c r="A24212" s="1">
        <v>4.90976712E8</v>
      </c>
      <c r="B24212" s="2">
        <v>19205.0</v>
      </c>
      <c r="C24212" s="1" t="s">
        <v>5</v>
      </c>
      <c r="D24212" s="1" t="s">
        <v>20460</v>
      </c>
      <c r="E24212" s="1" t="s">
        <v>20461</v>
      </c>
    </row>
    <row r="24213">
      <c r="A24213" s="1">
        <v>4.90976759E8</v>
      </c>
      <c r="B24213" s="2">
        <v>19181.0</v>
      </c>
      <c r="C24213" s="1" t="s">
        <v>5</v>
      </c>
      <c r="D24213" s="1" t="s">
        <v>20462</v>
      </c>
      <c r="E24213" s="1" t="s">
        <v>7</v>
      </c>
    </row>
    <row r="24214">
      <c r="A24214" s="1">
        <v>4.90976885E8</v>
      </c>
      <c r="B24214" s="2">
        <v>19226.0</v>
      </c>
      <c r="C24214" s="1" t="s">
        <v>5</v>
      </c>
      <c r="D24214" s="1" t="s">
        <v>11</v>
      </c>
      <c r="E24214" s="1" t="s">
        <v>7</v>
      </c>
    </row>
    <row r="24215">
      <c r="A24215" s="1">
        <v>4.9097694E8</v>
      </c>
      <c r="B24215" s="2">
        <v>19251.0</v>
      </c>
      <c r="C24215" s="1" t="s">
        <v>5</v>
      </c>
      <c r="D24215" s="1" t="s">
        <v>20463</v>
      </c>
      <c r="E24215" s="1" t="s">
        <v>7</v>
      </c>
    </row>
    <row r="24216">
      <c r="A24216" s="1">
        <v>4.90977041E8</v>
      </c>
      <c r="B24216" s="2">
        <v>19192.0</v>
      </c>
      <c r="C24216" s="1" t="s">
        <v>5</v>
      </c>
      <c r="D24216" s="1" t="s">
        <v>11</v>
      </c>
      <c r="E24216" s="1" t="s">
        <v>7</v>
      </c>
    </row>
    <row r="24217">
      <c r="A24217" s="1">
        <v>4.9097709E8</v>
      </c>
      <c r="B24217" s="2">
        <v>19188.0</v>
      </c>
      <c r="C24217" s="1" t="s">
        <v>5</v>
      </c>
      <c r="D24217" s="1" t="s">
        <v>20464</v>
      </c>
      <c r="E24217" s="1" t="s">
        <v>11</v>
      </c>
    </row>
    <row r="24218">
      <c r="A24218" s="1">
        <v>4.90977128E8</v>
      </c>
      <c r="B24218" s="2">
        <v>19204.0</v>
      </c>
      <c r="C24218" s="1" t="s">
        <v>5</v>
      </c>
      <c r="D24218" s="1" t="s">
        <v>11</v>
      </c>
      <c r="E24218" s="1" t="s">
        <v>7</v>
      </c>
    </row>
    <row r="24219">
      <c r="A24219" s="1">
        <v>4.90977231E8</v>
      </c>
      <c r="B24219" s="2">
        <v>19214.0</v>
      </c>
      <c r="C24219" s="1" t="s">
        <v>5</v>
      </c>
      <c r="D24219" s="1" t="s">
        <v>20465</v>
      </c>
      <c r="E24219" s="1" t="s">
        <v>11</v>
      </c>
    </row>
    <row r="24220">
      <c r="A24220" s="1">
        <v>4.90977436E8</v>
      </c>
      <c r="B24220" s="2">
        <v>19194.0</v>
      </c>
      <c r="C24220" s="1" t="s">
        <v>5</v>
      </c>
      <c r="D24220" s="1" t="s">
        <v>20466</v>
      </c>
      <c r="E24220" s="1" t="s">
        <v>20467</v>
      </c>
    </row>
    <row r="24221">
      <c r="A24221" s="1">
        <v>4.90977484E8</v>
      </c>
      <c r="B24221" s="2">
        <v>19193.0</v>
      </c>
      <c r="C24221" s="1" t="s">
        <v>5</v>
      </c>
      <c r="D24221" s="1" t="s">
        <v>20468</v>
      </c>
      <c r="E24221" s="1" t="s">
        <v>7</v>
      </c>
    </row>
    <row r="24222">
      <c r="A24222" s="1">
        <v>4.9097752E8</v>
      </c>
      <c r="B24222" s="2">
        <v>19187.0</v>
      </c>
      <c r="C24222" s="1" t="s">
        <v>5</v>
      </c>
      <c r="D24222" s="1" t="s">
        <v>7</v>
      </c>
      <c r="E24222" s="1" t="s">
        <v>7</v>
      </c>
    </row>
    <row r="24223">
      <c r="A24223" s="1">
        <v>4.90977534E8</v>
      </c>
      <c r="B24223" s="2">
        <v>19227.0</v>
      </c>
      <c r="C24223" s="1" t="s">
        <v>5</v>
      </c>
      <c r="D24223" s="1" t="s">
        <v>20469</v>
      </c>
      <c r="E24223" s="1" t="s">
        <v>7</v>
      </c>
    </row>
    <row r="24224">
      <c r="A24224" s="1">
        <v>4.90977546E8</v>
      </c>
      <c r="B24224" s="2">
        <v>19186.0</v>
      </c>
      <c r="C24224" s="1" t="s">
        <v>5</v>
      </c>
      <c r="D24224" s="1" t="s">
        <v>20470</v>
      </c>
      <c r="E24224" s="1" t="s">
        <v>20471</v>
      </c>
    </row>
    <row r="24225">
      <c r="A24225" s="1">
        <v>4.90977575E8</v>
      </c>
      <c r="B24225" s="2">
        <v>19216.0</v>
      </c>
      <c r="C24225" s="1" t="s">
        <v>5</v>
      </c>
      <c r="D24225" s="1" t="s">
        <v>20472</v>
      </c>
      <c r="E24225" s="1" t="s">
        <v>7</v>
      </c>
    </row>
    <row r="24226">
      <c r="A24226" s="1">
        <v>4.90977619E8</v>
      </c>
      <c r="B24226" s="2">
        <v>19229.0</v>
      </c>
      <c r="C24226" s="1" t="s">
        <v>5</v>
      </c>
      <c r="D24226" s="1" t="s">
        <v>20473</v>
      </c>
      <c r="E24226" s="1" t="s">
        <v>20474</v>
      </c>
    </row>
    <row r="24227">
      <c r="A24227" s="1">
        <v>4.90977637E8</v>
      </c>
      <c r="B24227" s="2">
        <v>19193.0</v>
      </c>
      <c r="C24227" s="1" t="s">
        <v>5</v>
      </c>
      <c r="D24227" s="1" t="s">
        <v>20475</v>
      </c>
      <c r="E24227" s="1" t="s">
        <v>7</v>
      </c>
    </row>
    <row r="24228">
      <c r="A24228" s="1">
        <v>4.90977646E8</v>
      </c>
      <c r="B24228" s="2">
        <v>19187.0</v>
      </c>
      <c r="C24228" s="1" t="s">
        <v>5</v>
      </c>
      <c r="D24228" s="1" t="s">
        <v>20476</v>
      </c>
      <c r="E24228" s="1" t="s">
        <v>11</v>
      </c>
    </row>
    <row r="24229">
      <c r="A24229" s="1">
        <v>4.90977685E8</v>
      </c>
      <c r="B24229" s="2">
        <v>19226.0</v>
      </c>
      <c r="C24229" s="1" t="s">
        <v>5</v>
      </c>
      <c r="D24229" s="1" t="s">
        <v>20477</v>
      </c>
      <c r="E24229" s="1" t="s">
        <v>7</v>
      </c>
    </row>
    <row r="24230">
      <c r="A24230" s="1">
        <v>4.90977721E8</v>
      </c>
      <c r="B24230" s="2">
        <v>19201.0</v>
      </c>
      <c r="C24230" s="1" t="s">
        <v>5</v>
      </c>
      <c r="D24230" s="1" t="s">
        <v>20478</v>
      </c>
      <c r="E24230" s="1" t="s">
        <v>20479</v>
      </c>
    </row>
    <row r="24231">
      <c r="A24231" s="1">
        <v>4.9097783E8</v>
      </c>
      <c r="B24231" s="2">
        <v>19216.0</v>
      </c>
      <c r="C24231" s="1" t="s">
        <v>5</v>
      </c>
      <c r="D24231" s="1" t="s">
        <v>11</v>
      </c>
      <c r="E24231" s="1" t="s">
        <v>7</v>
      </c>
    </row>
    <row r="24232">
      <c r="A24232" s="1">
        <v>4.90977844E8</v>
      </c>
      <c r="B24232" s="2">
        <v>19251.0</v>
      </c>
      <c r="C24232" s="1" t="s">
        <v>5</v>
      </c>
      <c r="D24232" s="1" t="s">
        <v>20480</v>
      </c>
      <c r="E24232" s="1" t="s">
        <v>20481</v>
      </c>
    </row>
    <row r="24233">
      <c r="A24233" s="1">
        <v>4.90977845E8</v>
      </c>
      <c r="B24233" s="2">
        <v>19188.0</v>
      </c>
      <c r="C24233" s="1" t="s">
        <v>5</v>
      </c>
      <c r="D24233" s="1" t="s">
        <v>20482</v>
      </c>
      <c r="E24233" s="1" t="s">
        <v>11</v>
      </c>
    </row>
    <row r="24234">
      <c r="A24234" s="1">
        <v>4.90977977E8</v>
      </c>
      <c r="B24234" s="2">
        <v>19209.0</v>
      </c>
      <c r="C24234" s="1" t="s">
        <v>5</v>
      </c>
      <c r="D24234" s="1" t="s">
        <v>20483</v>
      </c>
      <c r="E24234" s="1" t="s">
        <v>7</v>
      </c>
    </row>
    <row r="24235">
      <c r="A24235" s="1">
        <v>4.90978094E8</v>
      </c>
      <c r="B24235" s="2">
        <v>19219.0</v>
      </c>
      <c r="C24235" s="1" t="s">
        <v>5</v>
      </c>
      <c r="D24235" s="1" t="s">
        <v>20484</v>
      </c>
      <c r="E24235" s="1" t="s">
        <v>7</v>
      </c>
    </row>
    <row r="24236">
      <c r="A24236" s="1">
        <v>4.90978339E8</v>
      </c>
      <c r="B24236" s="2">
        <v>19265.0</v>
      </c>
      <c r="C24236" s="1" t="s">
        <v>5</v>
      </c>
      <c r="D24236" s="1" t="s">
        <v>20485</v>
      </c>
      <c r="E24236" s="1" t="s">
        <v>7</v>
      </c>
    </row>
    <row r="24237">
      <c r="A24237" s="1">
        <v>4.90978365E8</v>
      </c>
      <c r="B24237" s="2">
        <v>19260.0</v>
      </c>
      <c r="C24237" s="1" t="s">
        <v>5</v>
      </c>
      <c r="D24237" s="1" t="s">
        <v>20486</v>
      </c>
      <c r="E24237" s="1" t="s">
        <v>11</v>
      </c>
    </row>
    <row r="24238">
      <c r="A24238" s="1">
        <v>4.90978792E8</v>
      </c>
      <c r="B24238" s="2">
        <v>19258.0</v>
      </c>
      <c r="C24238" s="1" t="s">
        <v>5</v>
      </c>
      <c r="D24238" s="1" t="s">
        <v>20487</v>
      </c>
      <c r="E24238" s="1" t="s">
        <v>7</v>
      </c>
    </row>
    <row r="24239">
      <c r="A24239" s="1">
        <v>4.90978849E8</v>
      </c>
      <c r="B24239" s="2">
        <v>19213.0</v>
      </c>
      <c r="C24239" s="1" t="s">
        <v>5</v>
      </c>
      <c r="D24239" s="1" t="s">
        <v>20488</v>
      </c>
      <c r="E24239" s="1" t="s">
        <v>11</v>
      </c>
    </row>
    <row r="24240">
      <c r="A24240" s="1">
        <v>4.90978935E8</v>
      </c>
      <c r="B24240" s="2">
        <v>19220.0</v>
      </c>
      <c r="C24240" s="1" t="s">
        <v>5</v>
      </c>
      <c r="D24240" s="1" t="s">
        <v>11</v>
      </c>
      <c r="E24240" s="1" t="s">
        <v>7</v>
      </c>
    </row>
    <row r="24241">
      <c r="A24241" s="1">
        <v>4.9097904E8</v>
      </c>
      <c r="B24241" s="2">
        <v>19262.0</v>
      </c>
      <c r="C24241" s="1" t="s">
        <v>5</v>
      </c>
      <c r="D24241" s="1" t="s">
        <v>20489</v>
      </c>
      <c r="E24241" s="1" t="s">
        <v>11</v>
      </c>
    </row>
    <row r="24242">
      <c r="A24242" s="1">
        <v>4.90979044E8</v>
      </c>
      <c r="B24242" s="2">
        <v>19186.0</v>
      </c>
      <c r="C24242" s="1" t="s">
        <v>5</v>
      </c>
      <c r="D24242" s="1" t="s">
        <v>20490</v>
      </c>
      <c r="E24242" s="1" t="s">
        <v>7</v>
      </c>
    </row>
    <row r="24243">
      <c r="A24243" s="1">
        <v>4.9097919E8</v>
      </c>
      <c r="B24243" s="2">
        <v>19209.0</v>
      </c>
      <c r="C24243" s="1" t="s">
        <v>5</v>
      </c>
      <c r="D24243" s="1" t="s">
        <v>20491</v>
      </c>
      <c r="E24243" s="1" t="s">
        <v>7</v>
      </c>
    </row>
    <row r="24244">
      <c r="A24244" s="1">
        <v>4.90979197E8</v>
      </c>
      <c r="B24244" s="2">
        <v>19209.0</v>
      </c>
      <c r="C24244" s="1" t="s">
        <v>5</v>
      </c>
      <c r="D24244" s="1" t="s">
        <v>20492</v>
      </c>
      <c r="E24244" s="1" t="s">
        <v>11</v>
      </c>
    </row>
    <row r="24245">
      <c r="A24245" s="1">
        <v>4.909792E8</v>
      </c>
      <c r="B24245" s="2">
        <v>19225.0</v>
      </c>
      <c r="C24245" s="1" t="s">
        <v>5</v>
      </c>
      <c r="D24245" s="1" t="s">
        <v>20493</v>
      </c>
      <c r="E24245" s="1" t="s">
        <v>11</v>
      </c>
    </row>
    <row r="24246">
      <c r="A24246" s="1">
        <v>4.90979251E8</v>
      </c>
      <c r="B24246" s="2">
        <v>19215.0</v>
      </c>
      <c r="C24246" s="1" t="s">
        <v>5</v>
      </c>
      <c r="D24246" s="1" t="s">
        <v>20494</v>
      </c>
      <c r="E24246" s="1" t="s">
        <v>7</v>
      </c>
    </row>
    <row r="24247">
      <c r="A24247" s="1">
        <v>4.90979444E8</v>
      </c>
      <c r="B24247" s="2">
        <v>19214.0</v>
      </c>
      <c r="C24247" s="1" t="s">
        <v>5</v>
      </c>
      <c r="D24247" s="1" t="s">
        <v>11</v>
      </c>
      <c r="E24247" s="1" t="s">
        <v>7</v>
      </c>
    </row>
    <row r="24248">
      <c r="A24248" s="1">
        <v>4.90979792E8</v>
      </c>
      <c r="B24248" s="2">
        <v>19209.0</v>
      </c>
      <c r="C24248" s="1" t="s">
        <v>5</v>
      </c>
      <c r="D24248" s="1" t="s">
        <v>20495</v>
      </c>
      <c r="E24248" s="1" t="s">
        <v>7</v>
      </c>
    </row>
    <row r="24249">
      <c r="A24249" s="1">
        <v>4.90979874E8</v>
      </c>
      <c r="B24249" s="2">
        <v>19187.0</v>
      </c>
      <c r="C24249" s="1" t="s">
        <v>5</v>
      </c>
      <c r="D24249" s="1" t="s">
        <v>20496</v>
      </c>
      <c r="E24249" s="1" t="s">
        <v>11</v>
      </c>
    </row>
    <row r="24250">
      <c r="A24250" s="1">
        <v>4.90980059E8</v>
      </c>
      <c r="B24250" s="2">
        <v>19208.0</v>
      </c>
      <c r="C24250" s="1" t="s">
        <v>5</v>
      </c>
      <c r="D24250" s="1" t="s">
        <v>20497</v>
      </c>
      <c r="E24250" s="1" t="s">
        <v>11</v>
      </c>
    </row>
    <row r="24251">
      <c r="A24251" s="1">
        <v>4.90980439E8</v>
      </c>
      <c r="B24251" s="2">
        <v>19181.0</v>
      </c>
      <c r="C24251" s="1" t="s">
        <v>5</v>
      </c>
      <c r="D24251" s="1" t="s">
        <v>11</v>
      </c>
      <c r="E24251" s="1" t="s">
        <v>7</v>
      </c>
    </row>
    <row r="24252">
      <c r="A24252" s="1">
        <v>4.90980475E8</v>
      </c>
      <c r="B24252" s="2">
        <v>19244.0</v>
      </c>
      <c r="C24252" s="1" t="s">
        <v>5</v>
      </c>
      <c r="D24252" s="1" t="s">
        <v>20498</v>
      </c>
      <c r="E24252" s="1" t="s">
        <v>11</v>
      </c>
    </row>
    <row r="24253">
      <c r="A24253" s="1">
        <v>4.90980719E8</v>
      </c>
      <c r="B24253" s="2">
        <v>19209.0</v>
      </c>
      <c r="C24253" s="1" t="s">
        <v>5</v>
      </c>
      <c r="D24253" s="1" t="s">
        <v>20499</v>
      </c>
      <c r="E24253" s="1" t="s">
        <v>7</v>
      </c>
    </row>
    <row r="24254">
      <c r="A24254" s="1">
        <v>4.90980755E8</v>
      </c>
      <c r="B24254" s="2">
        <v>19257.0</v>
      </c>
      <c r="C24254" s="1" t="s">
        <v>5</v>
      </c>
      <c r="D24254" s="1" t="s">
        <v>20500</v>
      </c>
      <c r="E24254" s="1" t="s">
        <v>7</v>
      </c>
    </row>
    <row r="24255">
      <c r="A24255" s="1">
        <v>4.90980796E8</v>
      </c>
      <c r="B24255" s="2">
        <v>19292.0</v>
      </c>
      <c r="C24255" s="1" t="s">
        <v>5</v>
      </c>
      <c r="D24255" s="1" t="s">
        <v>20501</v>
      </c>
      <c r="E24255" s="1" t="s">
        <v>7</v>
      </c>
    </row>
    <row r="24256">
      <c r="A24256" s="1">
        <v>4.90981044E8</v>
      </c>
      <c r="B24256" s="2">
        <v>19298.0</v>
      </c>
      <c r="C24256" s="1" t="s">
        <v>5</v>
      </c>
      <c r="D24256" s="1" t="s">
        <v>20502</v>
      </c>
      <c r="E24256" s="1" t="s">
        <v>7</v>
      </c>
    </row>
    <row r="24257">
      <c r="A24257" s="1">
        <v>4.90981231E8</v>
      </c>
      <c r="B24257" s="2">
        <v>19237.0</v>
      </c>
      <c r="C24257" s="1" t="s">
        <v>5</v>
      </c>
      <c r="D24257" s="1" t="s">
        <v>20503</v>
      </c>
      <c r="E24257" s="1" t="s">
        <v>11</v>
      </c>
    </row>
    <row r="24258">
      <c r="A24258" s="1">
        <v>4.90981408E8</v>
      </c>
      <c r="B24258" s="2">
        <v>19265.0</v>
      </c>
      <c r="C24258" s="1" t="s">
        <v>5</v>
      </c>
      <c r="D24258" s="1" t="s">
        <v>20504</v>
      </c>
      <c r="E24258" s="1" t="s">
        <v>7</v>
      </c>
    </row>
    <row r="24259">
      <c r="A24259" s="1">
        <v>4.90981511E8</v>
      </c>
      <c r="B24259" s="2">
        <v>19314.0</v>
      </c>
      <c r="C24259" s="1" t="s">
        <v>5</v>
      </c>
      <c r="D24259" s="1" t="s">
        <v>20505</v>
      </c>
      <c r="E24259" s="1" t="s">
        <v>7</v>
      </c>
    </row>
    <row r="24260">
      <c r="A24260" s="1">
        <v>4.90981565E8</v>
      </c>
      <c r="B24260" s="2">
        <v>19289.0</v>
      </c>
      <c r="C24260" s="1" t="s">
        <v>5</v>
      </c>
      <c r="D24260" s="1" t="s">
        <v>20506</v>
      </c>
      <c r="E24260" s="1" t="s">
        <v>7</v>
      </c>
    </row>
    <row r="24261">
      <c r="A24261" s="1">
        <v>4.90981574E8</v>
      </c>
      <c r="B24261" s="2">
        <v>19292.0</v>
      </c>
      <c r="C24261" s="1" t="s">
        <v>5</v>
      </c>
      <c r="D24261" s="1" t="s">
        <v>20507</v>
      </c>
      <c r="E24261" s="1" t="s">
        <v>7</v>
      </c>
    </row>
    <row r="24262">
      <c r="A24262" s="1">
        <v>4.90981667E8</v>
      </c>
      <c r="B24262" s="2">
        <v>19290.0</v>
      </c>
      <c r="C24262" s="1" t="s">
        <v>5</v>
      </c>
      <c r="D24262" s="1" t="s">
        <v>20508</v>
      </c>
      <c r="E24262" s="1" t="s">
        <v>7</v>
      </c>
    </row>
    <row r="24263">
      <c r="A24263" s="1">
        <v>4.90981739E8</v>
      </c>
      <c r="B24263" s="2">
        <v>19241.0</v>
      </c>
      <c r="C24263" s="1" t="s">
        <v>5</v>
      </c>
      <c r="D24263" s="1" t="s">
        <v>20509</v>
      </c>
      <c r="E24263" s="1" t="s">
        <v>7</v>
      </c>
    </row>
    <row r="24264">
      <c r="A24264" s="1">
        <v>4.90981774E8</v>
      </c>
      <c r="B24264" s="2">
        <v>19241.0</v>
      </c>
      <c r="C24264" s="1" t="s">
        <v>5</v>
      </c>
      <c r="D24264" s="1" t="s">
        <v>20510</v>
      </c>
      <c r="E24264" s="1" t="s">
        <v>7</v>
      </c>
    </row>
    <row r="24265">
      <c r="A24265" s="1">
        <v>4.90982039E8</v>
      </c>
      <c r="B24265" s="2">
        <v>19309.0</v>
      </c>
      <c r="C24265" s="1" t="s">
        <v>5</v>
      </c>
      <c r="D24265" s="1" t="s">
        <v>20511</v>
      </c>
      <c r="E24265" s="1" t="s">
        <v>7</v>
      </c>
    </row>
    <row r="24266">
      <c r="A24266" s="1">
        <v>4.90982174E8</v>
      </c>
      <c r="B24266" s="2">
        <v>19284.0</v>
      </c>
      <c r="C24266" s="1" t="s">
        <v>5</v>
      </c>
      <c r="D24266" s="1" t="s">
        <v>20512</v>
      </c>
      <c r="E24266" s="1" t="s">
        <v>7</v>
      </c>
    </row>
    <row r="24267">
      <c r="A24267" s="1">
        <v>4.90982249E8</v>
      </c>
      <c r="B24267" s="2">
        <v>19319.0</v>
      </c>
      <c r="C24267" s="1" t="s">
        <v>5</v>
      </c>
      <c r="D24267" s="1" t="s">
        <v>20513</v>
      </c>
      <c r="E24267" s="1" t="s">
        <v>7</v>
      </c>
    </row>
    <row r="24268">
      <c r="A24268" s="1">
        <v>4.90982289E8</v>
      </c>
      <c r="B24268" s="2">
        <v>19311.0</v>
      </c>
      <c r="C24268" s="1" t="s">
        <v>5</v>
      </c>
      <c r="D24268" s="1" t="s">
        <v>20514</v>
      </c>
      <c r="E24268" s="1" t="s">
        <v>7</v>
      </c>
    </row>
    <row r="24269">
      <c r="A24269" s="1">
        <v>4.9098237E8</v>
      </c>
      <c r="B24269" s="2">
        <v>19286.0</v>
      </c>
      <c r="C24269" s="1" t="s">
        <v>5</v>
      </c>
      <c r="D24269" s="1" t="s">
        <v>20515</v>
      </c>
      <c r="E24269" s="1" t="s">
        <v>20516</v>
      </c>
    </row>
    <row r="24270">
      <c r="A24270" s="1">
        <v>4.90982374E8</v>
      </c>
      <c r="B24270" s="2">
        <v>19281.0</v>
      </c>
      <c r="C24270" s="1" t="s">
        <v>5</v>
      </c>
      <c r="D24270" s="1" t="s">
        <v>20517</v>
      </c>
      <c r="E24270" s="1" t="s">
        <v>7</v>
      </c>
    </row>
    <row r="24271">
      <c r="A24271" s="1">
        <v>4.90982491E8</v>
      </c>
      <c r="B24271" s="2">
        <v>19305.0</v>
      </c>
      <c r="C24271" s="1" t="s">
        <v>5</v>
      </c>
      <c r="D24271" s="1" t="s">
        <v>11</v>
      </c>
      <c r="E24271" s="1" t="s">
        <v>7</v>
      </c>
    </row>
    <row r="24272">
      <c r="A24272" s="1">
        <v>4.90982497E8</v>
      </c>
      <c r="B24272" s="2">
        <v>19321.0</v>
      </c>
      <c r="C24272" s="1" t="s">
        <v>5</v>
      </c>
      <c r="D24272" s="1" t="s">
        <v>11</v>
      </c>
      <c r="E24272" s="1" t="s">
        <v>7</v>
      </c>
    </row>
    <row r="24273">
      <c r="A24273" s="1">
        <v>4.90982762E8</v>
      </c>
      <c r="B24273" s="2">
        <v>19297.0</v>
      </c>
      <c r="C24273" s="1" t="s">
        <v>5</v>
      </c>
      <c r="D24273" s="1" t="s">
        <v>20518</v>
      </c>
      <c r="E24273" s="1" t="s">
        <v>7</v>
      </c>
    </row>
    <row r="24274">
      <c r="A24274" s="1">
        <v>4.90982857E8</v>
      </c>
      <c r="B24274" s="2">
        <v>19327.0</v>
      </c>
      <c r="C24274" s="1" t="s">
        <v>5</v>
      </c>
      <c r="D24274" s="1" t="s">
        <v>11</v>
      </c>
      <c r="E24274" s="1" t="s">
        <v>7</v>
      </c>
    </row>
    <row r="24275">
      <c r="A24275" s="1">
        <v>4.90982884E8</v>
      </c>
      <c r="B24275" s="2">
        <v>19298.0</v>
      </c>
      <c r="C24275" s="1" t="s">
        <v>5</v>
      </c>
      <c r="D24275" s="1" t="s">
        <v>20519</v>
      </c>
      <c r="E24275" s="1" t="s">
        <v>11</v>
      </c>
    </row>
    <row r="24276">
      <c r="A24276" s="1">
        <v>4.90983104E8</v>
      </c>
      <c r="B24276" s="2">
        <v>19296.0</v>
      </c>
      <c r="C24276" s="1" t="s">
        <v>5</v>
      </c>
      <c r="D24276" s="1" t="s">
        <v>20520</v>
      </c>
      <c r="E24276" s="1" t="s">
        <v>7</v>
      </c>
    </row>
    <row r="24277">
      <c r="A24277" s="1">
        <v>4.90983127E8</v>
      </c>
      <c r="B24277" s="2">
        <v>19300.0</v>
      </c>
      <c r="C24277" s="1" t="s">
        <v>5</v>
      </c>
      <c r="D24277" s="1" t="s">
        <v>20521</v>
      </c>
      <c r="E24277" s="1" t="s">
        <v>7</v>
      </c>
    </row>
    <row r="24278">
      <c r="A24278" s="1">
        <v>4.90983239E8</v>
      </c>
      <c r="B24278" s="2">
        <v>19272.0</v>
      </c>
      <c r="C24278" s="1" t="s">
        <v>5</v>
      </c>
      <c r="D24278" s="1" t="s">
        <v>20522</v>
      </c>
      <c r="E24278" s="1" t="s">
        <v>7</v>
      </c>
    </row>
    <row r="24279">
      <c r="A24279" s="1">
        <v>4.90983324E8</v>
      </c>
      <c r="B24279" s="2">
        <v>19309.0</v>
      </c>
      <c r="C24279" s="1" t="s">
        <v>5</v>
      </c>
      <c r="D24279" s="1" t="s">
        <v>20523</v>
      </c>
      <c r="E24279" s="1" t="s">
        <v>20524</v>
      </c>
    </row>
    <row r="24280">
      <c r="A24280" s="1">
        <v>4.90983374E8</v>
      </c>
      <c r="B24280" s="2">
        <v>19311.0</v>
      </c>
      <c r="C24280" s="1" t="s">
        <v>5</v>
      </c>
      <c r="D24280" s="1" t="s">
        <v>11</v>
      </c>
      <c r="E24280" s="1" t="s">
        <v>7</v>
      </c>
    </row>
    <row r="24281">
      <c r="A24281" s="1">
        <v>4.90983384E8</v>
      </c>
      <c r="B24281" s="2">
        <v>19296.0</v>
      </c>
      <c r="C24281" s="1" t="s">
        <v>5</v>
      </c>
      <c r="D24281" s="1" t="s">
        <v>20525</v>
      </c>
      <c r="E24281" s="1" t="s">
        <v>11</v>
      </c>
    </row>
    <row r="24282">
      <c r="A24282" s="1">
        <v>4.9098345E8</v>
      </c>
      <c r="B24282" s="2">
        <v>19276.0</v>
      </c>
      <c r="C24282" s="1" t="s">
        <v>5</v>
      </c>
      <c r="D24282" s="1" t="s">
        <v>20526</v>
      </c>
      <c r="E24282" s="1" t="s">
        <v>7</v>
      </c>
    </row>
    <row r="24283">
      <c r="A24283" s="1">
        <v>4.9098357E8</v>
      </c>
      <c r="B24283" s="2">
        <v>19318.0</v>
      </c>
      <c r="C24283" s="1" t="s">
        <v>5</v>
      </c>
      <c r="D24283" s="1" t="s">
        <v>20527</v>
      </c>
      <c r="E24283" s="1" t="s">
        <v>11</v>
      </c>
    </row>
    <row r="24284">
      <c r="A24284" s="1">
        <v>4.90983697E8</v>
      </c>
      <c r="B24284" s="2">
        <v>19310.0</v>
      </c>
      <c r="C24284" s="1" t="s">
        <v>5</v>
      </c>
      <c r="D24284" s="1" t="s">
        <v>20528</v>
      </c>
      <c r="E24284" s="1" t="s">
        <v>7</v>
      </c>
    </row>
    <row r="24285">
      <c r="A24285" s="1">
        <v>4.90983737E8</v>
      </c>
      <c r="B24285" s="2">
        <v>19310.0</v>
      </c>
      <c r="C24285" s="1" t="s">
        <v>5</v>
      </c>
      <c r="D24285" s="1" t="s">
        <v>20529</v>
      </c>
      <c r="E24285" s="1" t="s">
        <v>7</v>
      </c>
    </row>
    <row r="24286">
      <c r="A24286" s="1">
        <v>4.90983809E8</v>
      </c>
      <c r="B24286" s="2">
        <v>19290.0</v>
      </c>
      <c r="C24286" s="1" t="s">
        <v>5</v>
      </c>
      <c r="D24286" s="1" t="s">
        <v>11</v>
      </c>
      <c r="E24286" s="1" t="s">
        <v>7</v>
      </c>
    </row>
    <row r="24287">
      <c r="A24287" s="1">
        <v>4.90984089E8</v>
      </c>
      <c r="B24287" s="2">
        <v>19306.0</v>
      </c>
      <c r="C24287" s="1" t="s">
        <v>5</v>
      </c>
      <c r="D24287" s="1" t="s">
        <v>20530</v>
      </c>
      <c r="E24287" s="1" t="s">
        <v>11</v>
      </c>
    </row>
    <row r="24288">
      <c r="A24288" s="1">
        <v>4.90984245E8</v>
      </c>
      <c r="B24288" s="2">
        <v>19285.0</v>
      </c>
      <c r="C24288" s="1" t="s">
        <v>5</v>
      </c>
      <c r="D24288" s="1" t="s">
        <v>20531</v>
      </c>
      <c r="E24288" s="1" t="s">
        <v>7</v>
      </c>
    </row>
    <row r="24289">
      <c r="A24289" s="1">
        <v>4.9098448E8</v>
      </c>
      <c r="B24289" s="2">
        <v>19334.0</v>
      </c>
      <c r="C24289" s="1" t="s">
        <v>5</v>
      </c>
      <c r="D24289" s="1" t="s">
        <v>20532</v>
      </c>
      <c r="E24289" s="1" t="s">
        <v>7</v>
      </c>
    </row>
    <row r="24290">
      <c r="A24290" s="1">
        <v>4.90984599E8</v>
      </c>
      <c r="B24290" s="2">
        <v>19270.0</v>
      </c>
      <c r="C24290" s="1" t="s">
        <v>5</v>
      </c>
      <c r="D24290" s="1" t="s">
        <v>20533</v>
      </c>
      <c r="E24290" s="1" t="s">
        <v>7</v>
      </c>
    </row>
    <row r="24291">
      <c r="A24291" s="1">
        <v>4.90984689E8</v>
      </c>
      <c r="B24291" s="2">
        <v>19255.0</v>
      </c>
      <c r="C24291" s="1" t="s">
        <v>5</v>
      </c>
      <c r="D24291" s="1" t="s">
        <v>20534</v>
      </c>
      <c r="E24291" s="1" t="s">
        <v>7</v>
      </c>
    </row>
    <row r="24292">
      <c r="A24292" s="1">
        <v>4.90984724E8</v>
      </c>
      <c r="B24292" s="2">
        <v>19311.0</v>
      </c>
      <c r="C24292" s="1" t="s">
        <v>5</v>
      </c>
      <c r="D24292" s="1" t="s">
        <v>20535</v>
      </c>
      <c r="E24292" s="1" t="s">
        <v>7</v>
      </c>
    </row>
    <row r="24293">
      <c r="A24293" s="1">
        <v>4.90984875E8</v>
      </c>
      <c r="B24293" s="2">
        <v>19279.0</v>
      </c>
      <c r="C24293" s="1" t="s">
        <v>5</v>
      </c>
      <c r="D24293" s="1" t="s">
        <v>20536</v>
      </c>
      <c r="E24293" s="1" t="s">
        <v>7</v>
      </c>
    </row>
    <row r="24294">
      <c r="A24294" s="1">
        <v>4.9098488E8</v>
      </c>
      <c r="B24294" s="2">
        <v>19353.0</v>
      </c>
      <c r="C24294" s="1" t="s">
        <v>5</v>
      </c>
      <c r="D24294" s="1" t="s">
        <v>20537</v>
      </c>
      <c r="E24294" s="1" t="s">
        <v>7</v>
      </c>
    </row>
    <row r="24295">
      <c r="A24295" s="1">
        <v>4.90984884E8</v>
      </c>
      <c r="B24295" s="2">
        <v>19358.0</v>
      </c>
      <c r="C24295" s="1" t="s">
        <v>5</v>
      </c>
      <c r="D24295" s="1" t="s">
        <v>20538</v>
      </c>
      <c r="E24295" s="1" t="s">
        <v>11</v>
      </c>
    </row>
    <row r="24296">
      <c r="A24296" s="1">
        <v>4.9098505E8</v>
      </c>
      <c r="B24296" s="2">
        <v>19352.0</v>
      </c>
      <c r="C24296" s="1" t="s">
        <v>5</v>
      </c>
      <c r="D24296" s="1" t="s">
        <v>11</v>
      </c>
      <c r="E24296" s="1" t="s">
        <v>7</v>
      </c>
    </row>
    <row r="24297">
      <c r="A24297" s="1">
        <v>4.90985127E8</v>
      </c>
      <c r="B24297" s="2">
        <v>19351.0</v>
      </c>
      <c r="C24297" s="1" t="s">
        <v>5</v>
      </c>
      <c r="D24297" s="1" t="s">
        <v>20539</v>
      </c>
      <c r="E24297" s="1" t="s">
        <v>7</v>
      </c>
    </row>
    <row r="24298">
      <c r="A24298" s="1">
        <v>4.90985564E8</v>
      </c>
      <c r="B24298" s="2">
        <v>19354.0</v>
      </c>
      <c r="C24298" s="1" t="s">
        <v>5</v>
      </c>
      <c r="D24298" s="1" t="s">
        <v>20540</v>
      </c>
      <c r="E24298" s="1" t="s">
        <v>7</v>
      </c>
    </row>
    <row r="24299">
      <c r="A24299" s="1">
        <v>4.9098564E8</v>
      </c>
      <c r="B24299" s="2">
        <v>19311.0</v>
      </c>
      <c r="C24299" s="1" t="s">
        <v>5</v>
      </c>
      <c r="D24299" s="1" t="s">
        <v>7</v>
      </c>
      <c r="E24299" s="1" t="s">
        <v>7</v>
      </c>
    </row>
    <row r="24300">
      <c r="A24300" s="1">
        <v>4.9098566E8</v>
      </c>
      <c r="B24300" s="2">
        <v>19278.0</v>
      </c>
      <c r="C24300" s="1" t="s">
        <v>5</v>
      </c>
      <c r="D24300" s="1" t="s">
        <v>20541</v>
      </c>
      <c r="E24300" s="1" t="s">
        <v>11</v>
      </c>
    </row>
    <row r="24301">
      <c r="A24301" s="1">
        <v>4.90985721E8</v>
      </c>
      <c r="B24301" s="2">
        <v>19300.0</v>
      </c>
      <c r="C24301" s="1" t="s">
        <v>5</v>
      </c>
      <c r="D24301" s="1" t="s">
        <v>20542</v>
      </c>
      <c r="E24301" s="1" t="s">
        <v>7</v>
      </c>
    </row>
    <row r="24302">
      <c r="A24302" s="1">
        <v>4.90985841E8</v>
      </c>
      <c r="B24302" s="2">
        <v>19269.0</v>
      </c>
      <c r="C24302" s="1" t="s">
        <v>5</v>
      </c>
      <c r="D24302" s="1" t="s">
        <v>20543</v>
      </c>
      <c r="E24302" s="1" t="s">
        <v>7</v>
      </c>
    </row>
    <row r="24303">
      <c r="A24303" s="1">
        <v>4.90985855E8</v>
      </c>
      <c r="B24303" s="2">
        <v>19285.0</v>
      </c>
      <c r="C24303" s="1" t="s">
        <v>5</v>
      </c>
      <c r="D24303" s="1" t="s">
        <v>11</v>
      </c>
      <c r="E24303" s="1" t="s">
        <v>7</v>
      </c>
    </row>
    <row r="24304">
      <c r="A24304" s="1">
        <v>4.90985968E8</v>
      </c>
      <c r="B24304" s="2">
        <v>19276.0</v>
      </c>
      <c r="C24304" s="1" t="s">
        <v>5</v>
      </c>
      <c r="D24304" s="1" t="s">
        <v>20544</v>
      </c>
      <c r="E24304" s="1" t="s">
        <v>7</v>
      </c>
    </row>
    <row r="24305">
      <c r="A24305" s="1">
        <v>4.90986074E8</v>
      </c>
      <c r="B24305" s="2">
        <v>19353.0</v>
      </c>
      <c r="C24305" s="1" t="s">
        <v>5</v>
      </c>
      <c r="D24305" s="1" t="s">
        <v>20545</v>
      </c>
      <c r="E24305" s="1" t="s">
        <v>7</v>
      </c>
    </row>
    <row r="24306">
      <c r="A24306" s="1">
        <v>4.90986084E8</v>
      </c>
      <c r="B24306" s="2">
        <v>19277.0</v>
      </c>
      <c r="C24306" s="1" t="s">
        <v>5</v>
      </c>
      <c r="D24306" s="1" t="s">
        <v>11</v>
      </c>
      <c r="E24306" s="1" t="s">
        <v>7</v>
      </c>
    </row>
    <row r="24307">
      <c r="A24307" s="1">
        <v>4.90986369E8</v>
      </c>
      <c r="B24307" s="2">
        <v>19328.0</v>
      </c>
      <c r="C24307" s="1" t="s">
        <v>5</v>
      </c>
      <c r="D24307" s="1" t="s">
        <v>7</v>
      </c>
      <c r="E24307" s="1" t="s">
        <v>7</v>
      </c>
    </row>
    <row r="24308">
      <c r="A24308" s="1">
        <v>4.90986451E8</v>
      </c>
      <c r="B24308" s="2">
        <v>19328.0</v>
      </c>
      <c r="C24308" s="1" t="s">
        <v>5</v>
      </c>
      <c r="D24308" s="1" t="s">
        <v>20546</v>
      </c>
      <c r="E24308" s="1" t="s">
        <v>11</v>
      </c>
    </row>
    <row r="24309">
      <c r="A24309" s="1">
        <v>4.90986559E8</v>
      </c>
      <c r="B24309" s="2">
        <v>19351.0</v>
      </c>
      <c r="C24309" s="1" t="s">
        <v>5</v>
      </c>
      <c r="D24309" s="1" t="s">
        <v>11</v>
      </c>
      <c r="E24309" s="1" t="s">
        <v>7</v>
      </c>
    </row>
    <row r="24310">
      <c r="A24310" s="1">
        <v>4.90986694E8</v>
      </c>
      <c r="B24310" s="2">
        <v>19349.0</v>
      </c>
      <c r="C24310" s="1" t="s">
        <v>5</v>
      </c>
      <c r="D24310" s="1" t="s">
        <v>20547</v>
      </c>
      <c r="E24310" s="1" t="s">
        <v>11</v>
      </c>
    </row>
    <row r="24311">
      <c r="A24311" s="1">
        <v>4.9098682E8</v>
      </c>
      <c r="B24311" s="2">
        <v>19321.0</v>
      </c>
      <c r="C24311" s="1" t="s">
        <v>5</v>
      </c>
      <c r="D24311" s="1" t="s">
        <v>20548</v>
      </c>
      <c r="E24311" s="1" t="s">
        <v>7</v>
      </c>
    </row>
    <row r="24312">
      <c r="A24312" s="1">
        <v>4.90986836E8</v>
      </c>
      <c r="B24312" s="2">
        <v>19339.0</v>
      </c>
      <c r="C24312" s="1" t="s">
        <v>5</v>
      </c>
      <c r="D24312" s="1" t="s">
        <v>20549</v>
      </c>
      <c r="E24312" s="1" t="s">
        <v>7</v>
      </c>
    </row>
    <row r="24313">
      <c r="A24313" s="1">
        <v>4.90986977E8</v>
      </c>
      <c r="B24313" s="2">
        <v>19349.0</v>
      </c>
      <c r="C24313" s="1" t="s">
        <v>5</v>
      </c>
      <c r="D24313" s="1" t="s">
        <v>20550</v>
      </c>
      <c r="E24313" s="1" t="s">
        <v>7</v>
      </c>
    </row>
    <row r="24314">
      <c r="A24314" s="1">
        <v>4.90987011E8</v>
      </c>
      <c r="B24314" s="2">
        <v>19356.0</v>
      </c>
      <c r="C24314" s="1" t="s">
        <v>5</v>
      </c>
      <c r="D24314" s="1" t="s">
        <v>20551</v>
      </c>
      <c r="E24314" s="1" t="s">
        <v>7</v>
      </c>
    </row>
    <row r="24315">
      <c r="A24315" s="1">
        <v>4.90987089E8</v>
      </c>
      <c r="B24315" s="2">
        <v>19342.0</v>
      </c>
      <c r="C24315" s="1" t="s">
        <v>5</v>
      </c>
      <c r="D24315" s="1" t="s">
        <v>20552</v>
      </c>
      <c r="E24315" s="1" t="s">
        <v>7</v>
      </c>
    </row>
    <row r="24316">
      <c r="A24316" s="1">
        <v>4.90987096E8</v>
      </c>
      <c r="B24316" s="2">
        <v>19347.0</v>
      </c>
      <c r="C24316" s="1" t="s">
        <v>5</v>
      </c>
      <c r="D24316" s="1" t="s">
        <v>20553</v>
      </c>
      <c r="E24316" s="1" t="s">
        <v>7</v>
      </c>
    </row>
    <row r="24317">
      <c r="A24317" s="1">
        <v>4.90987217E8</v>
      </c>
      <c r="B24317" s="2">
        <v>19338.0</v>
      </c>
      <c r="C24317" s="1" t="s">
        <v>5</v>
      </c>
      <c r="D24317" s="1" t="s">
        <v>20554</v>
      </c>
      <c r="E24317" s="1" t="s">
        <v>7</v>
      </c>
    </row>
    <row r="24318">
      <c r="A24318" s="1">
        <v>4.90987377E8</v>
      </c>
      <c r="B24318" s="2">
        <v>19270.0</v>
      </c>
      <c r="C24318" s="1" t="s">
        <v>5</v>
      </c>
      <c r="D24318" s="1" t="s">
        <v>20555</v>
      </c>
      <c r="E24318" s="1" t="s">
        <v>11</v>
      </c>
    </row>
    <row r="24319">
      <c r="A24319" s="1">
        <v>4.9098751E8</v>
      </c>
      <c r="B24319" s="2">
        <v>19342.0</v>
      </c>
      <c r="C24319" s="1" t="s">
        <v>5</v>
      </c>
      <c r="D24319" s="1" t="s">
        <v>20556</v>
      </c>
      <c r="E24319" s="1" t="s">
        <v>7</v>
      </c>
    </row>
    <row r="24320">
      <c r="A24320" s="1">
        <v>4.90987847E8</v>
      </c>
      <c r="B24320" s="2">
        <v>19337.0</v>
      </c>
      <c r="C24320" s="1" t="s">
        <v>5</v>
      </c>
      <c r="D24320" s="1" t="s">
        <v>11</v>
      </c>
      <c r="E24320" s="1" t="s">
        <v>7</v>
      </c>
    </row>
    <row r="24321">
      <c r="A24321" s="1">
        <v>4.90987955E8</v>
      </c>
      <c r="B24321" s="2">
        <v>19352.0</v>
      </c>
      <c r="C24321" s="1" t="s">
        <v>5</v>
      </c>
      <c r="D24321" s="1" t="s">
        <v>20557</v>
      </c>
      <c r="E24321" s="1" t="s">
        <v>7</v>
      </c>
    </row>
    <row r="24322">
      <c r="A24322" s="1">
        <v>4.90987959E8</v>
      </c>
      <c r="B24322" s="2">
        <v>19303.0</v>
      </c>
      <c r="C24322" s="1" t="s">
        <v>5</v>
      </c>
      <c r="D24322" s="1" t="s">
        <v>11</v>
      </c>
      <c r="E24322" s="1" t="s">
        <v>7</v>
      </c>
    </row>
    <row r="24323">
      <c r="A24323" s="1">
        <v>4.90987964E8</v>
      </c>
      <c r="B24323" s="2">
        <v>19268.0</v>
      </c>
      <c r="C24323" s="1" t="s">
        <v>5</v>
      </c>
      <c r="D24323" s="1" t="s">
        <v>20558</v>
      </c>
      <c r="E24323" s="1" t="s">
        <v>11</v>
      </c>
    </row>
    <row r="24324">
      <c r="A24324" s="1">
        <v>4.90988016E8</v>
      </c>
      <c r="B24324" s="2">
        <v>19389.0</v>
      </c>
      <c r="C24324" s="1" t="s">
        <v>5</v>
      </c>
      <c r="D24324" s="1" t="s">
        <v>20559</v>
      </c>
      <c r="E24324" s="1" t="s">
        <v>7</v>
      </c>
    </row>
    <row r="24325">
      <c r="A24325" s="1">
        <v>4.90988095E8</v>
      </c>
      <c r="B24325" s="2">
        <v>19340.0</v>
      </c>
      <c r="C24325" s="1" t="s">
        <v>5</v>
      </c>
      <c r="D24325" s="1" t="s">
        <v>20560</v>
      </c>
      <c r="E24325" s="1" t="s">
        <v>7</v>
      </c>
    </row>
    <row r="24326">
      <c r="A24326" s="1">
        <v>4.90988199E8</v>
      </c>
      <c r="B24326" s="2">
        <v>19339.0</v>
      </c>
      <c r="C24326" s="1" t="s">
        <v>5</v>
      </c>
      <c r="D24326" s="1" t="s">
        <v>20561</v>
      </c>
      <c r="E24326" s="1" t="s">
        <v>7</v>
      </c>
    </row>
    <row r="24327">
      <c r="A24327" s="1">
        <v>4.90988231E8</v>
      </c>
      <c r="B24327" s="2">
        <v>19384.0</v>
      </c>
      <c r="C24327" s="1" t="s">
        <v>5</v>
      </c>
      <c r="D24327" s="1" t="s">
        <v>20562</v>
      </c>
      <c r="E24327" s="1" t="s">
        <v>7</v>
      </c>
    </row>
    <row r="24328">
      <c r="A24328" s="1">
        <v>4.90988439E8</v>
      </c>
      <c r="B24328" s="2">
        <v>19317.0</v>
      </c>
      <c r="C24328" s="1" t="s">
        <v>5</v>
      </c>
      <c r="D24328" s="1" t="s">
        <v>11</v>
      </c>
      <c r="E24328" s="1" t="s">
        <v>7</v>
      </c>
    </row>
    <row r="24329">
      <c r="A24329" s="1">
        <v>4.90988898E8</v>
      </c>
      <c r="B24329" s="2">
        <v>19365.0</v>
      </c>
      <c r="C24329" s="1" t="s">
        <v>5</v>
      </c>
      <c r="D24329" s="1" t="s">
        <v>20563</v>
      </c>
      <c r="E24329" s="1" t="s">
        <v>7</v>
      </c>
    </row>
    <row r="24330">
      <c r="A24330" s="1">
        <v>4.9098899E8</v>
      </c>
      <c r="B24330" s="2">
        <v>19284.0</v>
      </c>
      <c r="C24330" s="1" t="s">
        <v>5</v>
      </c>
      <c r="D24330" s="1" t="s">
        <v>20564</v>
      </c>
      <c r="E24330" s="1" t="s">
        <v>7</v>
      </c>
    </row>
    <row r="24331">
      <c r="A24331" s="1">
        <v>4.90989114E8</v>
      </c>
      <c r="B24331" s="2">
        <v>19291.0</v>
      </c>
      <c r="C24331" s="1" t="s">
        <v>5</v>
      </c>
      <c r="D24331" s="1" t="s">
        <v>7</v>
      </c>
      <c r="E24331" s="1" t="s">
        <v>7</v>
      </c>
    </row>
    <row r="24332">
      <c r="A24332" s="1">
        <v>4.90989239E8</v>
      </c>
      <c r="B24332" s="2">
        <v>19319.0</v>
      </c>
      <c r="C24332" s="1" t="s">
        <v>5</v>
      </c>
      <c r="D24332" s="1" t="s">
        <v>20565</v>
      </c>
      <c r="E24332" s="1" t="s">
        <v>7</v>
      </c>
    </row>
    <row r="24333">
      <c r="A24333" s="1">
        <v>4.90989391E8</v>
      </c>
      <c r="B24333" s="2">
        <v>19388.0</v>
      </c>
      <c r="C24333" s="1" t="s">
        <v>5</v>
      </c>
      <c r="D24333" s="1" t="s">
        <v>20566</v>
      </c>
      <c r="E24333" s="1" t="s">
        <v>7</v>
      </c>
    </row>
    <row r="24334">
      <c r="A24334" s="1">
        <v>4.90989554E8</v>
      </c>
      <c r="B24334" s="2">
        <v>19387.0</v>
      </c>
      <c r="C24334" s="1" t="s">
        <v>5</v>
      </c>
      <c r="D24334" s="1" t="s">
        <v>20567</v>
      </c>
      <c r="E24334" s="1" t="s">
        <v>7</v>
      </c>
    </row>
    <row r="24335">
      <c r="A24335" s="1">
        <v>4.90989689E8</v>
      </c>
      <c r="B24335" s="2">
        <v>19285.0</v>
      </c>
      <c r="C24335" s="1" t="s">
        <v>5</v>
      </c>
      <c r="D24335" s="1" t="s">
        <v>20568</v>
      </c>
      <c r="E24335" s="1" t="s">
        <v>7</v>
      </c>
    </row>
    <row r="24336">
      <c r="A24336" s="1">
        <v>4.9098987E8</v>
      </c>
      <c r="B24336" s="2">
        <v>19330.0</v>
      </c>
      <c r="C24336" s="1" t="s">
        <v>5</v>
      </c>
      <c r="D24336" s="1" t="s">
        <v>11</v>
      </c>
      <c r="E24336" s="1" t="s">
        <v>7</v>
      </c>
    </row>
    <row r="24337">
      <c r="A24337" s="1">
        <v>4.90989879E8</v>
      </c>
      <c r="B24337" s="2">
        <v>19395.0</v>
      </c>
      <c r="C24337" s="1" t="s">
        <v>5</v>
      </c>
      <c r="D24337" s="1" t="s">
        <v>20569</v>
      </c>
      <c r="E24337" s="1" t="s">
        <v>20570</v>
      </c>
    </row>
    <row r="24338">
      <c r="A24338" s="1">
        <v>4.90990146E8</v>
      </c>
      <c r="B24338" s="2">
        <v>19445.0</v>
      </c>
      <c r="C24338" s="1" t="s">
        <v>5</v>
      </c>
      <c r="D24338" s="1" t="s">
        <v>20571</v>
      </c>
      <c r="E24338" s="1" t="s">
        <v>7</v>
      </c>
    </row>
    <row r="24339">
      <c r="A24339" s="1">
        <v>4.9099023E8</v>
      </c>
      <c r="B24339" s="2">
        <v>19354.0</v>
      </c>
      <c r="C24339" s="1" t="s">
        <v>5</v>
      </c>
      <c r="D24339" s="1" t="s">
        <v>20572</v>
      </c>
      <c r="E24339" s="1" t="s">
        <v>7</v>
      </c>
    </row>
    <row r="24340">
      <c r="A24340" s="1">
        <v>4.90990368E8</v>
      </c>
      <c r="B24340" s="2">
        <v>19388.0</v>
      </c>
      <c r="C24340" s="1" t="s">
        <v>5</v>
      </c>
      <c r="D24340" s="1" t="s">
        <v>20573</v>
      </c>
      <c r="E24340" s="1" t="s">
        <v>11</v>
      </c>
    </row>
    <row r="24341">
      <c r="A24341" s="1">
        <v>4.90990519E8</v>
      </c>
      <c r="B24341" s="2">
        <v>19369.0</v>
      </c>
      <c r="C24341" s="1" t="s">
        <v>5</v>
      </c>
      <c r="D24341" s="1" t="s">
        <v>20574</v>
      </c>
      <c r="E24341" s="1" t="s">
        <v>7</v>
      </c>
    </row>
    <row r="24342">
      <c r="A24342" s="1">
        <v>4.9099067E8</v>
      </c>
      <c r="B24342" s="2">
        <v>19277.0</v>
      </c>
      <c r="C24342" s="1" t="s">
        <v>5</v>
      </c>
      <c r="D24342" s="1" t="s">
        <v>20575</v>
      </c>
      <c r="E24342" s="1" t="s">
        <v>7</v>
      </c>
    </row>
    <row r="24343">
      <c r="A24343" s="1">
        <v>4.90990678E8</v>
      </c>
      <c r="B24343" s="2">
        <v>19328.0</v>
      </c>
      <c r="C24343" s="1" t="s">
        <v>5</v>
      </c>
      <c r="D24343" s="1" t="s">
        <v>11</v>
      </c>
      <c r="E24343" s="1" t="s">
        <v>7</v>
      </c>
    </row>
    <row r="24344">
      <c r="A24344" s="1">
        <v>4.90990946E8</v>
      </c>
      <c r="B24344" s="2">
        <v>19379.0</v>
      </c>
      <c r="C24344" s="1" t="s">
        <v>5</v>
      </c>
      <c r="D24344" s="1" t="s">
        <v>20576</v>
      </c>
      <c r="E24344" s="1" t="s">
        <v>11</v>
      </c>
    </row>
    <row r="24345">
      <c r="A24345" s="1">
        <v>4.90991359E8</v>
      </c>
      <c r="B24345" s="2">
        <v>19367.0</v>
      </c>
      <c r="C24345" s="1" t="s">
        <v>5</v>
      </c>
      <c r="D24345" s="1" t="s">
        <v>20577</v>
      </c>
      <c r="E24345" s="1" t="s">
        <v>11</v>
      </c>
    </row>
    <row r="24346">
      <c r="A24346" s="1">
        <v>4.90991529E8</v>
      </c>
      <c r="B24346" s="2">
        <v>19412.0</v>
      </c>
      <c r="C24346" s="1" t="s">
        <v>5</v>
      </c>
      <c r="D24346" s="1" t="s">
        <v>20578</v>
      </c>
      <c r="E24346" s="1" t="s">
        <v>7</v>
      </c>
    </row>
    <row r="24347">
      <c r="A24347" s="1">
        <v>4.90991557E8</v>
      </c>
      <c r="B24347" s="2">
        <v>19443.0</v>
      </c>
      <c r="C24347" s="1" t="s">
        <v>5</v>
      </c>
      <c r="D24347" s="1" t="s">
        <v>11</v>
      </c>
      <c r="E24347" s="1" t="s">
        <v>7</v>
      </c>
    </row>
    <row r="24348">
      <c r="A24348" s="1">
        <v>4.90991574E8</v>
      </c>
      <c r="B24348" s="2">
        <v>19412.0</v>
      </c>
      <c r="C24348" s="1" t="s">
        <v>5</v>
      </c>
      <c r="D24348" s="1" t="s">
        <v>20579</v>
      </c>
      <c r="E24348" s="1" t="s">
        <v>7</v>
      </c>
    </row>
    <row r="24349">
      <c r="A24349" s="1">
        <v>4.90991807E8</v>
      </c>
      <c r="B24349" s="2">
        <v>19391.0</v>
      </c>
      <c r="C24349" s="1" t="s">
        <v>5</v>
      </c>
      <c r="D24349" s="1" t="s">
        <v>11</v>
      </c>
      <c r="E24349" s="1" t="s">
        <v>7</v>
      </c>
    </row>
    <row r="24350">
      <c r="A24350" s="1">
        <v>4.90991939E8</v>
      </c>
      <c r="B24350" s="2">
        <v>19435.0</v>
      </c>
      <c r="C24350" s="1" t="s">
        <v>5</v>
      </c>
      <c r="D24350" s="1" t="s">
        <v>11</v>
      </c>
      <c r="E24350" s="1" t="s">
        <v>7</v>
      </c>
    </row>
    <row r="24351">
      <c r="A24351" s="1">
        <v>4.90992295E8</v>
      </c>
      <c r="B24351" s="2">
        <v>19414.0</v>
      </c>
      <c r="C24351" s="1" t="s">
        <v>5</v>
      </c>
      <c r="D24351" s="1" t="s">
        <v>11</v>
      </c>
      <c r="E24351" s="1" t="s">
        <v>7</v>
      </c>
    </row>
    <row r="24352">
      <c r="A24352" s="1">
        <v>4.90992448E8</v>
      </c>
      <c r="B24352" s="2">
        <v>19443.0</v>
      </c>
      <c r="C24352" s="1" t="s">
        <v>5</v>
      </c>
      <c r="D24352" s="1" t="s">
        <v>20580</v>
      </c>
      <c r="E24352" s="1" t="s">
        <v>7</v>
      </c>
    </row>
    <row r="24353">
      <c r="A24353" s="1">
        <v>4.90992556E8</v>
      </c>
      <c r="B24353" s="2">
        <v>19429.0</v>
      </c>
      <c r="C24353" s="1" t="s">
        <v>5</v>
      </c>
      <c r="D24353" s="1" t="s">
        <v>11</v>
      </c>
      <c r="E24353" s="1" t="s">
        <v>7</v>
      </c>
    </row>
    <row r="24354">
      <c r="A24354" s="1">
        <v>4.90992688E8</v>
      </c>
      <c r="B24354" s="2">
        <v>19444.0</v>
      </c>
      <c r="C24354" s="1" t="s">
        <v>5</v>
      </c>
      <c r="D24354" s="1" t="s">
        <v>20581</v>
      </c>
      <c r="E24354" s="1" t="s">
        <v>7</v>
      </c>
    </row>
    <row r="24355">
      <c r="A24355" s="1">
        <v>4.90992728E8</v>
      </c>
      <c r="B24355" s="2">
        <v>19384.0</v>
      </c>
      <c r="C24355" s="1" t="s">
        <v>5</v>
      </c>
      <c r="D24355" s="1" t="s">
        <v>20582</v>
      </c>
      <c r="E24355" s="1" t="s">
        <v>7</v>
      </c>
    </row>
    <row r="24356">
      <c r="A24356" s="1">
        <v>4.90992839E8</v>
      </c>
      <c r="B24356" s="2">
        <v>19362.0</v>
      </c>
      <c r="C24356" s="1" t="s">
        <v>5</v>
      </c>
      <c r="D24356" s="1" t="s">
        <v>11</v>
      </c>
      <c r="E24356" s="1" t="s">
        <v>7</v>
      </c>
    </row>
    <row r="24357">
      <c r="A24357" s="1">
        <v>4.90993209E8</v>
      </c>
      <c r="B24357" s="2">
        <v>19409.0</v>
      </c>
      <c r="C24357" s="1" t="s">
        <v>5</v>
      </c>
      <c r="D24357" s="1" t="s">
        <v>20583</v>
      </c>
      <c r="E24357" s="1" t="s">
        <v>11</v>
      </c>
    </row>
    <row r="24358">
      <c r="A24358" s="1">
        <v>4.9099323E8</v>
      </c>
      <c r="B24358" s="2">
        <v>19437.0</v>
      </c>
      <c r="C24358" s="1" t="s">
        <v>5</v>
      </c>
      <c r="D24358" s="1" t="s">
        <v>11</v>
      </c>
      <c r="E24358" s="1" t="s">
        <v>7</v>
      </c>
    </row>
    <row r="24359">
      <c r="A24359" s="1">
        <v>4.90993495E8</v>
      </c>
      <c r="B24359" s="2">
        <v>19382.0</v>
      </c>
      <c r="C24359" s="1" t="s">
        <v>5</v>
      </c>
      <c r="D24359" s="1" t="s">
        <v>20584</v>
      </c>
      <c r="E24359" s="1" t="s">
        <v>20585</v>
      </c>
    </row>
    <row r="24360">
      <c r="A24360" s="1">
        <v>4.9099372E8</v>
      </c>
      <c r="B24360" s="2">
        <v>19376.0</v>
      </c>
      <c r="C24360" s="1" t="s">
        <v>5</v>
      </c>
      <c r="D24360" s="1" t="s">
        <v>11</v>
      </c>
      <c r="E24360" s="1" t="s">
        <v>7</v>
      </c>
    </row>
    <row r="24361">
      <c r="A24361" s="1">
        <v>4.90993805E8</v>
      </c>
      <c r="B24361" s="2">
        <v>19437.0</v>
      </c>
      <c r="C24361" s="1" t="s">
        <v>5</v>
      </c>
      <c r="D24361" s="1" t="s">
        <v>11</v>
      </c>
      <c r="E24361" s="1" t="s">
        <v>7</v>
      </c>
    </row>
    <row r="24362">
      <c r="A24362" s="1">
        <v>4.90993871E8</v>
      </c>
      <c r="B24362" s="2">
        <v>19405.0</v>
      </c>
      <c r="C24362" s="1" t="s">
        <v>5</v>
      </c>
      <c r="D24362" s="1" t="s">
        <v>20586</v>
      </c>
      <c r="E24362" s="1" t="s">
        <v>7</v>
      </c>
    </row>
    <row r="24363">
      <c r="A24363" s="1">
        <v>4.90993996E8</v>
      </c>
      <c r="B24363" s="2">
        <v>19479.0</v>
      </c>
      <c r="C24363" s="1" t="s">
        <v>5</v>
      </c>
      <c r="D24363" s="1" t="s">
        <v>20587</v>
      </c>
      <c r="E24363" s="1" t="s">
        <v>7</v>
      </c>
    </row>
    <row r="24364">
      <c r="A24364" s="1">
        <v>4.90994076E8</v>
      </c>
      <c r="B24364" s="2">
        <v>19374.0</v>
      </c>
      <c r="C24364" s="1" t="s">
        <v>5</v>
      </c>
      <c r="D24364" s="1" t="s">
        <v>20588</v>
      </c>
      <c r="E24364" s="1" t="s">
        <v>11</v>
      </c>
    </row>
    <row r="24365">
      <c r="A24365" s="1">
        <v>4.90994134E8</v>
      </c>
      <c r="B24365" s="2">
        <v>19479.0</v>
      </c>
      <c r="C24365" s="1" t="s">
        <v>5</v>
      </c>
      <c r="D24365" s="1" t="s">
        <v>20589</v>
      </c>
      <c r="E24365" s="1" t="s">
        <v>7</v>
      </c>
    </row>
    <row r="24366">
      <c r="A24366" s="1">
        <v>4.90994344E8</v>
      </c>
      <c r="B24366" s="2">
        <v>19366.0</v>
      </c>
      <c r="C24366" s="1" t="s">
        <v>5</v>
      </c>
      <c r="D24366" s="1" t="s">
        <v>11</v>
      </c>
      <c r="E24366" s="1" t="s">
        <v>7</v>
      </c>
    </row>
    <row r="24367">
      <c r="A24367" s="1">
        <v>4.90994392E8</v>
      </c>
      <c r="B24367" s="2">
        <v>19381.0</v>
      </c>
      <c r="C24367" s="1" t="s">
        <v>5</v>
      </c>
      <c r="D24367" s="1" t="s">
        <v>20590</v>
      </c>
      <c r="E24367" s="1" t="s">
        <v>20591</v>
      </c>
    </row>
    <row r="24368">
      <c r="A24368" s="1">
        <v>4.90994427E8</v>
      </c>
      <c r="B24368" s="2">
        <v>19403.0</v>
      </c>
      <c r="C24368" s="1" t="s">
        <v>5</v>
      </c>
      <c r="D24368" s="1" t="s">
        <v>20592</v>
      </c>
      <c r="E24368" s="1" t="s">
        <v>11</v>
      </c>
    </row>
    <row r="24369">
      <c r="A24369" s="1">
        <v>4.90994431E8</v>
      </c>
      <c r="B24369" s="2">
        <v>19381.0</v>
      </c>
      <c r="C24369" s="1" t="s">
        <v>5</v>
      </c>
      <c r="D24369" s="1" t="s">
        <v>20593</v>
      </c>
      <c r="E24369" s="1" t="s">
        <v>20594</v>
      </c>
    </row>
    <row r="24370">
      <c r="A24370" s="1">
        <v>4.90994694E8</v>
      </c>
      <c r="B24370" s="2">
        <v>19432.0</v>
      </c>
      <c r="C24370" s="1" t="s">
        <v>5</v>
      </c>
      <c r="D24370" s="1" t="s">
        <v>20595</v>
      </c>
      <c r="E24370" s="1" t="s">
        <v>7</v>
      </c>
    </row>
    <row r="24371">
      <c r="A24371" s="1">
        <v>4.90994778E8</v>
      </c>
      <c r="B24371" s="2">
        <v>19431.0</v>
      </c>
      <c r="C24371" s="1" t="s">
        <v>5</v>
      </c>
      <c r="D24371" s="1" t="s">
        <v>20596</v>
      </c>
      <c r="E24371" s="1" t="s">
        <v>7</v>
      </c>
    </row>
    <row r="24372">
      <c r="A24372" s="1">
        <v>4.90994796E8</v>
      </c>
      <c r="B24372" s="2">
        <v>19410.0</v>
      </c>
      <c r="C24372" s="1" t="s">
        <v>5</v>
      </c>
      <c r="D24372" s="1" t="s">
        <v>20597</v>
      </c>
      <c r="E24372" s="1" t="s">
        <v>7</v>
      </c>
    </row>
    <row r="24373">
      <c r="A24373" s="1">
        <v>4.90994831E8</v>
      </c>
      <c r="B24373" s="2">
        <v>19430.0</v>
      </c>
      <c r="C24373" s="1" t="s">
        <v>5</v>
      </c>
      <c r="D24373" s="1" t="s">
        <v>11</v>
      </c>
      <c r="E24373" s="1" t="s">
        <v>7</v>
      </c>
    </row>
    <row r="24374">
      <c r="A24374" s="1">
        <v>4.90994934E8</v>
      </c>
      <c r="B24374" s="2">
        <v>19473.0</v>
      </c>
      <c r="C24374" s="1" t="s">
        <v>5</v>
      </c>
      <c r="D24374" s="1" t="s">
        <v>20598</v>
      </c>
      <c r="E24374" s="1" t="s">
        <v>20599</v>
      </c>
    </row>
    <row r="24375">
      <c r="A24375" s="1">
        <v>4.9099507E8</v>
      </c>
      <c r="B24375" s="2">
        <v>19474.0</v>
      </c>
      <c r="C24375" s="1" t="s">
        <v>5</v>
      </c>
      <c r="D24375" s="1" t="s">
        <v>11</v>
      </c>
      <c r="E24375" s="1" t="s">
        <v>7</v>
      </c>
    </row>
    <row r="24376">
      <c r="A24376" s="1">
        <v>4.90995324E8</v>
      </c>
      <c r="B24376" s="2">
        <v>19416.0</v>
      </c>
      <c r="C24376" s="1" t="s">
        <v>5</v>
      </c>
      <c r="D24376" s="1" t="s">
        <v>20600</v>
      </c>
      <c r="E24376" s="1" t="s">
        <v>11</v>
      </c>
    </row>
    <row r="24377">
      <c r="A24377" s="1">
        <v>4.90995354E8</v>
      </c>
      <c r="B24377" s="2">
        <v>19426.0</v>
      </c>
      <c r="C24377" s="1" t="s">
        <v>5</v>
      </c>
      <c r="D24377" s="1" t="s">
        <v>11</v>
      </c>
      <c r="E24377" s="1" t="s">
        <v>7</v>
      </c>
    </row>
    <row r="24378">
      <c r="A24378" s="1">
        <v>4.90995456E8</v>
      </c>
      <c r="B24378" s="2">
        <v>19473.0</v>
      </c>
      <c r="C24378" s="1" t="s">
        <v>5</v>
      </c>
      <c r="D24378" s="1" t="s">
        <v>20601</v>
      </c>
      <c r="E24378" s="1" t="s">
        <v>11</v>
      </c>
    </row>
    <row r="24379">
      <c r="A24379" s="1">
        <v>4.90995474E8</v>
      </c>
      <c r="B24379" s="2">
        <v>19363.0</v>
      </c>
      <c r="C24379" s="1" t="s">
        <v>5</v>
      </c>
      <c r="D24379" s="1" t="s">
        <v>20602</v>
      </c>
      <c r="E24379" s="1" t="s">
        <v>20603</v>
      </c>
    </row>
    <row r="24380">
      <c r="A24380" s="1">
        <v>4.90995494E8</v>
      </c>
      <c r="B24380" s="2">
        <v>19470.0</v>
      </c>
      <c r="C24380" s="1" t="s">
        <v>5</v>
      </c>
      <c r="D24380" s="1" t="s">
        <v>20604</v>
      </c>
      <c r="E24380" s="1" t="s">
        <v>20605</v>
      </c>
    </row>
    <row r="24381">
      <c r="A24381" s="1">
        <v>4.90995556E8</v>
      </c>
      <c r="B24381" s="2">
        <v>19439.0</v>
      </c>
      <c r="C24381" s="1" t="s">
        <v>5</v>
      </c>
      <c r="D24381" s="1" t="s">
        <v>20606</v>
      </c>
      <c r="E24381" s="1" t="s">
        <v>11</v>
      </c>
    </row>
    <row r="24382">
      <c r="A24382" s="1">
        <v>4.90995768E8</v>
      </c>
      <c r="B24382" s="2">
        <v>19377.0</v>
      </c>
      <c r="C24382" s="1" t="s">
        <v>5</v>
      </c>
      <c r="D24382" s="1" t="s">
        <v>20607</v>
      </c>
      <c r="E24382" s="1" t="s">
        <v>7</v>
      </c>
    </row>
    <row r="24383">
      <c r="A24383" s="1">
        <v>4.90995848E8</v>
      </c>
      <c r="B24383" s="2">
        <v>19470.0</v>
      </c>
      <c r="C24383" s="1" t="s">
        <v>5</v>
      </c>
      <c r="D24383" s="1" t="s">
        <v>20608</v>
      </c>
      <c r="E24383" s="1" t="s">
        <v>20609</v>
      </c>
    </row>
    <row r="24384">
      <c r="A24384" s="1">
        <v>4.90995975E8</v>
      </c>
      <c r="B24384" s="2">
        <v>19419.0</v>
      </c>
      <c r="C24384" s="1" t="s">
        <v>5</v>
      </c>
      <c r="D24384" s="1" t="s">
        <v>11</v>
      </c>
      <c r="E24384" s="1" t="s">
        <v>7</v>
      </c>
    </row>
    <row r="24385">
      <c r="A24385" s="1">
        <v>4.90996257E8</v>
      </c>
      <c r="B24385" s="2">
        <v>19424.0</v>
      </c>
      <c r="C24385" s="1" t="s">
        <v>5</v>
      </c>
      <c r="D24385" s="1" t="s">
        <v>20610</v>
      </c>
      <c r="E24385" s="1" t="s">
        <v>11</v>
      </c>
    </row>
    <row r="24386">
      <c r="A24386" s="1">
        <v>4.90996351E8</v>
      </c>
      <c r="B24386" s="2">
        <v>19478.0</v>
      </c>
      <c r="C24386" s="1" t="s">
        <v>5</v>
      </c>
      <c r="D24386" s="1" t="s">
        <v>20611</v>
      </c>
      <c r="E24386" s="1" t="s">
        <v>11</v>
      </c>
    </row>
    <row r="24387">
      <c r="A24387" s="1">
        <v>4.90996396E8</v>
      </c>
      <c r="B24387" s="2">
        <v>19466.0</v>
      </c>
      <c r="C24387" s="1" t="s">
        <v>5</v>
      </c>
      <c r="D24387" s="1" t="s">
        <v>20612</v>
      </c>
      <c r="E24387" s="1" t="s">
        <v>7</v>
      </c>
    </row>
    <row r="24388">
      <c r="A24388" s="1">
        <v>4.90996514E8</v>
      </c>
      <c r="B24388" s="2">
        <v>19402.0</v>
      </c>
      <c r="C24388" s="1" t="s">
        <v>5</v>
      </c>
      <c r="D24388" s="1" t="s">
        <v>11</v>
      </c>
      <c r="E24388" s="1" t="s">
        <v>7</v>
      </c>
    </row>
    <row r="24389">
      <c r="A24389" s="1">
        <v>4.90996625E8</v>
      </c>
      <c r="B24389" s="2">
        <v>19459.0</v>
      </c>
      <c r="C24389" s="1" t="s">
        <v>5</v>
      </c>
      <c r="D24389" s="1" t="s">
        <v>20613</v>
      </c>
      <c r="E24389" s="1" t="s">
        <v>7</v>
      </c>
    </row>
    <row r="24390">
      <c r="A24390" s="1">
        <v>4.90996777E8</v>
      </c>
      <c r="B24390" s="2">
        <v>19419.0</v>
      </c>
      <c r="C24390" s="1" t="s">
        <v>5</v>
      </c>
      <c r="D24390" s="1" t="s">
        <v>11</v>
      </c>
      <c r="E24390" s="1" t="s">
        <v>7</v>
      </c>
    </row>
    <row r="24391">
      <c r="A24391" s="1">
        <v>4.90996876E8</v>
      </c>
      <c r="B24391" s="2">
        <v>19473.0</v>
      </c>
      <c r="C24391" s="1" t="s">
        <v>5</v>
      </c>
      <c r="D24391" s="1" t="s">
        <v>11</v>
      </c>
      <c r="E24391" s="1" t="s">
        <v>7</v>
      </c>
    </row>
    <row r="24392">
      <c r="A24392" s="1">
        <v>4.9099695E8</v>
      </c>
      <c r="B24392" s="2">
        <v>19478.0</v>
      </c>
      <c r="C24392" s="1" t="s">
        <v>5</v>
      </c>
      <c r="D24392" s="1" t="s">
        <v>20614</v>
      </c>
      <c r="E24392" s="1" t="s">
        <v>7</v>
      </c>
    </row>
    <row r="24393">
      <c r="A24393" s="1">
        <v>4.90997125E8</v>
      </c>
      <c r="B24393" s="2">
        <v>19393.0</v>
      </c>
      <c r="C24393" s="1" t="s">
        <v>5</v>
      </c>
      <c r="D24393" s="1" t="s">
        <v>20615</v>
      </c>
      <c r="E24393" s="1" t="s">
        <v>11</v>
      </c>
    </row>
    <row r="24394">
      <c r="A24394" s="1">
        <v>4.90997146E8</v>
      </c>
      <c r="B24394" s="3">
        <v>19480.0</v>
      </c>
      <c r="C24394" s="1" t="s">
        <v>5</v>
      </c>
      <c r="D24394" s="1" t="s">
        <v>11</v>
      </c>
      <c r="E24394" s="1" t="s">
        <v>7</v>
      </c>
    </row>
    <row r="24395">
      <c r="A24395" s="1">
        <v>4.90997156E8</v>
      </c>
      <c r="B24395" s="2">
        <v>19471.0</v>
      </c>
      <c r="C24395" s="1" t="s">
        <v>5</v>
      </c>
      <c r="D24395" s="1" t="s">
        <v>20616</v>
      </c>
      <c r="E24395" s="1" t="s">
        <v>11</v>
      </c>
    </row>
    <row r="24396">
      <c r="A24396" s="1">
        <v>4.90997498E8</v>
      </c>
      <c r="B24396" s="2">
        <v>19440.0</v>
      </c>
      <c r="C24396" s="1" t="s">
        <v>5</v>
      </c>
      <c r="D24396" s="1" t="s">
        <v>20617</v>
      </c>
      <c r="E24396" s="1" t="s">
        <v>7</v>
      </c>
    </row>
    <row r="24397">
      <c r="A24397" s="1">
        <v>4.90997701E8</v>
      </c>
      <c r="B24397" s="2">
        <v>19471.0</v>
      </c>
      <c r="C24397" s="1" t="s">
        <v>5</v>
      </c>
      <c r="D24397" s="1" t="s">
        <v>11</v>
      </c>
      <c r="E24397" s="1" t="s">
        <v>7</v>
      </c>
    </row>
    <row r="24398">
      <c r="A24398" s="1">
        <v>4.90997712E8</v>
      </c>
      <c r="B24398" s="2">
        <v>19465.0</v>
      </c>
      <c r="C24398" s="1" t="s">
        <v>5</v>
      </c>
      <c r="D24398" s="1" t="s">
        <v>11</v>
      </c>
      <c r="E24398" s="1" t="s">
        <v>7</v>
      </c>
    </row>
    <row r="24399">
      <c r="A24399" s="1">
        <v>4.90997734E8</v>
      </c>
      <c r="B24399" s="2">
        <v>19465.0</v>
      </c>
      <c r="C24399" s="1" t="s">
        <v>5</v>
      </c>
      <c r="D24399" s="1" t="s">
        <v>20618</v>
      </c>
      <c r="E24399" s="1" t="s">
        <v>7</v>
      </c>
    </row>
    <row r="24400">
      <c r="A24400" s="1">
        <v>4.90997918E8</v>
      </c>
      <c r="B24400" s="3">
        <v>19480.0</v>
      </c>
      <c r="C24400" s="1" t="s">
        <v>5</v>
      </c>
      <c r="D24400" s="1" t="s">
        <v>20619</v>
      </c>
      <c r="E24400" s="1" t="s">
        <v>7</v>
      </c>
    </row>
    <row r="24401">
      <c r="A24401" s="1">
        <v>4.90997934E8</v>
      </c>
      <c r="B24401" s="2">
        <v>19456.0</v>
      </c>
      <c r="C24401" s="1" t="s">
        <v>5</v>
      </c>
      <c r="D24401" s="1" t="s">
        <v>20620</v>
      </c>
      <c r="E24401" s="1" t="s">
        <v>20621</v>
      </c>
    </row>
    <row r="24402">
      <c r="A24402" s="1">
        <v>4.90998437E8</v>
      </c>
      <c r="B24402" s="2">
        <v>19471.0</v>
      </c>
      <c r="C24402" s="1" t="s">
        <v>5</v>
      </c>
      <c r="D24402" s="1" t="s">
        <v>20622</v>
      </c>
      <c r="E24402" s="1" t="s">
        <v>20623</v>
      </c>
    </row>
    <row r="24403">
      <c r="A24403" s="1">
        <v>4.90998536E8</v>
      </c>
      <c r="B24403" s="2">
        <v>19533.0</v>
      </c>
      <c r="C24403" s="1" t="s">
        <v>5</v>
      </c>
      <c r="D24403" s="1" t="s">
        <v>11</v>
      </c>
      <c r="E24403" s="1" t="s">
        <v>7</v>
      </c>
    </row>
    <row r="24404">
      <c r="A24404" s="1">
        <v>4.90998614E8</v>
      </c>
      <c r="B24404" s="2">
        <v>19520.0</v>
      </c>
      <c r="C24404" s="1" t="s">
        <v>5</v>
      </c>
      <c r="D24404" s="1" t="s">
        <v>20624</v>
      </c>
      <c r="E24404" s="1" t="s">
        <v>7</v>
      </c>
    </row>
    <row r="24405">
      <c r="A24405" s="1">
        <v>4.90998769E8</v>
      </c>
      <c r="B24405" s="2">
        <v>19519.0</v>
      </c>
      <c r="C24405" s="1" t="s">
        <v>5</v>
      </c>
      <c r="D24405" s="1" t="s">
        <v>11</v>
      </c>
      <c r="E24405" s="1" t="s">
        <v>7</v>
      </c>
    </row>
    <row r="24406">
      <c r="A24406" s="1">
        <v>4.9099923E8</v>
      </c>
      <c r="B24406" s="2">
        <v>19466.0</v>
      </c>
      <c r="C24406" s="1" t="s">
        <v>5</v>
      </c>
      <c r="D24406" s="1" t="s">
        <v>11</v>
      </c>
      <c r="E24406" s="1" t="s">
        <v>7</v>
      </c>
    </row>
    <row r="24407">
      <c r="A24407" s="1">
        <v>4.90999456E8</v>
      </c>
      <c r="B24407" s="2">
        <v>19524.0</v>
      </c>
      <c r="C24407" s="1" t="s">
        <v>5</v>
      </c>
      <c r="D24407" s="1" t="s">
        <v>20625</v>
      </c>
      <c r="E24407" s="1" t="s">
        <v>7</v>
      </c>
    </row>
    <row r="24408">
      <c r="A24408" s="1">
        <v>4.90999486E8</v>
      </c>
      <c r="B24408" s="2">
        <v>19519.0</v>
      </c>
      <c r="C24408" s="1" t="s">
        <v>5</v>
      </c>
      <c r="D24408" s="1" t="s">
        <v>20626</v>
      </c>
      <c r="E24408" s="1" t="s">
        <v>7</v>
      </c>
    </row>
    <row r="24409">
      <c r="A24409" s="1">
        <v>4.90999639E8</v>
      </c>
      <c r="B24409" s="3">
        <v>19500.0</v>
      </c>
      <c r="C24409" s="1" t="s">
        <v>5</v>
      </c>
      <c r="D24409" s="1" t="s">
        <v>20627</v>
      </c>
      <c r="E24409" s="1" t="s">
        <v>11</v>
      </c>
    </row>
    <row r="24410">
      <c r="A24410" s="1">
        <v>4.90999642E8</v>
      </c>
      <c r="B24410" s="2">
        <v>19391.0</v>
      </c>
      <c r="C24410" s="1" t="s">
        <v>5</v>
      </c>
      <c r="D24410" s="1" t="s">
        <v>11</v>
      </c>
      <c r="E24410" s="1" t="s">
        <v>7</v>
      </c>
    </row>
    <row r="24411">
      <c r="A24411" s="1">
        <v>4.9100004E8</v>
      </c>
      <c r="B24411" s="3">
        <v>19508.0</v>
      </c>
      <c r="C24411" s="1" t="s">
        <v>5</v>
      </c>
      <c r="D24411" s="1" t="s">
        <v>20628</v>
      </c>
      <c r="E24411" s="1" t="s">
        <v>20629</v>
      </c>
    </row>
    <row r="24412">
      <c r="A24412" s="1">
        <v>4.91000079E8</v>
      </c>
      <c r="B24412" s="2">
        <v>19409.0</v>
      </c>
      <c r="C24412" s="1" t="s">
        <v>5</v>
      </c>
      <c r="D24412" s="1" t="s">
        <v>20630</v>
      </c>
      <c r="E24412" s="1" t="s">
        <v>7</v>
      </c>
    </row>
    <row r="24413">
      <c r="A24413" s="1">
        <v>4.91000234E8</v>
      </c>
      <c r="B24413" s="2">
        <v>19558.0</v>
      </c>
      <c r="C24413" s="1" t="s">
        <v>5</v>
      </c>
      <c r="D24413" s="1" t="s">
        <v>20631</v>
      </c>
      <c r="E24413" s="1" t="s">
        <v>20632</v>
      </c>
    </row>
    <row r="24414">
      <c r="A24414" s="1">
        <v>4.91000298E8</v>
      </c>
      <c r="B24414" s="3">
        <v>19498.0</v>
      </c>
      <c r="C24414" s="1" t="s">
        <v>5</v>
      </c>
      <c r="D24414" s="1" t="s">
        <v>20633</v>
      </c>
      <c r="E24414" s="1" t="s">
        <v>11</v>
      </c>
    </row>
    <row r="24415">
      <c r="A24415" s="1">
        <v>4.91000477E8</v>
      </c>
      <c r="B24415" s="2">
        <v>19571.0</v>
      </c>
      <c r="C24415" s="1" t="s">
        <v>5</v>
      </c>
      <c r="D24415" s="1" t="s">
        <v>11</v>
      </c>
      <c r="E24415" s="1" t="s">
        <v>7</v>
      </c>
    </row>
    <row r="24416">
      <c r="A24416" s="1">
        <v>4.910006E8</v>
      </c>
      <c r="B24416" s="2">
        <v>19517.0</v>
      </c>
      <c r="C24416" s="1" t="s">
        <v>5</v>
      </c>
      <c r="D24416" s="1" t="s">
        <v>20634</v>
      </c>
      <c r="E24416" s="1" t="s">
        <v>7</v>
      </c>
    </row>
    <row r="24417">
      <c r="A24417" s="1">
        <v>4.91000617E8</v>
      </c>
      <c r="B24417" s="2">
        <v>19458.0</v>
      </c>
      <c r="C24417" s="1" t="s">
        <v>5</v>
      </c>
      <c r="D24417" s="1" t="s">
        <v>20635</v>
      </c>
      <c r="E24417" s="1" t="s">
        <v>20636</v>
      </c>
    </row>
    <row r="24418">
      <c r="A24418" s="1">
        <v>4.91000806E8</v>
      </c>
      <c r="B24418" s="3">
        <v>19507.0</v>
      </c>
      <c r="C24418" s="1" t="s">
        <v>5</v>
      </c>
      <c r="D24418" s="1" t="s">
        <v>20637</v>
      </c>
      <c r="E24418" s="1" t="s">
        <v>7</v>
      </c>
    </row>
    <row r="24419">
      <c r="A24419" s="1">
        <v>4.91000846E8</v>
      </c>
      <c r="B24419" s="3">
        <v>19505.0</v>
      </c>
      <c r="C24419" s="1" t="s">
        <v>5</v>
      </c>
      <c r="D24419" s="1" t="s">
        <v>11</v>
      </c>
      <c r="E24419" s="1" t="s">
        <v>7</v>
      </c>
    </row>
    <row r="24420">
      <c r="A24420" s="1">
        <v>4.91000891E8</v>
      </c>
      <c r="B24420" s="2">
        <v>19450.0</v>
      </c>
      <c r="C24420" s="1" t="s">
        <v>5</v>
      </c>
      <c r="D24420" s="1" t="s">
        <v>20638</v>
      </c>
      <c r="E24420" s="1" t="s">
        <v>11</v>
      </c>
    </row>
    <row r="24421">
      <c r="A24421" s="1">
        <v>4.91001184E8</v>
      </c>
      <c r="B24421" s="3">
        <v>19488.0</v>
      </c>
      <c r="C24421" s="1" t="s">
        <v>5</v>
      </c>
      <c r="D24421" s="1" t="s">
        <v>20639</v>
      </c>
      <c r="E24421" s="1" t="s">
        <v>7</v>
      </c>
    </row>
    <row r="24422">
      <c r="A24422" s="1">
        <v>4.91001627E8</v>
      </c>
      <c r="B24422" s="2">
        <v>19451.0</v>
      </c>
      <c r="C24422" s="1" t="s">
        <v>5</v>
      </c>
      <c r="D24422" s="1" t="s">
        <v>20640</v>
      </c>
      <c r="E24422" s="1" t="s">
        <v>20641</v>
      </c>
    </row>
    <row r="24423">
      <c r="A24423" s="1">
        <v>4.91001656E8</v>
      </c>
      <c r="B24423" s="3">
        <v>19485.0</v>
      </c>
      <c r="C24423" s="1" t="s">
        <v>5</v>
      </c>
      <c r="D24423" s="1" t="s">
        <v>20642</v>
      </c>
      <c r="E24423" s="1" t="s">
        <v>20643</v>
      </c>
    </row>
    <row r="24424">
      <c r="A24424" s="1">
        <v>4.91001677E8</v>
      </c>
      <c r="B24424" s="3">
        <v>19496.0</v>
      </c>
      <c r="C24424" s="1" t="s">
        <v>5</v>
      </c>
      <c r="D24424" s="4" t="s">
        <v>20644</v>
      </c>
      <c r="E24424" s="1" t="s">
        <v>7</v>
      </c>
    </row>
    <row r="24425">
      <c r="A24425" s="1">
        <v>4.91001726E8</v>
      </c>
      <c r="B24425" s="3">
        <v>19485.0</v>
      </c>
      <c r="C24425" s="1" t="s">
        <v>5</v>
      </c>
      <c r="D24425" s="1" t="s">
        <v>20645</v>
      </c>
      <c r="E24425" s="1" t="s">
        <v>7</v>
      </c>
    </row>
    <row r="24426">
      <c r="A24426" s="1">
        <v>4.91001791E8</v>
      </c>
      <c r="B24426" s="3">
        <v>19495.0</v>
      </c>
      <c r="C24426" s="1" t="s">
        <v>5</v>
      </c>
      <c r="D24426" s="1" t="s">
        <v>20646</v>
      </c>
      <c r="E24426" s="1" t="s">
        <v>11</v>
      </c>
    </row>
    <row r="24427">
      <c r="A24427" s="1">
        <v>4.91001824E8</v>
      </c>
      <c r="B24427" s="2">
        <v>19571.0</v>
      </c>
      <c r="C24427" s="1" t="s">
        <v>5</v>
      </c>
      <c r="D24427" s="1" t="s">
        <v>20647</v>
      </c>
      <c r="E24427" s="1" t="s">
        <v>7</v>
      </c>
    </row>
    <row r="24428">
      <c r="A24428" s="1">
        <v>4.91001842E8</v>
      </c>
      <c r="B24428" s="3">
        <v>19507.0</v>
      </c>
      <c r="C24428" s="1" t="s">
        <v>5</v>
      </c>
      <c r="D24428" s="1" t="s">
        <v>20648</v>
      </c>
      <c r="E24428" s="1" t="s">
        <v>7</v>
      </c>
    </row>
    <row r="24429">
      <c r="A24429" s="1">
        <v>4.91001991E8</v>
      </c>
      <c r="B24429" s="3">
        <v>19494.0</v>
      </c>
      <c r="C24429" s="1" t="s">
        <v>5</v>
      </c>
      <c r="D24429" s="1" t="s">
        <v>20649</v>
      </c>
      <c r="E24429" s="1" t="s">
        <v>7</v>
      </c>
    </row>
    <row r="24430">
      <c r="A24430" s="1">
        <v>4.91002024E8</v>
      </c>
      <c r="B24430" s="3">
        <v>19503.0</v>
      </c>
      <c r="C24430" s="1" t="s">
        <v>5</v>
      </c>
      <c r="D24430" s="1" t="s">
        <v>20650</v>
      </c>
      <c r="E24430" s="1" t="s">
        <v>7</v>
      </c>
    </row>
    <row r="24431">
      <c r="A24431" s="1">
        <v>4.91002159E8</v>
      </c>
      <c r="B24431" s="2">
        <v>19451.0</v>
      </c>
      <c r="C24431" s="1" t="s">
        <v>5</v>
      </c>
      <c r="D24431" s="1" t="s">
        <v>20651</v>
      </c>
      <c r="E24431" s="1" t="s">
        <v>11</v>
      </c>
    </row>
    <row r="24432">
      <c r="A24432" s="1">
        <v>4.91002378E8</v>
      </c>
      <c r="B24432" s="3">
        <v>19495.0</v>
      </c>
      <c r="C24432" s="1" t="s">
        <v>5</v>
      </c>
      <c r="D24432" s="1" t="s">
        <v>11</v>
      </c>
      <c r="E24432" s="1" t="s">
        <v>7</v>
      </c>
    </row>
    <row r="24433">
      <c r="A24433" s="1">
        <v>4.91002394E8</v>
      </c>
      <c r="B24433" s="2">
        <v>19522.0</v>
      </c>
      <c r="C24433" s="1" t="s">
        <v>5</v>
      </c>
      <c r="D24433" s="1" t="s">
        <v>20652</v>
      </c>
      <c r="E24433" s="1" t="s">
        <v>7</v>
      </c>
    </row>
    <row r="24434">
      <c r="A24434" s="1">
        <v>4.91002489E8</v>
      </c>
      <c r="B24434" s="2">
        <v>19521.0</v>
      </c>
      <c r="C24434" s="1" t="s">
        <v>5</v>
      </c>
      <c r="D24434" s="1" t="s">
        <v>20653</v>
      </c>
      <c r="E24434" s="1" t="s">
        <v>11</v>
      </c>
    </row>
    <row r="24435">
      <c r="A24435" s="1">
        <v>4.91002679E8</v>
      </c>
      <c r="B24435" s="2">
        <v>19534.0</v>
      </c>
      <c r="C24435" s="1" t="s">
        <v>5</v>
      </c>
      <c r="D24435" s="1" t="s">
        <v>20654</v>
      </c>
      <c r="E24435" s="1" t="s">
        <v>20655</v>
      </c>
    </row>
    <row r="24436">
      <c r="A24436" s="1">
        <v>4.91002714E8</v>
      </c>
      <c r="B24436" s="3">
        <v>19493.0</v>
      </c>
      <c r="C24436" s="1" t="s">
        <v>5</v>
      </c>
      <c r="D24436" s="1" t="s">
        <v>11</v>
      </c>
      <c r="E24436" s="1" t="s">
        <v>7</v>
      </c>
    </row>
    <row r="24437">
      <c r="A24437" s="1">
        <v>4.91002734E8</v>
      </c>
      <c r="B24437" s="2">
        <v>19566.0</v>
      </c>
      <c r="C24437" s="1" t="s">
        <v>5</v>
      </c>
      <c r="D24437" s="1" t="s">
        <v>20656</v>
      </c>
      <c r="E24437" s="1" t="s">
        <v>7</v>
      </c>
    </row>
    <row r="24438">
      <c r="A24438" s="1">
        <v>4.91002744E8</v>
      </c>
      <c r="B24438" s="2">
        <v>19555.0</v>
      </c>
      <c r="C24438" s="1" t="s">
        <v>5</v>
      </c>
      <c r="D24438" s="1" t="s">
        <v>20657</v>
      </c>
      <c r="E24438" s="1" t="s">
        <v>20658</v>
      </c>
    </row>
    <row r="24439">
      <c r="A24439" s="1">
        <v>4.91002994E8</v>
      </c>
      <c r="B24439" s="2">
        <v>19565.0</v>
      </c>
      <c r="C24439" s="1" t="s">
        <v>5</v>
      </c>
      <c r="D24439" s="1" t="s">
        <v>11</v>
      </c>
      <c r="E24439" s="1" t="s">
        <v>7</v>
      </c>
    </row>
    <row r="24440">
      <c r="A24440" s="1">
        <v>4.91003036E8</v>
      </c>
      <c r="B24440" s="2">
        <v>19565.0</v>
      </c>
      <c r="C24440" s="1" t="s">
        <v>5</v>
      </c>
      <c r="D24440" s="1" t="s">
        <v>20659</v>
      </c>
      <c r="E24440" s="1" t="s">
        <v>7</v>
      </c>
    </row>
    <row r="24441">
      <c r="A24441" s="1">
        <v>4.91003217E8</v>
      </c>
      <c r="B24441" s="3">
        <v>19491.0</v>
      </c>
      <c r="C24441" s="1" t="s">
        <v>5</v>
      </c>
      <c r="D24441" s="1" t="s">
        <v>11</v>
      </c>
      <c r="E24441" s="1" t="s">
        <v>7</v>
      </c>
    </row>
    <row r="24442">
      <c r="A24442" s="1">
        <v>4.91003314E8</v>
      </c>
      <c r="B24442" s="3">
        <v>19488.0</v>
      </c>
      <c r="C24442" s="1" t="s">
        <v>5</v>
      </c>
      <c r="D24442" s="1" t="s">
        <v>20660</v>
      </c>
      <c r="E24442" s="1" t="s">
        <v>7</v>
      </c>
    </row>
    <row r="24443">
      <c r="A24443" s="1">
        <v>4.91003358E8</v>
      </c>
      <c r="B24443" s="2">
        <v>19529.0</v>
      </c>
      <c r="C24443" s="1" t="s">
        <v>5</v>
      </c>
      <c r="D24443" s="1" t="s">
        <v>20661</v>
      </c>
      <c r="E24443" s="1" t="s">
        <v>7</v>
      </c>
    </row>
    <row r="24444">
      <c r="A24444" s="1">
        <v>4.91003454E8</v>
      </c>
      <c r="B24444" s="2">
        <v>19561.0</v>
      </c>
      <c r="C24444" s="1" t="s">
        <v>5</v>
      </c>
      <c r="D24444" s="1" t="s">
        <v>20662</v>
      </c>
      <c r="E24444" s="1" t="s">
        <v>11</v>
      </c>
    </row>
    <row r="24445">
      <c r="A24445" s="1">
        <v>4.91003867E8</v>
      </c>
      <c r="B24445" s="2">
        <v>19570.0</v>
      </c>
      <c r="C24445" s="1" t="s">
        <v>5</v>
      </c>
      <c r="D24445" s="1" t="s">
        <v>20663</v>
      </c>
      <c r="E24445" s="1" t="s">
        <v>7</v>
      </c>
    </row>
    <row r="24446">
      <c r="A24446" s="1">
        <v>4.91004119E8</v>
      </c>
      <c r="B24446" s="2">
        <v>19515.0</v>
      </c>
      <c r="C24446" s="1" t="s">
        <v>5</v>
      </c>
      <c r="D24446" s="1" t="s">
        <v>20664</v>
      </c>
      <c r="E24446" s="1" t="s">
        <v>11</v>
      </c>
    </row>
    <row r="24447">
      <c r="A24447" s="1">
        <v>4.91004154E8</v>
      </c>
      <c r="B24447" s="3">
        <v>19481.0</v>
      </c>
      <c r="C24447" s="1" t="s">
        <v>5</v>
      </c>
      <c r="D24447" s="1" t="s">
        <v>20665</v>
      </c>
      <c r="E24447" s="1" t="s">
        <v>11</v>
      </c>
    </row>
    <row r="24448">
      <c r="A24448" s="1">
        <v>4.91004616E8</v>
      </c>
      <c r="B24448" s="2">
        <v>19569.0</v>
      </c>
      <c r="C24448" s="1" t="s">
        <v>5</v>
      </c>
      <c r="D24448" s="1" t="s">
        <v>20666</v>
      </c>
      <c r="E24448" s="1" t="s">
        <v>11</v>
      </c>
    </row>
    <row r="24449">
      <c r="A24449" s="1">
        <v>4.91004794E8</v>
      </c>
      <c r="B24449" s="2">
        <v>19599.0</v>
      </c>
      <c r="C24449" s="1" t="s">
        <v>5</v>
      </c>
      <c r="D24449" s="1" t="s">
        <v>11</v>
      </c>
      <c r="E24449" s="1" t="s">
        <v>7</v>
      </c>
    </row>
    <row r="24450">
      <c r="A24450" s="1">
        <v>4.91004831E8</v>
      </c>
      <c r="B24450" s="2">
        <v>19562.0</v>
      </c>
      <c r="C24450" s="1" t="s">
        <v>5</v>
      </c>
      <c r="D24450" s="1" t="s">
        <v>20667</v>
      </c>
      <c r="E24450" s="1" t="s">
        <v>11</v>
      </c>
    </row>
    <row r="24451">
      <c r="A24451" s="1">
        <v>4.91004844E8</v>
      </c>
      <c r="B24451" s="2">
        <v>19552.0</v>
      </c>
      <c r="C24451" s="1" t="s">
        <v>5</v>
      </c>
      <c r="D24451" s="1" t="s">
        <v>20668</v>
      </c>
      <c r="E24451" s="1" t="s">
        <v>11</v>
      </c>
    </row>
    <row r="24452">
      <c r="A24452" s="1">
        <v>4.91004889E8</v>
      </c>
      <c r="B24452" s="2">
        <v>19554.0</v>
      </c>
      <c r="C24452" s="1" t="s">
        <v>5</v>
      </c>
      <c r="D24452" s="1" t="s">
        <v>20669</v>
      </c>
      <c r="E24452" s="1" t="s">
        <v>7</v>
      </c>
    </row>
    <row r="24453">
      <c r="A24453" s="1">
        <v>4.91004974E8</v>
      </c>
      <c r="B24453" s="2">
        <v>19554.0</v>
      </c>
      <c r="C24453" s="1" t="s">
        <v>5</v>
      </c>
      <c r="D24453" s="1" t="s">
        <v>11</v>
      </c>
      <c r="E24453" s="1" t="s">
        <v>7</v>
      </c>
    </row>
    <row r="24454">
      <c r="A24454" s="1">
        <v>4.91005009E8</v>
      </c>
      <c r="B24454" s="3">
        <v>19491.0</v>
      </c>
      <c r="C24454" s="1" t="s">
        <v>5</v>
      </c>
      <c r="D24454" s="1" t="s">
        <v>18110</v>
      </c>
      <c r="E24454" s="1" t="s">
        <v>7</v>
      </c>
    </row>
    <row r="24455">
      <c r="A24455" s="1">
        <v>4.91005216E8</v>
      </c>
      <c r="B24455" s="2">
        <v>19551.0</v>
      </c>
      <c r="C24455" s="1" t="s">
        <v>5</v>
      </c>
      <c r="D24455" s="1" t="s">
        <v>20670</v>
      </c>
      <c r="E24455" s="1" t="s">
        <v>7</v>
      </c>
    </row>
    <row r="24456">
      <c r="A24456" s="1">
        <v>4.91005524E8</v>
      </c>
      <c r="B24456" s="2">
        <v>19593.0</v>
      </c>
      <c r="C24456" s="1" t="s">
        <v>5</v>
      </c>
      <c r="D24456" s="1" t="s">
        <v>20671</v>
      </c>
      <c r="E24456" s="1" t="s">
        <v>7</v>
      </c>
    </row>
    <row r="24457">
      <c r="A24457" s="1">
        <v>4.91005849E8</v>
      </c>
      <c r="B24457" s="3">
        <v>19492.0</v>
      </c>
      <c r="C24457" s="1" t="s">
        <v>5</v>
      </c>
      <c r="D24457" s="1" t="s">
        <v>20672</v>
      </c>
      <c r="E24457" s="1" t="s">
        <v>7</v>
      </c>
    </row>
    <row r="24458">
      <c r="A24458" s="1">
        <v>4.91005888E8</v>
      </c>
      <c r="B24458" s="2">
        <v>19591.0</v>
      </c>
      <c r="C24458" s="1" t="s">
        <v>5</v>
      </c>
      <c r="D24458" s="1" t="s">
        <v>20673</v>
      </c>
      <c r="E24458" s="1" t="s">
        <v>7</v>
      </c>
    </row>
    <row r="24459">
      <c r="A24459" s="1">
        <v>4.91005999E8</v>
      </c>
      <c r="B24459" s="3">
        <v>19482.0</v>
      </c>
      <c r="C24459" s="1" t="s">
        <v>5</v>
      </c>
      <c r="D24459" s="1" t="s">
        <v>20674</v>
      </c>
      <c r="E24459" s="1" t="s">
        <v>7</v>
      </c>
    </row>
    <row r="24460">
      <c r="A24460" s="1">
        <v>4.91006039E8</v>
      </c>
      <c r="B24460" s="2">
        <v>19529.0</v>
      </c>
      <c r="C24460" s="1" t="s">
        <v>5</v>
      </c>
      <c r="D24460" s="1" t="s">
        <v>20675</v>
      </c>
      <c r="E24460" s="1" t="s">
        <v>7</v>
      </c>
    </row>
    <row r="24461">
      <c r="A24461" s="1">
        <v>4.91006189E8</v>
      </c>
      <c r="B24461" s="3">
        <v>19488.0</v>
      </c>
      <c r="C24461" s="1" t="s">
        <v>5</v>
      </c>
      <c r="D24461" s="1" t="s">
        <v>11</v>
      </c>
      <c r="E24461" s="1" t="s">
        <v>7</v>
      </c>
    </row>
    <row r="24462">
      <c r="A24462" s="1">
        <v>4.91006556E8</v>
      </c>
      <c r="B24462" s="2">
        <v>19663.0</v>
      </c>
      <c r="C24462" s="1" t="s">
        <v>5</v>
      </c>
      <c r="D24462" s="1" t="s">
        <v>20676</v>
      </c>
      <c r="E24462" s="1" t="s">
        <v>20677</v>
      </c>
    </row>
    <row r="24463">
      <c r="A24463" s="1">
        <v>4.91006679E8</v>
      </c>
      <c r="B24463" s="2">
        <v>19663.0</v>
      </c>
      <c r="C24463" s="1" t="s">
        <v>5</v>
      </c>
      <c r="D24463" s="1" t="s">
        <v>20678</v>
      </c>
      <c r="E24463" s="1" t="s">
        <v>7</v>
      </c>
    </row>
    <row r="24464">
      <c r="A24464" s="1">
        <v>4.91006729E8</v>
      </c>
      <c r="B24464" s="3">
        <v>19485.0</v>
      </c>
      <c r="C24464" s="1" t="s">
        <v>5</v>
      </c>
      <c r="D24464" s="1" t="s">
        <v>20679</v>
      </c>
      <c r="E24464" s="1" t="s">
        <v>11</v>
      </c>
    </row>
    <row r="24465">
      <c r="A24465" s="1">
        <v>4.91006879E8</v>
      </c>
      <c r="B24465" s="2">
        <v>19538.0</v>
      </c>
      <c r="C24465" s="1" t="s">
        <v>5</v>
      </c>
      <c r="D24465" s="1" t="s">
        <v>20680</v>
      </c>
      <c r="E24465" s="1" t="s">
        <v>7</v>
      </c>
    </row>
    <row r="24466">
      <c r="A24466" s="1">
        <v>4.91007204E8</v>
      </c>
      <c r="B24466" s="2">
        <v>19544.0</v>
      </c>
      <c r="C24466" s="1" t="s">
        <v>5</v>
      </c>
      <c r="D24466" s="1" t="s">
        <v>20681</v>
      </c>
      <c r="E24466" s="1" t="s">
        <v>7</v>
      </c>
    </row>
    <row r="24467">
      <c r="A24467" s="1">
        <v>4.91007445E8</v>
      </c>
      <c r="B24467" s="2">
        <v>19663.0</v>
      </c>
      <c r="C24467" s="1" t="s">
        <v>5</v>
      </c>
      <c r="D24467" s="1" t="s">
        <v>11</v>
      </c>
      <c r="E24467" s="1" t="s">
        <v>7</v>
      </c>
    </row>
    <row r="24468">
      <c r="A24468" s="1">
        <v>4.91007594E8</v>
      </c>
      <c r="B24468" s="2">
        <v>19601.0</v>
      </c>
      <c r="C24468" s="1" t="s">
        <v>5</v>
      </c>
      <c r="D24468" s="1" t="s">
        <v>20682</v>
      </c>
      <c r="E24468" s="1" t="s">
        <v>11</v>
      </c>
    </row>
    <row r="24469">
      <c r="A24469" s="1">
        <v>4.91008039E8</v>
      </c>
      <c r="B24469" s="2">
        <v>19577.0</v>
      </c>
      <c r="C24469" s="1" t="s">
        <v>5</v>
      </c>
      <c r="D24469" s="1" t="s">
        <v>20683</v>
      </c>
      <c r="E24469" s="1" t="s">
        <v>7</v>
      </c>
    </row>
    <row r="24470">
      <c r="A24470" s="1">
        <v>4.91008077E8</v>
      </c>
      <c r="B24470" s="2">
        <v>19541.0</v>
      </c>
      <c r="C24470" s="1" t="s">
        <v>5</v>
      </c>
      <c r="D24470" s="1" t="s">
        <v>20684</v>
      </c>
      <c r="E24470" s="1" t="s">
        <v>7</v>
      </c>
    </row>
    <row r="24471">
      <c r="A24471" s="1">
        <v>4.91008217E8</v>
      </c>
      <c r="B24471" s="2">
        <v>19649.0</v>
      </c>
      <c r="C24471" s="1" t="s">
        <v>5</v>
      </c>
      <c r="D24471" s="1" t="s">
        <v>20685</v>
      </c>
      <c r="E24471" s="1" t="s">
        <v>11</v>
      </c>
    </row>
    <row r="24472">
      <c r="A24472" s="1">
        <v>4.91008274E8</v>
      </c>
      <c r="B24472" s="2">
        <v>19592.0</v>
      </c>
      <c r="C24472" s="1" t="s">
        <v>5</v>
      </c>
      <c r="D24472" s="1" t="s">
        <v>11</v>
      </c>
      <c r="E24472" s="1" t="s">
        <v>7</v>
      </c>
    </row>
    <row r="24473">
      <c r="A24473" s="1">
        <v>4.91008365E8</v>
      </c>
      <c r="B24473" s="2">
        <v>19649.0</v>
      </c>
      <c r="C24473" s="1" t="s">
        <v>5</v>
      </c>
      <c r="D24473" s="1" t="s">
        <v>20686</v>
      </c>
      <c r="E24473" s="1" t="s">
        <v>7</v>
      </c>
    </row>
    <row r="24474">
      <c r="A24474" s="1">
        <v>4.91008539E8</v>
      </c>
      <c r="B24474" s="2">
        <v>19541.0</v>
      </c>
      <c r="C24474" s="1" t="s">
        <v>5</v>
      </c>
      <c r="D24474" s="1" t="s">
        <v>20687</v>
      </c>
      <c r="E24474" s="1" t="s">
        <v>7</v>
      </c>
    </row>
    <row r="24475">
      <c r="A24475" s="1">
        <v>4.91008609E8</v>
      </c>
      <c r="B24475" s="2">
        <v>19594.0</v>
      </c>
      <c r="C24475" s="1" t="s">
        <v>5</v>
      </c>
      <c r="D24475" s="1" t="s">
        <v>11</v>
      </c>
      <c r="E24475" s="1" t="s">
        <v>7</v>
      </c>
    </row>
    <row r="24476">
      <c r="A24476" s="1">
        <v>4.91008816E8</v>
      </c>
      <c r="B24476" s="2">
        <v>19645.0</v>
      </c>
      <c r="C24476" s="1" t="s">
        <v>5</v>
      </c>
      <c r="D24476" s="1" t="s">
        <v>20688</v>
      </c>
      <c r="E24476" s="1" t="s">
        <v>7</v>
      </c>
    </row>
    <row r="24477">
      <c r="A24477" s="1">
        <v>4.91008831E8</v>
      </c>
      <c r="B24477" s="2">
        <v>19596.0</v>
      </c>
      <c r="C24477" s="1" t="s">
        <v>5</v>
      </c>
      <c r="D24477" s="1" t="s">
        <v>11</v>
      </c>
      <c r="E24477" s="1" t="s">
        <v>7</v>
      </c>
    </row>
    <row r="24478">
      <c r="A24478" s="1">
        <v>4.91009057E8</v>
      </c>
      <c r="B24478" s="2">
        <v>19594.0</v>
      </c>
      <c r="C24478" s="1" t="s">
        <v>5</v>
      </c>
      <c r="D24478" s="1" t="s">
        <v>20689</v>
      </c>
      <c r="E24478" s="1" t="s">
        <v>7</v>
      </c>
    </row>
    <row r="24479">
      <c r="A24479" s="1">
        <v>4.91009191E8</v>
      </c>
      <c r="B24479" s="3">
        <v>19488.0</v>
      </c>
      <c r="C24479" s="1" t="s">
        <v>5</v>
      </c>
      <c r="D24479" s="1" t="s">
        <v>20690</v>
      </c>
      <c r="E24479" s="1" t="s">
        <v>7</v>
      </c>
    </row>
    <row r="24480">
      <c r="A24480" s="1">
        <v>4.9100921E8</v>
      </c>
      <c r="B24480" s="2">
        <v>19592.0</v>
      </c>
      <c r="C24480" s="1" t="s">
        <v>5</v>
      </c>
      <c r="D24480" s="1" t="s">
        <v>20691</v>
      </c>
      <c r="E24480" s="1" t="s">
        <v>7</v>
      </c>
    </row>
    <row r="24481">
      <c r="A24481" s="1">
        <v>4.91009387E8</v>
      </c>
      <c r="B24481" s="2">
        <v>19642.0</v>
      </c>
      <c r="C24481" s="1" t="s">
        <v>5</v>
      </c>
      <c r="D24481" s="1" t="s">
        <v>20692</v>
      </c>
      <c r="E24481" s="1" t="s">
        <v>7</v>
      </c>
    </row>
    <row r="24482">
      <c r="A24482" s="1">
        <v>4.91009394E8</v>
      </c>
      <c r="B24482" s="2">
        <v>19603.0</v>
      </c>
      <c r="C24482" s="1" t="s">
        <v>5</v>
      </c>
      <c r="D24482" s="1" t="s">
        <v>11</v>
      </c>
      <c r="E24482" s="1" t="s">
        <v>7</v>
      </c>
    </row>
    <row r="24483">
      <c r="A24483" s="1">
        <v>4.91009456E8</v>
      </c>
      <c r="B24483" s="2">
        <v>19660.0</v>
      </c>
      <c r="C24483" s="1" t="s">
        <v>5</v>
      </c>
      <c r="D24483" s="1" t="s">
        <v>20693</v>
      </c>
      <c r="E24483" s="1" t="s">
        <v>20694</v>
      </c>
    </row>
    <row r="24484">
      <c r="A24484" s="1">
        <v>4.91009459E8</v>
      </c>
      <c r="B24484" s="2">
        <v>19641.0</v>
      </c>
      <c r="C24484" s="1" t="s">
        <v>5</v>
      </c>
      <c r="D24484" s="1" t="s">
        <v>11</v>
      </c>
      <c r="E24484" s="1" t="s">
        <v>7</v>
      </c>
    </row>
    <row r="24485">
      <c r="A24485" s="1">
        <v>4.91009496E8</v>
      </c>
      <c r="B24485" s="2">
        <v>19660.0</v>
      </c>
      <c r="C24485" s="1" t="s">
        <v>5</v>
      </c>
      <c r="D24485" s="1" t="s">
        <v>20695</v>
      </c>
      <c r="E24485" s="1" t="s">
        <v>7</v>
      </c>
    </row>
    <row r="24486">
      <c r="A24486" s="1">
        <v>4.91009776E8</v>
      </c>
      <c r="B24486" s="2">
        <v>19607.0</v>
      </c>
      <c r="C24486" s="1" t="s">
        <v>5</v>
      </c>
      <c r="D24486" s="1" t="s">
        <v>11</v>
      </c>
      <c r="E24486" s="1" t="s">
        <v>7</v>
      </c>
    </row>
    <row r="24487">
      <c r="A24487" s="1">
        <v>4.91009799E8</v>
      </c>
      <c r="B24487" s="2">
        <v>19575.0</v>
      </c>
      <c r="C24487" s="1" t="s">
        <v>5</v>
      </c>
      <c r="D24487" s="1" t="s">
        <v>20696</v>
      </c>
      <c r="E24487" s="1" t="s">
        <v>7</v>
      </c>
    </row>
    <row r="24488">
      <c r="A24488" s="1">
        <v>4.91009911E8</v>
      </c>
      <c r="B24488" s="2">
        <v>19649.0</v>
      </c>
      <c r="C24488" s="1" t="s">
        <v>5</v>
      </c>
      <c r="D24488" s="1" t="s">
        <v>20697</v>
      </c>
      <c r="E24488" s="1" t="s">
        <v>7</v>
      </c>
    </row>
    <row r="24489">
      <c r="A24489" s="1">
        <v>4.91010017E8</v>
      </c>
      <c r="B24489" s="2">
        <v>19641.0</v>
      </c>
      <c r="C24489" s="1" t="s">
        <v>5</v>
      </c>
      <c r="D24489" s="1" t="s">
        <v>11</v>
      </c>
      <c r="E24489" s="1" t="s">
        <v>7</v>
      </c>
    </row>
    <row r="24490">
      <c r="A24490" s="1">
        <v>4.91010099E8</v>
      </c>
      <c r="B24490" s="2">
        <v>19639.0</v>
      </c>
      <c r="C24490" s="1" t="s">
        <v>5</v>
      </c>
      <c r="D24490" s="1" t="s">
        <v>20698</v>
      </c>
      <c r="E24490" s="1" t="s">
        <v>11</v>
      </c>
    </row>
    <row r="24491">
      <c r="A24491" s="1">
        <v>4.91010136E8</v>
      </c>
      <c r="B24491" s="3">
        <v>19481.0</v>
      </c>
      <c r="C24491" s="1" t="s">
        <v>5</v>
      </c>
      <c r="D24491" s="1" t="s">
        <v>20699</v>
      </c>
      <c r="E24491" s="1" t="s">
        <v>7</v>
      </c>
    </row>
    <row r="24492">
      <c r="A24492" s="1">
        <v>4.91010164E8</v>
      </c>
      <c r="B24492" s="2">
        <v>19648.0</v>
      </c>
      <c r="C24492" s="1" t="s">
        <v>5</v>
      </c>
      <c r="D24492" s="1" t="s">
        <v>20700</v>
      </c>
      <c r="E24492" s="1" t="s">
        <v>7</v>
      </c>
    </row>
    <row r="24493">
      <c r="A24493" s="1">
        <v>4.91010257E8</v>
      </c>
      <c r="B24493" s="2">
        <v>19599.0</v>
      </c>
      <c r="C24493" s="1" t="s">
        <v>5</v>
      </c>
      <c r="D24493" s="1" t="s">
        <v>20701</v>
      </c>
      <c r="E24493" s="1" t="s">
        <v>7</v>
      </c>
    </row>
    <row r="24494">
      <c r="A24494" s="1">
        <v>4.91010351E8</v>
      </c>
      <c r="B24494" s="2">
        <v>19647.0</v>
      </c>
      <c r="C24494" s="1" t="s">
        <v>5</v>
      </c>
      <c r="D24494" s="1" t="s">
        <v>20702</v>
      </c>
      <c r="E24494" s="1" t="s">
        <v>20703</v>
      </c>
    </row>
    <row r="24495">
      <c r="A24495" s="1">
        <v>4.91010416E8</v>
      </c>
      <c r="B24495" s="2">
        <v>19594.0</v>
      </c>
      <c r="C24495" s="1" t="s">
        <v>5</v>
      </c>
      <c r="D24495" s="1" t="s">
        <v>11</v>
      </c>
      <c r="E24495" s="1" t="s">
        <v>7</v>
      </c>
    </row>
    <row r="24496">
      <c r="A24496" s="1">
        <v>4.91010539E8</v>
      </c>
      <c r="B24496" s="2">
        <v>19657.0</v>
      </c>
      <c r="C24496" s="1" t="s">
        <v>5</v>
      </c>
      <c r="D24496" s="1" t="s">
        <v>11</v>
      </c>
      <c r="E24496" s="1" t="s">
        <v>7</v>
      </c>
    </row>
    <row r="24497">
      <c r="A24497" s="1">
        <v>4.91010804E8</v>
      </c>
      <c r="B24497" s="2">
        <v>19657.0</v>
      </c>
      <c r="C24497" s="1" t="s">
        <v>5</v>
      </c>
      <c r="D24497" s="1" t="s">
        <v>11</v>
      </c>
      <c r="E24497" s="1" t="s">
        <v>7</v>
      </c>
    </row>
    <row r="24498">
      <c r="A24498" s="1">
        <v>4.91010872E8</v>
      </c>
      <c r="B24498" s="2">
        <v>19576.0</v>
      </c>
      <c r="C24498" s="1" t="s">
        <v>5</v>
      </c>
      <c r="D24498" s="1" t="s">
        <v>20704</v>
      </c>
      <c r="E24498" s="1" t="s">
        <v>20705</v>
      </c>
    </row>
    <row r="24499">
      <c r="A24499" s="1">
        <v>4.91010964E8</v>
      </c>
      <c r="B24499" s="2">
        <v>19633.0</v>
      </c>
      <c r="C24499" s="1" t="s">
        <v>5</v>
      </c>
      <c r="D24499" s="1" t="s">
        <v>11</v>
      </c>
      <c r="E24499" s="1" t="s">
        <v>7</v>
      </c>
    </row>
    <row r="24500">
      <c r="A24500" s="1">
        <v>4.91011314E8</v>
      </c>
      <c r="B24500" s="2">
        <v>19647.0</v>
      </c>
      <c r="C24500" s="1" t="s">
        <v>5</v>
      </c>
      <c r="D24500" s="1" t="s">
        <v>20706</v>
      </c>
      <c r="E24500" s="1" t="s">
        <v>7</v>
      </c>
    </row>
    <row r="24501">
      <c r="A24501" s="1">
        <v>4.910116E8</v>
      </c>
      <c r="B24501" s="2">
        <v>19671.0</v>
      </c>
      <c r="C24501" s="1" t="s">
        <v>5</v>
      </c>
      <c r="D24501" s="1" t="s">
        <v>20707</v>
      </c>
      <c r="E24501" s="1" t="s">
        <v>7</v>
      </c>
    </row>
    <row r="24502">
      <c r="A24502" s="1">
        <v>4.91011609E8</v>
      </c>
      <c r="B24502" s="2">
        <v>19576.0</v>
      </c>
      <c r="C24502" s="1" t="s">
        <v>5</v>
      </c>
      <c r="D24502" s="1" t="s">
        <v>11</v>
      </c>
      <c r="E24502" s="1" t="s">
        <v>7</v>
      </c>
    </row>
    <row r="24503">
      <c r="A24503" s="1">
        <v>4.91011657E8</v>
      </c>
      <c r="B24503" s="2">
        <v>19594.0</v>
      </c>
      <c r="C24503" s="1" t="s">
        <v>5</v>
      </c>
      <c r="D24503" s="1" t="s">
        <v>20708</v>
      </c>
      <c r="E24503" s="1" t="s">
        <v>7</v>
      </c>
    </row>
    <row r="24504">
      <c r="A24504" s="1">
        <v>4.9101199E8</v>
      </c>
      <c r="B24504" s="2">
        <v>19685.0</v>
      </c>
      <c r="C24504" s="1" t="s">
        <v>5</v>
      </c>
      <c r="D24504" s="1" t="s">
        <v>20709</v>
      </c>
      <c r="E24504" s="1" t="s">
        <v>7</v>
      </c>
    </row>
    <row r="24505">
      <c r="A24505" s="1">
        <v>4.91012009E8</v>
      </c>
      <c r="B24505" s="2">
        <v>19687.0</v>
      </c>
      <c r="C24505" s="1" t="s">
        <v>5</v>
      </c>
      <c r="D24505" s="1" t="s">
        <v>20710</v>
      </c>
      <c r="E24505" s="1" t="s">
        <v>20711</v>
      </c>
    </row>
    <row r="24506">
      <c r="A24506" s="1">
        <v>4.91012169E8</v>
      </c>
      <c r="B24506" s="2">
        <v>19583.0</v>
      </c>
      <c r="C24506" s="1" t="s">
        <v>5</v>
      </c>
      <c r="D24506" s="1" t="s">
        <v>20712</v>
      </c>
      <c r="E24506" s="1" t="s">
        <v>11</v>
      </c>
    </row>
    <row r="24507">
      <c r="A24507" s="1">
        <v>4.91012564E8</v>
      </c>
      <c r="B24507" s="2">
        <v>19575.0</v>
      </c>
      <c r="C24507" s="1" t="s">
        <v>5</v>
      </c>
      <c r="D24507" s="1" t="s">
        <v>20713</v>
      </c>
      <c r="E24507" s="1" t="s">
        <v>11</v>
      </c>
    </row>
    <row r="24508">
      <c r="A24508" s="1">
        <v>4.91012635E8</v>
      </c>
      <c r="B24508" s="2">
        <v>19691.0</v>
      </c>
      <c r="C24508" s="1" t="s">
        <v>5</v>
      </c>
      <c r="D24508" s="1" t="s">
        <v>20714</v>
      </c>
      <c r="E24508" s="1" t="s">
        <v>11</v>
      </c>
    </row>
    <row r="24509">
      <c r="A24509" s="1">
        <v>4.91012681E8</v>
      </c>
      <c r="B24509" s="2">
        <v>19688.0</v>
      </c>
      <c r="C24509" s="1" t="s">
        <v>5</v>
      </c>
      <c r="D24509" s="1" t="s">
        <v>20715</v>
      </c>
      <c r="E24509" s="1" t="s">
        <v>11</v>
      </c>
    </row>
    <row r="24510">
      <c r="A24510" s="1">
        <v>4.91012804E8</v>
      </c>
      <c r="B24510" s="2">
        <v>19631.0</v>
      </c>
      <c r="C24510" s="1" t="s">
        <v>5</v>
      </c>
      <c r="D24510" s="1" t="s">
        <v>11</v>
      </c>
      <c r="E24510" s="1" t="s">
        <v>7</v>
      </c>
    </row>
    <row r="24511">
      <c r="A24511" s="1">
        <v>4.9101281E8</v>
      </c>
      <c r="B24511" s="2">
        <v>19645.0</v>
      </c>
      <c r="C24511" s="1" t="s">
        <v>5</v>
      </c>
      <c r="D24511" s="1" t="s">
        <v>20716</v>
      </c>
      <c r="E24511" s="1" t="s">
        <v>11</v>
      </c>
    </row>
    <row r="24512">
      <c r="A24512" s="1">
        <v>4.91012844E8</v>
      </c>
      <c r="B24512" s="2">
        <v>19613.0</v>
      </c>
      <c r="C24512" s="1" t="s">
        <v>5</v>
      </c>
      <c r="D24512" s="1" t="s">
        <v>20717</v>
      </c>
      <c r="E24512" s="1" t="s">
        <v>7</v>
      </c>
    </row>
    <row r="24513">
      <c r="A24513" s="1">
        <v>4.91012926E8</v>
      </c>
      <c r="B24513" s="2">
        <v>19628.0</v>
      </c>
      <c r="C24513" s="1" t="s">
        <v>5</v>
      </c>
      <c r="D24513" s="1" t="s">
        <v>11</v>
      </c>
      <c r="E24513" s="1" t="s">
        <v>7</v>
      </c>
    </row>
    <row r="24514">
      <c r="A24514" s="1">
        <v>4.91013539E8</v>
      </c>
      <c r="B24514" s="2">
        <v>19680.0</v>
      </c>
      <c r="C24514" s="1" t="s">
        <v>5</v>
      </c>
      <c r="D24514" s="1" t="s">
        <v>20718</v>
      </c>
      <c r="E24514" s="1" t="s">
        <v>7</v>
      </c>
    </row>
    <row r="24515">
      <c r="A24515" s="1">
        <v>4.91013609E8</v>
      </c>
      <c r="B24515" s="2">
        <v>19622.0</v>
      </c>
      <c r="C24515" s="1" t="s">
        <v>5</v>
      </c>
      <c r="D24515" s="1" t="s">
        <v>20719</v>
      </c>
      <c r="E24515" s="1" t="s">
        <v>20720</v>
      </c>
    </row>
    <row r="24516">
      <c r="A24516" s="1">
        <v>4.91013694E8</v>
      </c>
      <c r="B24516" s="2">
        <v>19605.0</v>
      </c>
      <c r="C24516" s="1" t="s">
        <v>5</v>
      </c>
      <c r="D24516" s="1" t="s">
        <v>20721</v>
      </c>
      <c r="E24516" s="1" t="s">
        <v>11</v>
      </c>
    </row>
    <row r="24517">
      <c r="A24517" s="1">
        <v>4.91013917E8</v>
      </c>
      <c r="B24517" s="2">
        <v>19638.0</v>
      </c>
      <c r="C24517" s="1" t="s">
        <v>5</v>
      </c>
      <c r="D24517" s="1" t="s">
        <v>20722</v>
      </c>
      <c r="E24517" s="1" t="s">
        <v>20723</v>
      </c>
    </row>
    <row r="24518">
      <c r="A24518" s="1">
        <v>4.9101404E8</v>
      </c>
      <c r="B24518" s="2">
        <v>19636.0</v>
      </c>
      <c r="C24518" s="1" t="s">
        <v>5</v>
      </c>
      <c r="D24518" s="1" t="s">
        <v>20724</v>
      </c>
      <c r="E24518" s="1" t="s">
        <v>7</v>
      </c>
    </row>
    <row r="24519">
      <c r="A24519" s="1">
        <v>4.9101428E8</v>
      </c>
      <c r="B24519" s="2">
        <v>19696.0</v>
      </c>
      <c r="C24519" s="1" t="s">
        <v>5</v>
      </c>
      <c r="D24519" s="1" t="s">
        <v>20725</v>
      </c>
      <c r="E24519" s="1" t="s">
        <v>11</v>
      </c>
    </row>
    <row r="24520">
      <c r="A24520" s="1">
        <v>4.91014754E8</v>
      </c>
      <c r="B24520" s="2">
        <v>19676.0</v>
      </c>
      <c r="C24520" s="1" t="s">
        <v>5</v>
      </c>
      <c r="D24520" s="1" t="s">
        <v>20726</v>
      </c>
      <c r="E24520" s="1" t="s">
        <v>7</v>
      </c>
    </row>
    <row r="24521">
      <c r="A24521" s="1">
        <v>4.91014757E8</v>
      </c>
      <c r="B24521" s="2">
        <v>19755.0</v>
      </c>
      <c r="C24521" s="1" t="s">
        <v>5</v>
      </c>
      <c r="D24521" s="1" t="s">
        <v>11</v>
      </c>
      <c r="E24521" s="1" t="s">
        <v>7</v>
      </c>
    </row>
    <row r="24522">
      <c r="A24522" s="1">
        <v>4.91014816E8</v>
      </c>
      <c r="B24522" s="2">
        <v>19698.0</v>
      </c>
      <c r="C24522" s="1" t="s">
        <v>5</v>
      </c>
      <c r="D24522" s="1" t="s">
        <v>20727</v>
      </c>
      <c r="E24522" s="1" t="s">
        <v>7</v>
      </c>
    </row>
    <row r="24523">
      <c r="A24523" s="1">
        <v>4.91014854E8</v>
      </c>
      <c r="B24523" s="2">
        <v>19579.0</v>
      </c>
      <c r="C24523" s="1" t="s">
        <v>5</v>
      </c>
      <c r="D24523" s="1" t="s">
        <v>20728</v>
      </c>
      <c r="E24523" s="1" t="s">
        <v>7</v>
      </c>
    </row>
    <row r="24524">
      <c r="A24524" s="1">
        <v>4.91014998E8</v>
      </c>
      <c r="B24524" s="2">
        <v>19680.0</v>
      </c>
      <c r="C24524" s="1" t="s">
        <v>5</v>
      </c>
      <c r="D24524" s="1" t="s">
        <v>20729</v>
      </c>
      <c r="E24524" s="1" t="s">
        <v>11</v>
      </c>
    </row>
    <row r="24525">
      <c r="A24525" s="1">
        <v>4.91015169E8</v>
      </c>
      <c r="B24525" s="2">
        <v>19740.0</v>
      </c>
      <c r="C24525" s="1" t="s">
        <v>5</v>
      </c>
      <c r="D24525" s="1" t="s">
        <v>11</v>
      </c>
      <c r="E24525" s="1" t="s">
        <v>7</v>
      </c>
    </row>
    <row r="24526">
      <c r="A24526" s="1">
        <v>4.91015394E8</v>
      </c>
      <c r="B24526" s="2">
        <v>19684.0</v>
      </c>
      <c r="C24526" s="1" t="s">
        <v>5</v>
      </c>
      <c r="D24526" s="1" t="s">
        <v>20730</v>
      </c>
      <c r="E24526" s="1" t="s">
        <v>7</v>
      </c>
    </row>
    <row r="24527">
      <c r="A24527" s="1">
        <v>4.91015494E8</v>
      </c>
      <c r="B24527" s="2">
        <v>19712.0</v>
      </c>
      <c r="C24527" s="1" t="s">
        <v>5</v>
      </c>
      <c r="D24527" s="1" t="s">
        <v>20731</v>
      </c>
      <c r="E24527" s="1" t="s">
        <v>11</v>
      </c>
    </row>
    <row r="24528">
      <c r="A24528" s="1">
        <v>4.91015572E8</v>
      </c>
      <c r="B24528" s="2">
        <v>19711.0</v>
      </c>
      <c r="C24528" s="1" t="s">
        <v>5</v>
      </c>
      <c r="D24528" s="1" t="s">
        <v>20732</v>
      </c>
      <c r="E24528" s="1" t="s">
        <v>7</v>
      </c>
    </row>
    <row r="24529">
      <c r="A24529" s="1">
        <v>4.91015575E8</v>
      </c>
      <c r="B24529" s="2">
        <v>19743.0</v>
      </c>
      <c r="C24529" s="1" t="s">
        <v>5</v>
      </c>
      <c r="D24529" s="1" t="s">
        <v>20733</v>
      </c>
      <c r="E24529" s="1" t="s">
        <v>7</v>
      </c>
    </row>
    <row r="24530">
      <c r="A24530" s="1">
        <v>4.91015729E8</v>
      </c>
      <c r="B24530" s="2">
        <v>19666.0</v>
      </c>
      <c r="C24530" s="1" t="s">
        <v>5</v>
      </c>
      <c r="D24530" s="1" t="s">
        <v>20734</v>
      </c>
      <c r="E24530" s="1" t="s">
        <v>11</v>
      </c>
    </row>
    <row r="24531">
      <c r="A24531" s="1">
        <v>4.91015769E8</v>
      </c>
      <c r="B24531" s="2">
        <v>19683.0</v>
      </c>
      <c r="C24531" s="1" t="s">
        <v>5</v>
      </c>
      <c r="D24531" s="1" t="s">
        <v>20735</v>
      </c>
      <c r="E24531" s="1" t="s">
        <v>7</v>
      </c>
    </row>
    <row r="24532">
      <c r="A24532" s="1">
        <v>4.91016009E8</v>
      </c>
      <c r="B24532" s="2">
        <v>19732.0</v>
      </c>
      <c r="C24532" s="1" t="s">
        <v>5</v>
      </c>
      <c r="D24532" s="1" t="s">
        <v>20736</v>
      </c>
      <c r="E24532" s="1" t="s">
        <v>7</v>
      </c>
    </row>
    <row r="24533">
      <c r="A24533" s="1">
        <v>4.91016134E8</v>
      </c>
      <c r="B24533" s="2">
        <v>19687.0</v>
      </c>
      <c r="C24533" s="1" t="s">
        <v>5</v>
      </c>
      <c r="D24533" s="1" t="s">
        <v>20737</v>
      </c>
      <c r="E24533" s="1" t="s">
        <v>7</v>
      </c>
    </row>
    <row r="24534">
      <c r="A24534" s="1">
        <v>4.91016156E8</v>
      </c>
      <c r="B24534" s="2">
        <v>19708.0</v>
      </c>
      <c r="C24534" s="1" t="s">
        <v>5</v>
      </c>
      <c r="D24534" s="1" t="s">
        <v>20738</v>
      </c>
      <c r="E24534" s="1" t="s">
        <v>11</v>
      </c>
    </row>
    <row r="24535">
      <c r="A24535" s="1">
        <v>4.9101616E8</v>
      </c>
      <c r="B24535" s="2">
        <v>19628.0</v>
      </c>
      <c r="C24535" s="1" t="s">
        <v>5</v>
      </c>
      <c r="D24535" s="1" t="s">
        <v>20739</v>
      </c>
      <c r="E24535" s="1" t="s">
        <v>20740</v>
      </c>
    </row>
    <row r="24536">
      <c r="A24536" s="1">
        <v>4.91016374E8</v>
      </c>
      <c r="B24536" s="2">
        <v>19628.0</v>
      </c>
      <c r="C24536" s="1" t="s">
        <v>5</v>
      </c>
      <c r="D24536" s="1" t="s">
        <v>11</v>
      </c>
      <c r="E24536" s="1" t="s">
        <v>7</v>
      </c>
    </row>
    <row r="24537">
      <c r="A24537" s="1">
        <v>4.9101661E8</v>
      </c>
      <c r="B24537" s="2">
        <v>19744.0</v>
      </c>
      <c r="C24537" s="1" t="s">
        <v>5</v>
      </c>
      <c r="D24537" s="1" t="s">
        <v>20741</v>
      </c>
      <c r="E24537" s="1" t="s">
        <v>20742</v>
      </c>
    </row>
    <row r="24538">
      <c r="A24538" s="1">
        <v>4.91016689E8</v>
      </c>
      <c r="B24538" s="2">
        <v>19676.0</v>
      </c>
      <c r="C24538" s="1" t="s">
        <v>5</v>
      </c>
      <c r="D24538" s="1" t="s">
        <v>20743</v>
      </c>
      <c r="E24538" s="1" t="s">
        <v>20744</v>
      </c>
    </row>
    <row r="24539">
      <c r="A24539" s="1">
        <v>4.91016739E8</v>
      </c>
      <c r="B24539" s="2">
        <v>19627.0</v>
      </c>
      <c r="C24539" s="1" t="s">
        <v>5</v>
      </c>
      <c r="D24539" s="1" t="s">
        <v>11</v>
      </c>
      <c r="E24539" s="1" t="s">
        <v>7</v>
      </c>
    </row>
    <row r="24540">
      <c r="A24540" s="1">
        <v>4.91016794E8</v>
      </c>
      <c r="B24540" s="2">
        <v>19703.0</v>
      </c>
      <c r="C24540" s="1" t="s">
        <v>5</v>
      </c>
      <c r="D24540" s="1" t="s">
        <v>11</v>
      </c>
      <c r="E24540" s="1" t="s">
        <v>7</v>
      </c>
    </row>
    <row r="24541">
      <c r="A24541" s="1">
        <v>4.91017059E8</v>
      </c>
      <c r="B24541" s="2">
        <v>19610.0</v>
      </c>
      <c r="C24541" s="1" t="s">
        <v>5</v>
      </c>
      <c r="D24541" s="1" t="s">
        <v>20745</v>
      </c>
      <c r="E24541" s="1" t="s">
        <v>20746</v>
      </c>
    </row>
    <row r="24542">
      <c r="A24542" s="1">
        <v>4.91017074E8</v>
      </c>
      <c r="B24542" s="2">
        <v>19732.0</v>
      </c>
      <c r="C24542" s="1" t="s">
        <v>5</v>
      </c>
      <c r="D24542" s="1" t="s">
        <v>20747</v>
      </c>
      <c r="E24542" s="1" t="s">
        <v>11</v>
      </c>
    </row>
    <row r="24543">
      <c r="A24543" s="1">
        <v>4.91017091E8</v>
      </c>
      <c r="B24543" s="2">
        <v>19674.0</v>
      </c>
      <c r="C24543" s="1" t="s">
        <v>5</v>
      </c>
      <c r="D24543" s="1" t="s">
        <v>20748</v>
      </c>
      <c r="E24543" s="1" t="s">
        <v>11</v>
      </c>
    </row>
    <row r="24544">
      <c r="A24544" s="1">
        <v>4.91017094E8</v>
      </c>
      <c r="B24544" s="2">
        <v>19723.0</v>
      </c>
      <c r="C24544" s="1" t="s">
        <v>5</v>
      </c>
      <c r="D24544" s="1" t="s">
        <v>20749</v>
      </c>
      <c r="E24544" s="1" t="s">
        <v>20750</v>
      </c>
    </row>
    <row r="24545">
      <c r="A24545" s="1">
        <v>4.91017214E8</v>
      </c>
      <c r="B24545" s="2">
        <v>19674.0</v>
      </c>
      <c r="C24545" s="1" t="s">
        <v>5</v>
      </c>
      <c r="D24545" s="1" t="s">
        <v>11</v>
      </c>
      <c r="E24545" s="1" t="s">
        <v>7</v>
      </c>
    </row>
    <row r="24546">
      <c r="A24546" s="1">
        <v>4.91017237E8</v>
      </c>
      <c r="B24546" s="2">
        <v>19624.0</v>
      </c>
      <c r="C24546" s="1" t="s">
        <v>5</v>
      </c>
      <c r="D24546" s="1" t="s">
        <v>20751</v>
      </c>
      <c r="E24546" s="1" t="s">
        <v>7</v>
      </c>
    </row>
    <row r="24547">
      <c r="A24547" s="1">
        <v>4.91017304E8</v>
      </c>
      <c r="B24547" s="2">
        <v>19723.0</v>
      </c>
      <c r="C24547" s="1" t="s">
        <v>5</v>
      </c>
      <c r="D24547" s="1" t="s">
        <v>20752</v>
      </c>
      <c r="E24547" s="1" t="s">
        <v>11</v>
      </c>
    </row>
    <row r="24548">
      <c r="A24548" s="1">
        <v>4.91017351E8</v>
      </c>
      <c r="B24548" s="2">
        <v>19715.0</v>
      </c>
      <c r="C24548" s="1" t="s">
        <v>5</v>
      </c>
      <c r="D24548" s="1" t="s">
        <v>20753</v>
      </c>
      <c r="E24548" s="1" t="s">
        <v>7</v>
      </c>
    </row>
    <row r="24549">
      <c r="A24549" s="1">
        <v>4.91017694E8</v>
      </c>
      <c r="B24549" s="2">
        <v>19668.0</v>
      </c>
      <c r="C24549" s="1" t="s">
        <v>5</v>
      </c>
      <c r="D24549" s="1" t="s">
        <v>20754</v>
      </c>
      <c r="E24549" s="1" t="s">
        <v>7</v>
      </c>
    </row>
    <row r="24550">
      <c r="A24550" s="1">
        <v>4.91018117E8</v>
      </c>
      <c r="B24550" s="2">
        <v>19666.0</v>
      </c>
      <c r="C24550" s="1" t="s">
        <v>5</v>
      </c>
      <c r="D24550" s="1" t="s">
        <v>20755</v>
      </c>
      <c r="E24550" s="1" t="s">
        <v>7</v>
      </c>
    </row>
    <row r="24551">
      <c r="A24551" s="1">
        <v>4.91018249E8</v>
      </c>
      <c r="B24551" s="2">
        <v>19618.0</v>
      </c>
      <c r="C24551" s="1" t="s">
        <v>5</v>
      </c>
      <c r="D24551" s="1" t="s">
        <v>20756</v>
      </c>
      <c r="E24551" s="1" t="s">
        <v>7</v>
      </c>
    </row>
    <row r="24552">
      <c r="A24552" s="1">
        <v>4.91018254E8</v>
      </c>
      <c r="B24552" s="2">
        <v>19610.0</v>
      </c>
      <c r="C24552" s="1" t="s">
        <v>5</v>
      </c>
      <c r="D24552" s="1" t="s">
        <v>20757</v>
      </c>
      <c r="E24552" s="1" t="s">
        <v>11</v>
      </c>
    </row>
    <row r="24553">
      <c r="A24553" s="1">
        <v>4.91018314E8</v>
      </c>
      <c r="B24553" s="2">
        <v>19741.0</v>
      </c>
      <c r="C24553" s="1" t="s">
        <v>5</v>
      </c>
      <c r="D24553" s="1" t="s">
        <v>11</v>
      </c>
      <c r="E24553" s="1" t="s">
        <v>7</v>
      </c>
    </row>
    <row r="24554">
      <c r="A24554" s="1">
        <v>4.91018446E8</v>
      </c>
      <c r="B24554" s="2">
        <v>19778.0</v>
      </c>
      <c r="C24554" s="1" t="s">
        <v>5</v>
      </c>
      <c r="D24554" s="1" t="s">
        <v>20758</v>
      </c>
      <c r="E24554" s="1" t="s">
        <v>11</v>
      </c>
    </row>
    <row r="24555">
      <c r="A24555" s="1">
        <v>4.91018607E8</v>
      </c>
      <c r="B24555" s="2">
        <v>19740.0</v>
      </c>
      <c r="C24555" s="1" t="s">
        <v>5</v>
      </c>
      <c r="D24555" s="1" t="s">
        <v>11</v>
      </c>
      <c r="E24555" s="1" t="s">
        <v>7</v>
      </c>
    </row>
    <row r="24556">
      <c r="A24556" s="1">
        <v>4.91018634E8</v>
      </c>
      <c r="B24556" s="2">
        <v>19632.0</v>
      </c>
      <c r="C24556" s="1" t="s">
        <v>5</v>
      </c>
      <c r="D24556" s="1" t="s">
        <v>20759</v>
      </c>
      <c r="E24556" s="1" t="s">
        <v>7</v>
      </c>
    </row>
    <row r="24557">
      <c r="A24557" s="1">
        <v>4.91018649E8</v>
      </c>
      <c r="B24557" s="2">
        <v>19669.0</v>
      </c>
      <c r="C24557" s="1" t="s">
        <v>5</v>
      </c>
      <c r="D24557" s="1" t="s">
        <v>20760</v>
      </c>
      <c r="E24557" s="1" t="s">
        <v>20761</v>
      </c>
    </row>
    <row r="24558">
      <c r="A24558" s="1">
        <v>4.91018739E8</v>
      </c>
      <c r="B24558" s="2">
        <v>19617.0</v>
      </c>
      <c r="C24558" s="1" t="s">
        <v>5</v>
      </c>
      <c r="D24558" s="1" t="s">
        <v>20762</v>
      </c>
      <c r="E24558" s="1" t="s">
        <v>7</v>
      </c>
    </row>
    <row r="24559">
      <c r="A24559" s="1">
        <v>4.91018844E8</v>
      </c>
      <c r="B24559" s="2">
        <v>19715.0</v>
      </c>
      <c r="C24559" s="1" t="s">
        <v>5</v>
      </c>
      <c r="D24559" s="1" t="s">
        <v>20763</v>
      </c>
      <c r="E24559" s="1" t="s">
        <v>7</v>
      </c>
    </row>
    <row r="24560">
      <c r="A24560" s="1">
        <v>4.91018969E8</v>
      </c>
      <c r="B24560" s="2">
        <v>19771.0</v>
      </c>
      <c r="C24560" s="1" t="s">
        <v>5</v>
      </c>
      <c r="D24560" s="1" t="s">
        <v>20764</v>
      </c>
      <c r="E24560" s="1" t="s">
        <v>11</v>
      </c>
    </row>
    <row r="24561">
      <c r="A24561" s="1">
        <v>4.91019316E8</v>
      </c>
      <c r="B24561" s="2">
        <v>19741.0</v>
      </c>
      <c r="C24561" s="1" t="s">
        <v>5</v>
      </c>
      <c r="D24561" s="1" t="s">
        <v>20765</v>
      </c>
      <c r="E24561" s="1" t="s">
        <v>20766</v>
      </c>
    </row>
    <row r="24562">
      <c r="A24562" s="1">
        <v>4.91019569E8</v>
      </c>
      <c r="B24562" s="2">
        <v>19767.0</v>
      </c>
      <c r="C24562" s="1" t="s">
        <v>5</v>
      </c>
      <c r="D24562" s="1" t="s">
        <v>11</v>
      </c>
      <c r="E24562" s="1" t="s">
        <v>7</v>
      </c>
    </row>
    <row r="24563">
      <c r="A24563" s="1">
        <v>4.91019631E8</v>
      </c>
      <c r="B24563" s="2">
        <v>19667.0</v>
      </c>
      <c r="C24563" s="1" t="s">
        <v>5</v>
      </c>
      <c r="D24563" s="1" t="s">
        <v>20767</v>
      </c>
      <c r="E24563" s="1" t="s">
        <v>7</v>
      </c>
    </row>
    <row r="24564">
      <c r="A24564" s="1">
        <v>4.91019717E8</v>
      </c>
      <c r="B24564" s="2">
        <v>19730.0</v>
      </c>
      <c r="C24564" s="1" t="s">
        <v>5</v>
      </c>
      <c r="D24564" s="1" t="s">
        <v>20768</v>
      </c>
      <c r="E24564" s="1" t="s">
        <v>7</v>
      </c>
    </row>
    <row r="24565">
      <c r="A24565" s="1">
        <v>4.91019926E8</v>
      </c>
      <c r="B24565" s="2">
        <v>19624.0</v>
      </c>
      <c r="C24565" s="1" t="s">
        <v>5</v>
      </c>
      <c r="D24565" s="1" t="s">
        <v>11</v>
      </c>
      <c r="E24565" s="1" t="s">
        <v>7</v>
      </c>
    </row>
    <row r="24566">
      <c r="A24566" s="1">
        <v>4.91020089E8</v>
      </c>
      <c r="B24566" s="2">
        <v>19694.0</v>
      </c>
      <c r="C24566" s="1" t="s">
        <v>5</v>
      </c>
      <c r="D24566" s="1" t="s">
        <v>20769</v>
      </c>
      <c r="E24566" s="1" t="s">
        <v>7</v>
      </c>
    </row>
    <row r="24567">
      <c r="A24567" s="1">
        <v>4.9102053E8</v>
      </c>
      <c r="B24567" s="2">
        <v>19666.0</v>
      </c>
      <c r="C24567" s="1" t="s">
        <v>5</v>
      </c>
      <c r="D24567" s="1" t="s">
        <v>20770</v>
      </c>
      <c r="E24567" s="1" t="s">
        <v>11</v>
      </c>
    </row>
    <row r="24568">
      <c r="A24568" s="1">
        <v>4.91020711E8</v>
      </c>
      <c r="B24568" s="2">
        <v>19699.0</v>
      </c>
      <c r="C24568" s="1" t="s">
        <v>5</v>
      </c>
      <c r="D24568" s="1" t="s">
        <v>20771</v>
      </c>
      <c r="E24568" s="1" t="s">
        <v>11</v>
      </c>
    </row>
    <row r="24569">
      <c r="A24569" s="1">
        <v>4.91020719E8</v>
      </c>
      <c r="B24569" s="2">
        <v>19618.0</v>
      </c>
      <c r="C24569" s="1" t="s">
        <v>5</v>
      </c>
      <c r="D24569" s="1" t="s">
        <v>20772</v>
      </c>
      <c r="E24569" s="1" t="s">
        <v>11</v>
      </c>
    </row>
    <row r="24570">
      <c r="A24570" s="1">
        <v>4.91020739E8</v>
      </c>
      <c r="B24570" s="2">
        <v>19702.0</v>
      </c>
      <c r="C24570" s="1" t="s">
        <v>5</v>
      </c>
      <c r="D24570" s="1" t="s">
        <v>20773</v>
      </c>
      <c r="E24570" s="1" t="s">
        <v>7</v>
      </c>
    </row>
    <row r="24571">
      <c r="A24571" s="1">
        <v>4.91020834E8</v>
      </c>
      <c r="B24571" s="2">
        <v>19760.0</v>
      </c>
      <c r="C24571" s="1" t="s">
        <v>5</v>
      </c>
      <c r="D24571" s="1" t="s">
        <v>20774</v>
      </c>
      <c r="E24571" s="1" t="s">
        <v>20775</v>
      </c>
    </row>
    <row r="24572">
      <c r="A24572" s="1">
        <v>4.91020914E8</v>
      </c>
      <c r="B24572" s="2">
        <v>19783.0</v>
      </c>
      <c r="C24572" s="1" t="s">
        <v>5</v>
      </c>
      <c r="D24572" s="1" t="s">
        <v>11</v>
      </c>
      <c r="E24572" s="1" t="s">
        <v>7</v>
      </c>
    </row>
    <row r="24573">
      <c r="A24573" s="1">
        <v>4.91021001E8</v>
      </c>
      <c r="B24573" s="2">
        <v>19706.0</v>
      </c>
      <c r="C24573" s="1" t="s">
        <v>5</v>
      </c>
      <c r="D24573" s="1" t="s">
        <v>11</v>
      </c>
      <c r="E24573" s="1" t="s">
        <v>7</v>
      </c>
    </row>
    <row r="24574">
      <c r="A24574" s="1">
        <v>4.91021041E8</v>
      </c>
      <c r="B24574" s="2">
        <v>19782.0</v>
      </c>
      <c r="C24574" s="1" t="s">
        <v>5</v>
      </c>
      <c r="D24574" s="1" t="s">
        <v>11</v>
      </c>
      <c r="E24574" s="1" t="s">
        <v>7</v>
      </c>
    </row>
    <row r="24575">
      <c r="A24575" s="1">
        <v>4.91021279E8</v>
      </c>
      <c r="B24575" s="2">
        <v>19750.0</v>
      </c>
      <c r="C24575" s="1" t="s">
        <v>5</v>
      </c>
      <c r="D24575" s="1" t="s">
        <v>20776</v>
      </c>
      <c r="E24575" s="1" t="s">
        <v>11</v>
      </c>
    </row>
    <row r="24576">
      <c r="A24576" s="1">
        <v>4.91021286E8</v>
      </c>
      <c r="B24576" s="2">
        <v>19702.0</v>
      </c>
      <c r="C24576" s="1" t="s">
        <v>5</v>
      </c>
      <c r="D24576" s="1" t="s">
        <v>20777</v>
      </c>
      <c r="E24576" s="1" t="s">
        <v>7</v>
      </c>
    </row>
    <row r="24577">
      <c r="A24577" s="1">
        <v>4.91021401E8</v>
      </c>
      <c r="B24577" s="2">
        <v>19814.0</v>
      </c>
      <c r="C24577" s="1" t="s">
        <v>5</v>
      </c>
      <c r="D24577" s="1" t="s">
        <v>11</v>
      </c>
      <c r="E24577" s="1" t="s">
        <v>7</v>
      </c>
    </row>
    <row r="24578">
      <c r="A24578" s="1">
        <v>4.91021459E8</v>
      </c>
      <c r="B24578" s="2">
        <v>19778.0</v>
      </c>
      <c r="C24578" s="1" t="s">
        <v>5</v>
      </c>
      <c r="D24578" s="1" t="s">
        <v>20778</v>
      </c>
      <c r="E24578" s="1" t="s">
        <v>20779</v>
      </c>
    </row>
    <row r="24579">
      <c r="A24579" s="1">
        <v>4.91021864E8</v>
      </c>
      <c r="B24579" s="2">
        <v>19705.0</v>
      </c>
      <c r="C24579" s="1" t="s">
        <v>5</v>
      </c>
      <c r="D24579" s="1" t="s">
        <v>20780</v>
      </c>
      <c r="E24579" s="1" t="s">
        <v>7</v>
      </c>
    </row>
    <row r="24580">
      <c r="A24580" s="1">
        <v>4.91022157E8</v>
      </c>
      <c r="B24580" s="2">
        <v>19722.0</v>
      </c>
      <c r="C24580" s="1" t="s">
        <v>5</v>
      </c>
      <c r="D24580" s="1" t="s">
        <v>11</v>
      </c>
      <c r="E24580" s="1" t="s">
        <v>7</v>
      </c>
    </row>
    <row r="24581">
      <c r="A24581" s="1">
        <v>4.91022197E8</v>
      </c>
      <c r="B24581" s="2">
        <v>19765.0</v>
      </c>
      <c r="C24581" s="1" t="s">
        <v>5</v>
      </c>
      <c r="D24581" s="1" t="s">
        <v>20781</v>
      </c>
      <c r="E24581" s="1" t="s">
        <v>7</v>
      </c>
    </row>
    <row r="24582">
      <c r="A24582" s="1">
        <v>4.91022519E8</v>
      </c>
      <c r="B24582" s="2">
        <v>19807.0</v>
      </c>
      <c r="C24582" s="1" t="s">
        <v>5</v>
      </c>
      <c r="D24582" s="1" t="s">
        <v>20782</v>
      </c>
      <c r="E24582" s="1" t="s">
        <v>11</v>
      </c>
    </row>
    <row r="24583">
      <c r="A24583" s="1">
        <v>4.91022711E8</v>
      </c>
      <c r="B24583" s="2">
        <v>19782.0</v>
      </c>
      <c r="C24583" s="1" t="s">
        <v>5</v>
      </c>
      <c r="D24583" s="1" t="s">
        <v>20783</v>
      </c>
      <c r="E24583" s="1" t="s">
        <v>7</v>
      </c>
    </row>
    <row r="24584">
      <c r="A24584" s="1">
        <v>4.91023081E8</v>
      </c>
      <c r="B24584" s="2">
        <v>19716.0</v>
      </c>
      <c r="C24584" s="1" t="s">
        <v>5</v>
      </c>
      <c r="D24584" s="1" t="s">
        <v>20784</v>
      </c>
      <c r="E24584" s="1" t="s">
        <v>11</v>
      </c>
    </row>
    <row r="24585">
      <c r="A24585" s="1">
        <v>4.91023115E8</v>
      </c>
      <c r="B24585" s="2">
        <v>19764.0</v>
      </c>
      <c r="C24585" s="1" t="s">
        <v>5</v>
      </c>
      <c r="D24585" s="1" t="s">
        <v>7</v>
      </c>
      <c r="E24585" s="1" t="s">
        <v>7</v>
      </c>
    </row>
    <row r="24586">
      <c r="A24586" s="1">
        <v>4.91023239E8</v>
      </c>
      <c r="B24586" s="2">
        <v>19761.0</v>
      </c>
      <c r="C24586" s="1" t="s">
        <v>5</v>
      </c>
      <c r="D24586" s="1" t="s">
        <v>20785</v>
      </c>
      <c r="E24586" s="1" t="s">
        <v>20786</v>
      </c>
    </row>
    <row r="24587">
      <c r="A24587" s="1">
        <v>4.91023274E8</v>
      </c>
      <c r="B24587" s="2">
        <v>19778.0</v>
      </c>
      <c r="C24587" s="1" t="s">
        <v>5</v>
      </c>
      <c r="D24587" s="1" t="s">
        <v>11</v>
      </c>
      <c r="E24587" s="1" t="s">
        <v>7</v>
      </c>
    </row>
    <row r="24588">
      <c r="A24588" s="1">
        <v>4.91023364E8</v>
      </c>
      <c r="B24588" s="2">
        <v>19760.0</v>
      </c>
      <c r="C24588" s="1" t="s">
        <v>5</v>
      </c>
      <c r="D24588" s="1" t="s">
        <v>20787</v>
      </c>
      <c r="E24588" s="1" t="s">
        <v>7</v>
      </c>
    </row>
    <row r="24589">
      <c r="A24589" s="1">
        <v>4.91023379E8</v>
      </c>
      <c r="B24589" s="2">
        <v>19807.0</v>
      </c>
      <c r="C24589" s="1" t="s">
        <v>5</v>
      </c>
      <c r="D24589" s="1" t="s">
        <v>11</v>
      </c>
      <c r="E24589" s="1" t="s">
        <v>7</v>
      </c>
    </row>
    <row r="24590">
      <c r="A24590" s="1">
        <v>4.91023391E8</v>
      </c>
      <c r="B24590" s="2">
        <v>19713.0</v>
      </c>
      <c r="C24590" s="1" t="s">
        <v>5</v>
      </c>
      <c r="D24590" s="1" t="s">
        <v>20788</v>
      </c>
      <c r="E24590" s="1" t="s">
        <v>20789</v>
      </c>
    </row>
    <row r="24591">
      <c r="A24591" s="1">
        <v>4.91023499E8</v>
      </c>
      <c r="B24591" s="2">
        <v>19758.0</v>
      </c>
      <c r="C24591" s="1" t="s">
        <v>5</v>
      </c>
      <c r="D24591" s="1" t="s">
        <v>20790</v>
      </c>
      <c r="E24591" s="1" t="s">
        <v>11</v>
      </c>
    </row>
    <row r="24592">
      <c r="A24592" s="1">
        <v>4.91023595E8</v>
      </c>
      <c r="B24592" s="2">
        <v>19795.0</v>
      </c>
      <c r="C24592" s="1" t="s">
        <v>5</v>
      </c>
      <c r="D24592" s="1" t="s">
        <v>11</v>
      </c>
      <c r="E24592" s="1" t="s">
        <v>7</v>
      </c>
    </row>
    <row r="24593">
      <c r="A24593" s="1">
        <v>4.91023922E8</v>
      </c>
      <c r="B24593" s="2">
        <v>19772.0</v>
      </c>
      <c r="C24593" s="1" t="s">
        <v>5</v>
      </c>
      <c r="D24593" s="1" t="s">
        <v>20791</v>
      </c>
      <c r="E24593" s="1" t="s">
        <v>11</v>
      </c>
    </row>
    <row r="24594">
      <c r="A24594" s="1">
        <v>4.91023954E8</v>
      </c>
      <c r="B24594" s="2">
        <v>19788.0</v>
      </c>
      <c r="C24594" s="1" t="s">
        <v>5</v>
      </c>
      <c r="D24594" s="1" t="s">
        <v>20792</v>
      </c>
      <c r="E24594" s="1" t="s">
        <v>20793</v>
      </c>
    </row>
    <row r="24595">
      <c r="A24595" s="1">
        <v>4.91024004E8</v>
      </c>
      <c r="B24595" s="2">
        <v>19793.0</v>
      </c>
      <c r="C24595" s="1" t="s">
        <v>5</v>
      </c>
      <c r="D24595" s="1" t="s">
        <v>11</v>
      </c>
      <c r="E24595" s="1" t="s">
        <v>7</v>
      </c>
    </row>
    <row r="24596">
      <c r="A24596" s="1">
        <v>4.91024314E8</v>
      </c>
      <c r="B24596" s="2">
        <v>19776.0</v>
      </c>
      <c r="C24596" s="1" t="s">
        <v>5</v>
      </c>
      <c r="D24596" s="1" t="s">
        <v>20794</v>
      </c>
      <c r="E24596" s="1" t="s">
        <v>7</v>
      </c>
    </row>
    <row r="24597">
      <c r="A24597" s="1">
        <v>4.91024365E8</v>
      </c>
      <c r="B24597" s="2">
        <v>19703.0</v>
      </c>
      <c r="C24597" s="1" t="s">
        <v>5</v>
      </c>
      <c r="D24597" s="1" t="s">
        <v>20795</v>
      </c>
      <c r="E24597" s="1" t="s">
        <v>11</v>
      </c>
    </row>
    <row r="24598">
      <c r="A24598" s="1">
        <v>4.9102504E8</v>
      </c>
      <c r="B24598" s="3">
        <v>19863.0</v>
      </c>
      <c r="C24598" s="1" t="s">
        <v>5</v>
      </c>
      <c r="D24598" s="1" t="s">
        <v>20796</v>
      </c>
      <c r="E24598" s="1" t="s">
        <v>11</v>
      </c>
    </row>
    <row r="24599">
      <c r="A24599" s="1">
        <v>4.91025121E8</v>
      </c>
      <c r="B24599" s="2">
        <v>19800.0</v>
      </c>
      <c r="C24599" s="1" t="s">
        <v>5</v>
      </c>
      <c r="D24599" s="1" t="s">
        <v>20797</v>
      </c>
      <c r="E24599" s="1" t="s">
        <v>7</v>
      </c>
    </row>
    <row r="24600">
      <c r="A24600" s="1">
        <v>4.91025244E8</v>
      </c>
      <c r="B24600" s="2">
        <v>19757.0</v>
      </c>
      <c r="C24600" s="1" t="s">
        <v>5</v>
      </c>
      <c r="D24600" s="1" t="s">
        <v>20798</v>
      </c>
      <c r="E24600" s="1" t="s">
        <v>11</v>
      </c>
    </row>
    <row r="24601">
      <c r="A24601" s="1">
        <v>4.91025874E8</v>
      </c>
      <c r="B24601" s="2">
        <v>19797.0</v>
      </c>
      <c r="C24601" s="1" t="s">
        <v>5</v>
      </c>
      <c r="D24601" s="1" t="s">
        <v>20799</v>
      </c>
      <c r="E24601" s="1" t="s">
        <v>11</v>
      </c>
    </row>
    <row r="24602">
      <c r="A24602" s="1">
        <v>4.91026004E8</v>
      </c>
      <c r="B24602" s="3">
        <v>19873.0</v>
      </c>
      <c r="C24602" s="1" t="s">
        <v>5</v>
      </c>
      <c r="D24602" s="1" t="s">
        <v>11</v>
      </c>
      <c r="E24602" s="1" t="s">
        <v>7</v>
      </c>
    </row>
    <row r="24603">
      <c r="A24603" s="1">
        <v>4.91026128E8</v>
      </c>
      <c r="B24603" s="2">
        <v>19811.0</v>
      </c>
      <c r="C24603" s="1" t="s">
        <v>5</v>
      </c>
      <c r="D24603" s="1" t="s">
        <v>20800</v>
      </c>
      <c r="E24603" s="1" t="s">
        <v>7</v>
      </c>
    </row>
    <row r="24604">
      <c r="A24604" s="1">
        <v>4.91026258E8</v>
      </c>
      <c r="B24604" s="2">
        <v>19695.0</v>
      </c>
      <c r="C24604" s="1" t="s">
        <v>5</v>
      </c>
      <c r="D24604" s="1" t="s">
        <v>20801</v>
      </c>
      <c r="E24604" s="1" t="s">
        <v>11</v>
      </c>
    </row>
    <row r="24605">
      <c r="A24605" s="1">
        <v>4.91026271E8</v>
      </c>
      <c r="B24605" s="2">
        <v>19790.0</v>
      </c>
      <c r="C24605" s="1" t="s">
        <v>5</v>
      </c>
      <c r="D24605" s="1" t="s">
        <v>11</v>
      </c>
      <c r="E24605" s="1" t="s">
        <v>7</v>
      </c>
    </row>
    <row r="24606">
      <c r="A24606" s="1">
        <v>4.91026319E8</v>
      </c>
      <c r="B24606" s="2">
        <v>19759.0</v>
      </c>
      <c r="C24606" s="1" t="s">
        <v>5</v>
      </c>
      <c r="D24606" s="1" t="s">
        <v>20802</v>
      </c>
      <c r="E24606" s="1" t="s">
        <v>11</v>
      </c>
    </row>
    <row r="24607">
      <c r="A24607" s="1">
        <v>4.91026379E8</v>
      </c>
      <c r="B24607" s="2">
        <v>19810.0</v>
      </c>
      <c r="C24607" s="1" t="s">
        <v>5</v>
      </c>
      <c r="D24607" s="1" t="s">
        <v>20803</v>
      </c>
      <c r="E24607" s="1" t="s">
        <v>11</v>
      </c>
    </row>
    <row r="24608">
      <c r="A24608" s="1">
        <v>4.91026877E8</v>
      </c>
      <c r="B24608" s="2">
        <v>19789.0</v>
      </c>
      <c r="C24608" s="1" t="s">
        <v>5</v>
      </c>
      <c r="D24608" s="1" t="s">
        <v>20804</v>
      </c>
      <c r="E24608" s="1" t="s">
        <v>20805</v>
      </c>
    </row>
    <row r="24609">
      <c r="A24609" s="1">
        <v>4.91026914E8</v>
      </c>
      <c r="B24609" s="2">
        <v>19787.0</v>
      </c>
      <c r="C24609" s="1" t="s">
        <v>5</v>
      </c>
      <c r="D24609" s="1" t="s">
        <v>20806</v>
      </c>
      <c r="E24609" s="1" t="s">
        <v>11</v>
      </c>
    </row>
    <row r="24610">
      <c r="A24610" s="1">
        <v>4.91026978E8</v>
      </c>
      <c r="B24610" s="3">
        <v>19850.0</v>
      </c>
      <c r="C24610" s="1" t="s">
        <v>5</v>
      </c>
      <c r="D24610" s="1" t="s">
        <v>20807</v>
      </c>
      <c r="E24610" s="1" t="s">
        <v>7</v>
      </c>
    </row>
    <row r="24611">
      <c r="A24611" s="1">
        <v>4.91027114E8</v>
      </c>
      <c r="B24611" s="3">
        <v>19855.0</v>
      </c>
      <c r="C24611" s="1" t="s">
        <v>5</v>
      </c>
      <c r="D24611" s="1" t="s">
        <v>11</v>
      </c>
      <c r="E24611" s="1" t="s">
        <v>7</v>
      </c>
    </row>
    <row r="24612">
      <c r="A24612" s="1">
        <v>4.91027136E8</v>
      </c>
      <c r="B24612" s="2">
        <v>19822.0</v>
      </c>
      <c r="C24612" s="1" t="s">
        <v>5</v>
      </c>
      <c r="D24612" s="1" t="s">
        <v>20808</v>
      </c>
      <c r="E24612" s="1" t="s">
        <v>7</v>
      </c>
    </row>
    <row r="24613">
      <c r="A24613" s="1">
        <v>4.91027488E8</v>
      </c>
      <c r="B24613" s="2">
        <v>19832.0</v>
      </c>
      <c r="C24613" s="1" t="s">
        <v>5</v>
      </c>
      <c r="D24613" s="1" t="s">
        <v>11</v>
      </c>
      <c r="E24613" s="1" t="s">
        <v>7</v>
      </c>
    </row>
    <row r="24614">
      <c r="A24614" s="1">
        <v>4.91027526E8</v>
      </c>
      <c r="B24614" s="2">
        <v>19809.0</v>
      </c>
      <c r="C24614" s="1" t="s">
        <v>5</v>
      </c>
      <c r="D24614" s="1" t="s">
        <v>20809</v>
      </c>
      <c r="E24614" s="1" t="s">
        <v>7</v>
      </c>
    </row>
    <row r="24615">
      <c r="A24615" s="1">
        <v>4.91027674E8</v>
      </c>
      <c r="B24615" s="3">
        <v>19859.0</v>
      </c>
      <c r="C24615" s="1" t="s">
        <v>5</v>
      </c>
      <c r="D24615" s="1" t="s">
        <v>11</v>
      </c>
      <c r="E24615" s="1" t="s">
        <v>7</v>
      </c>
    </row>
    <row r="24616">
      <c r="A24616" s="1">
        <v>4.9102776E8</v>
      </c>
      <c r="B24616" s="2">
        <v>19841.0</v>
      </c>
      <c r="C24616" s="1" t="s">
        <v>5</v>
      </c>
      <c r="D24616" s="1" t="s">
        <v>20810</v>
      </c>
      <c r="E24616" s="1" t="s">
        <v>7</v>
      </c>
    </row>
    <row r="24617">
      <c r="A24617" s="1">
        <v>4.91027844E8</v>
      </c>
      <c r="B24617" s="2">
        <v>19828.0</v>
      </c>
      <c r="C24617" s="1" t="s">
        <v>5</v>
      </c>
      <c r="D24617" s="1" t="s">
        <v>20811</v>
      </c>
      <c r="E24617" s="1" t="s">
        <v>20812</v>
      </c>
    </row>
    <row r="24618">
      <c r="A24618" s="1">
        <v>4.91027917E8</v>
      </c>
      <c r="B24618" s="2">
        <v>19901.0</v>
      </c>
      <c r="C24618" s="1" t="s">
        <v>5</v>
      </c>
      <c r="D24618" s="1" t="s">
        <v>20813</v>
      </c>
      <c r="E24618" s="1" t="s">
        <v>7</v>
      </c>
    </row>
    <row r="24619">
      <c r="A24619" s="1">
        <v>4.91027944E8</v>
      </c>
      <c r="B24619" s="2">
        <v>19829.0</v>
      </c>
      <c r="C24619" s="1" t="s">
        <v>5</v>
      </c>
      <c r="D24619" s="1" t="s">
        <v>20814</v>
      </c>
      <c r="E24619" s="1" t="s">
        <v>20815</v>
      </c>
    </row>
    <row r="24620">
      <c r="A24620" s="1">
        <v>4.91027994E8</v>
      </c>
      <c r="B24620" s="3">
        <v>19856.0</v>
      </c>
      <c r="C24620" s="1" t="s">
        <v>5</v>
      </c>
      <c r="D24620" s="1" t="s">
        <v>20816</v>
      </c>
      <c r="E24620" s="1" t="s">
        <v>7</v>
      </c>
    </row>
    <row r="24621">
      <c r="A24621" s="1">
        <v>4.91028204E8</v>
      </c>
      <c r="B24621" s="2">
        <v>19838.0</v>
      </c>
      <c r="C24621" s="1" t="s">
        <v>5</v>
      </c>
      <c r="D24621" s="1" t="s">
        <v>20817</v>
      </c>
      <c r="E24621" s="1" t="s">
        <v>11</v>
      </c>
    </row>
    <row r="24622">
      <c r="A24622" s="1">
        <v>4.91028354E8</v>
      </c>
      <c r="B24622" s="3">
        <v>19853.0</v>
      </c>
      <c r="C24622" s="1" t="s">
        <v>5</v>
      </c>
      <c r="D24622" s="1" t="s">
        <v>20818</v>
      </c>
      <c r="E24622" s="1" t="s">
        <v>7</v>
      </c>
    </row>
    <row r="24623">
      <c r="A24623" s="1">
        <v>4.91028619E8</v>
      </c>
      <c r="B24623" s="2">
        <v>19836.0</v>
      </c>
      <c r="C24623" s="1" t="s">
        <v>5</v>
      </c>
      <c r="D24623" s="1" t="s">
        <v>11</v>
      </c>
      <c r="E24623" s="1" t="s">
        <v>7</v>
      </c>
    </row>
    <row r="24624">
      <c r="A24624" s="1">
        <v>4.91028806E8</v>
      </c>
      <c r="B24624" s="3">
        <v>19849.0</v>
      </c>
      <c r="C24624" s="1" t="s">
        <v>5</v>
      </c>
      <c r="D24624" s="1" t="s">
        <v>20819</v>
      </c>
      <c r="E24624" s="1" t="s">
        <v>11</v>
      </c>
    </row>
    <row r="24625">
      <c r="A24625" s="1">
        <v>4.91029045E8</v>
      </c>
      <c r="B24625" s="2">
        <v>19822.0</v>
      </c>
      <c r="C24625" s="1" t="s">
        <v>5</v>
      </c>
      <c r="D24625" s="1" t="s">
        <v>20820</v>
      </c>
      <c r="E24625" s="1" t="s">
        <v>7</v>
      </c>
    </row>
    <row r="24626">
      <c r="A24626" s="1">
        <v>4.91029077E8</v>
      </c>
      <c r="B24626" s="2">
        <v>19808.0</v>
      </c>
      <c r="C24626" s="1" t="s">
        <v>5</v>
      </c>
      <c r="D24626" s="1" t="s">
        <v>11</v>
      </c>
      <c r="E24626" s="1" t="s">
        <v>7</v>
      </c>
    </row>
    <row r="24627">
      <c r="A24627" s="1">
        <v>4.91029166E8</v>
      </c>
      <c r="B24627" s="3">
        <v>19846.0</v>
      </c>
      <c r="C24627" s="1" t="s">
        <v>5</v>
      </c>
      <c r="D24627" s="1" t="s">
        <v>20821</v>
      </c>
      <c r="E24627" s="1" t="s">
        <v>7</v>
      </c>
    </row>
    <row r="24628">
      <c r="A24628" s="1">
        <v>4.91029339E8</v>
      </c>
      <c r="B24628" s="2">
        <v>19793.0</v>
      </c>
      <c r="C24628" s="1" t="s">
        <v>5</v>
      </c>
      <c r="D24628" s="1" t="s">
        <v>20822</v>
      </c>
      <c r="E24628" s="1" t="s">
        <v>20823</v>
      </c>
    </row>
    <row r="24629">
      <c r="A24629" s="1">
        <v>4.91029359E8</v>
      </c>
      <c r="B24629" s="2">
        <v>19890.0</v>
      </c>
      <c r="C24629" s="1" t="s">
        <v>5</v>
      </c>
      <c r="D24629" s="1" t="s">
        <v>20824</v>
      </c>
      <c r="E24629" s="1" t="s">
        <v>7</v>
      </c>
    </row>
    <row r="24630">
      <c r="A24630" s="1">
        <v>4.91029397E8</v>
      </c>
      <c r="B24630" s="2">
        <v>19829.0</v>
      </c>
      <c r="C24630" s="1" t="s">
        <v>5</v>
      </c>
      <c r="D24630" s="1" t="s">
        <v>20825</v>
      </c>
      <c r="E24630" s="1" t="s">
        <v>7</v>
      </c>
    </row>
    <row r="24631">
      <c r="A24631" s="1">
        <v>4.91029401E8</v>
      </c>
      <c r="B24631" s="2">
        <v>19826.0</v>
      </c>
      <c r="C24631" s="1" t="s">
        <v>5</v>
      </c>
      <c r="D24631" s="1" t="s">
        <v>20826</v>
      </c>
      <c r="E24631" s="1" t="s">
        <v>7</v>
      </c>
    </row>
    <row r="24632">
      <c r="A24632" s="1">
        <v>4.91029414E8</v>
      </c>
      <c r="B24632" s="3">
        <v>19845.0</v>
      </c>
      <c r="C24632" s="1" t="s">
        <v>5</v>
      </c>
      <c r="D24632" s="1" t="s">
        <v>11</v>
      </c>
      <c r="E24632" s="1" t="s">
        <v>7</v>
      </c>
    </row>
    <row r="24633">
      <c r="A24633" s="1">
        <v>4.91029434E8</v>
      </c>
      <c r="B24633" s="2">
        <v>19828.0</v>
      </c>
      <c r="C24633" s="1" t="s">
        <v>5</v>
      </c>
      <c r="D24633" s="1" t="s">
        <v>20827</v>
      </c>
      <c r="E24633" s="1" t="s">
        <v>11</v>
      </c>
    </row>
    <row r="24634">
      <c r="A24634" s="1">
        <v>4.91029449E8</v>
      </c>
      <c r="B24634" s="2">
        <v>19820.0</v>
      </c>
      <c r="C24634" s="1" t="s">
        <v>5</v>
      </c>
      <c r="D24634" s="1" t="s">
        <v>11</v>
      </c>
      <c r="E24634" s="1" t="s">
        <v>7</v>
      </c>
    </row>
    <row r="24635">
      <c r="A24635" s="1">
        <v>4.91029485E8</v>
      </c>
      <c r="B24635" s="3">
        <v>19857.0</v>
      </c>
      <c r="C24635" s="1" t="s">
        <v>5</v>
      </c>
      <c r="D24635" s="1" t="s">
        <v>20828</v>
      </c>
      <c r="E24635" s="1" t="s">
        <v>7</v>
      </c>
    </row>
    <row r="24636">
      <c r="A24636" s="1">
        <v>4.91029526E8</v>
      </c>
      <c r="B24636" s="2">
        <v>19799.0</v>
      </c>
      <c r="C24636" s="1" t="s">
        <v>5</v>
      </c>
      <c r="D24636" s="1" t="s">
        <v>20829</v>
      </c>
      <c r="E24636" s="1" t="s">
        <v>7</v>
      </c>
    </row>
    <row r="24637">
      <c r="A24637" s="1">
        <v>4.91029532E8</v>
      </c>
      <c r="B24637" s="2">
        <v>19888.0</v>
      </c>
      <c r="C24637" s="1" t="s">
        <v>5</v>
      </c>
      <c r="D24637" s="1" t="s">
        <v>20830</v>
      </c>
      <c r="E24637" s="1" t="s">
        <v>11</v>
      </c>
    </row>
    <row r="24638">
      <c r="A24638" s="1">
        <v>4.91029639E8</v>
      </c>
      <c r="B24638" s="3">
        <v>19845.0</v>
      </c>
      <c r="C24638" s="1" t="s">
        <v>5</v>
      </c>
      <c r="D24638" s="1" t="s">
        <v>20831</v>
      </c>
      <c r="E24638" s="1" t="s">
        <v>11</v>
      </c>
    </row>
    <row r="24639">
      <c r="A24639" s="1">
        <v>4.9102993E8</v>
      </c>
      <c r="B24639" s="2">
        <v>19827.0</v>
      </c>
      <c r="C24639" s="1" t="s">
        <v>5</v>
      </c>
      <c r="D24639" s="1" t="s">
        <v>20832</v>
      </c>
      <c r="E24639" s="1" t="s">
        <v>7</v>
      </c>
    </row>
    <row r="24640">
      <c r="A24640" s="1">
        <v>4.91029938E8</v>
      </c>
      <c r="B24640" s="2">
        <v>19902.0</v>
      </c>
      <c r="C24640" s="1" t="s">
        <v>5</v>
      </c>
      <c r="D24640" s="1" t="s">
        <v>20833</v>
      </c>
      <c r="E24640" s="1" t="s">
        <v>7</v>
      </c>
    </row>
    <row r="24641">
      <c r="A24641" s="1">
        <v>4.91030154E8</v>
      </c>
      <c r="B24641" s="2">
        <v>19822.0</v>
      </c>
      <c r="C24641" s="1" t="s">
        <v>5</v>
      </c>
      <c r="D24641" s="1" t="s">
        <v>11</v>
      </c>
      <c r="E24641" s="1" t="s">
        <v>7</v>
      </c>
    </row>
    <row r="24642">
      <c r="A24642" s="1">
        <v>4.91030447E8</v>
      </c>
      <c r="B24642" s="2">
        <v>19900.0</v>
      </c>
      <c r="C24642" s="1" t="s">
        <v>5</v>
      </c>
      <c r="D24642" s="1" t="s">
        <v>20834</v>
      </c>
      <c r="E24642" s="1" t="s">
        <v>20835</v>
      </c>
    </row>
    <row r="24643">
      <c r="A24643" s="1">
        <v>4.91030474E8</v>
      </c>
      <c r="B24643" s="2">
        <v>19884.0</v>
      </c>
      <c r="C24643" s="1" t="s">
        <v>5</v>
      </c>
      <c r="D24643" s="1" t="s">
        <v>20836</v>
      </c>
      <c r="E24643" s="1" t="s">
        <v>11</v>
      </c>
    </row>
    <row r="24644">
      <c r="A24644" s="1">
        <v>4.91030654E8</v>
      </c>
      <c r="B24644" s="2">
        <v>19818.0</v>
      </c>
      <c r="C24644" s="1" t="s">
        <v>5</v>
      </c>
      <c r="D24644" s="1" t="s">
        <v>20837</v>
      </c>
      <c r="E24644" s="1" t="s">
        <v>7</v>
      </c>
    </row>
    <row r="24645">
      <c r="A24645" s="1">
        <v>4.91030714E8</v>
      </c>
      <c r="B24645" s="2">
        <v>19893.0</v>
      </c>
      <c r="C24645" s="1" t="s">
        <v>5</v>
      </c>
      <c r="D24645" s="1" t="s">
        <v>20838</v>
      </c>
      <c r="E24645" s="1" t="s">
        <v>20839</v>
      </c>
    </row>
    <row r="24646">
      <c r="A24646" s="1">
        <v>4.91030726E8</v>
      </c>
      <c r="B24646" s="2">
        <v>19898.0</v>
      </c>
      <c r="C24646" s="1" t="s">
        <v>5</v>
      </c>
      <c r="D24646" s="1" t="s">
        <v>20840</v>
      </c>
      <c r="E24646" s="1" t="s">
        <v>7</v>
      </c>
    </row>
    <row r="24647">
      <c r="A24647" s="1">
        <v>4.91030739E8</v>
      </c>
      <c r="B24647" s="2">
        <v>19898.0</v>
      </c>
      <c r="C24647" s="1" t="s">
        <v>5</v>
      </c>
      <c r="D24647" s="1" t="s">
        <v>20841</v>
      </c>
      <c r="E24647" s="1" t="s">
        <v>7</v>
      </c>
    </row>
    <row r="24648">
      <c r="A24648" s="1">
        <v>4.91030755E8</v>
      </c>
      <c r="B24648" s="2">
        <v>19818.0</v>
      </c>
      <c r="C24648" s="1" t="s">
        <v>5</v>
      </c>
      <c r="D24648" s="1" t="s">
        <v>20842</v>
      </c>
      <c r="E24648" s="1" t="s">
        <v>7</v>
      </c>
    </row>
    <row r="24649">
      <c r="A24649" s="1">
        <v>4.91030898E8</v>
      </c>
      <c r="B24649" s="2">
        <v>19792.0</v>
      </c>
      <c r="C24649" s="1" t="s">
        <v>5</v>
      </c>
      <c r="D24649" s="1" t="s">
        <v>20843</v>
      </c>
      <c r="E24649" s="1" t="s">
        <v>7</v>
      </c>
    </row>
    <row r="24650">
      <c r="A24650" s="1">
        <v>4.91031054E8</v>
      </c>
      <c r="B24650" s="2">
        <v>19895.0</v>
      </c>
      <c r="C24650" s="1" t="s">
        <v>5</v>
      </c>
      <c r="D24650" s="1" t="s">
        <v>11</v>
      </c>
      <c r="E24650" s="1" t="s">
        <v>7</v>
      </c>
    </row>
    <row r="24651">
      <c r="A24651" s="1">
        <v>4.91031152E8</v>
      </c>
      <c r="B24651" s="2">
        <v>19883.0</v>
      </c>
      <c r="C24651" s="1" t="s">
        <v>5</v>
      </c>
      <c r="D24651" s="1" t="s">
        <v>20844</v>
      </c>
      <c r="E24651" s="1" t="s">
        <v>20845</v>
      </c>
    </row>
    <row r="24652">
      <c r="A24652" s="1">
        <v>4.91031176E8</v>
      </c>
      <c r="B24652" s="2">
        <v>19796.0</v>
      </c>
      <c r="C24652" s="1" t="s">
        <v>5</v>
      </c>
      <c r="D24652" s="1" t="s">
        <v>20846</v>
      </c>
      <c r="E24652" s="1" t="s">
        <v>7</v>
      </c>
    </row>
    <row r="24653">
      <c r="A24653" s="1">
        <v>4.91031234E8</v>
      </c>
      <c r="B24653" s="2">
        <v>19891.0</v>
      </c>
      <c r="C24653" s="1" t="s">
        <v>5</v>
      </c>
      <c r="D24653" s="1" t="s">
        <v>20847</v>
      </c>
      <c r="E24653" s="1" t="s">
        <v>7</v>
      </c>
    </row>
    <row r="24654">
      <c r="A24654" s="1">
        <v>4.91031589E8</v>
      </c>
      <c r="B24654" s="2">
        <v>19887.0</v>
      </c>
      <c r="C24654" s="1" t="s">
        <v>5</v>
      </c>
      <c r="D24654" s="1" t="s">
        <v>20848</v>
      </c>
      <c r="E24654" s="1" t="s">
        <v>7</v>
      </c>
    </row>
    <row r="24655">
      <c r="A24655" s="1">
        <v>4.9103168E8</v>
      </c>
      <c r="B24655" s="2">
        <v>19887.0</v>
      </c>
      <c r="C24655" s="1" t="s">
        <v>5</v>
      </c>
      <c r="D24655" s="1" t="s">
        <v>20849</v>
      </c>
      <c r="E24655" s="1" t="s">
        <v>7</v>
      </c>
    </row>
    <row r="24656">
      <c r="A24656" s="1">
        <v>4.91032286E8</v>
      </c>
      <c r="B24656" s="2">
        <v>19930.0</v>
      </c>
      <c r="C24656" s="1" t="s">
        <v>5</v>
      </c>
      <c r="D24656" s="1" t="s">
        <v>20850</v>
      </c>
      <c r="E24656" s="1" t="s">
        <v>11</v>
      </c>
    </row>
    <row r="24657">
      <c r="A24657" s="1">
        <v>4.91032317E8</v>
      </c>
      <c r="B24657" s="2">
        <v>19844.0</v>
      </c>
      <c r="C24657" s="1" t="s">
        <v>5</v>
      </c>
      <c r="D24657" s="1" t="s">
        <v>11</v>
      </c>
      <c r="E24657" s="1" t="s">
        <v>7</v>
      </c>
    </row>
    <row r="24658">
      <c r="A24658" s="1">
        <v>4.91032441E8</v>
      </c>
      <c r="B24658" s="2">
        <v>19930.0</v>
      </c>
      <c r="C24658" s="1" t="s">
        <v>5</v>
      </c>
      <c r="D24658" s="1" t="s">
        <v>11</v>
      </c>
      <c r="E24658" s="1" t="s">
        <v>7</v>
      </c>
    </row>
    <row r="24659">
      <c r="A24659" s="1">
        <v>4.91032525E8</v>
      </c>
      <c r="B24659" s="2">
        <v>19960.0</v>
      </c>
      <c r="C24659" s="1" t="s">
        <v>5</v>
      </c>
      <c r="D24659" s="1" t="s">
        <v>20851</v>
      </c>
      <c r="E24659" s="1" t="s">
        <v>7</v>
      </c>
    </row>
    <row r="24660">
      <c r="A24660" s="1">
        <v>4.91032634E8</v>
      </c>
      <c r="B24660" s="2">
        <v>19880.0</v>
      </c>
      <c r="C24660" s="1" t="s">
        <v>5</v>
      </c>
      <c r="D24660" s="1" t="s">
        <v>11</v>
      </c>
      <c r="E24660" s="1" t="s">
        <v>7</v>
      </c>
    </row>
    <row r="24661">
      <c r="A24661" s="1">
        <v>4.91033154E8</v>
      </c>
      <c r="B24661" s="2">
        <v>19841.0</v>
      </c>
      <c r="C24661" s="1" t="s">
        <v>5</v>
      </c>
      <c r="D24661" s="1" t="s">
        <v>20852</v>
      </c>
      <c r="E24661" s="1" t="s">
        <v>20853</v>
      </c>
    </row>
    <row r="24662">
      <c r="A24662" s="1">
        <v>4.91033339E8</v>
      </c>
      <c r="B24662" s="2">
        <v>19876.0</v>
      </c>
      <c r="C24662" s="1" t="s">
        <v>5</v>
      </c>
      <c r="D24662" s="1" t="s">
        <v>20854</v>
      </c>
      <c r="E24662" s="1" t="s">
        <v>11</v>
      </c>
    </row>
    <row r="24663">
      <c r="A24663" s="1">
        <v>4.91033359E8</v>
      </c>
      <c r="B24663" s="2">
        <v>19918.0</v>
      </c>
      <c r="C24663" s="1" t="s">
        <v>5</v>
      </c>
      <c r="D24663" s="1" t="s">
        <v>20855</v>
      </c>
      <c r="E24663" s="1" t="s">
        <v>11</v>
      </c>
    </row>
    <row r="24664">
      <c r="A24664" s="1">
        <v>4.91033454E8</v>
      </c>
      <c r="B24664" s="2">
        <v>19918.0</v>
      </c>
      <c r="C24664" s="1" t="s">
        <v>5</v>
      </c>
      <c r="D24664" s="1" t="s">
        <v>20856</v>
      </c>
      <c r="E24664" s="1" t="s">
        <v>7</v>
      </c>
    </row>
    <row r="24665">
      <c r="A24665" s="1">
        <v>4.91033616E8</v>
      </c>
      <c r="B24665" s="2">
        <v>19916.0</v>
      </c>
      <c r="C24665" s="1" t="s">
        <v>5</v>
      </c>
      <c r="D24665" s="1" t="s">
        <v>20857</v>
      </c>
      <c r="E24665" s="1" t="s">
        <v>7</v>
      </c>
    </row>
    <row r="24666">
      <c r="A24666" s="1">
        <v>4.91034234E8</v>
      </c>
      <c r="B24666" s="2">
        <v>19933.0</v>
      </c>
      <c r="C24666" s="1" t="s">
        <v>5</v>
      </c>
      <c r="D24666" s="1" t="s">
        <v>11</v>
      </c>
      <c r="E24666" s="1" t="s">
        <v>7</v>
      </c>
    </row>
    <row r="24667">
      <c r="A24667" s="1">
        <v>4.91034235E8</v>
      </c>
      <c r="B24667" s="2">
        <v>19984.0</v>
      </c>
      <c r="C24667" s="1" t="s">
        <v>5</v>
      </c>
      <c r="D24667" s="1" t="s">
        <v>20858</v>
      </c>
      <c r="E24667" s="1" t="s">
        <v>20859</v>
      </c>
    </row>
    <row r="24668">
      <c r="A24668" s="1">
        <v>4.91034236E8</v>
      </c>
      <c r="B24668" s="2">
        <v>19834.0</v>
      </c>
      <c r="C24668" s="1" t="s">
        <v>5</v>
      </c>
      <c r="D24668" s="1" t="s">
        <v>20860</v>
      </c>
      <c r="E24668" s="1" t="s">
        <v>11</v>
      </c>
    </row>
    <row r="24669">
      <c r="A24669" s="1">
        <v>4.91034241E8</v>
      </c>
      <c r="B24669" s="2">
        <v>19933.0</v>
      </c>
      <c r="C24669" s="1" t="s">
        <v>5</v>
      </c>
      <c r="D24669" s="1" t="s">
        <v>20861</v>
      </c>
      <c r="E24669" s="1" t="s">
        <v>7</v>
      </c>
    </row>
    <row r="24670">
      <c r="A24670" s="1">
        <v>4.91034276E8</v>
      </c>
      <c r="B24670" s="2">
        <v>19984.0</v>
      </c>
      <c r="C24670" s="1" t="s">
        <v>5</v>
      </c>
      <c r="D24670" s="1" t="s">
        <v>20862</v>
      </c>
      <c r="E24670" s="1" t="s">
        <v>7</v>
      </c>
    </row>
    <row r="24671">
      <c r="A24671" s="1">
        <v>4.91034561E8</v>
      </c>
      <c r="B24671" s="2">
        <v>19922.0</v>
      </c>
      <c r="C24671" s="1" t="s">
        <v>5</v>
      </c>
      <c r="D24671" s="1" t="s">
        <v>20863</v>
      </c>
      <c r="E24671" s="1" t="s">
        <v>11</v>
      </c>
    </row>
    <row r="24672">
      <c r="A24672" s="1">
        <v>4.91034635E8</v>
      </c>
      <c r="B24672" s="2">
        <v>19908.0</v>
      </c>
      <c r="C24672" s="1" t="s">
        <v>5</v>
      </c>
      <c r="D24672" s="1" t="s">
        <v>20864</v>
      </c>
      <c r="E24672" s="1" t="s">
        <v>7</v>
      </c>
    </row>
    <row r="24673">
      <c r="A24673" s="1">
        <v>4.91035118E8</v>
      </c>
      <c r="B24673" s="2">
        <v>19912.0</v>
      </c>
      <c r="C24673" s="1" t="s">
        <v>5</v>
      </c>
      <c r="D24673" s="1" t="s">
        <v>20865</v>
      </c>
      <c r="E24673" s="1" t="s">
        <v>7</v>
      </c>
    </row>
    <row r="24674">
      <c r="A24674" s="1">
        <v>4.91035231E8</v>
      </c>
      <c r="B24674" s="2">
        <v>19988.0</v>
      </c>
      <c r="C24674" s="1" t="s">
        <v>5</v>
      </c>
      <c r="D24674" s="1" t="s">
        <v>20866</v>
      </c>
      <c r="E24674" s="1" t="s">
        <v>7</v>
      </c>
    </row>
    <row r="24675">
      <c r="A24675" s="1">
        <v>4.91035525E8</v>
      </c>
      <c r="B24675" s="2">
        <v>19929.0</v>
      </c>
      <c r="C24675" s="1" t="s">
        <v>5</v>
      </c>
      <c r="D24675" s="1" t="s">
        <v>20867</v>
      </c>
      <c r="E24675" s="1" t="s">
        <v>20868</v>
      </c>
    </row>
    <row r="24676">
      <c r="A24676" s="1">
        <v>4.91035604E8</v>
      </c>
      <c r="B24676" s="2">
        <v>19995.0</v>
      </c>
      <c r="C24676" s="1" t="s">
        <v>5</v>
      </c>
      <c r="D24676" s="1" t="s">
        <v>11</v>
      </c>
      <c r="E24676" s="1" t="s">
        <v>7</v>
      </c>
    </row>
    <row r="24677">
      <c r="A24677" s="1">
        <v>4.91035605E8</v>
      </c>
      <c r="B24677" s="2">
        <v>19923.0</v>
      </c>
      <c r="C24677" s="1" t="s">
        <v>5</v>
      </c>
      <c r="D24677" s="1" t="s">
        <v>20869</v>
      </c>
      <c r="E24677" s="1" t="s">
        <v>11</v>
      </c>
    </row>
    <row r="24678">
      <c r="A24678" s="1">
        <v>4.91036164E8</v>
      </c>
      <c r="B24678" s="2">
        <v>19923.0</v>
      </c>
      <c r="C24678" s="1" t="s">
        <v>5</v>
      </c>
      <c r="D24678" s="1" t="s">
        <v>20870</v>
      </c>
      <c r="E24678" s="1" t="s">
        <v>11</v>
      </c>
    </row>
    <row r="24679">
      <c r="A24679" s="1">
        <v>4.91036294E8</v>
      </c>
      <c r="B24679" s="2">
        <v>19937.0</v>
      </c>
      <c r="C24679" s="1" t="s">
        <v>5</v>
      </c>
      <c r="D24679" s="1" t="s">
        <v>20871</v>
      </c>
      <c r="E24679" s="1" t="s">
        <v>11</v>
      </c>
    </row>
    <row r="24680">
      <c r="A24680" s="1">
        <v>4.91036521E8</v>
      </c>
      <c r="B24680" s="2">
        <v>19825.0</v>
      </c>
      <c r="C24680" s="1" t="s">
        <v>5</v>
      </c>
      <c r="D24680" s="1" t="s">
        <v>20872</v>
      </c>
      <c r="E24680" s="1" t="s">
        <v>11</v>
      </c>
    </row>
    <row r="24681">
      <c r="A24681" s="1">
        <v>4.91036641E8</v>
      </c>
      <c r="B24681" s="2">
        <v>19992.0</v>
      </c>
      <c r="C24681" s="1" t="s">
        <v>5</v>
      </c>
      <c r="D24681" s="1" t="s">
        <v>20873</v>
      </c>
      <c r="E24681" s="1" t="s">
        <v>7</v>
      </c>
    </row>
    <row r="24682">
      <c r="A24682" s="1">
        <v>4.91036899E8</v>
      </c>
      <c r="B24682" s="2">
        <v>19915.0</v>
      </c>
      <c r="C24682" s="1" t="s">
        <v>5</v>
      </c>
      <c r="D24682" s="1" t="s">
        <v>11</v>
      </c>
      <c r="E24682" s="1" t="s">
        <v>7</v>
      </c>
    </row>
    <row r="24683">
      <c r="A24683" s="1">
        <v>4.91037038E8</v>
      </c>
      <c r="B24683" s="2">
        <v>19912.0</v>
      </c>
      <c r="C24683" s="1" t="s">
        <v>5</v>
      </c>
      <c r="D24683" s="1" t="s">
        <v>20874</v>
      </c>
      <c r="E24683" s="1" t="s">
        <v>11</v>
      </c>
    </row>
    <row r="24684">
      <c r="A24684" s="1">
        <v>4.91037165E8</v>
      </c>
      <c r="B24684" s="2">
        <v>19920.0</v>
      </c>
      <c r="C24684" s="1" t="s">
        <v>5</v>
      </c>
      <c r="D24684" s="1" t="s">
        <v>20875</v>
      </c>
      <c r="E24684" s="1" t="s">
        <v>20876</v>
      </c>
    </row>
    <row r="24685">
      <c r="A24685" s="1">
        <v>4.91037594E8</v>
      </c>
      <c r="B24685" s="2">
        <v>19953.0</v>
      </c>
      <c r="C24685" s="1" t="s">
        <v>5</v>
      </c>
      <c r="D24685" s="1" t="s">
        <v>11</v>
      </c>
      <c r="E24685" s="1" t="s">
        <v>7</v>
      </c>
    </row>
    <row r="24686">
      <c r="A24686" s="1">
        <v>4.9103776E8</v>
      </c>
      <c r="B24686" s="2">
        <v>19974.0</v>
      </c>
      <c r="C24686" s="1" t="s">
        <v>5</v>
      </c>
      <c r="D24686" s="1" t="s">
        <v>20877</v>
      </c>
      <c r="E24686" s="1" t="s">
        <v>20878</v>
      </c>
    </row>
    <row r="24687">
      <c r="A24687" s="1">
        <v>4.91037761E8</v>
      </c>
      <c r="B24687" s="2">
        <v>19947.0</v>
      </c>
      <c r="C24687" s="1" t="s">
        <v>5</v>
      </c>
      <c r="D24687" s="1" t="s">
        <v>20879</v>
      </c>
      <c r="E24687" s="1" t="s">
        <v>11</v>
      </c>
    </row>
    <row r="24688">
      <c r="A24688" s="1">
        <v>4.91037778E8</v>
      </c>
      <c r="B24688" s="2">
        <v>19823.0</v>
      </c>
      <c r="C24688" s="1" t="s">
        <v>5</v>
      </c>
      <c r="D24688" s="1" t="s">
        <v>20880</v>
      </c>
      <c r="E24688" s="1" t="s">
        <v>20881</v>
      </c>
    </row>
    <row r="24689">
      <c r="A24689" s="1">
        <v>4.91037995E8</v>
      </c>
      <c r="B24689" s="2">
        <v>19920.0</v>
      </c>
      <c r="C24689" s="1" t="s">
        <v>5</v>
      </c>
      <c r="D24689" s="1" t="s">
        <v>20882</v>
      </c>
      <c r="E24689" s="1" t="s">
        <v>11</v>
      </c>
    </row>
    <row r="24690">
      <c r="A24690" s="1">
        <v>4.91038114E8</v>
      </c>
      <c r="B24690" s="2">
        <v>19971.0</v>
      </c>
      <c r="C24690" s="1" t="s">
        <v>5</v>
      </c>
      <c r="D24690" s="1" t="s">
        <v>20883</v>
      </c>
      <c r="E24690" s="1" t="s">
        <v>11</v>
      </c>
    </row>
    <row r="24691">
      <c r="A24691" s="1">
        <v>4.91038117E8</v>
      </c>
      <c r="B24691" s="2">
        <v>19919.0</v>
      </c>
      <c r="C24691" s="1" t="s">
        <v>5</v>
      </c>
      <c r="D24691" s="1" t="s">
        <v>11</v>
      </c>
      <c r="E24691" s="1" t="s">
        <v>7</v>
      </c>
    </row>
    <row r="24692">
      <c r="A24692" s="1">
        <v>4.91038201E8</v>
      </c>
      <c r="B24692" s="2">
        <v>20018.0</v>
      </c>
      <c r="C24692" s="1" t="s">
        <v>5</v>
      </c>
      <c r="D24692" s="1" t="s">
        <v>11</v>
      </c>
      <c r="E24692" s="1" t="s">
        <v>7</v>
      </c>
    </row>
    <row r="24693">
      <c r="A24693" s="1">
        <v>4.91038395E8</v>
      </c>
      <c r="B24693" s="2">
        <v>19913.0</v>
      </c>
      <c r="C24693" s="1" t="s">
        <v>5</v>
      </c>
      <c r="D24693" s="1" t="s">
        <v>20884</v>
      </c>
      <c r="E24693" s="1" t="s">
        <v>7</v>
      </c>
    </row>
    <row r="24694">
      <c r="A24694" s="1">
        <v>4.91038589E8</v>
      </c>
      <c r="B24694" s="2">
        <v>20020.0</v>
      </c>
      <c r="C24694" s="1" t="s">
        <v>5</v>
      </c>
      <c r="D24694" s="1" t="s">
        <v>20885</v>
      </c>
      <c r="E24694" s="1" t="s">
        <v>11</v>
      </c>
    </row>
    <row r="24695">
      <c r="A24695" s="1">
        <v>4.91038696E8</v>
      </c>
      <c r="B24695" s="2">
        <v>19946.0</v>
      </c>
      <c r="C24695" s="1" t="s">
        <v>5</v>
      </c>
      <c r="D24695" s="1" t="s">
        <v>20886</v>
      </c>
      <c r="E24695" s="1" t="s">
        <v>20887</v>
      </c>
    </row>
    <row r="24696">
      <c r="A24696" s="1">
        <v>4.91038894E8</v>
      </c>
      <c r="B24696" s="2">
        <v>19967.0</v>
      </c>
      <c r="C24696" s="1" t="s">
        <v>5</v>
      </c>
      <c r="D24696" s="1" t="s">
        <v>20888</v>
      </c>
      <c r="E24696" s="1" t="s">
        <v>7</v>
      </c>
    </row>
    <row r="24697">
      <c r="A24697" s="1">
        <v>4.91039006E8</v>
      </c>
      <c r="B24697" s="2">
        <v>19967.0</v>
      </c>
      <c r="C24697" s="1" t="s">
        <v>5</v>
      </c>
      <c r="D24697" s="1" t="s">
        <v>11</v>
      </c>
      <c r="E24697" s="1" t="s">
        <v>7</v>
      </c>
    </row>
    <row r="24698">
      <c r="A24698" s="1">
        <v>4.91039205E8</v>
      </c>
      <c r="B24698" s="2">
        <v>19971.0</v>
      </c>
      <c r="C24698" s="1" t="s">
        <v>5</v>
      </c>
      <c r="D24698" s="1" t="s">
        <v>20889</v>
      </c>
      <c r="E24698" s="1" t="s">
        <v>11</v>
      </c>
    </row>
    <row r="24699">
      <c r="A24699" s="1">
        <v>4.91039496E8</v>
      </c>
      <c r="B24699" s="2">
        <v>19909.0</v>
      </c>
      <c r="C24699" s="1" t="s">
        <v>5</v>
      </c>
      <c r="D24699" s="1" t="s">
        <v>11</v>
      </c>
      <c r="E24699" s="1" t="s">
        <v>7</v>
      </c>
    </row>
    <row r="24700">
      <c r="A24700" s="1">
        <v>4.91039619E8</v>
      </c>
      <c r="B24700" s="2">
        <v>20007.0</v>
      </c>
      <c r="C24700" s="1" t="s">
        <v>5</v>
      </c>
      <c r="D24700" s="1" t="s">
        <v>20890</v>
      </c>
      <c r="E24700" s="1" t="s">
        <v>7</v>
      </c>
    </row>
    <row r="24701">
      <c r="A24701" s="1">
        <v>4.91039656E8</v>
      </c>
      <c r="B24701" s="2">
        <v>19969.0</v>
      </c>
      <c r="C24701" s="1" t="s">
        <v>5</v>
      </c>
      <c r="D24701" s="1" t="s">
        <v>20891</v>
      </c>
      <c r="E24701" s="1" t="s">
        <v>7</v>
      </c>
    </row>
    <row r="24702">
      <c r="A24702" s="1">
        <v>4.91039869E8</v>
      </c>
      <c r="B24702" s="2">
        <v>19970.0</v>
      </c>
      <c r="C24702" s="1" t="s">
        <v>5</v>
      </c>
      <c r="D24702" s="1" t="s">
        <v>11</v>
      </c>
      <c r="E24702" s="1" t="s">
        <v>7</v>
      </c>
    </row>
    <row r="24703">
      <c r="A24703" s="1">
        <v>4.91039912E8</v>
      </c>
      <c r="B24703" s="2">
        <v>19965.0</v>
      </c>
      <c r="C24703" s="1" t="s">
        <v>5</v>
      </c>
      <c r="D24703" s="1" t="s">
        <v>20892</v>
      </c>
      <c r="E24703" s="1" t="s">
        <v>11</v>
      </c>
    </row>
    <row r="24704">
      <c r="A24704" s="1">
        <v>4.91039921E8</v>
      </c>
      <c r="B24704" s="2">
        <v>20011.0</v>
      </c>
      <c r="C24704" s="1" t="s">
        <v>5</v>
      </c>
      <c r="D24704" s="1" t="s">
        <v>20893</v>
      </c>
      <c r="E24704" s="1" t="s">
        <v>7</v>
      </c>
    </row>
    <row r="24705">
      <c r="A24705" s="1">
        <v>4.91040437E8</v>
      </c>
      <c r="B24705" s="2">
        <v>19964.0</v>
      </c>
      <c r="C24705" s="1" t="s">
        <v>5</v>
      </c>
      <c r="D24705" s="1" t="s">
        <v>20894</v>
      </c>
      <c r="E24705" s="1" t="s">
        <v>11</v>
      </c>
    </row>
    <row r="24706">
      <c r="A24706" s="1">
        <v>4.91040469E8</v>
      </c>
      <c r="B24706" s="2">
        <v>19921.0</v>
      </c>
      <c r="C24706" s="1" t="s">
        <v>5</v>
      </c>
      <c r="D24706" s="1" t="s">
        <v>20895</v>
      </c>
      <c r="E24706" s="1" t="s">
        <v>7</v>
      </c>
    </row>
    <row r="24707">
      <c r="A24707" s="1">
        <v>4.91040499E8</v>
      </c>
      <c r="B24707" s="2">
        <v>19957.0</v>
      </c>
      <c r="C24707" s="1" t="s">
        <v>5</v>
      </c>
      <c r="D24707" s="1" t="s">
        <v>11</v>
      </c>
      <c r="E24707" s="1" t="s">
        <v>7</v>
      </c>
    </row>
    <row r="24708">
      <c r="A24708" s="1">
        <v>4.91040504E8</v>
      </c>
      <c r="B24708" s="2">
        <v>19920.0</v>
      </c>
      <c r="C24708" s="1" t="s">
        <v>5</v>
      </c>
      <c r="D24708" s="1" t="s">
        <v>20896</v>
      </c>
      <c r="E24708" s="1" t="s">
        <v>7</v>
      </c>
    </row>
    <row r="24709">
      <c r="A24709" s="1">
        <v>4.91040646E8</v>
      </c>
      <c r="B24709" s="2">
        <v>19963.0</v>
      </c>
      <c r="C24709" s="1" t="s">
        <v>5</v>
      </c>
      <c r="D24709" s="1" t="s">
        <v>20897</v>
      </c>
      <c r="E24709" s="1" t="s">
        <v>11</v>
      </c>
    </row>
    <row r="24710">
      <c r="A24710" s="1">
        <v>4.91040674E8</v>
      </c>
      <c r="B24710" s="2">
        <v>19965.0</v>
      </c>
      <c r="C24710" s="1" t="s">
        <v>5</v>
      </c>
      <c r="D24710" s="1" t="s">
        <v>20898</v>
      </c>
      <c r="E24710" s="1" t="s">
        <v>7</v>
      </c>
    </row>
    <row r="24711">
      <c r="A24711" s="1">
        <v>4.91040714E8</v>
      </c>
      <c r="B24711" s="2">
        <v>20018.0</v>
      </c>
      <c r="C24711" s="1" t="s">
        <v>5</v>
      </c>
      <c r="D24711" s="1" t="s">
        <v>20899</v>
      </c>
      <c r="E24711" s="1" t="s">
        <v>7</v>
      </c>
    </row>
    <row r="24712">
      <c r="A24712" s="1">
        <v>4.91040727E8</v>
      </c>
      <c r="B24712" s="2">
        <v>19965.0</v>
      </c>
      <c r="C24712" s="1" t="s">
        <v>5</v>
      </c>
      <c r="D24712" s="1" t="s">
        <v>11</v>
      </c>
      <c r="E24712" s="1" t="s">
        <v>7</v>
      </c>
    </row>
    <row r="24713">
      <c r="A24713" s="1">
        <v>4.91040957E8</v>
      </c>
      <c r="B24713" s="2">
        <v>19954.0</v>
      </c>
      <c r="C24713" s="1" t="s">
        <v>5</v>
      </c>
      <c r="D24713" s="1" t="s">
        <v>11</v>
      </c>
      <c r="E24713" s="1" t="s">
        <v>7</v>
      </c>
    </row>
    <row r="24714">
      <c r="A24714" s="1">
        <v>4.91040965E8</v>
      </c>
      <c r="B24714" s="2">
        <v>19944.0</v>
      </c>
      <c r="C24714" s="1" t="s">
        <v>5</v>
      </c>
      <c r="D24714" s="1" t="s">
        <v>20900</v>
      </c>
      <c r="E24714" s="1" t="s">
        <v>7</v>
      </c>
    </row>
    <row r="24715">
      <c r="A24715" s="1">
        <v>4.9104107E8</v>
      </c>
      <c r="B24715" s="2">
        <v>20030.0</v>
      </c>
      <c r="C24715" s="1" t="s">
        <v>5</v>
      </c>
      <c r="D24715" s="1" t="s">
        <v>20901</v>
      </c>
      <c r="E24715" s="1" t="s">
        <v>7</v>
      </c>
    </row>
    <row r="24716">
      <c r="A24716" s="1">
        <v>4.91041195E8</v>
      </c>
      <c r="B24716" s="2">
        <v>19962.0</v>
      </c>
      <c r="C24716" s="1" t="s">
        <v>5</v>
      </c>
      <c r="D24716" s="1" t="s">
        <v>20902</v>
      </c>
      <c r="E24716" s="1" t="s">
        <v>11</v>
      </c>
    </row>
    <row r="24717">
      <c r="A24717" s="1">
        <v>4.91041204E8</v>
      </c>
      <c r="B24717" s="2">
        <v>19914.0</v>
      </c>
      <c r="C24717" s="1" t="s">
        <v>5</v>
      </c>
      <c r="D24717" s="1" t="s">
        <v>20903</v>
      </c>
      <c r="E24717" s="1" t="s">
        <v>7</v>
      </c>
    </row>
    <row r="24718">
      <c r="A24718" s="1">
        <v>4.91041235E8</v>
      </c>
      <c r="B24718" s="2">
        <v>19998.0</v>
      </c>
      <c r="C24718" s="1" t="s">
        <v>5</v>
      </c>
      <c r="D24718" s="1" t="s">
        <v>20904</v>
      </c>
      <c r="E24718" s="1" t="s">
        <v>11</v>
      </c>
    </row>
    <row r="24719">
      <c r="A24719" s="1">
        <v>4.91041446E8</v>
      </c>
      <c r="B24719" s="2">
        <v>19998.0</v>
      </c>
      <c r="C24719" s="1" t="s">
        <v>5</v>
      </c>
      <c r="D24719" s="1" t="s">
        <v>20905</v>
      </c>
      <c r="E24719" s="1" t="s">
        <v>7</v>
      </c>
    </row>
    <row r="24720">
      <c r="A24720" s="1">
        <v>4.91041469E8</v>
      </c>
      <c r="B24720" s="2">
        <v>19957.0</v>
      </c>
      <c r="C24720" s="1" t="s">
        <v>5</v>
      </c>
      <c r="D24720" s="1" t="s">
        <v>20906</v>
      </c>
      <c r="E24720" s="1" t="s">
        <v>20907</v>
      </c>
    </row>
    <row r="24721">
      <c r="A24721" s="1">
        <v>4.91041514E8</v>
      </c>
      <c r="B24721" s="2">
        <v>19913.0</v>
      </c>
      <c r="C24721" s="1" t="s">
        <v>5</v>
      </c>
      <c r="D24721" s="1" t="s">
        <v>20908</v>
      </c>
      <c r="E24721" s="1" t="s">
        <v>7</v>
      </c>
    </row>
    <row r="24722">
      <c r="A24722" s="1">
        <v>4.91041561E8</v>
      </c>
      <c r="B24722" s="2">
        <v>19970.0</v>
      </c>
      <c r="C24722" s="1" t="s">
        <v>5</v>
      </c>
      <c r="D24722" s="1" t="s">
        <v>20909</v>
      </c>
      <c r="E24722" s="1" t="s">
        <v>7</v>
      </c>
    </row>
    <row r="24723">
      <c r="A24723" s="1">
        <v>4.91041564E8</v>
      </c>
      <c r="B24723" s="2">
        <v>19957.0</v>
      </c>
      <c r="C24723" s="1" t="s">
        <v>5</v>
      </c>
      <c r="D24723" s="1" t="s">
        <v>20910</v>
      </c>
      <c r="E24723" s="1" t="s">
        <v>11</v>
      </c>
    </row>
    <row r="24724">
      <c r="A24724" s="1">
        <v>4.91041597E8</v>
      </c>
      <c r="B24724" s="2">
        <v>19954.0</v>
      </c>
      <c r="C24724" s="1" t="s">
        <v>5</v>
      </c>
      <c r="D24724" s="1" t="s">
        <v>11</v>
      </c>
      <c r="E24724" s="1" t="s">
        <v>7</v>
      </c>
    </row>
    <row r="24725">
      <c r="A24725" s="1">
        <v>4.91041875E8</v>
      </c>
      <c r="B24725" s="2">
        <v>20027.0</v>
      </c>
      <c r="C24725" s="1" t="s">
        <v>5</v>
      </c>
      <c r="D24725" s="1" t="s">
        <v>20911</v>
      </c>
      <c r="E24725" s="1" t="s">
        <v>7</v>
      </c>
    </row>
    <row r="24726">
      <c r="A24726" s="1">
        <v>4.91042084E8</v>
      </c>
      <c r="B24726" s="2">
        <v>20028.0</v>
      </c>
      <c r="C24726" s="1" t="s">
        <v>5</v>
      </c>
      <c r="D24726" s="1" t="s">
        <v>20912</v>
      </c>
      <c r="E24726" s="1" t="s">
        <v>7</v>
      </c>
    </row>
    <row r="24727">
      <c r="A24727" s="1">
        <v>4.91042189E8</v>
      </c>
      <c r="B24727" s="2">
        <v>19909.0</v>
      </c>
      <c r="C24727" s="1" t="s">
        <v>5</v>
      </c>
      <c r="D24727" s="1" t="s">
        <v>20913</v>
      </c>
      <c r="E24727" s="1" t="s">
        <v>7</v>
      </c>
    </row>
    <row r="24728">
      <c r="A24728" s="1">
        <v>4.91042237E8</v>
      </c>
      <c r="B24728" s="2">
        <v>19982.0</v>
      </c>
      <c r="C24728" s="1" t="s">
        <v>5</v>
      </c>
      <c r="D24728" s="1" t="s">
        <v>11</v>
      </c>
      <c r="E24728" s="1" t="s">
        <v>7</v>
      </c>
    </row>
    <row r="24729">
      <c r="A24729" s="1">
        <v>4.91042349E8</v>
      </c>
      <c r="B24729" s="2">
        <v>20026.0</v>
      </c>
      <c r="C24729" s="1" t="s">
        <v>5</v>
      </c>
      <c r="D24729" s="1" t="s">
        <v>20914</v>
      </c>
      <c r="E24729" s="1" t="s">
        <v>11</v>
      </c>
    </row>
    <row r="24730">
      <c r="A24730" s="1">
        <v>4.91042734E8</v>
      </c>
      <c r="B24730" s="2">
        <v>20077.0</v>
      </c>
      <c r="C24730" s="1" t="s">
        <v>5</v>
      </c>
      <c r="D24730" s="1" t="s">
        <v>20915</v>
      </c>
      <c r="E24730" s="1" t="s">
        <v>11</v>
      </c>
    </row>
    <row r="24731">
      <c r="A24731" s="1">
        <v>4.91042869E8</v>
      </c>
      <c r="B24731" s="2">
        <v>20021.0</v>
      </c>
      <c r="C24731" s="1" t="s">
        <v>5</v>
      </c>
      <c r="D24731" s="1" t="s">
        <v>11</v>
      </c>
      <c r="E24731" s="1" t="s">
        <v>7</v>
      </c>
    </row>
    <row r="24732">
      <c r="A24732" s="1">
        <v>4.91042924E8</v>
      </c>
      <c r="B24732" s="2">
        <v>20073.0</v>
      </c>
      <c r="C24732" s="1" t="s">
        <v>5</v>
      </c>
      <c r="D24732" s="1" t="s">
        <v>20916</v>
      </c>
      <c r="E24732" s="1" t="s">
        <v>11</v>
      </c>
    </row>
    <row r="24733">
      <c r="A24733" s="1">
        <v>4.91043139E8</v>
      </c>
      <c r="B24733" s="2">
        <v>20079.0</v>
      </c>
      <c r="C24733" s="1" t="s">
        <v>5</v>
      </c>
      <c r="D24733" s="1" t="s">
        <v>20917</v>
      </c>
      <c r="E24733" s="1" t="s">
        <v>7</v>
      </c>
    </row>
    <row r="24734">
      <c r="A24734" s="1">
        <v>4.91043154E8</v>
      </c>
      <c r="B24734" s="2">
        <v>19944.0</v>
      </c>
      <c r="C24734" s="1" t="s">
        <v>5</v>
      </c>
      <c r="D24734" s="1" t="s">
        <v>20918</v>
      </c>
      <c r="E24734" s="1" t="s">
        <v>7</v>
      </c>
    </row>
    <row r="24735">
      <c r="A24735" s="1">
        <v>4.91043161E8</v>
      </c>
      <c r="B24735" s="2">
        <v>19948.0</v>
      </c>
      <c r="C24735" s="1" t="s">
        <v>5</v>
      </c>
      <c r="D24735" s="1" t="s">
        <v>20919</v>
      </c>
      <c r="E24735" s="1" t="s">
        <v>7</v>
      </c>
    </row>
    <row r="24736">
      <c r="A24736" s="1">
        <v>4.91043286E8</v>
      </c>
      <c r="B24736" s="2">
        <v>20077.0</v>
      </c>
      <c r="C24736" s="1" t="s">
        <v>5</v>
      </c>
      <c r="D24736" s="1" t="s">
        <v>11</v>
      </c>
      <c r="E24736" s="1" t="s">
        <v>7</v>
      </c>
    </row>
    <row r="24737">
      <c r="A24737" s="1">
        <v>4.91043334E8</v>
      </c>
      <c r="B24737" s="2">
        <v>19999.0</v>
      </c>
      <c r="C24737" s="1" t="s">
        <v>5</v>
      </c>
      <c r="D24737" s="1" t="s">
        <v>20920</v>
      </c>
      <c r="E24737" s="1" t="s">
        <v>11</v>
      </c>
    </row>
    <row r="24738">
      <c r="A24738" s="1">
        <v>4.91043401E8</v>
      </c>
      <c r="B24738" s="2">
        <v>19999.0</v>
      </c>
      <c r="C24738" s="1" t="s">
        <v>5</v>
      </c>
      <c r="D24738" s="1" t="s">
        <v>20921</v>
      </c>
      <c r="E24738" s="1" t="s">
        <v>7</v>
      </c>
    </row>
    <row r="24739">
      <c r="A24739" s="1">
        <v>4.9104369E8</v>
      </c>
      <c r="B24739" s="2">
        <v>19941.0</v>
      </c>
      <c r="C24739" s="1" t="s">
        <v>5</v>
      </c>
      <c r="D24739" s="1" t="s">
        <v>20922</v>
      </c>
      <c r="E24739" s="1" t="s">
        <v>7</v>
      </c>
    </row>
    <row r="24740">
      <c r="A24740" s="1">
        <v>4.91043849E8</v>
      </c>
      <c r="B24740" s="2">
        <v>20049.0</v>
      </c>
      <c r="C24740" s="1" t="s">
        <v>5</v>
      </c>
      <c r="D24740" s="1" t="s">
        <v>20923</v>
      </c>
      <c r="E24740" s="1" t="s">
        <v>7</v>
      </c>
    </row>
    <row r="24741">
      <c r="A24741" s="1">
        <v>4.91043917E8</v>
      </c>
      <c r="B24741" s="2">
        <v>20070.0</v>
      </c>
      <c r="C24741" s="1" t="s">
        <v>5</v>
      </c>
      <c r="D24741" s="1" t="s">
        <v>20924</v>
      </c>
      <c r="E24741" s="1" t="s">
        <v>7</v>
      </c>
    </row>
    <row r="24742">
      <c r="A24742" s="1">
        <v>4.91044244E8</v>
      </c>
      <c r="B24742" s="2">
        <v>20003.0</v>
      </c>
      <c r="C24742" s="1" t="s">
        <v>5</v>
      </c>
      <c r="D24742" s="1" t="s">
        <v>20925</v>
      </c>
      <c r="E24742" s="1" t="s">
        <v>11</v>
      </c>
    </row>
    <row r="24743">
      <c r="A24743" s="1">
        <v>4.91044246E8</v>
      </c>
      <c r="B24743" s="2">
        <v>20049.0</v>
      </c>
      <c r="C24743" s="1" t="s">
        <v>5</v>
      </c>
      <c r="D24743" s="1" t="s">
        <v>20926</v>
      </c>
      <c r="E24743" s="1" t="s">
        <v>7</v>
      </c>
    </row>
    <row r="24744">
      <c r="A24744" s="1">
        <v>4.91044255E8</v>
      </c>
      <c r="B24744" s="2">
        <v>20017.0</v>
      </c>
      <c r="C24744" s="1" t="s">
        <v>5</v>
      </c>
      <c r="D24744" s="1" t="s">
        <v>20927</v>
      </c>
      <c r="E24744" s="1" t="s">
        <v>7</v>
      </c>
    </row>
    <row r="24745">
      <c r="A24745" s="1">
        <v>4.91044526E8</v>
      </c>
      <c r="B24745" s="2">
        <v>20002.0</v>
      </c>
      <c r="C24745" s="1" t="s">
        <v>5</v>
      </c>
      <c r="D24745" s="1" t="s">
        <v>20928</v>
      </c>
      <c r="E24745" s="1" t="s">
        <v>20929</v>
      </c>
    </row>
    <row r="24746">
      <c r="A24746" s="1">
        <v>4.91045309E8</v>
      </c>
      <c r="B24746" s="2">
        <v>20117.0</v>
      </c>
      <c r="C24746" s="1" t="s">
        <v>5</v>
      </c>
      <c r="D24746" s="1" t="s">
        <v>11</v>
      </c>
      <c r="E24746" s="1" t="s">
        <v>7</v>
      </c>
    </row>
    <row r="24747">
      <c r="A24747" s="1">
        <v>4.91045931E8</v>
      </c>
      <c r="B24747" s="2">
        <v>20042.0</v>
      </c>
      <c r="C24747" s="1" t="s">
        <v>5</v>
      </c>
      <c r="D24747" s="1" t="s">
        <v>11</v>
      </c>
      <c r="E24747" s="1" t="s">
        <v>7</v>
      </c>
    </row>
    <row r="24748">
      <c r="A24748" s="1">
        <v>4.91046037E8</v>
      </c>
      <c r="B24748" s="2">
        <v>20115.0</v>
      </c>
      <c r="C24748" s="1" t="s">
        <v>5</v>
      </c>
      <c r="D24748" s="1" t="s">
        <v>11</v>
      </c>
      <c r="E24748" s="1" t="s">
        <v>7</v>
      </c>
    </row>
    <row r="24749">
      <c r="A24749" s="1">
        <v>4.91046197E8</v>
      </c>
      <c r="B24749" s="2">
        <v>20114.0</v>
      </c>
      <c r="C24749" s="1" t="s">
        <v>5</v>
      </c>
      <c r="D24749" s="1" t="s">
        <v>11</v>
      </c>
      <c r="E24749" s="1" t="s">
        <v>7</v>
      </c>
    </row>
    <row r="24750">
      <c r="A24750" s="1">
        <v>4.91046256E8</v>
      </c>
      <c r="B24750" s="2">
        <v>20058.0</v>
      </c>
      <c r="C24750" s="1" t="s">
        <v>5</v>
      </c>
      <c r="D24750" s="1" t="s">
        <v>20930</v>
      </c>
      <c r="E24750" s="1" t="s">
        <v>7</v>
      </c>
    </row>
    <row r="24751">
      <c r="A24751" s="1">
        <v>4.91046369E8</v>
      </c>
      <c r="B24751" s="2">
        <v>20065.0</v>
      </c>
      <c r="C24751" s="1" t="s">
        <v>5</v>
      </c>
      <c r="D24751" s="1" t="s">
        <v>11</v>
      </c>
      <c r="E24751" s="1" t="s">
        <v>7</v>
      </c>
    </row>
    <row r="24752">
      <c r="A24752" s="1">
        <v>4.91046566E8</v>
      </c>
      <c r="B24752" s="2">
        <v>20110.0</v>
      </c>
      <c r="C24752" s="1" t="s">
        <v>5</v>
      </c>
      <c r="D24752" s="1" t="s">
        <v>20931</v>
      </c>
      <c r="E24752" s="1" t="s">
        <v>11</v>
      </c>
    </row>
    <row r="24753">
      <c r="A24753" s="1">
        <v>4.91046721E8</v>
      </c>
      <c r="B24753" s="2">
        <v>20048.0</v>
      </c>
      <c r="C24753" s="1" t="s">
        <v>5</v>
      </c>
      <c r="D24753" s="1" t="s">
        <v>20932</v>
      </c>
      <c r="E24753" s="1" t="s">
        <v>11</v>
      </c>
    </row>
    <row r="24754">
      <c r="A24754" s="1">
        <v>4.91047246E8</v>
      </c>
      <c r="B24754" s="2">
        <v>20116.0</v>
      </c>
      <c r="C24754" s="1" t="s">
        <v>5</v>
      </c>
      <c r="D24754" s="1" t="s">
        <v>20933</v>
      </c>
      <c r="E24754" s="1" t="s">
        <v>20934</v>
      </c>
    </row>
    <row r="24755">
      <c r="A24755" s="1">
        <v>4.91047477E8</v>
      </c>
      <c r="B24755" s="2">
        <v>19950.0</v>
      </c>
      <c r="C24755" s="1" t="s">
        <v>5</v>
      </c>
      <c r="D24755" s="1" t="s">
        <v>11</v>
      </c>
      <c r="E24755" s="1" t="s">
        <v>7</v>
      </c>
    </row>
    <row r="24756">
      <c r="A24756" s="1">
        <v>4.91047595E8</v>
      </c>
      <c r="B24756" s="2">
        <v>19949.0</v>
      </c>
      <c r="C24756" s="1" t="s">
        <v>5</v>
      </c>
      <c r="D24756" s="1" t="s">
        <v>20935</v>
      </c>
      <c r="E24756" s="1" t="s">
        <v>7</v>
      </c>
    </row>
    <row r="24757">
      <c r="A24757" s="1">
        <v>4.91048125E8</v>
      </c>
      <c r="B24757" s="2">
        <v>20101.0</v>
      </c>
      <c r="C24757" s="1" t="s">
        <v>5</v>
      </c>
      <c r="D24757" s="1" t="s">
        <v>20936</v>
      </c>
      <c r="E24757" s="1" t="s">
        <v>7</v>
      </c>
    </row>
    <row r="24758">
      <c r="A24758" s="1">
        <v>4.91048149E8</v>
      </c>
      <c r="B24758" s="2">
        <v>20068.0</v>
      </c>
      <c r="C24758" s="1" t="s">
        <v>5</v>
      </c>
      <c r="D24758" s="1" t="s">
        <v>20937</v>
      </c>
      <c r="E24758" s="1" t="s">
        <v>7</v>
      </c>
    </row>
    <row r="24759">
      <c r="A24759" s="1">
        <v>4.9104835E8</v>
      </c>
      <c r="B24759" s="2">
        <v>20110.0</v>
      </c>
      <c r="C24759" s="1" t="s">
        <v>5</v>
      </c>
      <c r="D24759" s="1" t="s">
        <v>20938</v>
      </c>
      <c r="E24759" s="1" t="s">
        <v>7</v>
      </c>
    </row>
    <row r="24760">
      <c r="A24760" s="1">
        <v>4.91048499E8</v>
      </c>
      <c r="B24760" s="2">
        <v>20032.0</v>
      </c>
      <c r="C24760" s="1" t="s">
        <v>5</v>
      </c>
      <c r="D24760" s="1" t="s">
        <v>20939</v>
      </c>
      <c r="E24760" s="1" t="s">
        <v>7</v>
      </c>
    </row>
    <row r="24761">
      <c r="A24761" s="1">
        <v>4.91048601E8</v>
      </c>
      <c r="B24761" s="2">
        <v>20039.0</v>
      </c>
      <c r="C24761" s="1" t="s">
        <v>5</v>
      </c>
      <c r="D24761" s="1" t="s">
        <v>20940</v>
      </c>
      <c r="E24761" s="1" t="s">
        <v>7</v>
      </c>
    </row>
    <row r="24762">
      <c r="A24762" s="1">
        <v>4.91048646E8</v>
      </c>
      <c r="B24762" s="2">
        <v>20031.0</v>
      </c>
      <c r="C24762" s="1" t="s">
        <v>5</v>
      </c>
      <c r="D24762" s="1" t="s">
        <v>20941</v>
      </c>
      <c r="E24762" s="1" t="s">
        <v>20942</v>
      </c>
    </row>
    <row r="24763">
      <c r="A24763" s="1">
        <v>4.91049287E8</v>
      </c>
      <c r="B24763" s="2">
        <v>20107.0</v>
      </c>
      <c r="C24763" s="1" t="s">
        <v>5</v>
      </c>
      <c r="D24763" s="1" t="s">
        <v>11</v>
      </c>
      <c r="E24763" s="1" t="s">
        <v>7</v>
      </c>
    </row>
    <row r="24764">
      <c r="A24764" s="1">
        <v>4.9104936E8</v>
      </c>
      <c r="B24764" s="2">
        <v>20032.0</v>
      </c>
      <c r="C24764" s="1" t="s">
        <v>5</v>
      </c>
      <c r="D24764" s="1" t="s">
        <v>20943</v>
      </c>
      <c r="E24764" s="1" t="s">
        <v>7</v>
      </c>
    </row>
    <row r="24765">
      <c r="A24765" s="1">
        <v>4.91049369E8</v>
      </c>
      <c r="B24765" s="2">
        <v>20033.0</v>
      </c>
      <c r="C24765" s="1" t="s">
        <v>5</v>
      </c>
      <c r="D24765" s="1" t="s">
        <v>11</v>
      </c>
      <c r="E24765" s="1" t="s">
        <v>7</v>
      </c>
    </row>
    <row r="24766">
      <c r="A24766" s="1">
        <v>4.91049451E8</v>
      </c>
      <c r="B24766" s="2">
        <v>20033.0</v>
      </c>
      <c r="C24766" s="1" t="s">
        <v>5</v>
      </c>
      <c r="D24766" s="1" t="s">
        <v>7</v>
      </c>
      <c r="E24766" s="1" t="s">
        <v>7</v>
      </c>
    </row>
    <row r="24767">
      <c r="A24767" s="1">
        <v>4.91049719E8</v>
      </c>
      <c r="B24767" s="2">
        <v>20100.0</v>
      </c>
      <c r="C24767" s="1" t="s">
        <v>5</v>
      </c>
      <c r="D24767" s="1" t="s">
        <v>20944</v>
      </c>
      <c r="E24767" s="1" t="s">
        <v>11</v>
      </c>
    </row>
    <row r="24768">
      <c r="A24768" s="1">
        <v>4.91049734E8</v>
      </c>
      <c r="B24768" s="2">
        <v>20107.0</v>
      </c>
      <c r="C24768" s="1" t="s">
        <v>5</v>
      </c>
      <c r="D24768" s="1" t="s">
        <v>20945</v>
      </c>
      <c r="E24768" s="1" t="s">
        <v>11</v>
      </c>
    </row>
    <row r="24769">
      <c r="A24769" s="1">
        <v>4.91050406E8</v>
      </c>
      <c r="B24769" s="2">
        <v>20145.0</v>
      </c>
      <c r="C24769" s="1" t="s">
        <v>5</v>
      </c>
      <c r="D24769" s="1" t="s">
        <v>18110</v>
      </c>
      <c r="E24769" s="1" t="s">
        <v>7</v>
      </c>
    </row>
    <row r="24770">
      <c r="A24770" s="1">
        <v>4.91050527E8</v>
      </c>
      <c r="B24770" s="2">
        <v>20146.0</v>
      </c>
      <c r="C24770" s="1" t="s">
        <v>5</v>
      </c>
      <c r="D24770" s="1" t="s">
        <v>20946</v>
      </c>
      <c r="E24770" s="1" t="s">
        <v>7</v>
      </c>
    </row>
    <row r="24771">
      <c r="A24771" s="1">
        <v>4.91051204E8</v>
      </c>
      <c r="B24771" s="2">
        <v>20136.0</v>
      </c>
      <c r="C24771" s="1" t="s">
        <v>5</v>
      </c>
      <c r="D24771" s="1" t="s">
        <v>20947</v>
      </c>
      <c r="E24771" s="1" t="s">
        <v>11</v>
      </c>
    </row>
    <row r="24772">
      <c r="A24772" s="1">
        <v>4.91051216E8</v>
      </c>
      <c r="B24772" s="2">
        <v>20167.0</v>
      </c>
      <c r="C24772" s="1" t="s">
        <v>5</v>
      </c>
      <c r="D24772" s="1" t="s">
        <v>20948</v>
      </c>
      <c r="E24772" s="1" t="s">
        <v>7</v>
      </c>
    </row>
    <row r="24773">
      <c r="A24773" s="1">
        <v>4.91051235E8</v>
      </c>
      <c r="B24773" s="2">
        <v>20082.0</v>
      </c>
      <c r="C24773" s="1" t="s">
        <v>5</v>
      </c>
      <c r="D24773" s="1" t="s">
        <v>20949</v>
      </c>
      <c r="E24773" s="1" t="s">
        <v>7</v>
      </c>
    </row>
    <row r="24774">
      <c r="A24774" s="1">
        <v>4.91051299E8</v>
      </c>
      <c r="B24774" s="2">
        <v>20175.0</v>
      </c>
      <c r="C24774" s="1" t="s">
        <v>5</v>
      </c>
      <c r="D24774" s="1" t="s">
        <v>20950</v>
      </c>
      <c r="E24774" s="1" t="s">
        <v>7</v>
      </c>
    </row>
    <row r="24775">
      <c r="A24775" s="1">
        <v>4.91051527E8</v>
      </c>
      <c r="B24775" s="2">
        <v>20150.0</v>
      </c>
      <c r="C24775" s="1" t="s">
        <v>5</v>
      </c>
      <c r="D24775" s="1" t="s">
        <v>20951</v>
      </c>
      <c r="E24775" s="1" t="s">
        <v>7</v>
      </c>
    </row>
    <row r="24776">
      <c r="A24776" s="1">
        <v>4.91051559E8</v>
      </c>
      <c r="B24776" s="2">
        <v>20073.0</v>
      </c>
      <c r="C24776" s="1" t="s">
        <v>5</v>
      </c>
      <c r="D24776" s="1" t="s">
        <v>11</v>
      </c>
      <c r="E24776" s="1" t="s">
        <v>7</v>
      </c>
    </row>
    <row r="24777">
      <c r="A24777" s="1">
        <v>4.91051564E8</v>
      </c>
      <c r="B24777" s="2">
        <v>20160.0</v>
      </c>
      <c r="C24777" s="1" t="s">
        <v>5</v>
      </c>
      <c r="D24777" s="1" t="s">
        <v>11</v>
      </c>
      <c r="E24777" s="1" t="s">
        <v>7</v>
      </c>
    </row>
    <row r="24778">
      <c r="A24778" s="1">
        <v>4.91051574E8</v>
      </c>
      <c r="B24778" s="2">
        <v>20098.0</v>
      </c>
      <c r="C24778" s="1" t="s">
        <v>5</v>
      </c>
      <c r="D24778" s="1" t="s">
        <v>20952</v>
      </c>
      <c r="E24778" s="1" t="s">
        <v>7</v>
      </c>
    </row>
    <row r="24779">
      <c r="A24779" s="1">
        <v>4.91051955E8</v>
      </c>
      <c r="B24779" s="2">
        <v>20175.0</v>
      </c>
      <c r="C24779" s="1" t="s">
        <v>5</v>
      </c>
      <c r="D24779" s="1" t="s">
        <v>20953</v>
      </c>
      <c r="E24779" s="1" t="s">
        <v>11</v>
      </c>
    </row>
    <row r="24780">
      <c r="A24780" s="1">
        <v>4.91052284E8</v>
      </c>
      <c r="B24780" s="2">
        <v>20175.0</v>
      </c>
      <c r="C24780" s="1" t="s">
        <v>5</v>
      </c>
      <c r="D24780" s="1" t="s">
        <v>20954</v>
      </c>
      <c r="E24780" s="1" t="s">
        <v>11</v>
      </c>
    </row>
    <row r="24781">
      <c r="A24781" s="1">
        <v>4.91052296E8</v>
      </c>
      <c r="B24781" s="2">
        <v>20094.0</v>
      </c>
      <c r="C24781" s="1" t="s">
        <v>5</v>
      </c>
      <c r="D24781" s="1" t="s">
        <v>20955</v>
      </c>
      <c r="E24781" s="1" t="s">
        <v>7</v>
      </c>
    </row>
    <row r="24782">
      <c r="A24782" s="1">
        <v>4.9105292E8</v>
      </c>
      <c r="B24782" s="2">
        <v>20147.0</v>
      </c>
      <c r="C24782" s="1" t="s">
        <v>5</v>
      </c>
      <c r="D24782" s="1" t="s">
        <v>11</v>
      </c>
      <c r="E24782" s="1" t="s">
        <v>7</v>
      </c>
    </row>
    <row r="24783">
      <c r="A24783" s="1">
        <v>4.91053219E8</v>
      </c>
      <c r="B24783" s="2">
        <v>20143.0</v>
      </c>
      <c r="C24783" s="1" t="s">
        <v>5</v>
      </c>
      <c r="D24783" s="1" t="s">
        <v>20956</v>
      </c>
      <c r="E24783" s="1" t="s">
        <v>11</v>
      </c>
    </row>
    <row r="24784">
      <c r="A24784" s="1">
        <v>4.91053377E8</v>
      </c>
      <c r="B24784" s="2">
        <v>20160.0</v>
      </c>
      <c r="C24784" s="1" t="s">
        <v>5</v>
      </c>
      <c r="D24784" s="1" t="s">
        <v>11</v>
      </c>
      <c r="E24784" s="1" t="s">
        <v>7</v>
      </c>
    </row>
    <row r="24785">
      <c r="A24785" s="1">
        <v>4.91053855E8</v>
      </c>
      <c r="B24785" s="2">
        <v>20207.0</v>
      </c>
      <c r="C24785" s="1" t="s">
        <v>5</v>
      </c>
      <c r="D24785" s="1" t="s">
        <v>20957</v>
      </c>
      <c r="E24785" s="1" t="s">
        <v>11</v>
      </c>
    </row>
    <row r="24786">
      <c r="A24786" s="1">
        <v>4.91054216E8</v>
      </c>
      <c r="B24786" s="2">
        <v>20196.0</v>
      </c>
      <c r="C24786" s="1" t="s">
        <v>5</v>
      </c>
      <c r="D24786" s="1" t="s">
        <v>11</v>
      </c>
      <c r="E24786" s="1" t="s">
        <v>7</v>
      </c>
    </row>
    <row r="24787">
      <c r="A24787" s="1">
        <v>4.91054719E8</v>
      </c>
      <c r="B24787" s="2">
        <v>20201.0</v>
      </c>
      <c r="C24787" s="1" t="s">
        <v>5</v>
      </c>
      <c r="D24787" s="1" t="s">
        <v>20958</v>
      </c>
      <c r="E24787" s="1" t="s">
        <v>11</v>
      </c>
    </row>
    <row r="24788">
      <c r="A24788" s="1">
        <v>4.91054806E8</v>
      </c>
      <c r="B24788" s="2">
        <v>20121.0</v>
      </c>
      <c r="C24788" s="1" t="s">
        <v>5</v>
      </c>
      <c r="D24788" s="1" t="s">
        <v>11</v>
      </c>
      <c r="E24788" s="1" t="s">
        <v>7</v>
      </c>
    </row>
    <row r="24789">
      <c r="A24789" s="1">
        <v>4.9105483E8</v>
      </c>
      <c r="B24789" s="2">
        <v>20179.0</v>
      </c>
      <c r="C24789" s="1" t="s">
        <v>5</v>
      </c>
      <c r="D24789" s="1" t="s">
        <v>11</v>
      </c>
      <c r="E24789" s="1" t="s">
        <v>7</v>
      </c>
    </row>
    <row r="24790">
      <c r="A24790" s="1">
        <v>4.91055205E8</v>
      </c>
      <c r="B24790" s="2">
        <v>20205.0</v>
      </c>
      <c r="C24790" s="1" t="s">
        <v>5</v>
      </c>
      <c r="D24790" s="1" t="s">
        <v>20959</v>
      </c>
      <c r="E24790" s="1" t="s">
        <v>11</v>
      </c>
    </row>
    <row r="24791">
      <c r="A24791" s="1">
        <v>4.91055839E8</v>
      </c>
      <c r="B24791" s="2">
        <v>20159.0</v>
      </c>
      <c r="C24791" s="1" t="s">
        <v>5</v>
      </c>
      <c r="D24791" s="1" t="s">
        <v>20960</v>
      </c>
      <c r="E24791" s="1" t="s">
        <v>11</v>
      </c>
    </row>
    <row r="24792">
      <c r="A24792" s="1">
        <v>4.91055847E8</v>
      </c>
      <c r="B24792" s="2">
        <v>20154.0</v>
      </c>
      <c r="C24792" s="1" t="s">
        <v>5</v>
      </c>
      <c r="D24792" s="1" t="s">
        <v>20961</v>
      </c>
      <c r="E24792" s="1" t="s">
        <v>7</v>
      </c>
    </row>
    <row r="24793">
      <c r="A24793" s="1">
        <v>4.91056285E8</v>
      </c>
      <c r="B24793" s="2">
        <v>20194.0</v>
      </c>
      <c r="C24793" s="1" t="s">
        <v>5</v>
      </c>
      <c r="D24793" s="1" t="s">
        <v>20962</v>
      </c>
      <c r="E24793" s="1" t="s">
        <v>7</v>
      </c>
    </row>
    <row r="24794">
      <c r="A24794" s="1">
        <v>4.91057039E8</v>
      </c>
      <c r="B24794" s="2">
        <v>20184.0</v>
      </c>
      <c r="C24794" s="1" t="s">
        <v>5</v>
      </c>
      <c r="D24794" s="1" t="s">
        <v>20963</v>
      </c>
      <c r="E24794" s="1" t="s">
        <v>11</v>
      </c>
    </row>
    <row r="24795">
      <c r="A24795" s="1">
        <v>4.91057099E8</v>
      </c>
      <c r="B24795" s="2">
        <v>20125.0</v>
      </c>
      <c r="C24795" s="1" t="s">
        <v>5</v>
      </c>
      <c r="D24795" s="1" t="s">
        <v>11</v>
      </c>
      <c r="E24795" s="1" t="s">
        <v>7</v>
      </c>
    </row>
    <row r="24796">
      <c r="A24796" s="1">
        <v>4.91057475E8</v>
      </c>
      <c r="B24796" s="2">
        <v>20154.0</v>
      </c>
      <c r="C24796" s="1" t="s">
        <v>5</v>
      </c>
      <c r="D24796" s="1" t="s">
        <v>20964</v>
      </c>
      <c r="E24796" s="1" t="s">
        <v>7</v>
      </c>
    </row>
    <row r="24797">
      <c r="A24797" s="1">
        <v>4.91057616E8</v>
      </c>
      <c r="B24797" s="2">
        <v>20159.0</v>
      </c>
      <c r="C24797" s="1" t="s">
        <v>5</v>
      </c>
      <c r="D24797" s="1" t="s">
        <v>11</v>
      </c>
      <c r="E24797" s="1" t="s">
        <v>7</v>
      </c>
    </row>
    <row r="24798">
      <c r="A24798" s="1">
        <v>4.91057925E8</v>
      </c>
      <c r="B24798" s="2">
        <v>20160.0</v>
      </c>
      <c r="C24798" s="1" t="s">
        <v>5</v>
      </c>
      <c r="D24798" s="1" t="s">
        <v>20965</v>
      </c>
      <c r="E24798" s="1" t="s">
        <v>11</v>
      </c>
    </row>
    <row r="24799">
      <c r="A24799" s="1">
        <v>4.91058205E8</v>
      </c>
      <c r="B24799" s="2">
        <v>20159.0</v>
      </c>
      <c r="C24799" s="1" t="s">
        <v>5</v>
      </c>
      <c r="D24799" s="1" t="s">
        <v>20966</v>
      </c>
      <c r="E24799" s="1" t="s">
        <v>7</v>
      </c>
    </row>
    <row r="24800">
      <c r="A24800" s="1">
        <v>4.91058631E8</v>
      </c>
      <c r="B24800" s="2">
        <v>20175.0</v>
      </c>
      <c r="C24800" s="1" t="s">
        <v>5</v>
      </c>
      <c r="D24800" s="1" t="s">
        <v>20967</v>
      </c>
      <c r="E24800" s="1" t="s">
        <v>7</v>
      </c>
    </row>
    <row r="24801">
      <c r="A24801" s="1">
        <v>4.91058659E8</v>
      </c>
      <c r="B24801" s="3">
        <v>20220.0</v>
      </c>
      <c r="C24801" s="1" t="s">
        <v>5</v>
      </c>
      <c r="D24801" s="1" t="s">
        <v>20968</v>
      </c>
      <c r="E24801" s="1" t="s">
        <v>7</v>
      </c>
    </row>
    <row r="24802">
      <c r="A24802" s="1">
        <v>4.91058685E8</v>
      </c>
      <c r="B24802" s="2">
        <v>20257.0</v>
      </c>
      <c r="C24802" s="1" t="s">
        <v>5</v>
      </c>
      <c r="D24802" s="1" t="s">
        <v>11</v>
      </c>
      <c r="E24802" s="1" t="s">
        <v>7</v>
      </c>
    </row>
    <row r="24803">
      <c r="A24803" s="1">
        <v>4.91058735E8</v>
      </c>
      <c r="B24803" s="2">
        <v>20174.0</v>
      </c>
      <c r="C24803" s="1" t="s">
        <v>5</v>
      </c>
      <c r="D24803" s="1" t="s">
        <v>20969</v>
      </c>
      <c r="E24803" s="1" t="s">
        <v>7</v>
      </c>
    </row>
    <row r="24804">
      <c r="A24804" s="1">
        <v>4.91058819E8</v>
      </c>
      <c r="B24804" s="2">
        <v>20164.0</v>
      </c>
      <c r="C24804" s="1" t="s">
        <v>5</v>
      </c>
      <c r="D24804" s="1" t="s">
        <v>20970</v>
      </c>
      <c r="E24804" s="1" t="s">
        <v>20971</v>
      </c>
    </row>
    <row r="24805">
      <c r="A24805" s="1">
        <v>4.91058954E8</v>
      </c>
      <c r="B24805" s="2">
        <v>20182.0</v>
      </c>
      <c r="C24805" s="1" t="s">
        <v>5</v>
      </c>
      <c r="D24805" s="1" t="s">
        <v>11</v>
      </c>
      <c r="E24805" s="1" t="s">
        <v>7</v>
      </c>
    </row>
    <row r="24806">
      <c r="A24806" s="1">
        <v>4.91059032E8</v>
      </c>
      <c r="B24806" s="2">
        <v>20181.0</v>
      </c>
      <c r="C24806" s="1" t="s">
        <v>5</v>
      </c>
      <c r="D24806" s="1" t="s">
        <v>20972</v>
      </c>
      <c r="E24806" s="1" t="s">
        <v>7</v>
      </c>
    </row>
    <row r="24807">
      <c r="A24807" s="1">
        <v>4.91059336E8</v>
      </c>
      <c r="B24807" s="3">
        <v>20240.0</v>
      </c>
      <c r="C24807" s="1" t="s">
        <v>5</v>
      </c>
      <c r="D24807" s="1" t="s">
        <v>20973</v>
      </c>
      <c r="E24807" s="1" t="s">
        <v>11</v>
      </c>
    </row>
    <row r="24808">
      <c r="A24808" s="1">
        <v>4.91059595E8</v>
      </c>
      <c r="B24808" s="3">
        <v>20235.0</v>
      </c>
      <c r="C24808" s="1" t="s">
        <v>5</v>
      </c>
      <c r="D24808" s="1" t="s">
        <v>20974</v>
      </c>
      <c r="E24808" s="1" t="s">
        <v>11</v>
      </c>
    </row>
    <row r="24809">
      <c r="A24809" s="1">
        <v>4.91059735E8</v>
      </c>
      <c r="B24809" s="3">
        <v>20237.0</v>
      </c>
      <c r="C24809" s="1" t="s">
        <v>5</v>
      </c>
      <c r="D24809" s="1" t="s">
        <v>11</v>
      </c>
      <c r="E24809" s="1" t="s">
        <v>7</v>
      </c>
    </row>
    <row r="24810">
      <c r="A24810" s="1">
        <v>4.91059876E8</v>
      </c>
      <c r="B24810" s="2">
        <v>20168.0</v>
      </c>
      <c r="C24810" s="1" t="s">
        <v>5</v>
      </c>
      <c r="D24810" s="1" t="s">
        <v>20975</v>
      </c>
      <c r="E24810" s="1" t="s">
        <v>11</v>
      </c>
    </row>
    <row r="24811">
      <c r="A24811" s="1">
        <v>4.91060169E8</v>
      </c>
      <c r="B24811" s="3">
        <v>20230.0</v>
      </c>
      <c r="C24811" s="1" t="s">
        <v>5</v>
      </c>
      <c r="D24811" s="1" t="s">
        <v>20976</v>
      </c>
      <c r="E24811" s="1" t="s">
        <v>11</v>
      </c>
    </row>
    <row r="24812">
      <c r="A24812" s="1">
        <v>4.91060239E8</v>
      </c>
      <c r="B24812" s="2">
        <v>20252.0</v>
      </c>
      <c r="C24812" s="1" t="s">
        <v>5</v>
      </c>
      <c r="D24812" s="1" t="s">
        <v>20977</v>
      </c>
      <c r="E24812" s="1" t="s">
        <v>11</v>
      </c>
    </row>
    <row r="24813">
      <c r="A24813" s="1">
        <v>4.91060375E8</v>
      </c>
      <c r="B24813" s="2">
        <v>20247.0</v>
      </c>
      <c r="C24813" s="1" t="s">
        <v>5</v>
      </c>
      <c r="D24813" s="1" t="s">
        <v>20978</v>
      </c>
      <c r="E24813" s="1" t="s">
        <v>11</v>
      </c>
    </row>
    <row r="24814">
      <c r="A24814" s="1">
        <v>4.91060951E8</v>
      </c>
      <c r="B24814" s="2">
        <v>20269.0</v>
      </c>
      <c r="C24814" s="1" t="s">
        <v>5</v>
      </c>
      <c r="D24814" s="1" t="s">
        <v>20979</v>
      </c>
      <c r="E24814" s="1" t="s">
        <v>20980</v>
      </c>
    </row>
    <row r="24815">
      <c r="A24815" s="1">
        <v>4.91061075E8</v>
      </c>
      <c r="B24815" s="2">
        <v>20259.0</v>
      </c>
      <c r="C24815" s="1" t="s">
        <v>5</v>
      </c>
      <c r="D24815" s="1" t="s">
        <v>20981</v>
      </c>
      <c r="E24815" s="1" t="s">
        <v>11</v>
      </c>
    </row>
    <row r="24816">
      <c r="A24816" s="1">
        <v>4.91061114E8</v>
      </c>
      <c r="B24816" s="2">
        <v>20259.0</v>
      </c>
      <c r="C24816" s="1" t="s">
        <v>5</v>
      </c>
      <c r="D24816" s="1" t="s">
        <v>20982</v>
      </c>
      <c r="E24816" s="1" t="s">
        <v>7</v>
      </c>
    </row>
    <row r="24817">
      <c r="A24817" s="1">
        <v>4.91061536E8</v>
      </c>
      <c r="B24817" s="2">
        <v>20243.0</v>
      </c>
      <c r="C24817" s="1" t="s">
        <v>5</v>
      </c>
      <c r="D24817" s="1" t="s">
        <v>11</v>
      </c>
      <c r="E24817" s="1" t="s">
        <v>7</v>
      </c>
    </row>
    <row r="24818">
      <c r="A24818" s="1">
        <v>4.91061615E8</v>
      </c>
      <c r="B24818" s="2">
        <v>20289.0</v>
      </c>
      <c r="C24818" s="1" t="s">
        <v>5</v>
      </c>
      <c r="D24818" s="1" t="s">
        <v>20983</v>
      </c>
      <c r="E24818" s="1" t="s">
        <v>11</v>
      </c>
    </row>
    <row r="24819">
      <c r="A24819" s="1">
        <v>4.91061884E8</v>
      </c>
      <c r="B24819" s="2">
        <v>20294.0</v>
      </c>
      <c r="C24819" s="1" t="s">
        <v>5</v>
      </c>
      <c r="D24819" s="1" t="s">
        <v>11</v>
      </c>
      <c r="E24819" s="1" t="s">
        <v>7</v>
      </c>
    </row>
    <row r="24820">
      <c r="A24820" s="1">
        <v>4.91062159E8</v>
      </c>
      <c r="B24820" s="2">
        <v>20248.0</v>
      </c>
      <c r="C24820" s="1" t="s">
        <v>5</v>
      </c>
      <c r="D24820" s="1" t="s">
        <v>20984</v>
      </c>
      <c r="E24820" s="1" t="s">
        <v>7</v>
      </c>
    </row>
    <row r="24821">
      <c r="A24821" s="1">
        <v>4.91062209E8</v>
      </c>
      <c r="B24821" s="2">
        <v>20285.0</v>
      </c>
      <c r="C24821" s="1" t="s">
        <v>5</v>
      </c>
      <c r="D24821" s="1" t="s">
        <v>20985</v>
      </c>
      <c r="E24821" s="1" t="s">
        <v>11</v>
      </c>
    </row>
    <row r="24822">
      <c r="A24822" s="1">
        <v>4.91062355E8</v>
      </c>
      <c r="B24822" s="2">
        <v>20294.0</v>
      </c>
      <c r="C24822" s="1" t="s">
        <v>5</v>
      </c>
      <c r="D24822" s="1" t="s">
        <v>11</v>
      </c>
      <c r="E24822" s="1" t="s">
        <v>7</v>
      </c>
    </row>
    <row r="24823">
      <c r="A24823" s="1">
        <v>4.91062619E8</v>
      </c>
      <c r="B24823" s="2">
        <v>20280.0</v>
      </c>
      <c r="C24823" s="1" t="s">
        <v>5</v>
      </c>
      <c r="D24823" s="1" t="s">
        <v>20986</v>
      </c>
      <c r="E24823" s="1" t="s">
        <v>7</v>
      </c>
    </row>
    <row r="24824">
      <c r="A24824" s="1">
        <v>4.91062799E8</v>
      </c>
      <c r="B24824" s="3">
        <v>20221.0</v>
      </c>
      <c r="C24824" s="1" t="s">
        <v>5</v>
      </c>
      <c r="D24824" s="1" t="s">
        <v>20987</v>
      </c>
      <c r="E24824" s="1" t="s">
        <v>7</v>
      </c>
    </row>
    <row r="24825">
      <c r="A24825" s="1">
        <v>4.91062834E8</v>
      </c>
      <c r="B24825" s="3">
        <v>20213.0</v>
      </c>
      <c r="C24825" s="1" t="s">
        <v>5</v>
      </c>
      <c r="D24825" s="1" t="s">
        <v>20988</v>
      </c>
      <c r="E24825" s="1" t="s">
        <v>7</v>
      </c>
    </row>
    <row r="24826">
      <c r="A24826" s="1">
        <v>4.91062855E8</v>
      </c>
      <c r="B24826" s="3">
        <v>20226.0</v>
      </c>
      <c r="C24826" s="1" t="s">
        <v>5</v>
      </c>
      <c r="D24826" s="1" t="s">
        <v>20989</v>
      </c>
      <c r="E24826" s="1" t="s">
        <v>11</v>
      </c>
    </row>
    <row r="24827">
      <c r="A24827" s="1">
        <v>4.91063484E8</v>
      </c>
      <c r="B24827" s="3">
        <v>20213.0</v>
      </c>
      <c r="C24827" s="1" t="s">
        <v>5</v>
      </c>
      <c r="D24827" s="1" t="s">
        <v>20990</v>
      </c>
      <c r="E24827" s="1" t="s">
        <v>7</v>
      </c>
    </row>
    <row r="24828">
      <c r="A24828" s="1">
        <v>4.91063889E8</v>
      </c>
      <c r="B24828" s="2">
        <v>20331.0</v>
      </c>
      <c r="C24828" s="1" t="s">
        <v>5</v>
      </c>
      <c r="D24828" s="1" t="s">
        <v>11</v>
      </c>
      <c r="E24828" s="1" t="s">
        <v>7</v>
      </c>
    </row>
    <row r="24829">
      <c r="A24829" s="1">
        <v>4.91064129E8</v>
      </c>
      <c r="B24829" s="2">
        <v>20269.0</v>
      </c>
      <c r="C24829" s="1" t="s">
        <v>5</v>
      </c>
      <c r="D24829" s="1" t="s">
        <v>20991</v>
      </c>
      <c r="E24829" s="1" t="s">
        <v>7</v>
      </c>
    </row>
    <row r="24830">
      <c r="A24830" s="1">
        <v>4.91064555E8</v>
      </c>
      <c r="B24830" s="2">
        <v>20357.0</v>
      </c>
      <c r="C24830" s="1" t="s">
        <v>5</v>
      </c>
      <c r="D24830" s="1" t="s">
        <v>20992</v>
      </c>
      <c r="E24830" s="1" t="s">
        <v>7</v>
      </c>
    </row>
    <row r="24831">
      <c r="A24831" s="1">
        <v>4.91064816E8</v>
      </c>
      <c r="B24831" s="2">
        <v>20357.0</v>
      </c>
      <c r="C24831" s="1" t="s">
        <v>5</v>
      </c>
      <c r="D24831" s="1" t="s">
        <v>20993</v>
      </c>
      <c r="E24831" s="1" t="s">
        <v>7</v>
      </c>
    </row>
    <row r="24832">
      <c r="A24832" s="1">
        <v>4.91064896E8</v>
      </c>
      <c r="B24832" s="2">
        <v>20269.0</v>
      </c>
      <c r="C24832" s="1" t="s">
        <v>5</v>
      </c>
      <c r="D24832" s="1" t="s">
        <v>20994</v>
      </c>
      <c r="E24832" s="1" t="s">
        <v>7</v>
      </c>
    </row>
    <row r="24833">
      <c r="A24833" s="1">
        <v>4.91064975E8</v>
      </c>
      <c r="B24833" s="2">
        <v>20353.0</v>
      </c>
      <c r="C24833" s="1" t="s">
        <v>5</v>
      </c>
      <c r="D24833" s="1" t="s">
        <v>20995</v>
      </c>
      <c r="E24833" s="1" t="s">
        <v>20996</v>
      </c>
    </row>
    <row r="24834">
      <c r="A24834" s="1">
        <v>4.91065397E8</v>
      </c>
      <c r="B24834" s="2">
        <v>20263.0</v>
      </c>
      <c r="C24834" s="1" t="s">
        <v>5</v>
      </c>
      <c r="D24834" s="1" t="s">
        <v>20997</v>
      </c>
      <c r="E24834" s="1" t="s">
        <v>7</v>
      </c>
    </row>
    <row r="24835">
      <c r="A24835" s="1">
        <v>4.91065579E8</v>
      </c>
      <c r="B24835" s="2">
        <v>20273.0</v>
      </c>
      <c r="C24835" s="1" t="s">
        <v>5</v>
      </c>
      <c r="D24835" s="1" t="s">
        <v>20998</v>
      </c>
      <c r="E24835" s="1" t="s">
        <v>11</v>
      </c>
    </row>
    <row r="24836">
      <c r="A24836" s="1">
        <v>4.91065735E8</v>
      </c>
      <c r="B24836" s="2">
        <v>20303.0</v>
      </c>
      <c r="C24836" s="1" t="s">
        <v>5</v>
      </c>
      <c r="D24836" s="1" t="s">
        <v>20999</v>
      </c>
      <c r="E24836" s="1" t="s">
        <v>7</v>
      </c>
    </row>
    <row r="24837">
      <c r="A24837" s="1">
        <v>4.91066926E8</v>
      </c>
      <c r="B24837" s="2">
        <v>20349.0</v>
      </c>
      <c r="C24837" s="1" t="s">
        <v>5</v>
      </c>
      <c r="D24837" s="1" t="s">
        <v>21000</v>
      </c>
      <c r="E24837" s="1" t="s">
        <v>7</v>
      </c>
    </row>
    <row r="24838">
      <c r="A24838" s="1">
        <v>4.91066995E8</v>
      </c>
      <c r="B24838" s="2">
        <v>20335.0</v>
      </c>
      <c r="C24838" s="1" t="s">
        <v>5</v>
      </c>
      <c r="D24838" s="1" t="s">
        <v>11</v>
      </c>
      <c r="E24838" s="1" t="s">
        <v>7</v>
      </c>
    </row>
    <row r="24839">
      <c r="A24839" s="1">
        <v>4.91067316E8</v>
      </c>
      <c r="B24839" s="2">
        <v>20340.0</v>
      </c>
      <c r="C24839" s="1" t="s">
        <v>5</v>
      </c>
      <c r="D24839" s="1" t="s">
        <v>21001</v>
      </c>
      <c r="E24839" s="1" t="s">
        <v>7</v>
      </c>
    </row>
    <row r="24840">
      <c r="A24840" s="1">
        <v>4.91067769E8</v>
      </c>
      <c r="B24840" s="2">
        <v>20405.0</v>
      </c>
      <c r="C24840" s="1" t="s">
        <v>5</v>
      </c>
      <c r="D24840" s="1" t="s">
        <v>11</v>
      </c>
      <c r="E24840" s="1" t="s">
        <v>7</v>
      </c>
    </row>
    <row r="24841">
      <c r="A24841" s="1">
        <v>4.91067809E8</v>
      </c>
      <c r="B24841" s="2">
        <v>20408.0</v>
      </c>
      <c r="C24841" s="1" t="s">
        <v>5</v>
      </c>
      <c r="D24841" s="1" t="s">
        <v>11</v>
      </c>
      <c r="E24841" s="1" t="s">
        <v>7</v>
      </c>
    </row>
    <row r="24842">
      <c r="A24842" s="1">
        <v>4.91067924E8</v>
      </c>
      <c r="B24842" s="2">
        <v>20385.0</v>
      </c>
      <c r="C24842" s="1" t="s">
        <v>5</v>
      </c>
      <c r="D24842" s="1" t="s">
        <v>21002</v>
      </c>
      <c r="E24842" s="1" t="s">
        <v>7</v>
      </c>
    </row>
    <row r="24843">
      <c r="A24843" s="1">
        <v>4.91067965E8</v>
      </c>
      <c r="B24843" s="2">
        <v>20395.0</v>
      </c>
      <c r="C24843" s="1" t="s">
        <v>5</v>
      </c>
      <c r="D24843" s="1" t="s">
        <v>11</v>
      </c>
      <c r="E24843" s="1" t="s">
        <v>7</v>
      </c>
    </row>
    <row r="24844">
      <c r="A24844" s="1">
        <v>4.91068095E8</v>
      </c>
      <c r="B24844" s="2">
        <v>20396.0</v>
      </c>
      <c r="C24844" s="1" t="s">
        <v>5</v>
      </c>
      <c r="D24844" s="1" t="s">
        <v>21003</v>
      </c>
      <c r="E24844" s="1" t="s">
        <v>21004</v>
      </c>
    </row>
    <row r="24845">
      <c r="A24845" s="1">
        <v>4.91068296E8</v>
      </c>
      <c r="B24845" s="2">
        <v>20380.0</v>
      </c>
      <c r="C24845" s="1" t="s">
        <v>5</v>
      </c>
      <c r="D24845" s="1" t="s">
        <v>21005</v>
      </c>
      <c r="E24845" s="1" t="s">
        <v>7</v>
      </c>
    </row>
    <row r="24846">
      <c r="A24846" s="1">
        <v>4.91068524E8</v>
      </c>
      <c r="B24846" s="2">
        <v>20378.0</v>
      </c>
      <c r="C24846" s="1" t="s">
        <v>5</v>
      </c>
      <c r="D24846" s="1" t="s">
        <v>21006</v>
      </c>
      <c r="E24846" s="1" t="s">
        <v>7</v>
      </c>
    </row>
    <row r="24847">
      <c r="A24847" s="1">
        <v>4.9107024E8</v>
      </c>
      <c r="B24847" s="2">
        <v>20420.0</v>
      </c>
      <c r="C24847" s="1" t="s">
        <v>5</v>
      </c>
      <c r="D24847" s="1" t="s">
        <v>21007</v>
      </c>
      <c r="E24847" s="1" t="s">
        <v>11</v>
      </c>
    </row>
    <row r="24848">
      <c r="A24848" s="1">
        <v>4.91071006E8</v>
      </c>
      <c r="B24848" s="2">
        <v>20418.0</v>
      </c>
      <c r="C24848" s="1" t="s">
        <v>5</v>
      </c>
      <c r="D24848" s="1" t="s">
        <v>21008</v>
      </c>
      <c r="E24848" s="1" t="s">
        <v>7</v>
      </c>
    </row>
    <row r="24849">
      <c r="A24849" s="1">
        <v>4.91071011E8</v>
      </c>
      <c r="B24849" s="2">
        <v>20444.0</v>
      </c>
      <c r="C24849" s="1" t="s">
        <v>5</v>
      </c>
      <c r="D24849" s="1" t="s">
        <v>21009</v>
      </c>
      <c r="E24849" s="1" t="s">
        <v>11</v>
      </c>
    </row>
    <row r="24850">
      <c r="A24850" s="1">
        <v>4.91071205E8</v>
      </c>
      <c r="B24850" s="2">
        <v>20411.0</v>
      </c>
      <c r="C24850" s="1" t="s">
        <v>5</v>
      </c>
      <c r="D24850" s="1" t="s">
        <v>21010</v>
      </c>
      <c r="E24850" s="1" t="s">
        <v>11</v>
      </c>
    </row>
    <row r="24851">
      <c r="A24851" s="1">
        <v>4.91071606E8</v>
      </c>
      <c r="B24851" s="2">
        <v>20448.0</v>
      </c>
      <c r="C24851" s="1" t="s">
        <v>5</v>
      </c>
      <c r="D24851" s="1" t="s">
        <v>21011</v>
      </c>
      <c r="E24851" s="1" t="s">
        <v>7</v>
      </c>
    </row>
    <row r="24852">
      <c r="A24852" s="1">
        <v>4.91072195E8</v>
      </c>
      <c r="B24852" s="2">
        <v>20374.0</v>
      </c>
      <c r="C24852" s="1" t="s">
        <v>5</v>
      </c>
      <c r="D24852" s="1" t="s">
        <v>21012</v>
      </c>
      <c r="E24852" s="1" t="s">
        <v>7</v>
      </c>
    </row>
    <row r="24853">
      <c r="A24853" s="1">
        <v>4.91072336E8</v>
      </c>
      <c r="B24853" s="2">
        <v>20453.0</v>
      </c>
      <c r="C24853" s="1" t="s">
        <v>5</v>
      </c>
      <c r="D24853" s="1" t="s">
        <v>11</v>
      </c>
      <c r="E24853" s="1" t="s">
        <v>7</v>
      </c>
    </row>
    <row r="24854">
      <c r="A24854" s="1">
        <v>4.91072636E8</v>
      </c>
      <c r="B24854" s="2">
        <v>20422.0</v>
      </c>
      <c r="C24854" s="1" t="s">
        <v>5</v>
      </c>
      <c r="D24854" s="1" t="s">
        <v>21013</v>
      </c>
      <c r="E24854" s="1" t="s">
        <v>11</v>
      </c>
    </row>
    <row r="24855">
      <c r="A24855" s="1">
        <v>4.91072845E8</v>
      </c>
      <c r="B24855" s="2">
        <v>20433.0</v>
      </c>
      <c r="C24855" s="1" t="s">
        <v>5</v>
      </c>
      <c r="D24855" s="1" t="s">
        <v>21014</v>
      </c>
      <c r="E24855" s="1" t="s">
        <v>11</v>
      </c>
    </row>
    <row r="24856">
      <c r="A24856" s="1">
        <v>4.91073078E8</v>
      </c>
      <c r="B24856" s="2">
        <v>20367.0</v>
      </c>
      <c r="C24856" s="1" t="s">
        <v>5</v>
      </c>
      <c r="D24856" s="1" t="s">
        <v>21015</v>
      </c>
      <c r="E24856" s="1" t="s">
        <v>11</v>
      </c>
    </row>
    <row r="24857">
      <c r="A24857" s="1">
        <v>4.91073398E8</v>
      </c>
      <c r="B24857" s="2">
        <v>20410.0</v>
      </c>
      <c r="C24857" s="1" t="s">
        <v>5</v>
      </c>
      <c r="D24857" s="1" t="s">
        <v>21016</v>
      </c>
      <c r="E24857" s="1" t="s">
        <v>7</v>
      </c>
    </row>
    <row r="24858">
      <c r="A24858" s="1">
        <v>4.91073471E8</v>
      </c>
      <c r="B24858" s="2">
        <v>20408.0</v>
      </c>
      <c r="C24858" s="1" t="s">
        <v>5</v>
      </c>
      <c r="D24858" s="1" t="s">
        <v>21017</v>
      </c>
      <c r="E24858" s="1" t="s">
        <v>7</v>
      </c>
    </row>
    <row r="24859">
      <c r="A24859" s="1">
        <v>4.91074089E8</v>
      </c>
      <c r="B24859" s="2">
        <v>20514.0</v>
      </c>
      <c r="C24859" s="1" t="s">
        <v>5</v>
      </c>
      <c r="D24859" s="1" t="s">
        <v>21018</v>
      </c>
      <c r="E24859" s="1" t="s">
        <v>7</v>
      </c>
    </row>
    <row r="24860">
      <c r="A24860" s="1">
        <v>4.91074335E8</v>
      </c>
      <c r="B24860" s="2">
        <v>20507.0</v>
      </c>
      <c r="C24860" s="1" t="s">
        <v>5</v>
      </c>
      <c r="D24860" s="1" t="s">
        <v>11</v>
      </c>
      <c r="E24860" s="1" t="s">
        <v>7</v>
      </c>
    </row>
    <row r="24861">
      <c r="A24861" s="1">
        <v>4.91074677E8</v>
      </c>
      <c r="B24861" s="2">
        <v>20482.0</v>
      </c>
      <c r="C24861" s="1" t="s">
        <v>5</v>
      </c>
      <c r="D24861" s="1" t="s">
        <v>11</v>
      </c>
      <c r="E24861" s="1" t="s">
        <v>7</v>
      </c>
    </row>
    <row r="24862">
      <c r="A24862" s="1">
        <v>4.91074711E8</v>
      </c>
      <c r="B24862" s="2">
        <v>20496.0</v>
      </c>
      <c r="C24862" s="1" t="s">
        <v>5</v>
      </c>
      <c r="D24862" s="1" t="s">
        <v>21019</v>
      </c>
      <c r="E24862" s="1" t="s">
        <v>7</v>
      </c>
    </row>
    <row r="24863">
      <c r="A24863" s="1">
        <v>4.91075455E8</v>
      </c>
      <c r="B24863" s="2">
        <v>20510.0</v>
      </c>
      <c r="C24863" s="1" t="s">
        <v>5</v>
      </c>
      <c r="D24863" s="1" t="s">
        <v>21020</v>
      </c>
      <c r="E24863" s="1" t="s">
        <v>7</v>
      </c>
    </row>
    <row r="24864">
      <c r="A24864" s="1">
        <v>4.91075597E8</v>
      </c>
      <c r="B24864" s="2">
        <v>20545.0</v>
      </c>
      <c r="C24864" s="1" t="s">
        <v>5</v>
      </c>
      <c r="D24864" s="1" t="s">
        <v>11</v>
      </c>
      <c r="E24864" s="1" t="s">
        <v>7</v>
      </c>
    </row>
    <row r="24865">
      <c r="A24865" s="1">
        <v>4.9107567E8</v>
      </c>
      <c r="B24865" s="2">
        <v>20471.0</v>
      </c>
      <c r="C24865" s="1" t="s">
        <v>5</v>
      </c>
      <c r="D24865" s="1" t="s">
        <v>21021</v>
      </c>
      <c r="E24865" s="1" t="s">
        <v>7</v>
      </c>
    </row>
    <row r="24866">
      <c r="A24866" s="1">
        <v>4.91076214E8</v>
      </c>
      <c r="B24866" s="2">
        <v>20511.0</v>
      </c>
      <c r="C24866" s="1" t="s">
        <v>5</v>
      </c>
      <c r="D24866" s="1" t="s">
        <v>11</v>
      </c>
      <c r="E24866" s="1" t="s">
        <v>7</v>
      </c>
    </row>
    <row r="24867">
      <c r="A24867" s="1">
        <v>4.91076335E8</v>
      </c>
      <c r="B24867" s="2">
        <v>20541.0</v>
      </c>
      <c r="C24867" s="1" t="s">
        <v>5</v>
      </c>
      <c r="D24867" s="1" t="s">
        <v>21022</v>
      </c>
      <c r="E24867" s="1" t="s">
        <v>11</v>
      </c>
    </row>
    <row r="24868">
      <c r="A24868" s="1">
        <v>4.91076355E8</v>
      </c>
      <c r="B24868" s="2">
        <v>20541.0</v>
      </c>
      <c r="C24868" s="1" t="s">
        <v>5</v>
      </c>
      <c r="D24868" s="1" t="s">
        <v>21023</v>
      </c>
      <c r="E24868" s="1" t="s">
        <v>11</v>
      </c>
    </row>
    <row r="24869">
      <c r="A24869" s="1">
        <v>4.91076655E8</v>
      </c>
      <c r="B24869" s="2">
        <v>20507.0</v>
      </c>
      <c r="C24869" s="1" t="s">
        <v>5</v>
      </c>
      <c r="D24869" s="1" t="s">
        <v>21024</v>
      </c>
      <c r="E24869" s="1" t="s">
        <v>7</v>
      </c>
    </row>
    <row r="24870">
      <c r="A24870" s="1">
        <v>4.91076719E8</v>
      </c>
      <c r="B24870" s="2">
        <v>20534.0</v>
      </c>
      <c r="C24870" s="1" t="s">
        <v>5</v>
      </c>
      <c r="D24870" s="1" t="s">
        <v>21025</v>
      </c>
      <c r="E24870" s="1" t="s">
        <v>7</v>
      </c>
    </row>
    <row r="24871">
      <c r="A24871" s="1">
        <v>4.91077337E8</v>
      </c>
      <c r="B24871" s="2">
        <v>20465.0</v>
      </c>
      <c r="C24871" s="1" t="s">
        <v>5</v>
      </c>
      <c r="D24871" s="1" t="s">
        <v>21026</v>
      </c>
      <c r="E24871" s="1" t="s">
        <v>7</v>
      </c>
    </row>
    <row r="24872">
      <c r="A24872" s="1">
        <v>4.91077734E8</v>
      </c>
      <c r="B24872" s="2">
        <v>20541.0</v>
      </c>
      <c r="C24872" s="1" t="s">
        <v>5</v>
      </c>
      <c r="D24872" s="1" t="s">
        <v>21027</v>
      </c>
      <c r="E24872" s="1" t="s">
        <v>11</v>
      </c>
    </row>
    <row r="24873">
      <c r="A24873" s="1">
        <v>4.91077831E8</v>
      </c>
      <c r="B24873" s="2">
        <v>20467.0</v>
      </c>
      <c r="C24873" s="1" t="s">
        <v>5</v>
      </c>
      <c r="D24873" s="1" t="s">
        <v>21028</v>
      </c>
      <c r="E24873" s="1" t="s">
        <v>7</v>
      </c>
    </row>
    <row r="24874">
      <c r="A24874" s="1">
        <v>4.91078806E8</v>
      </c>
      <c r="B24874" s="2">
        <v>20468.0</v>
      </c>
      <c r="C24874" s="1" t="s">
        <v>5</v>
      </c>
      <c r="D24874" s="1" t="s">
        <v>21029</v>
      </c>
      <c r="E24874" s="1" t="s">
        <v>11</v>
      </c>
    </row>
    <row r="24875">
      <c r="A24875" s="1">
        <v>4.91078886E8</v>
      </c>
      <c r="B24875" s="2">
        <v>20511.0</v>
      </c>
      <c r="C24875" s="1" t="s">
        <v>5</v>
      </c>
      <c r="D24875" s="1" t="s">
        <v>21030</v>
      </c>
      <c r="E24875" s="1" t="s">
        <v>7</v>
      </c>
    </row>
    <row r="24876">
      <c r="A24876" s="1">
        <v>4.91079284E8</v>
      </c>
      <c r="B24876" s="2">
        <v>20500.0</v>
      </c>
      <c r="C24876" s="1" t="s">
        <v>5</v>
      </c>
      <c r="D24876" s="1" t="s">
        <v>11</v>
      </c>
      <c r="E24876" s="1" t="s">
        <v>7</v>
      </c>
    </row>
    <row r="24877">
      <c r="A24877" s="1">
        <v>4.91079286E8</v>
      </c>
      <c r="B24877" s="2">
        <v>20457.0</v>
      </c>
      <c r="C24877" s="1" t="s">
        <v>5</v>
      </c>
      <c r="D24877" s="1" t="s">
        <v>21031</v>
      </c>
      <c r="E24877" s="1" t="s">
        <v>11</v>
      </c>
    </row>
    <row r="24878">
      <c r="A24878" s="1">
        <v>4.91079956E8</v>
      </c>
      <c r="B24878" s="2">
        <v>20534.0</v>
      </c>
      <c r="C24878" s="1" t="s">
        <v>5</v>
      </c>
      <c r="D24878" s="1" t="s">
        <v>21032</v>
      </c>
      <c r="E24878" s="1" t="s">
        <v>11</v>
      </c>
    </row>
    <row r="24879">
      <c r="A24879" s="1">
        <v>4.91080075E8</v>
      </c>
      <c r="B24879" s="2">
        <v>20537.0</v>
      </c>
      <c r="C24879" s="1" t="s">
        <v>5</v>
      </c>
      <c r="D24879" s="1" t="s">
        <v>21033</v>
      </c>
      <c r="E24879" s="1" t="s">
        <v>7</v>
      </c>
    </row>
    <row r="24880">
      <c r="A24880" s="1">
        <v>4.91080324E8</v>
      </c>
      <c r="B24880" s="2">
        <v>20497.0</v>
      </c>
      <c r="C24880" s="1" t="s">
        <v>5</v>
      </c>
      <c r="D24880" s="1" t="s">
        <v>11</v>
      </c>
      <c r="E24880" s="1" t="s">
        <v>7</v>
      </c>
    </row>
    <row r="24881">
      <c r="A24881" s="1">
        <v>4.91080845E8</v>
      </c>
      <c r="B24881" s="2">
        <v>20527.0</v>
      </c>
      <c r="C24881" s="1" t="s">
        <v>5</v>
      </c>
      <c r="D24881" s="1" t="s">
        <v>21034</v>
      </c>
      <c r="E24881" s="1" t="s">
        <v>21035</v>
      </c>
    </row>
    <row r="24882">
      <c r="A24882" s="1">
        <v>4.91080888E8</v>
      </c>
      <c r="B24882" s="2">
        <v>20567.0</v>
      </c>
      <c r="C24882" s="1" t="s">
        <v>5</v>
      </c>
      <c r="D24882" s="1" t="s">
        <v>21036</v>
      </c>
      <c r="E24882" s="1" t="s">
        <v>7</v>
      </c>
    </row>
    <row r="24883">
      <c r="A24883" s="1">
        <v>4.91080966E8</v>
      </c>
      <c r="B24883" s="2">
        <v>20569.0</v>
      </c>
      <c r="C24883" s="1" t="s">
        <v>5</v>
      </c>
      <c r="D24883" s="1" t="s">
        <v>21037</v>
      </c>
      <c r="E24883" s="1" t="s">
        <v>7</v>
      </c>
    </row>
    <row r="24884">
      <c r="A24884" s="1">
        <v>4.9108115E8</v>
      </c>
      <c r="B24884" s="2">
        <v>20511.0</v>
      </c>
      <c r="C24884" s="1" t="s">
        <v>5</v>
      </c>
      <c r="D24884" s="1" t="s">
        <v>21038</v>
      </c>
      <c r="E24884" s="1" t="s">
        <v>11</v>
      </c>
    </row>
    <row r="24885">
      <c r="A24885" s="1">
        <v>4.91081685E8</v>
      </c>
      <c r="B24885" s="2">
        <v>20521.0</v>
      </c>
      <c r="C24885" s="1" t="s">
        <v>5</v>
      </c>
      <c r="D24885" s="1" t="s">
        <v>21039</v>
      </c>
      <c r="E24885" s="1" t="s">
        <v>21040</v>
      </c>
    </row>
    <row r="24886">
      <c r="A24886" s="1">
        <v>4.91082196E8</v>
      </c>
      <c r="B24886" s="2">
        <v>20556.0</v>
      </c>
      <c r="C24886" s="1" t="s">
        <v>5</v>
      </c>
      <c r="D24886" s="1" t="s">
        <v>21041</v>
      </c>
      <c r="E24886" s="1" t="s">
        <v>7</v>
      </c>
    </row>
    <row r="24887">
      <c r="A24887" s="1">
        <v>4.91082401E8</v>
      </c>
      <c r="B24887" s="2">
        <v>20492.0</v>
      </c>
      <c r="C24887" s="1" t="s">
        <v>5</v>
      </c>
      <c r="D24887" s="1" t="s">
        <v>21042</v>
      </c>
      <c r="E24887" s="1" t="s">
        <v>21043</v>
      </c>
    </row>
    <row r="24888">
      <c r="A24888" s="1">
        <v>4.9108247E8</v>
      </c>
      <c r="B24888" s="2">
        <v>20565.0</v>
      </c>
      <c r="C24888" s="1" t="s">
        <v>5</v>
      </c>
      <c r="D24888" s="1" t="s">
        <v>21044</v>
      </c>
      <c r="E24888" s="1" t="s">
        <v>7</v>
      </c>
    </row>
    <row r="24889">
      <c r="A24889" s="1">
        <v>4.91083035E8</v>
      </c>
      <c r="B24889" s="2">
        <v>20570.0</v>
      </c>
      <c r="C24889" s="1" t="s">
        <v>5</v>
      </c>
      <c r="D24889" s="1" t="s">
        <v>21045</v>
      </c>
      <c r="E24889" s="1" t="s">
        <v>7</v>
      </c>
    </row>
    <row r="24890">
      <c r="A24890" s="1">
        <v>4.91083084E8</v>
      </c>
      <c r="B24890" s="2">
        <v>20634.0</v>
      </c>
      <c r="C24890" s="1" t="s">
        <v>5</v>
      </c>
      <c r="D24890" s="1" t="s">
        <v>21046</v>
      </c>
      <c r="E24890" s="1" t="s">
        <v>7</v>
      </c>
    </row>
    <row r="24891">
      <c r="A24891" s="1">
        <v>4.91083115E8</v>
      </c>
      <c r="B24891" s="2">
        <v>20564.0</v>
      </c>
      <c r="C24891" s="1" t="s">
        <v>5</v>
      </c>
      <c r="D24891" s="1" t="s">
        <v>11</v>
      </c>
      <c r="E24891" s="1" t="s">
        <v>7</v>
      </c>
    </row>
    <row r="24892">
      <c r="A24892" s="1">
        <v>4.91083335E8</v>
      </c>
      <c r="B24892" s="2">
        <v>20564.0</v>
      </c>
      <c r="C24892" s="1" t="s">
        <v>5</v>
      </c>
      <c r="D24892" s="1" t="s">
        <v>21047</v>
      </c>
      <c r="E24892" s="1" t="s">
        <v>7</v>
      </c>
    </row>
    <row r="24893">
      <c r="A24893" s="1">
        <v>4.91083355E8</v>
      </c>
      <c r="B24893" s="2">
        <v>20552.0</v>
      </c>
      <c r="C24893" s="1" t="s">
        <v>5</v>
      </c>
      <c r="D24893" s="1" t="s">
        <v>21048</v>
      </c>
      <c r="E24893" s="1" t="s">
        <v>11</v>
      </c>
    </row>
    <row r="24894">
      <c r="A24894" s="1">
        <v>4.91083435E8</v>
      </c>
      <c r="B24894" s="2">
        <v>20551.0</v>
      </c>
      <c r="C24894" s="1" t="s">
        <v>5</v>
      </c>
      <c r="D24894" s="1" t="s">
        <v>21049</v>
      </c>
      <c r="E24894" s="1" t="s">
        <v>7</v>
      </c>
    </row>
    <row r="24895">
      <c r="A24895" s="1">
        <v>4.91083636E8</v>
      </c>
      <c r="B24895" s="3">
        <v>20602.0</v>
      </c>
      <c r="C24895" s="1" t="s">
        <v>5</v>
      </c>
      <c r="D24895" s="1" t="s">
        <v>11</v>
      </c>
      <c r="E24895" s="1" t="s">
        <v>7</v>
      </c>
    </row>
    <row r="24896">
      <c r="A24896" s="1">
        <v>4.91084085E8</v>
      </c>
      <c r="B24896" s="2">
        <v>20552.0</v>
      </c>
      <c r="C24896" s="1" t="s">
        <v>5</v>
      </c>
      <c r="D24896" s="1" t="s">
        <v>21050</v>
      </c>
      <c r="E24896" s="1" t="s">
        <v>7</v>
      </c>
    </row>
    <row r="24897">
      <c r="A24897" s="1">
        <v>4.91084115E8</v>
      </c>
      <c r="B24897" s="2">
        <v>20559.0</v>
      </c>
      <c r="C24897" s="1" t="s">
        <v>5</v>
      </c>
      <c r="D24897" s="1" t="s">
        <v>21051</v>
      </c>
      <c r="E24897" s="1" t="s">
        <v>21052</v>
      </c>
    </row>
    <row r="24898">
      <c r="A24898" s="1">
        <v>4.91084219E8</v>
      </c>
      <c r="B24898" s="3">
        <v>20577.0</v>
      </c>
      <c r="C24898" s="1" t="s">
        <v>5</v>
      </c>
      <c r="D24898" s="1" t="s">
        <v>11</v>
      </c>
      <c r="E24898" s="1" t="s">
        <v>7</v>
      </c>
    </row>
    <row r="24899">
      <c r="A24899" s="1">
        <v>4.91084259E8</v>
      </c>
      <c r="B24899" s="3">
        <v>20600.0</v>
      </c>
      <c r="C24899" s="1" t="s">
        <v>5</v>
      </c>
      <c r="D24899" s="1" t="s">
        <v>11</v>
      </c>
      <c r="E24899" s="1" t="s">
        <v>7</v>
      </c>
    </row>
    <row r="24900">
      <c r="A24900" s="1">
        <v>4.91084449E8</v>
      </c>
      <c r="B24900" s="3">
        <v>20593.0</v>
      </c>
      <c r="C24900" s="1" t="s">
        <v>5</v>
      </c>
      <c r="D24900" s="1" t="s">
        <v>21053</v>
      </c>
      <c r="E24900" s="1" t="s">
        <v>11</v>
      </c>
    </row>
    <row r="24901">
      <c r="A24901" s="1">
        <v>4.91084999E8</v>
      </c>
      <c r="B24901" s="2">
        <v>20548.0</v>
      </c>
      <c r="C24901" s="1" t="s">
        <v>5</v>
      </c>
      <c r="D24901" s="1" t="s">
        <v>21054</v>
      </c>
      <c r="E24901" s="1" t="s">
        <v>7</v>
      </c>
    </row>
    <row r="24902">
      <c r="A24902" s="1">
        <v>4.91085004E8</v>
      </c>
      <c r="B24902" s="2">
        <v>20627.0</v>
      </c>
      <c r="C24902" s="1" t="s">
        <v>5</v>
      </c>
      <c r="D24902" s="1" t="s">
        <v>21055</v>
      </c>
      <c r="E24902" s="1" t="s">
        <v>11</v>
      </c>
    </row>
    <row r="24903">
      <c r="A24903" s="1">
        <v>4.91085054E8</v>
      </c>
      <c r="B24903" s="3">
        <v>20586.0</v>
      </c>
      <c r="C24903" s="1" t="s">
        <v>5</v>
      </c>
      <c r="D24903" s="1" t="s">
        <v>21056</v>
      </c>
      <c r="E24903" s="1" t="s">
        <v>21057</v>
      </c>
    </row>
    <row r="24904">
      <c r="A24904" s="1">
        <v>4.91085086E8</v>
      </c>
      <c r="B24904" s="2">
        <v>20550.0</v>
      </c>
      <c r="C24904" s="1" t="s">
        <v>5</v>
      </c>
      <c r="D24904" s="1" t="s">
        <v>11</v>
      </c>
      <c r="E24904" s="1" t="s">
        <v>7</v>
      </c>
    </row>
    <row r="24905">
      <c r="A24905" s="1">
        <v>4.91085479E8</v>
      </c>
      <c r="B24905" s="2">
        <v>20619.0</v>
      </c>
      <c r="C24905" s="1" t="s">
        <v>5</v>
      </c>
      <c r="D24905" s="1" t="s">
        <v>21058</v>
      </c>
      <c r="E24905" s="1" t="s">
        <v>11</v>
      </c>
    </row>
    <row r="24906">
      <c r="A24906" s="1">
        <v>4.91085919E8</v>
      </c>
      <c r="B24906" s="2">
        <v>20623.0</v>
      </c>
      <c r="C24906" s="1" t="s">
        <v>5</v>
      </c>
      <c r="D24906" s="1" t="s">
        <v>21059</v>
      </c>
      <c r="E24906" s="1" t="s">
        <v>7</v>
      </c>
    </row>
    <row r="24907">
      <c r="A24907" s="1">
        <v>4.91086099E8</v>
      </c>
      <c r="B24907" s="3">
        <v>20579.0</v>
      </c>
      <c r="C24907" s="1" t="s">
        <v>5</v>
      </c>
      <c r="D24907" s="1" t="s">
        <v>21060</v>
      </c>
      <c r="E24907" s="1" t="s">
        <v>21061</v>
      </c>
    </row>
    <row r="24908">
      <c r="A24908" s="1">
        <v>4.91086759E8</v>
      </c>
      <c r="B24908" s="2">
        <v>20623.0</v>
      </c>
      <c r="C24908" s="1" t="s">
        <v>5</v>
      </c>
      <c r="D24908" s="1" t="s">
        <v>21062</v>
      </c>
      <c r="E24908" s="1" t="s">
        <v>7</v>
      </c>
    </row>
    <row r="24909">
      <c r="A24909" s="1">
        <v>4.91086886E8</v>
      </c>
      <c r="B24909" s="2">
        <v>20620.0</v>
      </c>
      <c r="C24909" s="1" t="s">
        <v>5</v>
      </c>
      <c r="D24909" s="1" t="s">
        <v>21063</v>
      </c>
      <c r="E24909" s="1" t="s">
        <v>7</v>
      </c>
    </row>
    <row r="24910">
      <c r="A24910" s="1">
        <v>4.91086914E8</v>
      </c>
      <c r="B24910" s="2">
        <v>20619.0</v>
      </c>
      <c r="C24910" s="1" t="s">
        <v>5</v>
      </c>
      <c r="D24910" s="1" t="s">
        <v>21064</v>
      </c>
      <c r="E24910" s="1" t="s">
        <v>7</v>
      </c>
    </row>
    <row r="24911">
      <c r="A24911" s="1">
        <v>4.91087086E8</v>
      </c>
      <c r="B24911" s="2">
        <v>20613.0</v>
      </c>
      <c r="C24911" s="1" t="s">
        <v>5</v>
      </c>
      <c r="D24911" s="1" t="s">
        <v>21065</v>
      </c>
      <c r="E24911" s="1" t="s">
        <v>11</v>
      </c>
    </row>
    <row r="24912">
      <c r="A24912" s="1">
        <v>4.91088389E8</v>
      </c>
      <c r="B24912" s="3">
        <v>20595.0</v>
      </c>
      <c r="C24912" s="1" t="s">
        <v>5</v>
      </c>
      <c r="D24912" s="1" t="s">
        <v>11</v>
      </c>
      <c r="E24912" s="1" t="s">
        <v>7</v>
      </c>
    </row>
    <row r="24913">
      <c r="A24913" s="1">
        <v>4.91088829E8</v>
      </c>
      <c r="B24913" s="2">
        <v>20661.0</v>
      </c>
      <c r="C24913" s="1" t="s">
        <v>5</v>
      </c>
      <c r="D24913" s="1" t="s">
        <v>21066</v>
      </c>
      <c r="E24913" s="1" t="s">
        <v>11</v>
      </c>
    </row>
    <row r="24914">
      <c r="A24914" s="1">
        <v>4.9108919E8</v>
      </c>
      <c r="B24914" s="3">
        <v>20594.0</v>
      </c>
      <c r="C24914" s="1" t="s">
        <v>5</v>
      </c>
      <c r="D24914" s="1" t="s">
        <v>21067</v>
      </c>
      <c r="E24914" s="1" t="s">
        <v>7</v>
      </c>
    </row>
    <row r="24915">
      <c r="A24915" s="1">
        <v>4.91089286E8</v>
      </c>
      <c r="B24915" s="3">
        <v>20606.0</v>
      </c>
      <c r="C24915" s="1" t="s">
        <v>5</v>
      </c>
      <c r="D24915" s="1" t="s">
        <v>11</v>
      </c>
      <c r="E24915" s="1" t="s">
        <v>7</v>
      </c>
    </row>
    <row r="24916">
      <c r="A24916" s="1">
        <v>4.91089446E8</v>
      </c>
      <c r="B24916" s="2">
        <v>20653.0</v>
      </c>
      <c r="C24916" s="1" t="s">
        <v>5</v>
      </c>
      <c r="D24916" s="1" t="s">
        <v>21068</v>
      </c>
      <c r="E24916" s="1" t="s">
        <v>7</v>
      </c>
    </row>
    <row r="24917">
      <c r="A24917" s="1">
        <v>4.91090076E8</v>
      </c>
      <c r="B24917" s="2">
        <v>20714.0</v>
      </c>
      <c r="C24917" s="1" t="s">
        <v>5</v>
      </c>
      <c r="D24917" s="1" t="s">
        <v>11</v>
      </c>
      <c r="E24917" s="1" t="s">
        <v>7</v>
      </c>
    </row>
    <row r="24918">
      <c r="A24918" s="1">
        <v>4.91090349E8</v>
      </c>
      <c r="B24918" s="2">
        <v>20648.0</v>
      </c>
      <c r="C24918" s="1" t="s">
        <v>5</v>
      </c>
      <c r="D24918" s="1" t="s">
        <v>21069</v>
      </c>
      <c r="E24918" s="1" t="s">
        <v>11</v>
      </c>
    </row>
    <row r="24919">
      <c r="A24919" s="1">
        <v>4.91090475E8</v>
      </c>
      <c r="B24919" s="2">
        <v>20717.0</v>
      </c>
      <c r="C24919" s="1" t="s">
        <v>5</v>
      </c>
      <c r="D24919" s="1" t="s">
        <v>21070</v>
      </c>
      <c r="E24919" s="1" t="s">
        <v>7</v>
      </c>
    </row>
    <row r="24920">
      <c r="A24920" s="1">
        <v>4.91090919E8</v>
      </c>
      <c r="B24920" s="2">
        <v>20653.0</v>
      </c>
      <c r="C24920" s="1" t="s">
        <v>5</v>
      </c>
      <c r="D24920" s="1" t="s">
        <v>11</v>
      </c>
      <c r="E24920" s="1" t="s">
        <v>7</v>
      </c>
    </row>
    <row r="24921">
      <c r="A24921" s="1">
        <v>4.91092444E8</v>
      </c>
      <c r="B24921" s="2">
        <v>20642.0</v>
      </c>
      <c r="C24921" s="1" t="s">
        <v>5</v>
      </c>
      <c r="D24921" s="1" t="s">
        <v>21071</v>
      </c>
      <c r="E24921" s="1" t="s">
        <v>11</v>
      </c>
    </row>
    <row r="24922">
      <c r="A24922" s="1">
        <v>4.91092569E8</v>
      </c>
      <c r="B24922" s="2">
        <v>20641.0</v>
      </c>
      <c r="C24922" s="1" t="s">
        <v>5</v>
      </c>
      <c r="D24922" s="1" t="s">
        <v>11</v>
      </c>
      <c r="E24922" s="1" t="s">
        <v>7</v>
      </c>
    </row>
    <row r="24923">
      <c r="A24923" s="1">
        <v>4.91092598E8</v>
      </c>
      <c r="B24923" s="2">
        <v>20756.0</v>
      </c>
      <c r="C24923" s="1" t="s">
        <v>5</v>
      </c>
      <c r="D24923" s="1" t="s">
        <v>21072</v>
      </c>
      <c r="E24923" s="1" t="s">
        <v>7</v>
      </c>
    </row>
    <row r="24924">
      <c r="A24924" s="1">
        <v>4.91092766E8</v>
      </c>
      <c r="B24924" s="3">
        <v>20578.0</v>
      </c>
      <c r="C24924" s="1" t="s">
        <v>5</v>
      </c>
      <c r="D24924" s="1" t="s">
        <v>11</v>
      </c>
      <c r="E24924" s="1" t="s">
        <v>7</v>
      </c>
    </row>
    <row r="24925">
      <c r="A24925" s="1">
        <v>4.91093179E8</v>
      </c>
      <c r="B24925" s="2">
        <v>20676.0</v>
      </c>
      <c r="C24925" s="1" t="s">
        <v>5</v>
      </c>
      <c r="D24925" s="1" t="s">
        <v>21073</v>
      </c>
      <c r="E24925" s="1" t="s">
        <v>7</v>
      </c>
    </row>
    <row r="24926">
      <c r="A24926" s="1">
        <v>4.91094884E8</v>
      </c>
      <c r="B24926" s="2">
        <v>20692.0</v>
      </c>
      <c r="C24926" s="1" t="s">
        <v>5</v>
      </c>
      <c r="D24926" s="1" t="s">
        <v>21074</v>
      </c>
      <c r="E24926" s="1" t="s">
        <v>11</v>
      </c>
    </row>
    <row r="24927">
      <c r="A24927" s="1">
        <v>4.91095039E8</v>
      </c>
      <c r="B24927" s="2">
        <v>20683.0</v>
      </c>
      <c r="C24927" s="1" t="s">
        <v>5</v>
      </c>
      <c r="D24927" s="1" t="s">
        <v>21075</v>
      </c>
      <c r="E24927" s="1" t="s">
        <v>11</v>
      </c>
    </row>
    <row r="24928">
      <c r="A24928" s="1">
        <v>4.91095049E8</v>
      </c>
      <c r="B24928" s="2">
        <v>20742.0</v>
      </c>
      <c r="C24928" s="1" t="s">
        <v>5</v>
      </c>
      <c r="D24928" s="1" t="s">
        <v>21076</v>
      </c>
      <c r="E24928" s="1" t="s">
        <v>7</v>
      </c>
    </row>
    <row r="24929">
      <c r="A24929" s="1">
        <v>4.9109547E8</v>
      </c>
      <c r="B24929" s="2">
        <v>20789.0</v>
      </c>
      <c r="C24929" s="1" t="s">
        <v>5</v>
      </c>
      <c r="D24929" s="1" t="s">
        <v>21077</v>
      </c>
      <c r="E24929" s="1" t="s">
        <v>21078</v>
      </c>
    </row>
    <row r="24930">
      <c r="A24930" s="1">
        <v>4.91096316E8</v>
      </c>
      <c r="B24930" s="2">
        <v>20732.0</v>
      </c>
      <c r="C24930" s="1" t="s">
        <v>5</v>
      </c>
      <c r="D24930" s="1" t="s">
        <v>21079</v>
      </c>
      <c r="E24930" s="1" t="s">
        <v>7</v>
      </c>
    </row>
    <row r="24931">
      <c r="A24931" s="1">
        <v>4.91096839E8</v>
      </c>
      <c r="B24931" s="2">
        <v>20710.0</v>
      </c>
      <c r="C24931" s="1" t="s">
        <v>5</v>
      </c>
      <c r="D24931" s="1" t="s">
        <v>21080</v>
      </c>
      <c r="E24931" s="1" t="s">
        <v>21081</v>
      </c>
    </row>
    <row r="24932">
      <c r="A24932" s="1">
        <v>4.91097515E8</v>
      </c>
      <c r="B24932" s="2">
        <v>20744.0</v>
      </c>
      <c r="C24932" s="1" t="s">
        <v>5</v>
      </c>
      <c r="D24932" s="1" t="s">
        <v>21082</v>
      </c>
      <c r="E24932" s="1" t="s">
        <v>7</v>
      </c>
    </row>
    <row r="24933">
      <c r="A24933" s="1">
        <v>4.91098559E8</v>
      </c>
      <c r="B24933" s="2">
        <v>20777.0</v>
      </c>
      <c r="C24933" s="1" t="s">
        <v>5</v>
      </c>
      <c r="D24933" s="1" t="s">
        <v>21083</v>
      </c>
      <c r="E24933" s="1" t="s">
        <v>7</v>
      </c>
    </row>
    <row r="24934">
      <c r="A24934" s="1">
        <v>4.91099034E8</v>
      </c>
      <c r="B24934" s="2">
        <v>20837.0</v>
      </c>
      <c r="C24934" s="1" t="s">
        <v>5</v>
      </c>
      <c r="D24934" s="1" t="s">
        <v>18803</v>
      </c>
      <c r="E24934" s="1" t="s">
        <v>7</v>
      </c>
    </row>
    <row r="24935">
      <c r="A24935" s="1">
        <v>4.91099679E8</v>
      </c>
      <c r="B24935" s="2">
        <v>20843.0</v>
      </c>
      <c r="C24935" s="1" t="s">
        <v>5</v>
      </c>
      <c r="D24935" s="1" t="s">
        <v>21084</v>
      </c>
      <c r="E24935" s="1" t="s">
        <v>7</v>
      </c>
    </row>
    <row r="24936">
      <c r="A24936" s="1">
        <v>4.91099687E8</v>
      </c>
      <c r="B24936" s="2">
        <v>20770.0</v>
      </c>
      <c r="C24936" s="1" t="s">
        <v>5</v>
      </c>
      <c r="D24936" s="1" t="s">
        <v>21085</v>
      </c>
      <c r="E24936" s="1" t="s">
        <v>7</v>
      </c>
    </row>
    <row r="24937">
      <c r="A24937" s="1">
        <v>4.9109999E8</v>
      </c>
      <c r="B24937" s="2">
        <v>20776.0</v>
      </c>
      <c r="C24937" s="1" t="s">
        <v>5</v>
      </c>
      <c r="D24937" s="1" t="s">
        <v>21086</v>
      </c>
      <c r="E24937" s="1" t="s">
        <v>7</v>
      </c>
    </row>
    <row r="24938">
      <c r="A24938" s="1">
        <v>4.91100154E8</v>
      </c>
      <c r="B24938" s="2">
        <v>20678.0</v>
      </c>
      <c r="C24938" s="1" t="s">
        <v>5</v>
      </c>
      <c r="D24938" s="1" t="s">
        <v>21087</v>
      </c>
      <c r="E24938" s="1" t="s">
        <v>11</v>
      </c>
    </row>
    <row r="24939">
      <c r="A24939" s="1">
        <v>4.9110103E8</v>
      </c>
      <c r="B24939" s="2">
        <v>20845.0</v>
      </c>
      <c r="C24939" s="1" t="s">
        <v>5</v>
      </c>
      <c r="D24939" s="1" t="s">
        <v>21088</v>
      </c>
      <c r="E24939" s="1" t="s">
        <v>7</v>
      </c>
    </row>
    <row r="24940">
      <c r="A24940" s="1">
        <v>4.91101275E8</v>
      </c>
      <c r="B24940" s="2">
        <v>20838.0</v>
      </c>
      <c r="C24940" s="1" t="s">
        <v>5</v>
      </c>
      <c r="D24940" s="1" t="s">
        <v>21089</v>
      </c>
      <c r="E24940" s="1" t="s">
        <v>21090</v>
      </c>
    </row>
    <row r="24941">
      <c r="A24941" s="1">
        <v>4.91101594E8</v>
      </c>
      <c r="B24941" s="2">
        <v>20763.0</v>
      </c>
      <c r="C24941" s="1" t="s">
        <v>5</v>
      </c>
      <c r="D24941" s="1" t="s">
        <v>21091</v>
      </c>
      <c r="E24941" s="1" t="s">
        <v>21092</v>
      </c>
    </row>
    <row r="24942">
      <c r="A24942" s="1">
        <v>4.91101854E8</v>
      </c>
      <c r="B24942" s="2">
        <v>20824.0</v>
      </c>
      <c r="C24942" s="1" t="s">
        <v>5</v>
      </c>
      <c r="D24942" s="1" t="s">
        <v>21093</v>
      </c>
      <c r="E24942" s="1" t="s">
        <v>11</v>
      </c>
    </row>
    <row r="24943">
      <c r="A24943" s="1">
        <v>4.91101994E8</v>
      </c>
      <c r="B24943" s="2">
        <v>20822.0</v>
      </c>
      <c r="C24943" s="1" t="s">
        <v>5</v>
      </c>
      <c r="D24943" s="1" t="s">
        <v>11</v>
      </c>
      <c r="E24943" s="1" t="s">
        <v>7</v>
      </c>
    </row>
    <row r="24944">
      <c r="A24944" s="1">
        <v>4.91102419E8</v>
      </c>
      <c r="B24944" s="2">
        <v>20786.0</v>
      </c>
      <c r="C24944" s="1" t="s">
        <v>5</v>
      </c>
      <c r="D24944" s="1" t="s">
        <v>11</v>
      </c>
      <c r="E24944" s="1" t="s">
        <v>7</v>
      </c>
    </row>
    <row r="24945">
      <c r="A24945" s="1">
        <v>4.91102834E8</v>
      </c>
      <c r="B24945" s="2">
        <v>20831.0</v>
      </c>
      <c r="C24945" s="1" t="s">
        <v>5</v>
      </c>
      <c r="D24945" s="1" t="s">
        <v>21094</v>
      </c>
      <c r="E24945" s="1" t="s">
        <v>11</v>
      </c>
    </row>
    <row r="24946">
      <c r="A24946" s="1">
        <v>4.91103054E8</v>
      </c>
      <c r="B24946" s="2">
        <v>20779.0</v>
      </c>
      <c r="C24946" s="1" t="s">
        <v>5</v>
      </c>
      <c r="D24946" s="1" t="s">
        <v>21095</v>
      </c>
      <c r="E24946" s="1" t="s">
        <v>7</v>
      </c>
    </row>
    <row r="24947">
      <c r="A24947" s="1">
        <v>4.91103127E8</v>
      </c>
      <c r="B24947" s="2">
        <v>20823.0</v>
      </c>
      <c r="C24947" s="1" t="s">
        <v>5</v>
      </c>
      <c r="D24947" s="1" t="s">
        <v>21096</v>
      </c>
      <c r="E24947" s="1" t="s">
        <v>11</v>
      </c>
    </row>
    <row r="24948">
      <c r="A24948" s="1">
        <v>4.91103595E8</v>
      </c>
      <c r="B24948" s="2">
        <v>20818.0</v>
      </c>
      <c r="C24948" s="1" t="s">
        <v>5</v>
      </c>
      <c r="D24948" s="1" t="s">
        <v>21097</v>
      </c>
      <c r="E24948" s="1" t="s">
        <v>7</v>
      </c>
    </row>
    <row r="24949">
      <c r="A24949" s="1">
        <v>4.91103887E8</v>
      </c>
      <c r="B24949" s="2">
        <v>20875.0</v>
      </c>
      <c r="C24949" s="1" t="s">
        <v>5</v>
      </c>
      <c r="D24949" s="1" t="s">
        <v>11</v>
      </c>
      <c r="E24949" s="1" t="s">
        <v>7</v>
      </c>
    </row>
    <row r="24950">
      <c r="A24950" s="1">
        <v>4.91105887E8</v>
      </c>
      <c r="B24950" s="2">
        <v>20858.0</v>
      </c>
      <c r="C24950" s="1" t="s">
        <v>5</v>
      </c>
      <c r="D24950" s="1" t="s">
        <v>21098</v>
      </c>
      <c r="E24950" s="1" t="s">
        <v>21099</v>
      </c>
    </row>
    <row r="24951">
      <c r="A24951" s="1">
        <v>4.91106127E8</v>
      </c>
      <c r="B24951" s="2">
        <v>20867.0</v>
      </c>
      <c r="C24951" s="1" t="s">
        <v>5</v>
      </c>
      <c r="D24951" s="1" t="s">
        <v>21100</v>
      </c>
      <c r="E24951" s="1" t="s">
        <v>7</v>
      </c>
    </row>
    <row r="24952">
      <c r="A24952" s="1">
        <v>4.91106279E8</v>
      </c>
      <c r="B24952" s="2">
        <v>20800.0</v>
      </c>
      <c r="C24952" s="1" t="s">
        <v>5</v>
      </c>
      <c r="D24952" s="1" t="s">
        <v>11</v>
      </c>
      <c r="E24952" s="1" t="s">
        <v>7</v>
      </c>
    </row>
    <row r="24953">
      <c r="A24953" s="1">
        <v>4.91106836E8</v>
      </c>
      <c r="B24953" s="2">
        <v>20910.0</v>
      </c>
      <c r="C24953" s="1" t="s">
        <v>5</v>
      </c>
      <c r="D24953" s="1" t="s">
        <v>21101</v>
      </c>
      <c r="E24953" s="1" t="s">
        <v>11</v>
      </c>
    </row>
    <row r="24954">
      <c r="A24954" s="1">
        <v>4.91106887E8</v>
      </c>
      <c r="B24954" s="2">
        <v>20856.0</v>
      </c>
      <c r="C24954" s="1" t="s">
        <v>5</v>
      </c>
      <c r="D24954" s="1" t="s">
        <v>21102</v>
      </c>
      <c r="E24954" s="1" t="s">
        <v>7</v>
      </c>
    </row>
    <row r="24955">
      <c r="A24955" s="1">
        <v>4.91108696E8</v>
      </c>
      <c r="B24955" s="2">
        <v>20899.0</v>
      </c>
      <c r="C24955" s="1" t="s">
        <v>5</v>
      </c>
      <c r="D24955" s="1" t="s">
        <v>21103</v>
      </c>
      <c r="E24955" s="1" t="s">
        <v>7</v>
      </c>
    </row>
    <row r="24956">
      <c r="A24956" s="1">
        <v>4.91110456E8</v>
      </c>
      <c r="B24956" s="3">
        <v>20969.0</v>
      </c>
      <c r="C24956" s="1" t="s">
        <v>5</v>
      </c>
      <c r="D24956" s="1" t="s">
        <v>21104</v>
      </c>
      <c r="E24956" s="1" t="s">
        <v>7</v>
      </c>
    </row>
    <row r="24957">
      <c r="A24957" s="1">
        <v>4.91111479E8</v>
      </c>
      <c r="B24957" s="3">
        <v>20962.0</v>
      </c>
      <c r="C24957" s="1" t="s">
        <v>5</v>
      </c>
      <c r="D24957" s="1" t="s">
        <v>21105</v>
      </c>
      <c r="E24957" s="1" t="s">
        <v>7</v>
      </c>
    </row>
    <row r="24958">
      <c r="A24958" s="1">
        <v>4.91114336E8</v>
      </c>
      <c r="B24958" s="3">
        <v>20965.0</v>
      </c>
      <c r="C24958" s="1" t="s">
        <v>5</v>
      </c>
      <c r="D24958" s="1" t="s">
        <v>14519</v>
      </c>
      <c r="E24958" s="1" t="s">
        <v>7</v>
      </c>
    </row>
    <row r="24959">
      <c r="A24959" s="1">
        <v>4.91114359E8</v>
      </c>
      <c r="B24959" s="2">
        <v>20926.0</v>
      </c>
      <c r="C24959" s="1" t="s">
        <v>5</v>
      </c>
      <c r="D24959" s="1" t="s">
        <v>21106</v>
      </c>
      <c r="E24959" s="1" t="s">
        <v>7</v>
      </c>
    </row>
    <row r="24960">
      <c r="A24960" s="1">
        <v>4.91114486E8</v>
      </c>
      <c r="B24960" s="2">
        <v>20919.0</v>
      </c>
      <c r="C24960" s="1" t="s">
        <v>5</v>
      </c>
      <c r="D24960" s="1" t="s">
        <v>21107</v>
      </c>
      <c r="E24960" s="1" t="s">
        <v>11</v>
      </c>
    </row>
    <row r="24961">
      <c r="A24961" s="1">
        <v>4.91114595E8</v>
      </c>
      <c r="B24961" s="3">
        <v>20962.0</v>
      </c>
      <c r="C24961" s="1" t="s">
        <v>5</v>
      </c>
      <c r="D24961" s="1" t="s">
        <v>21108</v>
      </c>
      <c r="E24961" s="1" t="s">
        <v>11</v>
      </c>
    </row>
    <row r="24962">
      <c r="A24962" s="1">
        <v>4.91116656E8</v>
      </c>
      <c r="B24962" s="2">
        <v>20977.0</v>
      </c>
      <c r="C24962" s="1" t="s">
        <v>5</v>
      </c>
      <c r="D24962" s="1" t="s">
        <v>21109</v>
      </c>
      <c r="E24962" s="1" t="s">
        <v>7</v>
      </c>
    </row>
    <row r="24963">
      <c r="A24963" s="1">
        <v>4.91118695E8</v>
      </c>
      <c r="B24963" s="2">
        <v>20992.0</v>
      </c>
      <c r="C24963" s="1" t="s">
        <v>5</v>
      </c>
      <c r="D24963" s="1" t="s">
        <v>21110</v>
      </c>
      <c r="E24963" s="1" t="s">
        <v>11</v>
      </c>
    </row>
    <row r="24964">
      <c r="A24964" s="1">
        <v>4.91119895E8</v>
      </c>
      <c r="B24964" s="2">
        <v>21047.0</v>
      </c>
      <c r="C24964" s="1" t="s">
        <v>5</v>
      </c>
      <c r="D24964" s="1" t="s">
        <v>21111</v>
      </c>
      <c r="E24964" s="1" t="s">
        <v>7</v>
      </c>
    </row>
    <row r="24965">
      <c r="A24965" s="1">
        <v>4.91121095E8</v>
      </c>
      <c r="B24965" s="2">
        <v>20975.0</v>
      </c>
      <c r="C24965" s="1" t="s">
        <v>5</v>
      </c>
      <c r="D24965" s="1" t="s">
        <v>21112</v>
      </c>
      <c r="E24965" s="1" t="s">
        <v>21113</v>
      </c>
    </row>
    <row r="24966">
      <c r="A24966" s="1">
        <v>4.91121446E8</v>
      </c>
      <c r="B24966" s="2">
        <v>21042.0</v>
      </c>
      <c r="C24966" s="1" t="s">
        <v>5</v>
      </c>
      <c r="D24966" s="1" t="s">
        <v>21114</v>
      </c>
      <c r="E24966" s="1" t="s">
        <v>11</v>
      </c>
    </row>
    <row r="24967">
      <c r="A24967" s="1">
        <v>4.91122295E8</v>
      </c>
      <c r="B24967" s="2">
        <v>21034.0</v>
      </c>
      <c r="C24967" s="1" t="s">
        <v>5</v>
      </c>
      <c r="D24967" s="1" t="s">
        <v>21115</v>
      </c>
      <c r="E24967" s="1" t="s">
        <v>7</v>
      </c>
    </row>
    <row r="24968">
      <c r="A24968" s="1">
        <v>4.91122679E8</v>
      </c>
      <c r="B24968" s="2">
        <v>21036.0</v>
      </c>
      <c r="C24968" s="1" t="s">
        <v>5</v>
      </c>
      <c r="D24968" s="1" t="s">
        <v>21116</v>
      </c>
      <c r="E24968" s="1" t="s">
        <v>7</v>
      </c>
    </row>
    <row r="24969">
      <c r="A24969" s="1">
        <v>4.91123575E8</v>
      </c>
      <c r="B24969" s="2">
        <v>21076.0</v>
      </c>
      <c r="C24969" s="1" t="s">
        <v>5</v>
      </c>
      <c r="D24969" s="1" t="s">
        <v>21117</v>
      </c>
      <c r="E24969" s="1" t="s">
        <v>7</v>
      </c>
    </row>
    <row r="24970">
      <c r="A24970" s="1">
        <v>4.91125175E8</v>
      </c>
      <c r="B24970" s="2">
        <v>21150.0</v>
      </c>
      <c r="C24970" s="1" t="s">
        <v>5</v>
      </c>
      <c r="D24970" s="1" t="s">
        <v>21118</v>
      </c>
      <c r="E24970" s="1" t="s">
        <v>7</v>
      </c>
    </row>
    <row r="24971">
      <c r="A24971" s="1">
        <v>4.91127194E8</v>
      </c>
      <c r="B24971" s="2">
        <v>21067.0</v>
      </c>
      <c r="C24971" s="1" t="s">
        <v>5</v>
      </c>
      <c r="D24971" s="1" t="s">
        <v>21119</v>
      </c>
      <c r="E24971" s="1" t="s">
        <v>21120</v>
      </c>
    </row>
    <row r="24972">
      <c r="A24972" s="1">
        <v>4.91128415E8</v>
      </c>
      <c r="B24972" s="2">
        <v>21111.0</v>
      </c>
      <c r="C24972" s="1" t="s">
        <v>5</v>
      </c>
      <c r="D24972" s="1" t="s">
        <v>21121</v>
      </c>
      <c r="E24972" s="1" t="s">
        <v>7</v>
      </c>
    </row>
    <row r="24973">
      <c r="A24973" s="1">
        <v>4.91133339E8</v>
      </c>
      <c r="B24973" s="2">
        <v>21232.0</v>
      </c>
      <c r="C24973" s="1" t="s">
        <v>5</v>
      </c>
      <c r="D24973" s="1" t="s">
        <v>21122</v>
      </c>
      <c r="E24973" s="1" t="s">
        <v>7</v>
      </c>
    </row>
    <row r="24974">
      <c r="A24974" s="1">
        <v>4.91134204E8</v>
      </c>
      <c r="B24974" s="2">
        <v>21197.0</v>
      </c>
      <c r="C24974" s="1" t="s">
        <v>5</v>
      </c>
      <c r="D24974" s="1" t="s">
        <v>21123</v>
      </c>
      <c r="E24974" s="1" t="s">
        <v>11</v>
      </c>
    </row>
    <row r="24975">
      <c r="A24975" s="1">
        <v>4.91136814E8</v>
      </c>
      <c r="B24975" s="2">
        <v>21229.0</v>
      </c>
      <c r="C24975" s="1" t="s">
        <v>5</v>
      </c>
      <c r="D24975" s="1" t="s">
        <v>21124</v>
      </c>
      <c r="E24975" s="1" t="s">
        <v>7</v>
      </c>
    </row>
    <row r="24976">
      <c r="A24976" s="1">
        <v>4.91138174E8</v>
      </c>
      <c r="B24976" s="2">
        <v>21262.0</v>
      </c>
      <c r="C24976" s="1" t="s">
        <v>5</v>
      </c>
      <c r="D24976" s="1" t="s">
        <v>21125</v>
      </c>
      <c r="E24976" s="1" t="s">
        <v>7</v>
      </c>
    </row>
    <row r="24977">
      <c r="A24977" s="1">
        <v>4.91138175E8</v>
      </c>
      <c r="B24977" s="2">
        <v>21242.0</v>
      </c>
      <c r="C24977" s="1" t="s">
        <v>5</v>
      </c>
      <c r="D24977" s="1" t="s">
        <v>21126</v>
      </c>
      <c r="E24977" s="1" t="s">
        <v>21127</v>
      </c>
    </row>
    <row r="24978">
      <c r="A24978" s="1">
        <v>4.91139615E8</v>
      </c>
      <c r="B24978" s="2">
        <v>21245.0</v>
      </c>
      <c r="C24978" s="1" t="s">
        <v>5</v>
      </c>
      <c r="D24978" s="1" t="s">
        <v>11</v>
      </c>
      <c r="E24978" s="1" t="s">
        <v>7</v>
      </c>
    </row>
    <row r="24979">
      <c r="A24979" s="1">
        <v>4.91140089E8</v>
      </c>
      <c r="B24979" s="3">
        <v>21308.0</v>
      </c>
      <c r="C24979" s="1" t="s">
        <v>5</v>
      </c>
      <c r="D24979" s="1" t="s">
        <v>21128</v>
      </c>
      <c r="E24979" s="1" t="s">
        <v>7</v>
      </c>
    </row>
    <row r="24980">
      <c r="A24980" s="1">
        <v>4.91141519E8</v>
      </c>
      <c r="B24980" s="2">
        <v>21358.0</v>
      </c>
      <c r="C24980" s="1" t="s">
        <v>5</v>
      </c>
      <c r="D24980" s="1" t="s">
        <v>11</v>
      </c>
      <c r="E24980" s="1" t="s">
        <v>7</v>
      </c>
    </row>
    <row r="24981">
      <c r="A24981" s="1">
        <v>4.91142649E8</v>
      </c>
      <c r="B24981" s="3">
        <v>21313.0</v>
      </c>
      <c r="C24981" s="1" t="s">
        <v>5</v>
      </c>
      <c r="D24981" s="1" t="s">
        <v>21129</v>
      </c>
      <c r="E24981" s="1" t="s">
        <v>7</v>
      </c>
    </row>
    <row r="24982">
      <c r="A24982" s="1">
        <v>4.91151039E8</v>
      </c>
      <c r="B24982" s="2">
        <v>21440.0</v>
      </c>
      <c r="C24982" s="1" t="s">
        <v>5</v>
      </c>
      <c r="D24982" s="1" t="s">
        <v>21130</v>
      </c>
      <c r="E24982" s="1" t="s">
        <v>7</v>
      </c>
    </row>
    <row r="24983">
      <c r="A24983" s="1">
        <v>4.91151194E8</v>
      </c>
      <c r="B24983" s="2">
        <v>21442.0</v>
      </c>
      <c r="C24983" s="1" t="s">
        <v>5</v>
      </c>
      <c r="D24983" s="1" t="s">
        <v>21131</v>
      </c>
      <c r="E24983" s="1" t="s">
        <v>11</v>
      </c>
    </row>
    <row r="24984">
      <c r="A24984" s="1">
        <v>4.91151479E8</v>
      </c>
      <c r="B24984" s="2">
        <v>21368.0</v>
      </c>
      <c r="C24984" s="1" t="s">
        <v>5</v>
      </c>
      <c r="D24984" s="1" t="s">
        <v>21132</v>
      </c>
      <c r="E24984" s="1" t="s">
        <v>7</v>
      </c>
    </row>
    <row r="24985">
      <c r="A24985" s="1">
        <v>4.91152734E8</v>
      </c>
      <c r="B24985" s="2">
        <v>21398.0</v>
      </c>
      <c r="C24985" s="1" t="s">
        <v>5</v>
      </c>
      <c r="D24985" s="1" t="s">
        <v>21133</v>
      </c>
      <c r="E24985" s="1" t="s">
        <v>7</v>
      </c>
    </row>
    <row r="24986">
      <c r="A24986" s="1">
        <v>4.91155599E8</v>
      </c>
      <c r="B24986" s="2">
        <v>21404.0</v>
      </c>
      <c r="C24986" s="1" t="s">
        <v>5</v>
      </c>
      <c r="D24986" s="1" t="s">
        <v>21134</v>
      </c>
      <c r="E24986" s="1" t="s">
        <v>11</v>
      </c>
    </row>
    <row r="24987">
      <c r="A24987" s="1">
        <v>4.91156879E8</v>
      </c>
      <c r="B24987" s="2">
        <v>21518.0</v>
      </c>
      <c r="C24987" s="1" t="s">
        <v>5</v>
      </c>
      <c r="D24987" s="1" t="s">
        <v>11</v>
      </c>
      <c r="E24987" s="1" t="s">
        <v>7</v>
      </c>
    </row>
    <row r="24988">
      <c r="A24988" s="1">
        <v>4.91157076E8</v>
      </c>
      <c r="B24988" s="2">
        <v>21477.0</v>
      </c>
      <c r="C24988" s="1" t="s">
        <v>5</v>
      </c>
      <c r="D24988" s="1" t="s">
        <v>21135</v>
      </c>
      <c r="E24988" s="1" t="s">
        <v>7</v>
      </c>
    </row>
    <row r="24989">
      <c r="A24989" s="1">
        <v>4.91157314E8</v>
      </c>
      <c r="B24989" s="2">
        <v>21510.0</v>
      </c>
      <c r="C24989" s="1" t="s">
        <v>5</v>
      </c>
      <c r="D24989" s="1" t="s">
        <v>11</v>
      </c>
      <c r="E24989" s="1" t="s">
        <v>7</v>
      </c>
    </row>
    <row r="24990">
      <c r="A24990" s="1">
        <v>4.91160965E8</v>
      </c>
      <c r="B24990" s="2">
        <v>21570.0</v>
      </c>
      <c r="C24990" s="1" t="s">
        <v>5</v>
      </c>
      <c r="D24990" s="1" t="s">
        <v>21136</v>
      </c>
      <c r="E24990" s="1" t="s">
        <v>11</v>
      </c>
    </row>
    <row r="24991">
      <c r="A24991" s="1">
        <v>4.91162804E8</v>
      </c>
      <c r="B24991" s="2">
        <v>21573.0</v>
      </c>
      <c r="C24991" s="1" t="s">
        <v>5</v>
      </c>
      <c r="D24991" s="1" t="s">
        <v>21137</v>
      </c>
      <c r="E24991" s="1" t="s">
        <v>11</v>
      </c>
    </row>
    <row r="24992">
      <c r="A24992" s="1">
        <v>4.91163485E8</v>
      </c>
      <c r="B24992" s="2">
        <v>21557.0</v>
      </c>
      <c r="C24992" s="1" t="s">
        <v>5</v>
      </c>
      <c r="D24992" s="1" t="s">
        <v>21138</v>
      </c>
      <c r="E24992" s="1" t="s">
        <v>11</v>
      </c>
    </row>
    <row r="24993">
      <c r="A24993" s="1">
        <v>4.91165804E8</v>
      </c>
      <c r="B24993" s="2">
        <v>21560.0</v>
      </c>
      <c r="C24993" s="1" t="s">
        <v>5</v>
      </c>
      <c r="D24993" s="1" t="s">
        <v>21139</v>
      </c>
      <c r="E24993" s="1" t="s">
        <v>11</v>
      </c>
    </row>
    <row r="24994">
      <c r="A24994" s="1">
        <v>4.91169034E8</v>
      </c>
      <c r="B24994" s="2">
        <v>21659.0</v>
      </c>
      <c r="C24994" s="1" t="s">
        <v>5</v>
      </c>
      <c r="D24994" s="1" t="s">
        <v>21140</v>
      </c>
      <c r="E24994" s="1" t="s">
        <v>7</v>
      </c>
    </row>
    <row r="24995">
      <c r="A24995" s="1">
        <v>4.91169284E8</v>
      </c>
      <c r="B24995" s="2">
        <v>21655.0</v>
      </c>
      <c r="C24995" s="1" t="s">
        <v>5</v>
      </c>
      <c r="D24995" s="1" t="s">
        <v>11</v>
      </c>
      <c r="E24995" s="1" t="s">
        <v>7</v>
      </c>
    </row>
    <row r="24996">
      <c r="A24996" s="1">
        <v>4.91169689E8</v>
      </c>
      <c r="B24996" s="2">
        <v>21614.0</v>
      </c>
      <c r="C24996" s="1" t="s">
        <v>5</v>
      </c>
      <c r="D24996" s="1" t="s">
        <v>21141</v>
      </c>
      <c r="E24996" s="1" t="s">
        <v>11</v>
      </c>
    </row>
    <row r="24997">
      <c r="A24997" s="1">
        <v>4.91172764E8</v>
      </c>
      <c r="B24997" s="2">
        <v>21642.0</v>
      </c>
      <c r="C24997" s="1" t="s">
        <v>5</v>
      </c>
      <c r="D24997" s="1" t="s">
        <v>21142</v>
      </c>
      <c r="E24997" s="1" t="s">
        <v>7</v>
      </c>
    </row>
    <row r="24998">
      <c r="A24998" s="1">
        <v>4.91176844E8</v>
      </c>
      <c r="B24998" s="2">
        <v>21743.0</v>
      </c>
      <c r="C24998" s="1" t="s">
        <v>5</v>
      </c>
      <c r="D24998" s="1" t="s">
        <v>21143</v>
      </c>
      <c r="E24998" s="1" t="s">
        <v>7</v>
      </c>
    </row>
    <row r="24999">
      <c r="A24999" s="1">
        <v>4.91190839E8</v>
      </c>
      <c r="B24999" s="2">
        <v>21927.0</v>
      </c>
      <c r="C24999" s="1" t="s">
        <v>5</v>
      </c>
      <c r="D24999" s="1" t="s">
        <v>21144</v>
      </c>
      <c r="E24999" s="1" t="s">
        <v>11</v>
      </c>
    </row>
    <row r="25000">
      <c r="A25000" s="1">
        <v>4.91193319E8</v>
      </c>
      <c r="B25000" s="2">
        <v>21964.0</v>
      </c>
      <c r="C25000" s="1" t="s">
        <v>5</v>
      </c>
      <c r="D25000" s="1" t="s">
        <v>21145</v>
      </c>
      <c r="E25000" s="1" t="s">
        <v>11</v>
      </c>
    </row>
    <row r="25001">
      <c r="A25001" s="1">
        <v>4.91199289E8</v>
      </c>
      <c r="B25001" s="2">
        <v>22022.0</v>
      </c>
      <c r="C25001" s="1" t="s">
        <v>5</v>
      </c>
      <c r="D25001" s="1" t="s">
        <v>21146</v>
      </c>
      <c r="E25001" s="1" t="s">
        <v>11</v>
      </c>
    </row>
    <row r="25002">
      <c r="A25002" s="1">
        <v>4.91199834E8</v>
      </c>
      <c r="B25002" s="2">
        <v>22020.0</v>
      </c>
      <c r="C25002" s="1" t="s">
        <v>5</v>
      </c>
      <c r="D25002" s="1" t="s">
        <v>21147</v>
      </c>
      <c r="E25002" s="1" t="s">
        <v>7</v>
      </c>
    </row>
  </sheetData>
  <hyperlinks>
    <hyperlink r:id="rId1" ref="E820"/>
    <hyperlink r:id="rId2" ref="D3491"/>
    <hyperlink r:id="rId3" ref="E4972"/>
    <hyperlink r:id="rId4" ref="E5124"/>
    <hyperlink r:id="rId5" ref="D5610"/>
    <hyperlink r:id="rId6" ref="D6533"/>
    <hyperlink r:id="rId7" ref="E7489"/>
    <hyperlink r:id="rId8" ref="E7787"/>
    <hyperlink r:id="rId9" ref="E7814"/>
    <hyperlink r:id="rId10" ref="E7873"/>
    <hyperlink r:id="rId11" ref="E7881"/>
    <hyperlink r:id="rId12" ref="E8016"/>
    <hyperlink r:id="rId13" ref="E8026"/>
    <hyperlink r:id="rId14" ref="E8057"/>
    <hyperlink r:id="rId15" ref="E8683"/>
    <hyperlink r:id="rId16" ref="E9011"/>
    <hyperlink r:id="rId17" ref="E9607"/>
    <hyperlink r:id="rId18" ref="E10323"/>
    <hyperlink r:id="rId19" ref="E10526"/>
    <hyperlink r:id="rId20" ref="E10738"/>
    <hyperlink r:id="rId21" ref="E10790"/>
    <hyperlink r:id="rId22" ref="E11109"/>
    <hyperlink r:id="rId23" ref="D12273"/>
    <hyperlink r:id="rId24" ref="D12634"/>
    <hyperlink r:id="rId25" ref="E13512"/>
    <hyperlink r:id="rId26" ref="E15541"/>
    <hyperlink r:id="rId27" ref="E16272"/>
    <hyperlink r:id="rId28" ref="E16505"/>
    <hyperlink r:id="rId29" ref="D17882"/>
    <hyperlink r:id="rId30" ref="E22486"/>
    <hyperlink r:id="rId31" ref="E22969"/>
    <hyperlink r:id="rId32" ref="D24424"/>
  </hyperlinks>
  <drawing r:id="rId33"/>
</worksheet>
</file>